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47\Desktop\"/>
    </mc:Choice>
  </mc:AlternateContent>
  <xr:revisionPtr revIDLastSave="0" documentId="8_{70591026-6636-47B9-8DC2-22721E93BCA5}" xr6:coauthVersionLast="47" xr6:coauthVersionMax="47" xr10:uidLastSave="{00000000-0000-0000-0000-000000000000}"/>
  <bookViews>
    <workbookView xWindow="28680" yWindow="-120" windowWidth="29040" windowHeight="15840" xr2:uid="{8B36CCAD-0DED-8645-A0EB-5132EAA474EA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X4246" i="1" l="1"/>
  <c r="X4247" i="1"/>
  <c r="X4248" i="1"/>
  <c r="X4249" i="1"/>
  <c r="X4250" i="1"/>
  <c r="X4251" i="1"/>
  <c r="X4252" i="1"/>
  <c r="X4253" i="1"/>
  <c r="X4254" i="1"/>
  <c r="X4255" i="1"/>
  <c r="X4256" i="1"/>
  <c r="X4257" i="1"/>
  <c r="X4258" i="1"/>
  <c r="X4259" i="1"/>
  <c r="X4260" i="1"/>
  <c r="X4261" i="1"/>
  <c r="X4262" i="1"/>
  <c r="X4263" i="1"/>
  <c r="X4264" i="1"/>
  <c r="X4265" i="1"/>
  <c r="X4266" i="1"/>
  <c r="X4267" i="1"/>
  <c r="X4268" i="1"/>
  <c r="X4269" i="1"/>
  <c r="X4270" i="1"/>
  <c r="X4271" i="1"/>
  <c r="X4272" i="1"/>
  <c r="X4273" i="1"/>
  <c r="X4274" i="1"/>
  <c r="X4275" i="1"/>
  <c r="X4276" i="1"/>
  <c r="X4277" i="1"/>
  <c r="X4278" i="1"/>
  <c r="X4279" i="1"/>
  <c r="X4280" i="1"/>
  <c r="X4281" i="1"/>
  <c r="X4282" i="1"/>
  <c r="X4283" i="1"/>
  <c r="X4284" i="1"/>
  <c r="X4285" i="1"/>
  <c r="X4286" i="1"/>
  <c r="X4287" i="1"/>
  <c r="X4288" i="1"/>
  <c r="X4289" i="1"/>
  <c r="X4290" i="1"/>
  <c r="X4291" i="1"/>
  <c r="X4292" i="1"/>
  <c r="X4293" i="1"/>
  <c r="X4294" i="1"/>
  <c r="X4295" i="1"/>
  <c r="X4296" i="1"/>
  <c r="X4297" i="1"/>
  <c r="X4298" i="1"/>
  <c r="X4299" i="1"/>
  <c r="X4300" i="1"/>
  <c r="X4301" i="1"/>
  <c r="X4302" i="1"/>
  <c r="X4303" i="1"/>
  <c r="X4304" i="1"/>
  <c r="X4305" i="1"/>
  <c r="X4306" i="1"/>
  <c r="X4307" i="1"/>
  <c r="X4308" i="1"/>
  <c r="X4309" i="1"/>
  <c r="X4310" i="1"/>
  <c r="X4311" i="1"/>
  <c r="X4312" i="1"/>
  <c r="X4313" i="1"/>
  <c r="X4314" i="1"/>
  <c r="X4315" i="1"/>
  <c r="X4316" i="1"/>
  <c r="X4317" i="1"/>
  <c r="X4318" i="1"/>
  <c r="X4319" i="1"/>
  <c r="X4320" i="1"/>
  <c r="X4321" i="1"/>
  <c r="X4322" i="1"/>
  <c r="X4323" i="1"/>
  <c r="X4324" i="1"/>
  <c r="X4325" i="1"/>
  <c r="X4326" i="1"/>
  <c r="X4327" i="1"/>
  <c r="X4328" i="1"/>
  <c r="X4329" i="1"/>
  <c r="X4330" i="1"/>
  <c r="X4331" i="1"/>
  <c r="X4332" i="1"/>
  <c r="X4333" i="1"/>
  <c r="X4334" i="1"/>
  <c r="X4335" i="1"/>
  <c r="X4336" i="1"/>
  <c r="X4337" i="1"/>
  <c r="X4338" i="1"/>
  <c r="X4339" i="1"/>
  <c r="X4340" i="1"/>
  <c r="X4341" i="1"/>
  <c r="X4342" i="1"/>
  <c r="X4343" i="1"/>
  <c r="X4344" i="1"/>
  <c r="X4345" i="1"/>
  <c r="X4346" i="1"/>
  <c r="X4347" i="1"/>
  <c r="X4348" i="1"/>
  <c r="X4349" i="1"/>
  <c r="X4350" i="1"/>
  <c r="X4351" i="1"/>
  <c r="X4352" i="1"/>
  <c r="X4353" i="1"/>
  <c r="X4354" i="1"/>
  <c r="X4355" i="1"/>
  <c r="X4356" i="1"/>
  <c r="X4357" i="1"/>
  <c r="X4358" i="1"/>
  <c r="X4359" i="1"/>
  <c r="X4360" i="1"/>
  <c r="X4361" i="1"/>
  <c r="X4362" i="1"/>
  <c r="X4363" i="1"/>
  <c r="X4364" i="1"/>
  <c r="X4365" i="1"/>
  <c r="X4366" i="1"/>
  <c r="X4367" i="1"/>
  <c r="X4368" i="1"/>
  <c r="X4369" i="1"/>
  <c r="X4370" i="1"/>
  <c r="X4371" i="1"/>
  <c r="X4372" i="1"/>
  <c r="X4373" i="1"/>
  <c r="X4374" i="1"/>
  <c r="X4375" i="1"/>
  <c r="X4376" i="1"/>
  <c r="X4377" i="1"/>
  <c r="X4378" i="1"/>
  <c r="X4379" i="1"/>
  <c r="X4380" i="1"/>
  <c r="X4381" i="1"/>
  <c r="X4382" i="1"/>
  <c r="X4383" i="1"/>
  <c r="X4384" i="1"/>
  <c r="X4385" i="1"/>
  <c r="X4386" i="1"/>
  <c r="X4387" i="1"/>
  <c r="X4388" i="1"/>
  <c r="X4389" i="1"/>
  <c r="X4390" i="1"/>
  <c r="X4391" i="1"/>
  <c r="X4392" i="1"/>
  <c r="X4393" i="1"/>
  <c r="X4394" i="1"/>
  <c r="X4395" i="1"/>
  <c r="X4396" i="1"/>
  <c r="X4397" i="1"/>
  <c r="X4398" i="1"/>
  <c r="X4399" i="1"/>
  <c r="X4400" i="1"/>
  <c r="X4401" i="1"/>
  <c r="X4402" i="1"/>
  <c r="X4403" i="1"/>
  <c r="X4404" i="1"/>
  <c r="X4405" i="1"/>
  <c r="X4406" i="1"/>
  <c r="X4407" i="1"/>
  <c r="X4408" i="1"/>
  <c r="X4409" i="1"/>
  <c r="X4410" i="1"/>
  <c r="X4411" i="1"/>
  <c r="X4412" i="1"/>
  <c r="X4413" i="1"/>
  <c r="X4414" i="1"/>
  <c r="X4415" i="1"/>
  <c r="X4416" i="1"/>
  <c r="X4417" i="1"/>
  <c r="X4418" i="1"/>
  <c r="X4419" i="1"/>
  <c r="X4420" i="1"/>
  <c r="X4421" i="1"/>
  <c r="X4422" i="1"/>
  <c r="X4423" i="1"/>
  <c r="X4424" i="1"/>
  <c r="X4425" i="1"/>
  <c r="X4426" i="1"/>
  <c r="X4427" i="1"/>
  <c r="X4428" i="1"/>
  <c r="X4429" i="1"/>
  <c r="X4430" i="1"/>
  <c r="X4431" i="1"/>
  <c r="X4432" i="1"/>
  <c r="X4433" i="1"/>
  <c r="X4434" i="1"/>
  <c r="X4435" i="1"/>
  <c r="X4436" i="1"/>
  <c r="X4437" i="1"/>
  <c r="X4438" i="1"/>
  <c r="X4439" i="1"/>
  <c r="X4440" i="1"/>
  <c r="X4441" i="1"/>
  <c r="X4442" i="1"/>
  <c r="X4443" i="1"/>
  <c r="X4444" i="1"/>
  <c r="X4445" i="1"/>
  <c r="X4446" i="1"/>
  <c r="X4447" i="1"/>
  <c r="X4448" i="1"/>
  <c r="X4449" i="1"/>
  <c r="X4450" i="1"/>
  <c r="X4451" i="1"/>
  <c r="X4452" i="1"/>
  <c r="X4453" i="1"/>
  <c r="X4454" i="1"/>
  <c r="X4455" i="1"/>
  <c r="X4456" i="1"/>
  <c r="X4457" i="1"/>
  <c r="X4458" i="1"/>
  <c r="X4459" i="1"/>
  <c r="X4460" i="1"/>
  <c r="X4461" i="1"/>
  <c r="X4462" i="1"/>
  <c r="X4463" i="1"/>
  <c r="X4464" i="1"/>
  <c r="X4465" i="1"/>
  <c r="X4466" i="1"/>
  <c r="X4467" i="1"/>
  <c r="X4468" i="1"/>
  <c r="X4469" i="1"/>
  <c r="X4470" i="1"/>
  <c r="X4471" i="1"/>
  <c r="X4472" i="1"/>
  <c r="X4473" i="1"/>
  <c r="X4474" i="1"/>
  <c r="X4475" i="1"/>
  <c r="X4476" i="1"/>
  <c r="X4477" i="1"/>
  <c r="X4478" i="1"/>
  <c r="X4479" i="1"/>
  <c r="X4480" i="1"/>
  <c r="X4481" i="1"/>
  <c r="X4482" i="1"/>
  <c r="X4483" i="1"/>
  <c r="X4484" i="1"/>
  <c r="X4485" i="1"/>
  <c r="X4486" i="1"/>
  <c r="X4487" i="1"/>
  <c r="X4488" i="1"/>
  <c r="X4489" i="1"/>
  <c r="X4490" i="1"/>
  <c r="X4491" i="1"/>
  <c r="X4492" i="1"/>
  <c r="X4493" i="1"/>
  <c r="X4494" i="1"/>
  <c r="X4495" i="1"/>
  <c r="X4496" i="1"/>
  <c r="X4497" i="1"/>
  <c r="X4498" i="1"/>
  <c r="X4499" i="1"/>
  <c r="X4500" i="1"/>
  <c r="X4501" i="1"/>
  <c r="X4502" i="1"/>
  <c r="X4503" i="1"/>
  <c r="X4504" i="1"/>
  <c r="X4505" i="1"/>
  <c r="X4506" i="1"/>
  <c r="X4507" i="1"/>
  <c r="X4508" i="1"/>
  <c r="X4509" i="1"/>
  <c r="X4510" i="1"/>
  <c r="X4511" i="1"/>
  <c r="X4512" i="1"/>
  <c r="X4513" i="1"/>
  <c r="X4514" i="1"/>
  <c r="X4515" i="1"/>
  <c r="X4516" i="1"/>
  <c r="X4517" i="1"/>
  <c r="X4518" i="1"/>
  <c r="X4519" i="1"/>
  <c r="X4520" i="1"/>
  <c r="X4521" i="1"/>
  <c r="X4522" i="1"/>
  <c r="X4523" i="1"/>
  <c r="X4524" i="1"/>
  <c r="X4525" i="1"/>
  <c r="X4526" i="1"/>
  <c r="X4527" i="1"/>
  <c r="X4528" i="1"/>
  <c r="X4529" i="1"/>
  <c r="X4530" i="1"/>
  <c r="X4531" i="1"/>
  <c r="X4532" i="1"/>
  <c r="X4533" i="1"/>
  <c r="X4534" i="1"/>
  <c r="X4535" i="1"/>
  <c r="X4536" i="1"/>
  <c r="X4537" i="1"/>
  <c r="X4538" i="1"/>
  <c r="X4539" i="1"/>
  <c r="X4540" i="1"/>
  <c r="X4541" i="1"/>
  <c r="X4542" i="1"/>
  <c r="X4543" i="1"/>
  <c r="X4544" i="1"/>
  <c r="X4545" i="1"/>
  <c r="X4546" i="1"/>
  <c r="X4547" i="1"/>
  <c r="X4548" i="1"/>
  <c r="X4549" i="1"/>
  <c r="X4550" i="1"/>
  <c r="X4551" i="1"/>
  <c r="X4552" i="1"/>
  <c r="X4553" i="1"/>
  <c r="X4554" i="1"/>
  <c r="X4555" i="1"/>
  <c r="X4556" i="1"/>
  <c r="X4557" i="1"/>
  <c r="X4558" i="1"/>
  <c r="X4559" i="1"/>
  <c r="X4560" i="1"/>
  <c r="X4561" i="1"/>
  <c r="X4562" i="1"/>
  <c r="X4563" i="1"/>
  <c r="X4564" i="1"/>
  <c r="X4565" i="1"/>
  <c r="X4566" i="1"/>
  <c r="X4567" i="1"/>
  <c r="X4568" i="1"/>
  <c r="X4569" i="1"/>
  <c r="X4570" i="1"/>
  <c r="X4571" i="1"/>
  <c r="X4572" i="1"/>
  <c r="X4573" i="1"/>
  <c r="X4574" i="1"/>
  <c r="X4575" i="1"/>
  <c r="X4576" i="1"/>
  <c r="X4577" i="1"/>
  <c r="X4578" i="1"/>
  <c r="X4579" i="1"/>
  <c r="X4580" i="1"/>
  <c r="X4581" i="1"/>
  <c r="X4582" i="1"/>
  <c r="X4583" i="1"/>
  <c r="X4584" i="1"/>
  <c r="X4585" i="1"/>
  <c r="X4586" i="1"/>
  <c r="X4587" i="1"/>
  <c r="X4588" i="1"/>
  <c r="X4589" i="1"/>
  <c r="X4590" i="1"/>
  <c r="X4591" i="1"/>
  <c r="X4592" i="1"/>
  <c r="X4593" i="1"/>
  <c r="X4594" i="1"/>
  <c r="X4595" i="1"/>
  <c r="X4596" i="1"/>
  <c r="X4597" i="1"/>
  <c r="X4598" i="1"/>
  <c r="X4599" i="1"/>
  <c r="X4600" i="1"/>
  <c r="X4601" i="1"/>
  <c r="X4602" i="1"/>
  <c r="X4603" i="1"/>
  <c r="X4604" i="1"/>
  <c r="X4605" i="1"/>
  <c r="X4606" i="1"/>
  <c r="X4607" i="1"/>
  <c r="X4608" i="1"/>
  <c r="X4609" i="1"/>
  <c r="X4610" i="1"/>
  <c r="X4611" i="1"/>
  <c r="X4612" i="1"/>
  <c r="X4613" i="1"/>
  <c r="X4614" i="1"/>
  <c r="X4615" i="1"/>
  <c r="X4616" i="1"/>
  <c r="X4617" i="1"/>
  <c r="X4618" i="1"/>
  <c r="X4619" i="1"/>
  <c r="X4620" i="1"/>
  <c r="X4621" i="1"/>
  <c r="X4622" i="1"/>
  <c r="X4623" i="1"/>
  <c r="X4624" i="1"/>
  <c r="X4625" i="1"/>
  <c r="X4626" i="1"/>
  <c r="X4627" i="1"/>
  <c r="X4628" i="1"/>
  <c r="X4629" i="1"/>
  <c r="X4630" i="1"/>
  <c r="X4631" i="1"/>
  <c r="X4632" i="1"/>
  <c r="X4633" i="1"/>
  <c r="X4634" i="1"/>
  <c r="X4635" i="1"/>
  <c r="X4636" i="1"/>
  <c r="X4637" i="1"/>
  <c r="X4638" i="1"/>
  <c r="X4639" i="1"/>
  <c r="X4640" i="1"/>
  <c r="X4641" i="1"/>
  <c r="X4642" i="1"/>
  <c r="X4643" i="1"/>
  <c r="X4644" i="1"/>
  <c r="X4645" i="1"/>
  <c r="X4646" i="1"/>
  <c r="X4647" i="1"/>
  <c r="X4648" i="1"/>
  <c r="X4649" i="1"/>
  <c r="X4650" i="1"/>
  <c r="X4651" i="1"/>
  <c r="X4652" i="1"/>
  <c r="X4653" i="1"/>
  <c r="X4654" i="1"/>
  <c r="X4655" i="1"/>
  <c r="X4656" i="1"/>
  <c r="X4657" i="1"/>
  <c r="X4658" i="1"/>
  <c r="X4659" i="1"/>
  <c r="X4660" i="1"/>
  <c r="X4661" i="1"/>
  <c r="X4662" i="1"/>
  <c r="X4663" i="1"/>
  <c r="X4664" i="1"/>
  <c r="X4665" i="1"/>
  <c r="X4666" i="1"/>
  <c r="X4667" i="1"/>
  <c r="X4668" i="1"/>
  <c r="X4669" i="1"/>
  <c r="X4670" i="1"/>
  <c r="X4671" i="1"/>
  <c r="X4672" i="1"/>
  <c r="X4673" i="1"/>
  <c r="X4674" i="1"/>
  <c r="X4675" i="1"/>
  <c r="X4676" i="1"/>
  <c r="X4677" i="1"/>
  <c r="X4678" i="1"/>
  <c r="X4679" i="1"/>
  <c r="X4680" i="1"/>
  <c r="X4681" i="1"/>
  <c r="X4682" i="1"/>
  <c r="X4683" i="1"/>
  <c r="X4684" i="1"/>
  <c r="X4685" i="1"/>
  <c r="X4686" i="1"/>
  <c r="X4687" i="1"/>
  <c r="X4688" i="1"/>
  <c r="X4689" i="1"/>
  <c r="X4690" i="1"/>
  <c r="X4691" i="1"/>
  <c r="X4692" i="1"/>
  <c r="X4693" i="1"/>
  <c r="X4694" i="1"/>
  <c r="X4695" i="1"/>
  <c r="X4696" i="1"/>
  <c r="X4697" i="1"/>
  <c r="X4698" i="1"/>
  <c r="X4699" i="1"/>
  <c r="X4700" i="1"/>
  <c r="X4701" i="1"/>
  <c r="X4702" i="1"/>
  <c r="X4703" i="1"/>
  <c r="X4704" i="1"/>
  <c r="X4705" i="1"/>
  <c r="X4706" i="1"/>
  <c r="X4707" i="1"/>
  <c r="X4708" i="1"/>
  <c r="X4709" i="1"/>
  <c r="X4710" i="1"/>
  <c r="X4711" i="1"/>
  <c r="X4712" i="1"/>
  <c r="X4713" i="1"/>
  <c r="X4714" i="1"/>
  <c r="X4715" i="1"/>
  <c r="X4716" i="1"/>
  <c r="X4717" i="1"/>
  <c r="X4718" i="1"/>
  <c r="X4719" i="1"/>
  <c r="X4720" i="1"/>
  <c r="X4721" i="1"/>
  <c r="X4722" i="1"/>
  <c r="X4723" i="1"/>
  <c r="X4724" i="1"/>
  <c r="X4725" i="1"/>
  <c r="X4726" i="1"/>
  <c r="X4727" i="1"/>
  <c r="X4728" i="1"/>
  <c r="X4729" i="1"/>
  <c r="X4730" i="1"/>
  <c r="X4731" i="1"/>
  <c r="X4732" i="1"/>
  <c r="X4733" i="1"/>
  <c r="X4734" i="1"/>
  <c r="X4735" i="1"/>
  <c r="X4736" i="1"/>
  <c r="X4737" i="1"/>
  <c r="X4738" i="1"/>
  <c r="X4739" i="1"/>
  <c r="X4740" i="1"/>
  <c r="X4741" i="1"/>
  <c r="X4742" i="1"/>
  <c r="X4743" i="1"/>
  <c r="X4744" i="1"/>
  <c r="X4745" i="1"/>
  <c r="X4746" i="1"/>
  <c r="X4747" i="1"/>
  <c r="X4748" i="1"/>
  <c r="X4749" i="1"/>
  <c r="X4750" i="1"/>
  <c r="X4751" i="1"/>
  <c r="X4752" i="1"/>
  <c r="X4753" i="1"/>
  <c r="X4754" i="1"/>
  <c r="X4755" i="1"/>
  <c r="X4756" i="1"/>
  <c r="X4757" i="1"/>
  <c r="X4758" i="1"/>
  <c r="X4759" i="1"/>
  <c r="X4760" i="1"/>
  <c r="X4761" i="1"/>
  <c r="X4762" i="1"/>
  <c r="X4763" i="1"/>
  <c r="X4764" i="1"/>
  <c r="X4765" i="1"/>
  <c r="X4766" i="1"/>
  <c r="X4767" i="1"/>
  <c r="X4768" i="1"/>
  <c r="X4769" i="1"/>
  <c r="X4770" i="1"/>
  <c r="X4771" i="1"/>
  <c r="X4772" i="1"/>
  <c r="X4773" i="1"/>
  <c r="X4774" i="1"/>
  <c r="X4775" i="1"/>
  <c r="X4776" i="1"/>
  <c r="X4777" i="1"/>
  <c r="X4778" i="1"/>
  <c r="X4779" i="1"/>
  <c r="X4780" i="1"/>
  <c r="X4781" i="1"/>
  <c r="X4782" i="1"/>
  <c r="X4783" i="1"/>
  <c r="X4784" i="1"/>
  <c r="X4785" i="1"/>
  <c r="X4786" i="1"/>
  <c r="X4787" i="1"/>
  <c r="X4788" i="1"/>
  <c r="X4789" i="1"/>
  <c r="X4790" i="1"/>
  <c r="X4791" i="1"/>
  <c r="X4792" i="1"/>
  <c r="X4793" i="1"/>
  <c r="X4794" i="1"/>
  <c r="X4795" i="1"/>
  <c r="X4796" i="1"/>
  <c r="X4797" i="1"/>
  <c r="X4798" i="1"/>
  <c r="X4799" i="1"/>
  <c r="X4800" i="1"/>
  <c r="X4801" i="1"/>
  <c r="X4802" i="1"/>
  <c r="X4803" i="1"/>
  <c r="X4804" i="1"/>
  <c r="X4805" i="1"/>
  <c r="X4806" i="1"/>
  <c r="X4807" i="1"/>
  <c r="X4808" i="1"/>
  <c r="X4809" i="1"/>
  <c r="X4810" i="1"/>
  <c r="X4811" i="1"/>
  <c r="X4812" i="1"/>
  <c r="X4813" i="1"/>
  <c r="X4814" i="1"/>
  <c r="X4815" i="1"/>
  <c r="X4816" i="1"/>
  <c r="X4817" i="1"/>
  <c r="X4818" i="1"/>
  <c r="X4819" i="1"/>
  <c r="X4820" i="1"/>
  <c r="X4821" i="1"/>
  <c r="X4822" i="1"/>
  <c r="X4823" i="1"/>
  <c r="X4824" i="1"/>
  <c r="X4825" i="1"/>
  <c r="X4826" i="1"/>
  <c r="X4827" i="1"/>
  <c r="X4828" i="1"/>
  <c r="X4829" i="1"/>
  <c r="X4830" i="1"/>
  <c r="X4831" i="1"/>
  <c r="X4832" i="1"/>
  <c r="X4833" i="1"/>
  <c r="X4834" i="1"/>
  <c r="X4835" i="1"/>
  <c r="X4836" i="1"/>
  <c r="X4837" i="1"/>
  <c r="X4838" i="1"/>
  <c r="X4839" i="1"/>
  <c r="X4840" i="1"/>
  <c r="X4841" i="1"/>
  <c r="X4842" i="1"/>
  <c r="X4843" i="1"/>
  <c r="X4844" i="1"/>
  <c r="X4845" i="1"/>
  <c r="X4846" i="1"/>
  <c r="X4847" i="1"/>
  <c r="X4848" i="1"/>
  <c r="X4849" i="1"/>
  <c r="X4850" i="1"/>
  <c r="X4851" i="1"/>
  <c r="X4852" i="1"/>
  <c r="X4853" i="1"/>
  <c r="X4854" i="1"/>
  <c r="X4855" i="1"/>
  <c r="X4856" i="1"/>
  <c r="X4857" i="1"/>
  <c r="X4858" i="1"/>
  <c r="X4859" i="1"/>
  <c r="X4860" i="1"/>
  <c r="X4861" i="1"/>
  <c r="X4862" i="1"/>
  <c r="X4863" i="1"/>
  <c r="X4864" i="1"/>
  <c r="X4865" i="1"/>
  <c r="X4866" i="1"/>
  <c r="X4867" i="1"/>
  <c r="X4868" i="1"/>
  <c r="X4869" i="1"/>
  <c r="X4870" i="1"/>
  <c r="X4871" i="1"/>
  <c r="X4872" i="1"/>
  <c r="X4873" i="1"/>
  <c r="X4874" i="1"/>
  <c r="X4875" i="1"/>
  <c r="X4876" i="1"/>
  <c r="X4877" i="1"/>
  <c r="X4878" i="1"/>
  <c r="X4879" i="1"/>
  <c r="X4880" i="1"/>
  <c r="X4881" i="1"/>
  <c r="X4882" i="1"/>
  <c r="X4883" i="1"/>
  <c r="X4884" i="1"/>
  <c r="X4885" i="1"/>
  <c r="X4886" i="1"/>
  <c r="X4887" i="1"/>
  <c r="X4888" i="1"/>
  <c r="X4889" i="1"/>
  <c r="X4890" i="1"/>
  <c r="X4891" i="1"/>
  <c r="X4892" i="1"/>
  <c r="X4893" i="1"/>
  <c r="X4894" i="1"/>
  <c r="X4895" i="1"/>
  <c r="X4896" i="1"/>
  <c r="X4897" i="1"/>
  <c r="X4898" i="1"/>
  <c r="X4899" i="1"/>
  <c r="X4900" i="1"/>
  <c r="X4901" i="1"/>
  <c r="X4902" i="1"/>
  <c r="X4903" i="1"/>
  <c r="X4904" i="1"/>
  <c r="X4905" i="1"/>
  <c r="X4906" i="1"/>
  <c r="X4907" i="1"/>
  <c r="X4908" i="1"/>
  <c r="X4909" i="1"/>
  <c r="X4910" i="1"/>
  <c r="X4911" i="1"/>
  <c r="X4912" i="1"/>
  <c r="X4913" i="1"/>
  <c r="X4914" i="1"/>
  <c r="X4915" i="1"/>
  <c r="X4916" i="1"/>
  <c r="X4917" i="1"/>
  <c r="X4918" i="1"/>
  <c r="X4919" i="1"/>
  <c r="X4920" i="1"/>
  <c r="X4921" i="1"/>
  <c r="X4922" i="1"/>
  <c r="X4923" i="1"/>
  <c r="X4924" i="1"/>
  <c r="X4925" i="1"/>
  <c r="X4926" i="1"/>
  <c r="X4927" i="1"/>
  <c r="X4928" i="1"/>
  <c r="X4929" i="1"/>
  <c r="X4930" i="1"/>
  <c r="X4931" i="1"/>
  <c r="X4932" i="1"/>
  <c r="X4933" i="1"/>
  <c r="X4934" i="1"/>
  <c r="X4935" i="1"/>
  <c r="X4936" i="1"/>
  <c r="X4937" i="1"/>
  <c r="X4938" i="1"/>
  <c r="X4939" i="1"/>
  <c r="X4940" i="1"/>
  <c r="X4941" i="1"/>
  <c r="X4942" i="1"/>
  <c r="X4943" i="1"/>
  <c r="X4944" i="1"/>
  <c r="X4945" i="1"/>
  <c r="X4946" i="1"/>
  <c r="X4947" i="1"/>
  <c r="X4948" i="1"/>
  <c r="X4949" i="1"/>
  <c r="X4950" i="1"/>
  <c r="X4951" i="1"/>
  <c r="X4952" i="1"/>
  <c r="X4953" i="1"/>
  <c r="X4954" i="1"/>
  <c r="X4955" i="1"/>
  <c r="X4956" i="1"/>
  <c r="X4957" i="1"/>
  <c r="X4958" i="1"/>
  <c r="X4959" i="1"/>
  <c r="X4960" i="1"/>
  <c r="X4961" i="1"/>
  <c r="X4962" i="1"/>
  <c r="X4963" i="1"/>
  <c r="X4964" i="1"/>
  <c r="X4965" i="1"/>
  <c r="X4966" i="1"/>
  <c r="X4967" i="1"/>
  <c r="X4968" i="1"/>
  <c r="X4969" i="1"/>
  <c r="X4970" i="1"/>
  <c r="X4971" i="1"/>
  <c r="X4972" i="1"/>
  <c r="X4973" i="1"/>
  <c r="X4974" i="1"/>
  <c r="X4975" i="1"/>
  <c r="X4976" i="1"/>
  <c r="X4977" i="1"/>
  <c r="X4978" i="1"/>
  <c r="X4979" i="1"/>
  <c r="X4980" i="1"/>
  <c r="X4981" i="1"/>
  <c r="X4982" i="1"/>
  <c r="X4983" i="1"/>
  <c r="X4984" i="1"/>
  <c r="X4985" i="1"/>
  <c r="X4986" i="1"/>
  <c r="X4987" i="1"/>
  <c r="X4988" i="1"/>
  <c r="X4989" i="1"/>
  <c r="X4990" i="1"/>
  <c r="X4991" i="1"/>
  <c r="X4992" i="1"/>
  <c r="X4993" i="1"/>
  <c r="X4994" i="1"/>
  <c r="X4995" i="1"/>
  <c r="X4996" i="1"/>
  <c r="X4997" i="1"/>
  <c r="X4998" i="1"/>
  <c r="X4999" i="1"/>
  <c r="X5000" i="1"/>
  <c r="X5001" i="1"/>
  <c r="X5002" i="1"/>
  <c r="X5003" i="1"/>
  <c r="X5004" i="1"/>
  <c r="X5005" i="1"/>
  <c r="X5006" i="1"/>
  <c r="X5007" i="1"/>
  <c r="X5008" i="1"/>
  <c r="X5009" i="1"/>
  <c r="X5010" i="1"/>
  <c r="X5011" i="1"/>
  <c r="X5012" i="1"/>
  <c r="X5013" i="1"/>
  <c r="X5014" i="1"/>
  <c r="X5015" i="1"/>
  <c r="X5016" i="1"/>
  <c r="X5017" i="1"/>
  <c r="X5018" i="1"/>
  <c r="X5019" i="1"/>
  <c r="X5020" i="1"/>
  <c r="X5021" i="1"/>
  <c r="X5022" i="1"/>
  <c r="X5023" i="1"/>
  <c r="X5024" i="1"/>
  <c r="X5025" i="1"/>
  <c r="X5026" i="1"/>
  <c r="X5027" i="1"/>
  <c r="X5028" i="1"/>
  <c r="X5029" i="1"/>
  <c r="X5030" i="1"/>
  <c r="X5031" i="1"/>
  <c r="X5032" i="1"/>
  <c r="X5033" i="1"/>
  <c r="X5034" i="1"/>
  <c r="X5035" i="1"/>
  <c r="X5036" i="1"/>
  <c r="X5037" i="1"/>
  <c r="X5038" i="1"/>
  <c r="X5039" i="1"/>
  <c r="X5040" i="1"/>
  <c r="X5041" i="1"/>
  <c r="X5042" i="1"/>
  <c r="X5043" i="1"/>
  <c r="X5044" i="1"/>
  <c r="X5045" i="1"/>
  <c r="X5046" i="1"/>
  <c r="X5047" i="1"/>
  <c r="X5048" i="1"/>
  <c r="X5049" i="1"/>
  <c r="X5050" i="1"/>
  <c r="X5051" i="1"/>
  <c r="X5052" i="1"/>
  <c r="X5053" i="1"/>
  <c r="X5054" i="1"/>
  <c r="X5055" i="1"/>
  <c r="X5056" i="1"/>
  <c r="X5057" i="1"/>
  <c r="X5058" i="1"/>
  <c r="X5059" i="1"/>
  <c r="X5060" i="1"/>
  <c r="X5061" i="1"/>
  <c r="X5062" i="1"/>
  <c r="X5063" i="1"/>
  <c r="X5064" i="1"/>
  <c r="X5065" i="1"/>
  <c r="X5066" i="1"/>
  <c r="X5067" i="1"/>
  <c r="X5068" i="1"/>
  <c r="X5069" i="1"/>
  <c r="X5070" i="1"/>
  <c r="X5071" i="1"/>
  <c r="X5072" i="1"/>
  <c r="X5073" i="1"/>
  <c r="X5074" i="1"/>
  <c r="X5075" i="1"/>
  <c r="X5076" i="1"/>
  <c r="X5077" i="1"/>
  <c r="X5078" i="1"/>
  <c r="X5079" i="1"/>
  <c r="X5080" i="1"/>
  <c r="X5081" i="1"/>
  <c r="X5082" i="1"/>
  <c r="X5083" i="1"/>
  <c r="X5084" i="1"/>
  <c r="X5085" i="1"/>
  <c r="X5086" i="1"/>
  <c r="X5087" i="1"/>
  <c r="X5088" i="1"/>
  <c r="X5089" i="1"/>
  <c r="X5090" i="1"/>
  <c r="X5091" i="1"/>
  <c r="X5092" i="1"/>
  <c r="X5093" i="1"/>
  <c r="X5094" i="1"/>
  <c r="X5095" i="1"/>
  <c r="X5096" i="1"/>
  <c r="X5097" i="1"/>
  <c r="X5098" i="1"/>
  <c r="X5099" i="1"/>
  <c r="X5100" i="1"/>
  <c r="X5101" i="1"/>
  <c r="X5102" i="1"/>
  <c r="X5103" i="1"/>
  <c r="X5104" i="1"/>
  <c r="X5105" i="1"/>
  <c r="X5106" i="1"/>
  <c r="X5107" i="1"/>
  <c r="X5108" i="1"/>
  <c r="X5109" i="1"/>
  <c r="X5110" i="1"/>
  <c r="X5111" i="1"/>
  <c r="X5112" i="1"/>
  <c r="X5113" i="1"/>
  <c r="X5114" i="1"/>
  <c r="X5115" i="1"/>
  <c r="X5116" i="1"/>
  <c r="X5117" i="1"/>
  <c r="X5118" i="1"/>
  <c r="X5119" i="1"/>
  <c r="X5120" i="1"/>
  <c r="X5121" i="1"/>
  <c r="X5122" i="1"/>
  <c r="X5123" i="1"/>
  <c r="X5124" i="1"/>
  <c r="X5125" i="1"/>
  <c r="X5126" i="1"/>
  <c r="X5127" i="1"/>
  <c r="X5128" i="1"/>
  <c r="X5129" i="1"/>
  <c r="X5130" i="1"/>
  <c r="X5131" i="1"/>
  <c r="X5132" i="1"/>
  <c r="X5133" i="1"/>
  <c r="X5134" i="1"/>
  <c r="X5135" i="1"/>
  <c r="X5136" i="1"/>
  <c r="X5137" i="1"/>
  <c r="X5138" i="1"/>
  <c r="X5139" i="1"/>
  <c r="X5140" i="1"/>
  <c r="X5141" i="1"/>
  <c r="X5142" i="1"/>
  <c r="X5143" i="1"/>
  <c r="X5144" i="1"/>
  <c r="X5145" i="1"/>
  <c r="X5146" i="1"/>
  <c r="X5147" i="1"/>
  <c r="X5148" i="1"/>
  <c r="X5149" i="1"/>
  <c r="X5150" i="1"/>
  <c r="X5151" i="1"/>
  <c r="X5152" i="1"/>
  <c r="X5153" i="1"/>
  <c r="X5154" i="1"/>
  <c r="X5155" i="1"/>
  <c r="X5156" i="1"/>
  <c r="X5157" i="1"/>
  <c r="X5158" i="1"/>
  <c r="X5159" i="1"/>
  <c r="X5160" i="1"/>
  <c r="X5161" i="1"/>
  <c r="X5162" i="1"/>
  <c r="X5163" i="1"/>
  <c r="X5164" i="1"/>
  <c r="X5165" i="1"/>
  <c r="X5166" i="1"/>
  <c r="X5167" i="1"/>
  <c r="X5168" i="1"/>
  <c r="X5169" i="1"/>
  <c r="X5170" i="1"/>
  <c r="X5171" i="1"/>
  <c r="X5172" i="1"/>
  <c r="X5173" i="1"/>
  <c r="X5174" i="1"/>
  <c r="X5175" i="1"/>
  <c r="X5176" i="1"/>
  <c r="X5177" i="1"/>
  <c r="X5178" i="1"/>
  <c r="X5179" i="1"/>
  <c r="X5180" i="1"/>
  <c r="X5181" i="1"/>
  <c r="X5182" i="1"/>
  <c r="X5183" i="1"/>
  <c r="X5184" i="1"/>
  <c r="X5185" i="1"/>
  <c r="X5186" i="1"/>
  <c r="X5187" i="1"/>
  <c r="X5188" i="1"/>
  <c r="X5189" i="1"/>
  <c r="X5190" i="1"/>
  <c r="X5191" i="1"/>
  <c r="X5192" i="1"/>
  <c r="X5193" i="1"/>
  <c r="X5194" i="1"/>
  <c r="X5195" i="1"/>
  <c r="X5196" i="1"/>
  <c r="X5197" i="1"/>
  <c r="X5198" i="1"/>
  <c r="X5199" i="1"/>
  <c r="X5200" i="1"/>
  <c r="X5201" i="1"/>
  <c r="X5202" i="1"/>
  <c r="X5203" i="1"/>
  <c r="X5204" i="1"/>
  <c r="X5205" i="1"/>
  <c r="X5206" i="1"/>
  <c r="X5207" i="1"/>
  <c r="X5208" i="1"/>
  <c r="X5209" i="1"/>
  <c r="X5210" i="1"/>
  <c r="X5211" i="1"/>
  <c r="X5212" i="1"/>
  <c r="X5213" i="1"/>
  <c r="X5214" i="1"/>
  <c r="X5215" i="1"/>
  <c r="X5216" i="1"/>
  <c r="X5217" i="1"/>
  <c r="X5218" i="1"/>
  <c r="X5219" i="1"/>
  <c r="X5220" i="1"/>
  <c r="X5221" i="1"/>
  <c r="X5222" i="1"/>
  <c r="X5223" i="1"/>
  <c r="X5224" i="1"/>
  <c r="X5225" i="1"/>
  <c r="X5226" i="1"/>
  <c r="X5227" i="1"/>
  <c r="X5228" i="1"/>
  <c r="X5229" i="1"/>
  <c r="X5230" i="1"/>
  <c r="X5231" i="1"/>
  <c r="X5232" i="1"/>
  <c r="X5233" i="1"/>
  <c r="X5234" i="1"/>
  <c r="X5235" i="1"/>
  <c r="X5236" i="1"/>
  <c r="X5237" i="1"/>
  <c r="X5238" i="1"/>
  <c r="X5239" i="1"/>
  <c r="X5240" i="1"/>
  <c r="X5241" i="1"/>
  <c r="X5242" i="1"/>
  <c r="X5243" i="1"/>
  <c r="X5244" i="1"/>
  <c r="X5245" i="1"/>
  <c r="X5246" i="1"/>
  <c r="X5247" i="1"/>
  <c r="X5248" i="1"/>
  <c r="X5249" i="1"/>
  <c r="X5250" i="1"/>
  <c r="X5251" i="1"/>
  <c r="X5252" i="1"/>
  <c r="X5253" i="1"/>
  <c r="X5254" i="1"/>
  <c r="X5255" i="1"/>
  <c r="X5256" i="1"/>
  <c r="X5257" i="1"/>
  <c r="X5258" i="1"/>
  <c r="X5259" i="1"/>
  <c r="X5260" i="1"/>
  <c r="X5261" i="1"/>
  <c r="X5262" i="1"/>
  <c r="X5263" i="1"/>
  <c r="X5264" i="1"/>
  <c r="X5265" i="1"/>
  <c r="X5266" i="1"/>
  <c r="X5267" i="1"/>
  <c r="X5268" i="1"/>
  <c r="X5269" i="1"/>
  <c r="X5270" i="1"/>
  <c r="X5271" i="1"/>
  <c r="X5272" i="1"/>
  <c r="X5273" i="1"/>
  <c r="X5274" i="1"/>
  <c r="X5275" i="1"/>
  <c r="X5276" i="1"/>
  <c r="X5277" i="1"/>
  <c r="X5278" i="1"/>
  <c r="X5279" i="1"/>
  <c r="X5280" i="1"/>
  <c r="X5281" i="1"/>
  <c r="X5282" i="1"/>
  <c r="X5283" i="1"/>
  <c r="X5284" i="1"/>
  <c r="X5285" i="1"/>
  <c r="X5286" i="1"/>
  <c r="X5287" i="1"/>
  <c r="X5288" i="1"/>
  <c r="X5289" i="1"/>
  <c r="X5290" i="1"/>
  <c r="X5291" i="1"/>
  <c r="X5292" i="1"/>
  <c r="X5293" i="1"/>
  <c r="X5294" i="1"/>
  <c r="X5295" i="1"/>
  <c r="X5296" i="1"/>
  <c r="X5297" i="1"/>
  <c r="X5298" i="1"/>
  <c r="X5299" i="1"/>
  <c r="X5300" i="1"/>
  <c r="X5301" i="1"/>
  <c r="X5302" i="1"/>
  <c r="X5303" i="1"/>
  <c r="X5304" i="1"/>
  <c r="X5305" i="1"/>
  <c r="X5306" i="1"/>
  <c r="X5307" i="1"/>
  <c r="X5308" i="1"/>
  <c r="X5309" i="1"/>
  <c r="X5310" i="1"/>
  <c r="X5311" i="1"/>
  <c r="X5312" i="1"/>
  <c r="X5313" i="1"/>
  <c r="X5314" i="1"/>
  <c r="X5315" i="1"/>
  <c r="X5316" i="1"/>
  <c r="X5317" i="1"/>
  <c r="X5318" i="1"/>
  <c r="X5319" i="1"/>
  <c r="X5320" i="1"/>
  <c r="X5321" i="1"/>
  <c r="X5322" i="1"/>
  <c r="X5323" i="1"/>
  <c r="X5324" i="1"/>
  <c r="X5325" i="1"/>
  <c r="X5326" i="1"/>
  <c r="X5327" i="1"/>
  <c r="X5328" i="1"/>
  <c r="X5329" i="1"/>
  <c r="X5330" i="1"/>
  <c r="X5331" i="1"/>
  <c r="X5332" i="1"/>
  <c r="X5333" i="1"/>
  <c r="X5334" i="1"/>
  <c r="X5335" i="1"/>
  <c r="X5336" i="1"/>
  <c r="X5337" i="1"/>
  <c r="X5338" i="1"/>
  <c r="X5339" i="1"/>
  <c r="X5340" i="1"/>
  <c r="X5341" i="1"/>
  <c r="X5342" i="1"/>
  <c r="X5343" i="1"/>
  <c r="X5344" i="1"/>
  <c r="X5345" i="1"/>
  <c r="X5346" i="1"/>
  <c r="X5347" i="1"/>
  <c r="X5348" i="1"/>
  <c r="X5349" i="1"/>
  <c r="X5350" i="1"/>
  <c r="X5351" i="1"/>
  <c r="X5352" i="1"/>
  <c r="X5353" i="1"/>
  <c r="X5354" i="1"/>
  <c r="X5355" i="1"/>
  <c r="X5356" i="1"/>
  <c r="X5357" i="1"/>
  <c r="X5358" i="1"/>
  <c r="X5359" i="1"/>
  <c r="X5360" i="1"/>
  <c r="X5361" i="1"/>
  <c r="X5362" i="1"/>
  <c r="X5363" i="1"/>
  <c r="X5364" i="1"/>
  <c r="X5365" i="1"/>
  <c r="X5366" i="1"/>
  <c r="X5367" i="1"/>
  <c r="X5368" i="1"/>
  <c r="X5369" i="1"/>
  <c r="X5370" i="1"/>
  <c r="X5371" i="1"/>
  <c r="X5372" i="1"/>
  <c r="X5373" i="1"/>
  <c r="X5374" i="1"/>
  <c r="X5375" i="1"/>
  <c r="X5376" i="1"/>
  <c r="X5377" i="1"/>
  <c r="X5378" i="1"/>
  <c r="X5379" i="1"/>
  <c r="X5380" i="1"/>
  <c r="X5381" i="1"/>
  <c r="X5382" i="1"/>
  <c r="X5383" i="1"/>
  <c r="X5384" i="1"/>
  <c r="X5385" i="1"/>
  <c r="X5386" i="1"/>
  <c r="X5387" i="1"/>
  <c r="X5388" i="1"/>
  <c r="X5389" i="1"/>
  <c r="X5390" i="1"/>
  <c r="X5391" i="1"/>
  <c r="X5392" i="1"/>
  <c r="X5393" i="1"/>
  <c r="X5394" i="1"/>
  <c r="X5395" i="1"/>
  <c r="X5396" i="1"/>
  <c r="X5397" i="1"/>
  <c r="X5398" i="1"/>
  <c r="X5399" i="1"/>
  <c r="X5400" i="1"/>
  <c r="X5401" i="1"/>
  <c r="X5402" i="1"/>
  <c r="X5403" i="1"/>
  <c r="X5404" i="1"/>
  <c r="X5405" i="1"/>
  <c r="X5406" i="1"/>
  <c r="X5407" i="1"/>
  <c r="X5408" i="1"/>
  <c r="X5409" i="1"/>
  <c r="X5410" i="1"/>
  <c r="X5411" i="1"/>
  <c r="X5412" i="1"/>
  <c r="X5413" i="1"/>
  <c r="X5414" i="1"/>
  <c r="X5415" i="1"/>
  <c r="X5416" i="1"/>
  <c r="X5417" i="1"/>
  <c r="X5418" i="1"/>
  <c r="X5419" i="1"/>
  <c r="X5420" i="1"/>
  <c r="X5421" i="1"/>
  <c r="X5422" i="1"/>
  <c r="X5423" i="1"/>
  <c r="X5424" i="1"/>
  <c r="X5425" i="1"/>
  <c r="X5426" i="1"/>
  <c r="X5427" i="1"/>
  <c r="X5428" i="1"/>
  <c r="X5429" i="1"/>
  <c r="X5430" i="1"/>
  <c r="X5431" i="1"/>
  <c r="X5432" i="1"/>
  <c r="X5433" i="1"/>
  <c r="X5434" i="1"/>
  <c r="X5435" i="1"/>
  <c r="X5436" i="1"/>
  <c r="X5437" i="1"/>
  <c r="X5438" i="1"/>
  <c r="X5439" i="1"/>
  <c r="X5440" i="1"/>
  <c r="X5441" i="1"/>
  <c r="X5442" i="1"/>
  <c r="X5443" i="1"/>
  <c r="X5444" i="1"/>
  <c r="X5445" i="1"/>
  <c r="X5446" i="1"/>
  <c r="X5447" i="1"/>
  <c r="X5448" i="1"/>
  <c r="X5449" i="1"/>
  <c r="X5450" i="1"/>
  <c r="X5451" i="1"/>
  <c r="X5452" i="1"/>
  <c r="X5453" i="1"/>
  <c r="X5454" i="1"/>
  <c r="X5455" i="1"/>
  <c r="X5456" i="1"/>
  <c r="X5457" i="1"/>
  <c r="X5458" i="1"/>
  <c r="X5459" i="1"/>
  <c r="X5460" i="1"/>
  <c r="X5461" i="1"/>
  <c r="X5462" i="1"/>
  <c r="X5463" i="1"/>
  <c r="X5464" i="1"/>
  <c r="X5465" i="1"/>
  <c r="X5466" i="1"/>
  <c r="X5467" i="1"/>
  <c r="X5468" i="1"/>
  <c r="X5469" i="1"/>
  <c r="X5470" i="1"/>
  <c r="X5471" i="1"/>
  <c r="X5472" i="1"/>
  <c r="X5473" i="1"/>
  <c r="X5474" i="1"/>
  <c r="X5475" i="1"/>
  <c r="X5476" i="1"/>
  <c r="X5477" i="1"/>
  <c r="X5478" i="1"/>
  <c r="X5479" i="1"/>
  <c r="X5480" i="1"/>
  <c r="X5481" i="1"/>
  <c r="X5482" i="1"/>
  <c r="X5483" i="1"/>
  <c r="X5484" i="1"/>
  <c r="X5485" i="1"/>
  <c r="X5486" i="1"/>
  <c r="X5487" i="1"/>
  <c r="X5488" i="1"/>
  <c r="X5489" i="1"/>
  <c r="X5490" i="1"/>
  <c r="X5491" i="1"/>
  <c r="X5492" i="1"/>
  <c r="X5493" i="1"/>
  <c r="X5494" i="1"/>
  <c r="X5495" i="1"/>
  <c r="X5496" i="1"/>
  <c r="X5497" i="1"/>
  <c r="X5498" i="1"/>
  <c r="X5499" i="1"/>
  <c r="X5500" i="1"/>
  <c r="X5501" i="1"/>
  <c r="X5502" i="1"/>
  <c r="X5503" i="1"/>
  <c r="X5504" i="1"/>
  <c r="X5505" i="1"/>
  <c r="X5506" i="1"/>
  <c r="X5507" i="1"/>
  <c r="X5508" i="1"/>
  <c r="X5509" i="1"/>
  <c r="X5510" i="1"/>
  <c r="X5511" i="1"/>
  <c r="X5512" i="1"/>
  <c r="X5513" i="1"/>
  <c r="X5514" i="1"/>
  <c r="X5515" i="1"/>
  <c r="X5516" i="1"/>
  <c r="X5517" i="1"/>
  <c r="X5518" i="1"/>
  <c r="X5519" i="1"/>
  <c r="X5520" i="1"/>
  <c r="X5521" i="1"/>
  <c r="X5522" i="1"/>
  <c r="X5523" i="1"/>
  <c r="X5524" i="1"/>
  <c r="X5525" i="1"/>
  <c r="X5526" i="1"/>
  <c r="X5527" i="1"/>
  <c r="X5528" i="1"/>
  <c r="X5529" i="1"/>
  <c r="X5530" i="1"/>
  <c r="X5531" i="1"/>
  <c r="X5532" i="1"/>
  <c r="X5533" i="1"/>
  <c r="X5534" i="1"/>
  <c r="X5535" i="1"/>
  <c r="X5536" i="1"/>
  <c r="X5537" i="1"/>
  <c r="X5538" i="1"/>
  <c r="X5539" i="1"/>
  <c r="X5540" i="1"/>
  <c r="X5541" i="1"/>
  <c r="X5542" i="1"/>
  <c r="X5543" i="1"/>
  <c r="X5544" i="1"/>
  <c r="X5545" i="1"/>
  <c r="X5546" i="1"/>
  <c r="X5547" i="1"/>
  <c r="X5548" i="1"/>
  <c r="X5549" i="1"/>
  <c r="X5550" i="1"/>
  <c r="X5551" i="1"/>
  <c r="X5552" i="1"/>
  <c r="X5553" i="1"/>
  <c r="X5554" i="1"/>
  <c r="X5555" i="1"/>
  <c r="X5556" i="1"/>
  <c r="X5557" i="1"/>
  <c r="X5558" i="1"/>
  <c r="X5559" i="1"/>
  <c r="X5560" i="1"/>
  <c r="X5561" i="1"/>
  <c r="X5562" i="1"/>
  <c r="X5563" i="1"/>
  <c r="X5564" i="1"/>
  <c r="X5565" i="1"/>
  <c r="X5566" i="1"/>
  <c r="X5567" i="1"/>
  <c r="X5568" i="1"/>
  <c r="X5569" i="1"/>
  <c r="X5570" i="1"/>
  <c r="X5571" i="1"/>
  <c r="X5572" i="1"/>
  <c r="X5573" i="1"/>
  <c r="X5574" i="1"/>
  <c r="X5575" i="1"/>
  <c r="X5576" i="1"/>
  <c r="X5577" i="1"/>
  <c r="X5578" i="1"/>
  <c r="X5579" i="1"/>
  <c r="X5580" i="1"/>
  <c r="X5581" i="1"/>
  <c r="X5582" i="1"/>
  <c r="X5583" i="1"/>
  <c r="X5584" i="1"/>
  <c r="X5585" i="1"/>
  <c r="X5586" i="1"/>
  <c r="X5587" i="1"/>
  <c r="X5588" i="1"/>
  <c r="X5589" i="1"/>
  <c r="X5590" i="1"/>
  <c r="X5591" i="1"/>
  <c r="X5592" i="1"/>
  <c r="X5593" i="1"/>
  <c r="X5594" i="1"/>
  <c r="X5595" i="1"/>
  <c r="X5596" i="1"/>
  <c r="X5597" i="1"/>
  <c r="X5598" i="1"/>
  <c r="X5599" i="1"/>
  <c r="X5600" i="1"/>
  <c r="X5601" i="1"/>
  <c r="X5602" i="1"/>
  <c r="X5603" i="1"/>
  <c r="X5604" i="1"/>
  <c r="X5605" i="1"/>
  <c r="X5606" i="1"/>
  <c r="X5607" i="1"/>
  <c r="X5608" i="1"/>
  <c r="X5609" i="1"/>
  <c r="X5610" i="1"/>
  <c r="X5611" i="1"/>
  <c r="X5612" i="1"/>
  <c r="X5613" i="1"/>
  <c r="X5614" i="1"/>
  <c r="X5615" i="1"/>
  <c r="X5616" i="1"/>
  <c r="X5617" i="1"/>
  <c r="X5618" i="1"/>
  <c r="X5619" i="1"/>
  <c r="X5620" i="1"/>
  <c r="X5621" i="1"/>
  <c r="X5622" i="1"/>
  <c r="X5623" i="1"/>
  <c r="X5624" i="1"/>
  <c r="X5625" i="1"/>
  <c r="X5626" i="1"/>
  <c r="X5627" i="1"/>
  <c r="X5628" i="1"/>
  <c r="X5629" i="1"/>
  <c r="X5630" i="1"/>
  <c r="X5631" i="1"/>
  <c r="X5632" i="1"/>
  <c r="X5633" i="1"/>
  <c r="X5634" i="1"/>
  <c r="X5635" i="1"/>
  <c r="X5636" i="1"/>
  <c r="X5637" i="1"/>
  <c r="X5638" i="1"/>
  <c r="X5639" i="1"/>
  <c r="X5640" i="1"/>
  <c r="X5641" i="1"/>
  <c r="X5642" i="1"/>
  <c r="X5643" i="1"/>
  <c r="X5644" i="1"/>
  <c r="X5645" i="1"/>
  <c r="X5646" i="1"/>
  <c r="X5647" i="1"/>
  <c r="X5648" i="1"/>
  <c r="X5649" i="1"/>
  <c r="X5650" i="1"/>
  <c r="X5651" i="1"/>
  <c r="X5652" i="1"/>
  <c r="X5653" i="1"/>
  <c r="X5654" i="1"/>
  <c r="X5655" i="1"/>
  <c r="X5656" i="1"/>
  <c r="X5657" i="1"/>
  <c r="X5658" i="1"/>
  <c r="X5659" i="1"/>
  <c r="X5660" i="1"/>
  <c r="X5661" i="1"/>
  <c r="X5662" i="1"/>
  <c r="X5663" i="1"/>
  <c r="X5664" i="1"/>
  <c r="X5665" i="1"/>
  <c r="X5666" i="1"/>
  <c r="X5667" i="1"/>
  <c r="X5668" i="1"/>
  <c r="X5669" i="1"/>
  <c r="X5670" i="1"/>
  <c r="X5671" i="1"/>
  <c r="X5672" i="1"/>
  <c r="X5673" i="1"/>
  <c r="X5674" i="1"/>
  <c r="X5675" i="1"/>
  <c r="X5676" i="1"/>
  <c r="X5677" i="1"/>
  <c r="X5678" i="1"/>
  <c r="X5679" i="1"/>
  <c r="X5680" i="1"/>
  <c r="X5681" i="1"/>
  <c r="X5682" i="1"/>
  <c r="X5683" i="1"/>
  <c r="X5684" i="1"/>
  <c r="X5685" i="1"/>
  <c r="X5686" i="1"/>
  <c r="X5687" i="1"/>
  <c r="X5688" i="1"/>
  <c r="X5689" i="1"/>
  <c r="X5690" i="1"/>
  <c r="X5691" i="1"/>
  <c r="X5692" i="1"/>
  <c r="X5693" i="1"/>
  <c r="X5694" i="1"/>
  <c r="X5695" i="1"/>
  <c r="X5696" i="1"/>
  <c r="X5697" i="1"/>
  <c r="X5698" i="1"/>
  <c r="X5699" i="1"/>
  <c r="X5700" i="1"/>
  <c r="X5701" i="1"/>
  <c r="X5702" i="1"/>
  <c r="X5703" i="1"/>
  <c r="X5704" i="1"/>
  <c r="X5705" i="1"/>
  <c r="X5706" i="1"/>
  <c r="X5707" i="1"/>
  <c r="X5708" i="1"/>
  <c r="X5709" i="1"/>
  <c r="X5710" i="1"/>
  <c r="X5711" i="1"/>
  <c r="X5712" i="1"/>
  <c r="X5713" i="1"/>
  <c r="X5714" i="1"/>
  <c r="X5715" i="1"/>
  <c r="X5716" i="1"/>
  <c r="X5717" i="1"/>
  <c r="X5718" i="1"/>
  <c r="X5719" i="1"/>
  <c r="X5720" i="1"/>
  <c r="X5721" i="1"/>
  <c r="X5722" i="1"/>
  <c r="X5723" i="1"/>
  <c r="X5724" i="1"/>
  <c r="X5725" i="1"/>
  <c r="X5726" i="1"/>
  <c r="X5727" i="1"/>
  <c r="X5728" i="1"/>
  <c r="X5729" i="1"/>
  <c r="X5730" i="1"/>
  <c r="X5731" i="1"/>
  <c r="X5732" i="1"/>
  <c r="X5733" i="1"/>
  <c r="X5734" i="1"/>
  <c r="X5735" i="1"/>
  <c r="X5736" i="1"/>
  <c r="X5737" i="1"/>
  <c r="X5738" i="1"/>
  <c r="X5739" i="1"/>
  <c r="X5740" i="1"/>
  <c r="X5741" i="1"/>
  <c r="X5742" i="1"/>
  <c r="X5743" i="1"/>
  <c r="X5744" i="1"/>
  <c r="X5745" i="1"/>
  <c r="X5746" i="1"/>
  <c r="X5747" i="1"/>
  <c r="X5748" i="1"/>
  <c r="X5749" i="1"/>
  <c r="X5750" i="1"/>
  <c r="X5751" i="1"/>
  <c r="X5752" i="1"/>
  <c r="X5753" i="1"/>
  <c r="X5754" i="1"/>
  <c r="X5755" i="1"/>
  <c r="X5756" i="1"/>
  <c r="X5757" i="1"/>
  <c r="X5758" i="1"/>
  <c r="X5759" i="1"/>
  <c r="X5760" i="1"/>
  <c r="X5761" i="1"/>
  <c r="X5762" i="1"/>
  <c r="X5763" i="1"/>
  <c r="X5764" i="1"/>
  <c r="X5765" i="1"/>
  <c r="X5766" i="1"/>
  <c r="X5767" i="1"/>
  <c r="X5768" i="1"/>
  <c r="X5769" i="1"/>
  <c r="X5770" i="1"/>
  <c r="X5771" i="1"/>
  <c r="X5772" i="1"/>
  <c r="X5773" i="1"/>
  <c r="X5774" i="1"/>
  <c r="X5775" i="1"/>
  <c r="X5776" i="1"/>
  <c r="X5777" i="1"/>
  <c r="X5778" i="1"/>
  <c r="X5779" i="1"/>
  <c r="X5780" i="1"/>
  <c r="X5781" i="1"/>
  <c r="X5782" i="1"/>
  <c r="X5783" i="1"/>
  <c r="X5784" i="1"/>
  <c r="X5785" i="1"/>
  <c r="X5786" i="1"/>
  <c r="X5787" i="1"/>
  <c r="X5788" i="1"/>
  <c r="X5789" i="1"/>
  <c r="X5790" i="1"/>
  <c r="X5791" i="1"/>
  <c r="X5792" i="1"/>
  <c r="X5793" i="1"/>
  <c r="X5794" i="1"/>
  <c r="X5795" i="1"/>
  <c r="X5796" i="1"/>
  <c r="X5797" i="1"/>
  <c r="X5798" i="1"/>
  <c r="X5799" i="1"/>
  <c r="X5800" i="1"/>
  <c r="X5801" i="1"/>
  <c r="X5802" i="1"/>
  <c r="X5803" i="1"/>
  <c r="X5804" i="1"/>
  <c r="X5805" i="1"/>
  <c r="X5806" i="1"/>
  <c r="X5807" i="1"/>
  <c r="X5808" i="1"/>
  <c r="X5809" i="1"/>
  <c r="X5810" i="1"/>
  <c r="X5811" i="1"/>
  <c r="X5812" i="1"/>
  <c r="X5813" i="1"/>
  <c r="X5814" i="1"/>
  <c r="X5815" i="1"/>
  <c r="X5816" i="1"/>
  <c r="X5817" i="1"/>
  <c r="X5818" i="1"/>
  <c r="X5819" i="1"/>
  <c r="X5820" i="1"/>
  <c r="X5821" i="1"/>
  <c r="X5822" i="1"/>
  <c r="X5823" i="1"/>
  <c r="X5824" i="1"/>
  <c r="X5825" i="1"/>
  <c r="X5826" i="1"/>
  <c r="X5827" i="1"/>
  <c r="X5828" i="1"/>
  <c r="X5829" i="1"/>
  <c r="X5830" i="1"/>
  <c r="X5831" i="1"/>
  <c r="X5832" i="1"/>
  <c r="X5833" i="1"/>
  <c r="X5834" i="1"/>
  <c r="X5835" i="1"/>
  <c r="X5836" i="1"/>
  <c r="X5837" i="1"/>
  <c r="X5838" i="1"/>
  <c r="X5839" i="1"/>
  <c r="X5840" i="1"/>
  <c r="X5841" i="1"/>
  <c r="X5842" i="1"/>
  <c r="X5843" i="1"/>
  <c r="X5844" i="1"/>
  <c r="X5845" i="1"/>
  <c r="X5846" i="1"/>
  <c r="X5847" i="1"/>
  <c r="X5848" i="1"/>
  <c r="X5849" i="1"/>
  <c r="X5850" i="1"/>
  <c r="X5851" i="1"/>
  <c r="X5852" i="1"/>
  <c r="X5853" i="1"/>
  <c r="X5854" i="1"/>
  <c r="X5855" i="1"/>
  <c r="X5856" i="1"/>
  <c r="X5857" i="1"/>
  <c r="X5858" i="1"/>
  <c r="X5859" i="1"/>
  <c r="X5860" i="1"/>
  <c r="X5861" i="1"/>
  <c r="X5862" i="1"/>
  <c r="X5863" i="1"/>
  <c r="X5864" i="1"/>
  <c r="X5865" i="1"/>
  <c r="X5866" i="1"/>
  <c r="X5867" i="1"/>
  <c r="X5868" i="1"/>
  <c r="X5869" i="1"/>
  <c r="X5870" i="1"/>
  <c r="X5871" i="1"/>
  <c r="X5872" i="1"/>
  <c r="X5873" i="1"/>
  <c r="X5874" i="1"/>
  <c r="X5875" i="1"/>
  <c r="X5876" i="1"/>
  <c r="X5877" i="1"/>
  <c r="X5878" i="1"/>
  <c r="X5879" i="1"/>
  <c r="X5880" i="1"/>
  <c r="X5881" i="1"/>
  <c r="X5882" i="1"/>
  <c r="X5883" i="1"/>
  <c r="X5884" i="1"/>
  <c r="X5885" i="1"/>
  <c r="X5886" i="1"/>
  <c r="X5887" i="1"/>
  <c r="X5888" i="1"/>
  <c r="X5889" i="1"/>
  <c r="X5890" i="1"/>
  <c r="X5891" i="1"/>
  <c r="X5892" i="1"/>
  <c r="X5893" i="1"/>
  <c r="X5894" i="1"/>
  <c r="X5895" i="1"/>
  <c r="X5896" i="1"/>
  <c r="X5897" i="1"/>
  <c r="X5898" i="1"/>
  <c r="X5899" i="1"/>
  <c r="X5900" i="1"/>
  <c r="X5901" i="1"/>
  <c r="X5902" i="1"/>
  <c r="X5903" i="1"/>
  <c r="X5904" i="1"/>
  <c r="X5905" i="1"/>
  <c r="X5906" i="1"/>
  <c r="X5907" i="1"/>
  <c r="X5908" i="1"/>
  <c r="X5909" i="1"/>
  <c r="X5910" i="1"/>
  <c r="X5911" i="1"/>
  <c r="X5912" i="1"/>
  <c r="X5913" i="1"/>
  <c r="X5914" i="1"/>
  <c r="X5915" i="1"/>
  <c r="X5916" i="1"/>
  <c r="X5917" i="1"/>
  <c r="X5918" i="1"/>
  <c r="X5919" i="1"/>
  <c r="X5920" i="1"/>
  <c r="X5921" i="1"/>
  <c r="X5922" i="1"/>
  <c r="X5923" i="1"/>
  <c r="X5924" i="1"/>
  <c r="X5925" i="1"/>
  <c r="X5926" i="1"/>
  <c r="X5927" i="1"/>
  <c r="X5928" i="1"/>
  <c r="X5929" i="1"/>
  <c r="X5930" i="1"/>
  <c r="X5931" i="1"/>
  <c r="X5932" i="1"/>
  <c r="X5933" i="1"/>
  <c r="X5934" i="1"/>
  <c r="X5935" i="1"/>
  <c r="X5936" i="1"/>
  <c r="X5937" i="1"/>
  <c r="X5938" i="1"/>
  <c r="X5939" i="1"/>
  <c r="X5940" i="1"/>
  <c r="X5941" i="1"/>
  <c r="X5942" i="1"/>
  <c r="X5943" i="1"/>
  <c r="X5944" i="1"/>
  <c r="X5945" i="1"/>
  <c r="X5946" i="1"/>
  <c r="X5947" i="1"/>
  <c r="X5948" i="1"/>
  <c r="X5949" i="1"/>
  <c r="X5950" i="1"/>
  <c r="X5951" i="1"/>
  <c r="X5952" i="1"/>
  <c r="X5953" i="1"/>
  <c r="X5954" i="1"/>
  <c r="X5955" i="1"/>
  <c r="X5956" i="1"/>
  <c r="X5957" i="1"/>
  <c r="X5958" i="1"/>
  <c r="X5959" i="1"/>
  <c r="X5960" i="1"/>
  <c r="X5961" i="1"/>
  <c r="X5962" i="1"/>
  <c r="X5963" i="1"/>
  <c r="X5964" i="1"/>
  <c r="X5965" i="1"/>
  <c r="X5966" i="1"/>
  <c r="X5967" i="1"/>
  <c r="X5968" i="1"/>
  <c r="X5969" i="1"/>
  <c r="X5970" i="1"/>
  <c r="X5971" i="1"/>
  <c r="X5972" i="1"/>
  <c r="X5973" i="1"/>
  <c r="X5974" i="1"/>
  <c r="X5975" i="1"/>
  <c r="X5976" i="1"/>
  <c r="X5977" i="1"/>
  <c r="X5978" i="1"/>
  <c r="X5979" i="1"/>
  <c r="X5980" i="1"/>
  <c r="X5981" i="1"/>
  <c r="X5982" i="1"/>
  <c r="X5983" i="1"/>
  <c r="X5984" i="1"/>
  <c r="X5985" i="1"/>
  <c r="X5986" i="1"/>
  <c r="X5987" i="1"/>
  <c r="X5988" i="1"/>
  <c r="X5989" i="1"/>
  <c r="X5990" i="1"/>
  <c r="X5991" i="1"/>
  <c r="X5992" i="1"/>
  <c r="X5993" i="1"/>
  <c r="X5994" i="1"/>
  <c r="X5995" i="1"/>
  <c r="X5996" i="1"/>
  <c r="X5997" i="1"/>
  <c r="X5998" i="1"/>
  <c r="X5999" i="1"/>
  <c r="X6000" i="1"/>
  <c r="X6001" i="1"/>
  <c r="X6002" i="1"/>
  <c r="X6003" i="1"/>
  <c r="X6004" i="1"/>
  <c r="X6005" i="1"/>
  <c r="X6006" i="1"/>
  <c r="X6007" i="1"/>
  <c r="X6008" i="1"/>
  <c r="X6009" i="1"/>
  <c r="X6010" i="1"/>
  <c r="X6011" i="1"/>
  <c r="X6012" i="1"/>
  <c r="X6013" i="1"/>
  <c r="X6014" i="1"/>
  <c r="X6015" i="1"/>
  <c r="X6016" i="1"/>
  <c r="X6017" i="1"/>
  <c r="X6018" i="1"/>
  <c r="X6019" i="1"/>
  <c r="X6020" i="1"/>
  <c r="X6021" i="1"/>
  <c r="X6022" i="1"/>
  <c r="X6023" i="1"/>
  <c r="X6024" i="1"/>
  <c r="X6025" i="1"/>
  <c r="X6026" i="1"/>
  <c r="X6027" i="1"/>
  <c r="X6028" i="1"/>
  <c r="X6029" i="1"/>
  <c r="X6030" i="1"/>
  <c r="X6031" i="1"/>
  <c r="X6032" i="1"/>
  <c r="X6033" i="1"/>
  <c r="X6034" i="1"/>
  <c r="X6035" i="1"/>
  <c r="X6036" i="1"/>
  <c r="X6037" i="1"/>
  <c r="X6038" i="1"/>
  <c r="X6039" i="1"/>
  <c r="X6040" i="1"/>
  <c r="X6041" i="1"/>
  <c r="X6042" i="1"/>
  <c r="X6043" i="1"/>
  <c r="X6044" i="1"/>
  <c r="X6045" i="1"/>
  <c r="X6046" i="1"/>
  <c r="X6047" i="1"/>
  <c r="X6048" i="1"/>
  <c r="X6049" i="1"/>
  <c r="X6050" i="1"/>
  <c r="X6051" i="1"/>
  <c r="X6052" i="1"/>
  <c r="X6053" i="1"/>
  <c r="X6054" i="1"/>
  <c r="X6055" i="1"/>
  <c r="X6056" i="1"/>
  <c r="X6057" i="1"/>
  <c r="X6058" i="1"/>
  <c r="X6059" i="1"/>
  <c r="X6060" i="1"/>
  <c r="X6061" i="1"/>
  <c r="X6062" i="1"/>
  <c r="X6063" i="1"/>
  <c r="X6064" i="1"/>
  <c r="X6065" i="1"/>
  <c r="X6066" i="1"/>
  <c r="X6067" i="1"/>
  <c r="X6068" i="1"/>
  <c r="X6069" i="1"/>
  <c r="X6070" i="1"/>
  <c r="X6071" i="1"/>
  <c r="X6072" i="1"/>
  <c r="X6073" i="1"/>
  <c r="X6074" i="1"/>
  <c r="X6075" i="1"/>
  <c r="X6076" i="1"/>
  <c r="X6077" i="1"/>
  <c r="X6078" i="1"/>
  <c r="X6079" i="1"/>
  <c r="X6080" i="1"/>
  <c r="X6081" i="1"/>
  <c r="X6082" i="1"/>
  <c r="X6083" i="1"/>
  <c r="X6084" i="1"/>
  <c r="X6085" i="1"/>
  <c r="X6086" i="1"/>
  <c r="X6087" i="1"/>
  <c r="X6088" i="1"/>
  <c r="X6089" i="1"/>
  <c r="X6090" i="1"/>
  <c r="X6091" i="1"/>
  <c r="X6092" i="1"/>
  <c r="X6093" i="1"/>
  <c r="X6094" i="1"/>
  <c r="X6095" i="1"/>
  <c r="X6096" i="1"/>
  <c r="X6097" i="1"/>
  <c r="X6098" i="1"/>
  <c r="X6099" i="1"/>
  <c r="X6100" i="1"/>
  <c r="X6101" i="1"/>
  <c r="X6102" i="1"/>
  <c r="X6103" i="1"/>
  <c r="X6104" i="1"/>
  <c r="X6105" i="1"/>
  <c r="X6106" i="1"/>
  <c r="X6107" i="1"/>
  <c r="X6108" i="1"/>
  <c r="X6109" i="1"/>
  <c r="X6110" i="1"/>
  <c r="X6111" i="1"/>
  <c r="X6112" i="1"/>
  <c r="X6113" i="1"/>
  <c r="X6114" i="1"/>
  <c r="X6115" i="1"/>
  <c r="X6116" i="1"/>
  <c r="X6117" i="1"/>
  <c r="X6118" i="1"/>
  <c r="X6119" i="1"/>
  <c r="X6120" i="1"/>
  <c r="X6121" i="1"/>
  <c r="X6122" i="1"/>
  <c r="X6123" i="1"/>
  <c r="X6124" i="1"/>
  <c r="X6125" i="1"/>
  <c r="X6126" i="1"/>
  <c r="X6127" i="1"/>
  <c r="X6128" i="1"/>
  <c r="X6129" i="1"/>
  <c r="X6130" i="1"/>
  <c r="X6131" i="1"/>
  <c r="X6132" i="1"/>
  <c r="X6133" i="1"/>
  <c r="X6134" i="1"/>
  <c r="X6135" i="1"/>
  <c r="X6136" i="1"/>
  <c r="X6137" i="1"/>
  <c r="X6138" i="1"/>
  <c r="X6139" i="1"/>
  <c r="X6140" i="1"/>
  <c r="X6141" i="1"/>
  <c r="X6142" i="1"/>
  <c r="X6143" i="1"/>
  <c r="X6144" i="1"/>
  <c r="X6145" i="1"/>
  <c r="X6146" i="1"/>
  <c r="X6147" i="1"/>
  <c r="X6148" i="1"/>
  <c r="X6149" i="1"/>
  <c r="X6150" i="1"/>
  <c r="X6151" i="1"/>
  <c r="X6152" i="1"/>
  <c r="X6153" i="1"/>
  <c r="X6154" i="1"/>
  <c r="X6155" i="1"/>
  <c r="X6156" i="1"/>
  <c r="X6157" i="1"/>
  <c r="X6158" i="1"/>
  <c r="X6159" i="1"/>
  <c r="X6160" i="1"/>
  <c r="X6161" i="1"/>
  <c r="X6162" i="1"/>
  <c r="X6163" i="1"/>
  <c r="X6164" i="1"/>
  <c r="X6165" i="1"/>
  <c r="X6166" i="1"/>
  <c r="X6167" i="1"/>
  <c r="X6168" i="1"/>
  <c r="X6169" i="1"/>
  <c r="X6170" i="1"/>
  <c r="X6171" i="1"/>
  <c r="X6172" i="1"/>
  <c r="X6173" i="1"/>
  <c r="X6174" i="1"/>
  <c r="X6175" i="1"/>
  <c r="X6176" i="1"/>
  <c r="X6177" i="1"/>
  <c r="X6178" i="1"/>
  <c r="X6179" i="1"/>
  <c r="X6180" i="1"/>
  <c r="X6181" i="1"/>
  <c r="X6182" i="1"/>
  <c r="X6183" i="1"/>
  <c r="X6184" i="1"/>
  <c r="X6185" i="1"/>
  <c r="X6186" i="1"/>
  <c r="X6187" i="1"/>
  <c r="X6188" i="1"/>
  <c r="X6189" i="1"/>
  <c r="X6190" i="1"/>
  <c r="X6191" i="1"/>
  <c r="X6192" i="1"/>
  <c r="X6193" i="1"/>
  <c r="X6194" i="1"/>
  <c r="X6195" i="1"/>
  <c r="X6196" i="1"/>
  <c r="X6197" i="1"/>
  <c r="X6198" i="1"/>
  <c r="X6199" i="1"/>
  <c r="X6200" i="1"/>
  <c r="X6201" i="1"/>
  <c r="X6202" i="1"/>
  <c r="X6203" i="1"/>
  <c r="X6204" i="1"/>
  <c r="X6205" i="1"/>
  <c r="X6206" i="1"/>
  <c r="X6207" i="1"/>
  <c r="X6208" i="1"/>
  <c r="X6209" i="1"/>
  <c r="X6210" i="1"/>
  <c r="X6211" i="1"/>
  <c r="X6212" i="1"/>
  <c r="X6213" i="1"/>
  <c r="X6214" i="1"/>
  <c r="X6215" i="1"/>
  <c r="X6216" i="1"/>
  <c r="X6217" i="1"/>
  <c r="X6218" i="1"/>
  <c r="X6219" i="1"/>
  <c r="X6220" i="1"/>
  <c r="X6221" i="1"/>
  <c r="X6222" i="1"/>
  <c r="X6223" i="1"/>
  <c r="X6224" i="1"/>
  <c r="X6225" i="1"/>
  <c r="X6226" i="1"/>
  <c r="X6227" i="1"/>
  <c r="X6228" i="1"/>
  <c r="X6229" i="1"/>
  <c r="X6230" i="1"/>
  <c r="X6231" i="1"/>
  <c r="X6232" i="1"/>
  <c r="X6233" i="1"/>
  <c r="X6234" i="1"/>
  <c r="X6235" i="1"/>
  <c r="X6236" i="1"/>
  <c r="X6237" i="1"/>
  <c r="X6238" i="1"/>
  <c r="X6239" i="1"/>
  <c r="X6240" i="1"/>
  <c r="X6241" i="1"/>
  <c r="X6242" i="1"/>
  <c r="X6243" i="1"/>
  <c r="X6244" i="1"/>
  <c r="X6245" i="1"/>
  <c r="X6246" i="1"/>
  <c r="X6247" i="1"/>
  <c r="X6248" i="1"/>
  <c r="X6249" i="1"/>
  <c r="X6250" i="1"/>
  <c r="X6251" i="1"/>
  <c r="X6252" i="1"/>
  <c r="X6253" i="1"/>
  <c r="X6254" i="1"/>
  <c r="X6255" i="1"/>
  <c r="X6256" i="1"/>
  <c r="X6257" i="1"/>
  <c r="X6258" i="1"/>
  <c r="X6259" i="1"/>
  <c r="X6260" i="1"/>
  <c r="X6261" i="1"/>
  <c r="X6262" i="1"/>
  <c r="X6263" i="1"/>
  <c r="X6264" i="1"/>
  <c r="X6265" i="1"/>
  <c r="X6266" i="1"/>
  <c r="X6267" i="1"/>
  <c r="X6268" i="1"/>
  <c r="X6269" i="1"/>
  <c r="X6270" i="1"/>
  <c r="X6271" i="1"/>
  <c r="X6272" i="1"/>
  <c r="X6273" i="1"/>
  <c r="X6274" i="1"/>
  <c r="X6275" i="1"/>
  <c r="X6276" i="1"/>
  <c r="X6277" i="1"/>
  <c r="X6278" i="1"/>
  <c r="X6279" i="1"/>
  <c r="X6280" i="1"/>
  <c r="X6281" i="1"/>
  <c r="X6282" i="1"/>
  <c r="X6283" i="1"/>
  <c r="X6284" i="1"/>
  <c r="X6285" i="1"/>
  <c r="X6286" i="1"/>
  <c r="X6287" i="1"/>
  <c r="X6288" i="1"/>
  <c r="X6289" i="1"/>
  <c r="X6290" i="1"/>
  <c r="X6291" i="1"/>
  <c r="X6292" i="1"/>
  <c r="X6293" i="1"/>
  <c r="X6294" i="1"/>
  <c r="X6295" i="1"/>
  <c r="X6296" i="1"/>
  <c r="X6297" i="1"/>
  <c r="X6298" i="1"/>
  <c r="X6299" i="1"/>
  <c r="X6300" i="1"/>
  <c r="X6301" i="1"/>
  <c r="X6302" i="1"/>
  <c r="X6303" i="1"/>
  <c r="X6304" i="1"/>
  <c r="X6305" i="1"/>
  <c r="X6306" i="1"/>
  <c r="X6307" i="1"/>
  <c r="X6308" i="1"/>
  <c r="X6309" i="1"/>
  <c r="X6310" i="1"/>
  <c r="X6311" i="1"/>
  <c r="X6312" i="1"/>
  <c r="X6313" i="1"/>
  <c r="X6314" i="1"/>
  <c r="X6315" i="1"/>
  <c r="X6316" i="1"/>
  <c r="X6317" i="1"/>
  <c r="X6318" i="1"/>
  <c r="X6319" i="1"/>
  <c r="X6320" i="1"/>
  <c r="X6321" i="1"/>
  <c r="X6322" i="1"/>
  <c r="X6323" i="1"/>
  <c r="X6324" i="1"/>
  <c r="X6325" i="1"/>
  <c r="X6326" i="1"/>
  <c r="X6327" i="1"/>
  <c r="X6328" i="1"/>
  <c r="X6329" i="1"/>
  <c r="X6330" i="1"/>
  <c r="X6331" i="1"/>
  <c r="X6332" i="1"/>
  <c r="X6333" i="1"/>
  <c r="X6334" i="1"/>
  <c r="X6335" i="1"/>
  <c r="X6336" i="1"/>
  <c r="X6337" i="1"/>
  <c r="X6338" i="1"/>
  <c r="X6339" i="1"/>
  <c r="X6340" i="1"/>
  <c r="X6341" i="1"/>
  <c r="X6342" i="1"/>
  <c r="X6343" i="1"/>
  <c r="X6344" i="1"/>
  <c r="X6345" i="1"/>
  <c r="X6346" i="1"/>
  <c r="X6347" i="1"/>
  <c r="X6348" i="1"/>
  <c r="X6349" i="1"/>
  <c r="X6350" i="1"/>
  <c r="X6351" i="1"/>
  <c r="X6352" i="1"/>
  <c r="X6353" i="1"/>
  <c r="X6354" i="1"/>
  <c r="X6355" i="1"/>
  <c r="X6356" i="1"/>
  <c r="X6357" i="1"/>
  <c r="X6358" i="1"/>
  <c r="X6359" i="1"/>
  <c r="X6360" i="1"/>
  <c r="X6361" i="1"/>
  <c r="X6362" i="1"/>
  <c r="X6363" i="1"/>
  <c r="X6364" i="1"/>
  <c r="X6365" i="1"/>
  <c r="X6366" i="1"/>
  <c r="X6367" i="1"/>
  <c r="X6368" i="1"/>
  <c r="X6369" i="1"/>
  <c r="X6370" i="1"/>
  <c r="X6371" i="1"/>
  <c r="X6372" i="1"/>
  <c r="X6373" i="1"/>
  <c r="X6374" i="1"/>
  <c r="X6375" i="1"/>
  <c r="X6376" i="1"/>
  <c r="X6377" i="1"/>
  <c r="X6378" i="1"/>
  <c r="X6379" i="1"/>
  <c r="X6380" i="1"/>
  <c r="X6381" i="1"/>
  <c r="X6382" i="1"/>
  <c r="X6383" i="1"/>
  <c r="X6384" i="1"/>
  <c r="X6385" i="1"/>
  <c r="X6386" i="1"/>
  <c r="X6387" i="1"/>
  <c r="X6388" i="1"/>
  <c r="X6389" i="1"/>
  <c r="X6390" i="1"/>
  <c r="X6391" i="1"/>
  <c r="X6392" i="1"/>
  <c r="X6393" i="1"/>
  <c r="X6394" i="1"/>
  <c r="X6395" i="1"/>
  <c r="X6396" i="1"/>
  <c r="X6397" i="1"/>
  <c r="X6398" i="1"/>
  <c r="X6399" i="1"/>
  <c r="X6400" i="1"/>
  <c r="X6401" i="1"/>
  <c r="X6402" i="1"/>
  <c r="X6403" i="1"/>
  <c r="X6404" i="1"/>
  <c r="X6405" i="1"/>
  <c r="X6406" i="1"/>
  <c r="X6407" i="1"/>
  <c r="X6408" i="1"/>
  <c r="X6409" i="1"/>
  <c r="X6410" i="1"/>
  <c r="X6411" i="1"/>
  <c r="X6412" i="1"/>
  <c r="X6413" i="1"/>
  <c r="X6414" i="1"/>
  <c r="X6415" i="1"/>
  <c r="X6416" i="1"/>
  <c r="X6417" i="1"/>
  <c r="X6418" i="1"/>
  <c r="X6419" i="1"/>
  <c r="X6420" i="1"/>
  <c r="X6421" i="1"/>
  <c r="X6422" i="1"/>
  <c r="X6423" i="1"/>
  <c r="X6424" i="1"/>
  <c r="X6425" i="1"/>
  <c r="X6426" i="1"/>
  <c r="X6427" i="1"/>
  <c r="X6428" i="1"/>
  <c r="X6429" i="1"/>
  <c r="X6430" i="1"/>
  <c r="X6431" i="1"/>
  <c r="X6432" i="1"/>
  <c r="X6433" i="1"/>
  <c r="X6434" i="1"/>
  <c r="X6435" i="1"/>
  <c r="X6436" i="1"/>
  <c r="X6437" i="1"/>
  <c r="X6438" i="1"/>
  <c r="X6439" i="1"/>
  <c r="X6440" i="1"/>
  <c r="X6441" i="1"/>
  <c r="X6442" i="1"/>
  <c r="X6443" i="1"/>
  <c r="X6444" i="1"/>
  <c r="X6445" i="1"/>
  <c r="X6446" i="1"/>
  <c r="X6447" i="1"/>
  <c r="X6448" i="1"/>
  <c r="X6449" i="1"/>
  <c r="X6450" i="1"/>
  <c r="X6451" i="1"/>
  <c r="X6452" i="1"/>
  <c r="X6453" i="1"/>
  <c r="X6454" i="1"/>
  <c r="X6455" i="1"/>
  <c r="X6456" i="1"/>
  <c r="X6457" i="1"/>
  <c r="X6458" i="1"/>
  <c r="X6459" i="1"/>
  <c r="X6460" i="1"/>
  <c r="X6461" i="1"/>
  <c r="X6462" i="1"/>
  <c r="X6463" i="1"/>
  <c r="X6464" i="1"/>
  <c r="X6465" i="1"/>
  <c r="X6466" i="1"/>
  <c r="X6467" i="1"/>
  <c r="X6468" i="1"/>
  <c r="X6469" i="1"/>
  <c r="X6470" i="1"/>
  <c r="X6471" i="1"/>
  <c r="X6472" i="1"/>
  <c r="X6473" i="1"/>
  <c r="X6474" i="1"/>
  <c r="X6475" i="1"/>
  <c r="X6476" i="1"/>
  <c r="X6477" i="1"/>
  <c r="X6478" i="1"/>
  <c r="X6479" i="1"/>
  <c r="X6480" i="1"/>
  <c r="X6481" i="1"/>
  <c r="X6482" i="1"/>
  <c r="X6483" i="1"/>
  <c r="X6484" i="1"/>
  <c r="X6485" i="1"/>
  <c r="X6486" i="1"/>
  <c r="X6487" i="1"/>
  <c r="X6488" i="1"/>
  <c r="X6489" i="1"/>
  <c r="X6490" i="1"/>
  <c r="X6491" i="1"/>
  <c r="X6492" i="1"/>
  <c r="X6493" i="1"/>
  <c r="X6494" i="1"/>
  <c r="X6495" i="1"/>
  <c r="X6496" i="1"/>
  <c r="X6497" i="1"/>
  <c r="X6498" i="1"/>
  <c r="X6499" i="1"/>
  <c r="X6500" i="1"/>
  <c r="X6501" i="1"/>
  <c r="X6502" i="1"/>
  <c r="X6503" i="1"/>
  <c r="X6504" i="1"/>
  <c r="X6505" i="1"/>
  <c r="X6506" i="1"/>
  <c r="X6507" i="1"/>
  <c r="X6508" i="1"/>
  <c r="X6509" i="1"/>
  <c r="X6510" i="1"/>
  <c r="X6511" i="1"/>
  <c r="X6512" i="1"/>
  <c r="X6513" i="1"/>
  <c r="X6514" i="1"/>
  <c r="X6515" i="1"/>
  <c r="X6516" i="1"/>
  <c r="X6517" i="1"/>
  <c r="X6518" i="1"/>
  <c r="X6519" i="1"/>
  <c r="X6520" i="1"/>
  <c r="X6521" i="1"/>
  <c r="X6522" i="1"/>
  <c r="X6523" i="1"/>
  <c r="X6524" i="1"/>
  <c r="X6525" i="1"/>
  <c r="X6526" i="1"/>
  <c r="X6527" i="1"/>
  <c r="X6528" i="1"/>
  <c r="X6529" i="1"/>
  <c r="X6530" i="1"/>
  <c r="X6531" i="1"/>
  <c r="X6532" i="1"/>
  <c r="X6533" i="1"/>
  <c r="X6534" i="1"/>
  <c r="X6535" i="1"/>
  <c r="X6536" i="1"/>
  <c r="X6537" i="1"/>
  <c r="X6538" i="1"/>
  <c r="X6539" i="1"/>
  <c r="X6540" i="1"/>
  <c r="X6541" i="1"/>
  <c r="X6542" i="1"/>
  <c r="X6543" i="1"/>
  <c r="X6544" i="1"/>
  <c r="X6545" i="1"/>
  <c r="X6546" i="1"/>
  <c r="X6547" i="1"/>
  <c r="X6548" i="1"/>
  <c r="X6549" i="1"/>
  <c r="X6550" i="1"/>
  <c r="X6551" i="1"/>
  <c r="X6552" i="1"/>
  <c r="X6553" i="1"/>
  <c r="X6554" i="1"/>
  <c r="X6555" i="1"/>
  <c r="X6556" i="1"/>
  <c r="X6557" i="1"/>
  <c r="X6558" i="1"/>
  <c r="X6559" i="1"/>
  <c r="X6560" i="1"/>
  <c r="X6561" i="1"/>
  <c r="X6562" i="1"/>
  <c r="X6563" i="1"/>
  <c r="X6564" i="1"/>
  <c r="X6565" i="1"/>
  <c r="X6566" i="1"/>
  <c r="X6567" i="1"/>
  <c r="X6568" i="1"/>
  <c r="X6569" i="1"/>
  <c r="X6570" i="1"/>
  <c r="X6571" i="1"/>
  <c r="X6572" i="1"/>
  <c r="X6573" i="1"/>
  <c r="X6574" i="1"/>
  <c r="X6575" i="1"/>
  <c r="X6576" i="1"/>
  <c r="X6577" i="1"/>
  <c r="X6578" i="1"/>
  <c r="X6579" i="1"/>
  <c r="X6580" i="1"/>
  <c r="X6581" i="1"/>
  <c r="X6582" i="1"/>
  <c r="X6583" i="1"/>
  <c r="X6584" i="1"/>
  <c r="X6585" i="1"/>
  <c r="X6586" i="1"/>
  <c r="X6587" i="1"/>
  <c r="X6588" i="1"/>
  <c r="X6589" i="1"/>
  <c r="X6590" i="1"/>
  <c r="X6591" i="1"/>
  <c r="X6592" i="1"/>
  <c r="X6593" i="1"/>
  <c r="X6594" i="1"/>
  <c r="X6595" i="1"/>
  <c r="X6596" i="1"/>
  <c r="X6597" i="1"/>
  <c r="X6598" i="1"/>
  <c r="X6599" i="1"/>
  <c r="X6600" i="1"/>
  <c r="X6601" i="1"/>
  <c r="X6602" i="1"/>
  <c r="X6603" i="1"/>
  <c r="X6604" i="1"/>
  <c r="X6605" i="1"/>
  <c r="X6606" i="1"/>
  <c r="X6607" i="1"/>
  <c r="X6608" i="1"/>
  <c r="X6609" i="1"/>
  <c r="X6610" i="1"/>
  <c r="X6611" i="1"/>
  <c r="X6612" i="1"/>
  <c r="X6613" i="1"/>
  <c r="X6614" i="1"/>
  <c r="X6615" i="1"/>
  <c r="X6616" i="1"/>
  <c r="X6617" i="1"/>
  <c r="X6618" i="1"/>
  <c r="X6619" i="1"/>
  <c r="X6620" i="1"/>
  <c r="X6621" i="1"/>
  <c r="X6622" i="1"/>
  <c r="X6623" i="1"/>
  <c r="X6624" i="1"/>
  <c r="X6625" i="1"/>
  <c r="X6626" i="1"/>
  <c r="X6627" i="1"/>
  <c r="X6628" i="1"/>
  <c r="X6629" i="1"/>
  <c r="X6630" i="1"/>
  <c r="X6631" i="1"/>
  <c r="X6632" i="1"/>
  <c r="X6633" i="1"/>
  <c r="X6634" i="1"/>
  <c r="X6635" i="1"/>
  <c r="X6636" i="1"/>
  <c r="X6637" i="1"/>
  <c r="X6638" i="1"/>
  <c r="X6639" i="1"/>
  <c r="X6640" i="1"/>
  <c r="X6641" i="1"/>
  <c r="X6642" i="1"/>
  <c r="X6643" i="1"/>
  <c r="X6644" i="1"/>
  <c r="X6645" i="1"/>
  <c r="X6646" i="1"/>
  <c r="X6647" i="1"/>
  <c r="X6648" i="1"/>
  <c r="X6649" i="1"/>
  <c r="X6650" i="1"/>
  <c r="X6651" i="1"/>
  <c r="X6652" i="1"/>
  <c r="X6653" i="1"/>
  <c r="X6654" i="1"/>
  <c r="X6655" i="1"/>
  <c r="X6656" i="1"/>
  <c r="X6657" i="1"/>
  <c r="X6658" i="1"/>
  <c r="X6659" i="1"/>
  <c r="X6660" i="1"/>
  <c r="X6661" i="1"/>
  <c r="X6662" i="1"/>
  <c r="X6663" i="1"/>
  <c r="X6664" i="1"/>
  <c r="X6665" i="1"/>
  <c r="X6666" i="1"/>
  <c r="X6667" i="1"/>
  <c r="X6668" i="1"/>
  <c r="X6669" i="1"/>
  <c r="X6670" i="1"/>
  <c r="X6671" i="1"/>
  <c r="X6672" i="1"/>
  <c r="X6673" i="1"/>
  <c r="X6674" i="1"/>
  <c r="X6675" i="1"/>
  <c r="X6676" i="1"/>
  <c r="X6677" i="1"/>
  <c r="X6678" i="1"/>
  <c r="X6679" i="1"/>
  <c r="X6680" i="1"/>
  <c r="X6681" i="1"/>
  <c r="X6682" i="1"/>
  <c r="X6683" i="1"/>
  <c r="X6684" i="1"/>
  <c r="X6685" i="1"/>
  <c r="X6686" i="1"/>
  <c r="X6687" i="1"/>
  <c r="X6688" i="1"/>
  <c r="X6689" i="1"/>
  <c r="X6690" i="1"/>
  <c r="X6691" i="1"/>
  <c r="X6692" i="1"/>
  <c r="X6693" i="1"/>
  <c r="X6694" i="1"/>
  <c r="X6695" i="1"/>
  <c r="X6696" i="1"/>
  <c r="X6697" i="1"/>
  <c r="X6698" i="1"/>
  <c r="X6699" i="1"/>
  <c r="X6700" i="1"/>
  <c r="X6701" i="1"/>
  <c r="X6702" i="1"/>
  <c r="X6703" i="1"/>
  <c r="X6704" i="1"/>
  <c r="X6705" i="1"/>
  <c r="X6706" i="1"/>
  <c r="X6707" i="1"/>
  <c r="X6708" i="1"/>
  <c r="X6709" i="1"/>
  <c r="X6710" i="1"/>
  <c r="X6711" i="1"/>
  <c r="X6712" i="1"/>
  <c r="X6713" i="1"/>
  <c r="X6714" i="1"/>
  <c r="X6715" i="1"/>
  <c r="X6716" i="1"/>
  <c r="X6717" i="1"/>
  <c r="X6718" i="1"/>
  <c r="X6719" i="1"/>
  <c r="X6720" i="1"/>
  <c r="X6721" i="1"/>
  <c r="X6722" i="1"/>
  <c r="X6723" i="1"/>
  <c r="X6724" i="1"/>
  <c r="X6725" i="1"/>
  <c r="X6726" i="1"/>
  <c r="X6727" i="1"/>
  <c r="X6728" i="1"/>
  <c r="X6729" i="1"/>
  <c r="X6730" i="1"/>
  <c r="X6731" i="1"/>
  <c r="X6732" i="1"/>
  <c r="X6733" i="1"/>
  <c r="X6734" i="1"/>
  <c r="X6735" i="1"/>
  <c r="X6736" i="1"/>
  <c r="X6737" i="1"/>
  <c r="X6738" i="1"/>
  <c r="X6739" i="1"/>
  <c r="X6740" i="1"/>
  <c r="X6741" i="1"/>
  <c r="X6742" i="1"/>
  <c r="X6743" i="1"/>
  <c r="X6744" i="1"/>
  <c r="X6745" i="1"/>
  <c r="X6746" i="1"/>
  <c r="X6747" i="1"/>
  <c r="X6748" i="1"/>
  <c r="X6749" i="1"/>
  <c r="X6750" i="1"/>
  <c r="X6751" i="1"/>
  <c r="X6752" i="1"/>
  <c r="X6753" i="1"/>
  <c r="X6754" i="1"/>
  <c r="X6755" i="1"/>
  <c r="X6756" i="1"/>
  <c r="X6757" i="1"/>
  <c r="X6758" i="1"/>
  <c r="X6759" i="1"/>
  <c r="X6760" i="1"/>
  <c r="X6761" i="1"/>
  <c r="X6762" i="1"/>
  <c r="X6763" i="1"/>
  <c r="X6764" i="1"/>
  <c r="X6765" i="1"/>
  <c r="X6766" i="1"/>
  <c r="X6767" i="1"/>
  <c r="X6768" i="1"/>
  <c r="X6769" i="1"/>
  <c r="X6770" i="1"/>
  <c r="X6771" i="1"/>
  <c r="X6772" i="1"/>
  <c r="X6773" i="1"/>
  <c r="X6774" i="1"/>
  <c r="X6775" i="1"/>
  <c r="X6776" i="1"/>
  <c r="X6777" i="1"/>
  <c r="X6778" i="1"/>
  <c r="X6779" i="1"/>
  <c r="X6780" i="1"/>
  <c r="X6781" i="1"/>
  <c r="X6782" i="1"/>
  <c r="X6783" i="1"/>
  <c r="X6784" i="1"/>
  <c r="X6785" i="1"/>
  <c r="X6786" i="1"/>
  <c r="X6787" i="1"/>
  <c r="X6788" i="1"/>
  <c r="X6789" i="1"/>
  <c r="X6790" i="1"/>
  <c r="X6791" i="1"/>
  <c r="X6792" i="1"/>
  <c r="X6793" i="1"/>
  <c r="X6794" i="1"/>
  <c r="X6795" i="1"/>
  <c r="X6796" i="1"/>
  <c r="X6797" i="1"/>
  <c r="X6798" i="1"/>
  <c r="X6799" i="1"/>
  <c r="X6800" i="1"/>
  <c r="X6801" i="1"/>
  <c r="X6802" i="1"/>
  <c r="X6803" i="1"/>
  <c r="X6804" i="1"/>
  <c r="X6805" i="1"/>
  <c r="X6806" i="1"/>
  <c r="X6807" i="1"/>
  <c r="X6808" i="1"/>
  <c r="X6809" i="1"/>
  <c r="X6810" i="1"/>
  <c r="X6811" i="1"/>
  <c r="X6812" i="1"/>
  <c r="X6813" i="1"/>
  <c r="X6814" i="1"/>
  <c r="X6815" i="1"/>
  <c r="X6816" i="1"/>
  <c r="X6817" i="1"/>
  <c r="X6818" i="1"/>
  <c r="X6819" i="1"/>
  <c r="X6820" i="1"/>
  <c r="X6821" i="1"/>
  <c r="X6822" i="1"/>
  <c r="X6823" i="1"/>
  <c r="X6824" i="1"/>
  <c r="X6825" i="1"/>
  <c r="X6826" i="1"/>
  <c r="X6827" i="1"/>
  <c r="X6828" i="1"/>
  <c r="X6829" i="1"/>
  <c r="X6830" i="1"/>
  <c r="X6831" i="1"/>
  <c r="X6832" i="1"/>
  <c r="X6833" i="1"/>
  <c r="X6834" i="1"/>
  <c r="X6835" i="1"/>
  <c r="X6836" i="1"/>
  <c r="X6837" i="1"/>
  <c r="X6838" i="1"/>
  <c r="X6839" i="1"/>
  <c r="X6840" i="1"/>
  <c r="X6841" i="1"/>
  <c r="X6842" i="1"/>
  <c r="X6843" i="1"/>
  <c r="X6844" i="1"/>
  <c r="X6845" i="1"/>
  <c r="X6846" i="1"/>
  <c r="X6847" i="1"/>
  <c r="X6848" i="1"/>
  <c r="X6849" i="1"/>
  <c r="X6850" i="1"/>
  <c r="X6851" i="1"/>
  <c r="X6852" i="1"/>
  <c r="X6853" i="1"/>
  <c r="X6854" i="1"/>
  <c r="X6855" i="1"/>
  <c r="X6856" i="1"/>
  <c r="X6857" i="1"/>
  <c r="X6858" i="1"/>
  <c r="X6859" i="1"/>
  <c r="X6860" i="1"/>
  <c r="X6861" i="1"/>
  <c r="X6862" i="1"/>
  <c r="X6863" i="1"/>
  <c r="X6864" i="1"/>
  <c r="X6865" i="1"/>
  <c r="X6866" i="1"/>
  <c r="X6867" i="1"/>
  <c r="X6868" i="1"/>
  <c r="X6869" i="1"/>
  <c r="X6870" i="1"/>
  <c r="X6871" i="1"/>
  <c r="X6872" i="1"/>
  <c r="X6873" i="1"/>
  <c r="X6874" i="1"/>
  <c r="X6875" i="1"/>
  <c r="X6876" i="1"/>
  <c r="X6877" i="1"/>
  <c r="X6878" i="1"/>
  <c r="X6879" i="1"/>
  <c r="X6880" i="1"/>
  <c r="X6881" i="1"/>
  <c r="X6882" i="1"/>
  <c r="X6883" i="1"/>
  <c r="X6884" i="1"/>
  <c r="X6885" i="1"/>
  <c r="X6886" i="1"/>
  <c r="X6887" i="1"/>
  <c r="X6888" i="1"/>
  <c r="X6889" i="1"/>
  <c r="X6890" i="1"/>
  <c r="X6891" i="1"/>
  <c r="X6892" i="1"/>
  <c r="X6893" i="1"/>
  <c r="X6894" i="1"/>
  <c r="X6895" i="1"/>
  <c r="X6896" i="1"/>
  <c r="X6897" i="1"/>
  <c r="X6898" i="1"/>
  <c r="X6899" i="1"/>
  <c r="X6900" i="1"/>
  <c r="X6901" i="1"/>
  <c r="X6902" i="1"/>
  <c r="X6903" i="1"/>
  <c r="X6904" i="1"/>
  <c r="X6905" i="1"/>
  <c r="X6906" i="1"/>
  <c r="X6907" i="1"/>
  <c r="X6908" i="1"/>
  <c r="X6909" i="1"/>
  <c r="X6910" i="1"/>
  <c r="X6911" i="1"/>
  <c r="X6912" i="1"/>
  <c r="X6913" i="1"/>
  <c r="X6914" i="1"/>
  <c r="X6915" i="1"/>
  <c r="X6916" i="1"/>
  <c r="X6917" i="1"/>
  <c r="X6918" i="1"/>
  <c r="X6919" i="1"/>
  <c r="X6920" i="1"/>
  <c r="X6921" i="1"/>
  <c r="X6922" i="1"/>
  <c r="X6923" i="1"/>
  <c r="X6924" i="1"/>
  <c r="X6925" i="1"/>
  <c r="X6926" i="1"/>
  <c r="X6927" i="1"/>
  <c r="X6928" i="1"/>
  <c r="X6929" i="1"/>
  <c r="X6930" i="1"/>
  <c r="X6931" i="1"/>
  <c r="X6932" i="1"/>
  <c r="X6933" i="1"/>
  <c r="X6934" i="1"/>
  <c r="X6935" i="1"/>
  <c r="X6936" i="1"/>
  <c r="X6937" i="1"/>
  <c r="X6938" i="1"/>
  <c r="X6939" i="1"/>
  <c r="X6940" i="1"/>
  <c r="X6941" i="1"/>
  <c r="X6942" i="1"/>
  <c r="X6943" i="1"/>
  <c r="X6944" i="1"/>
  <c r="X6945" i="1"/>
  <c r="X6946" i="1"/>
  <c r="X6947" i="1"/>
  <c r="X6948" i="1"/>
  <c r="X6949" i="1"/>
  <c r="X6950" i="1"/>
  <c r="X6951" i="1"/>
  <c r="X6952" i="1"/>
  <c r="X6953" i="1"/>
  <c r="X6954" i="1"/>
  <c r="X6955" i="1"/>
  <c r="X6956" i="1"/>
  <c r="X6957" i="1"/>
  <c r="X6958" i="1"/>
  <c r="X6959" i="1"/>
  <c r="X6960" i="1"/>
  <c r="X6961" i="1"/>
  <c r="X6962" i="1"/>
  <c r="X6963" i="1"/>
  <c r="X6964" i="1"/>
  <c r="X6965" i="1"/>
  <c r="X6966" i="1"/>
  <c r="X6967" i="1"/>
  <c r="X6968" i="1"/>
  <c r="X6969" i="1"/>
  <c r="X6970" i="1"/>
  <c r="X6971" i="1"/>
  <c r="X6972" i="1"/>
  <c r="X6973" i="1"/>
  <c r="X6974" i="1"/>
  <c r="X6975" i="1"/>
  <c r="X6976" i="1"/>
  <c r="X6977" i="1"/>
  <c r="X6978" i="1"/>
  <c r="X6979" i="1"/>
  <c r="X6980" i="1"/>
  <c r="X6981" i="1"/>
  <c r="X6982" i="1"/>
  <c r="X6983" i="1"/>
  <c r="X6984" i="1"/>
  <c r="X6985" i="1"/>
  <c r="X6986" i="1"/>
  <c r="X6987" i="1"/>
  <c r="X6988" i="1"/>
  <c r="X6989" i="1"/>
  <c r="X6990" i="1"/>
  <c r="X6991" i="1"/>
  <c r="X6992" i="1"/>
  <c r="X6993" i="1"/>
  <c r="X6994" i="1"/>
  <c r="X6995" i="1"/>
  <c r="X6996" i="1"/>
  <c r="X6997" i="1"/>
  <c r="X6998" i="1"/>
  <c r="X6999" i="1"/>
  <c r="X7000" i="1"/>
  <c r="X7001" i="1"/>
  <c r="X7002" i="1"/>
  <c r="X7003" i="1"/>
  <c r="X7004" i="1"/>
  <c r="X7005" i="1"/>
  <c r="X7006" i="1"/>
  <c r="X7007" i="1"/>
  <c r="X7008" i="1"/>
  <c r="X7009" i="1"/>
  <c r="X7010" i="1"/>
  <c r="X7011" i="1"/>
  <c r="X7012" i="1"/>
  <c r="X7013" i="1"/>
  <c r="X7014" i="1"/>
  <c r="X7015" i="1"/>
  <c r="X7016" i="1"/>
  <c r="X7017" i="1"/>
  <c r="X7018" i="1"/>
  <c r="X7019" i="1"/>
  <c r="X7020" i="1"/>
  <c r="X7021" i="1"/>
  <c r="X7022" i="1"/>
  <c r="X7023" i="1"/>
  <c r="X7024" i="1"/>
  <c r="X7025" i="1"/>
  <c r="X7026" i="1"/>
  <c r="X7027" i="1"/>
  <c r="X7028" i="1"/>
  <c r="X7029" i="1"/>
  <c r="X7030" i="1"/>
  <c r="X7031" i="1"/>
  <c r="X7032" i="1"/>
  <c r="X7033" i="1"/>
  <c r="X7034" i="1"/>
  <c r="X7035" i="1"/>
  <c r="X7036" i="1"/>
  <c r="X7037" i="1"/>
  <c r="X7038" i="1"/>
  <c r="X7039" i="1"/>
  <c r="X7040" i="1"/>
  <c r="X7041" i="1"/>
  <c r="X7042" i="1"/>
  <c r="X7043" i="1"/>
  <c r="X7044" i="1"/>
  <c r="X7045" i="1"/>
  <c r="X7046" i="1"/>
  <c r="X7047" i="1"/>
  <c r="X7048" i="1"/>
  <c r="X7049" i="1"/>
  <c r="X7050" i="1"/>
  <c r="X7051" i="1"/>
  <c r="X7052" i="1"/>
  <c r="X7053" i="1"/>
  <c r="X7054" i="1"/>
  <c r="X7055" i="1"/>
  <c r="X7056" i="1"/>
  <c r="X7057" i="1"/>
  <c r="X7058" i="1"/>
  <c r="X7059" i="1"/>
  <c r="X7060" i="1"/>
  <c r="X7061" i="1"/>
  <c r="X7062" i="1"/>
  <c r="X7063" i="1"/>
  <c r="X7064" i="1"/>
  <c r="X7065" i="1"/>
  <c r="X7066" i="1"/>
  <c r="X7067" i="1"/>
  <c r="X7068" i="1"/>
  <c r="X7069" i="1"/>
  <c r="X7070" i="1"/>
  <c r="X7071" i="1"/>
  <c r="X7072" i="1"/>
  <c r="X7073" i="1"/>
  <c r="X7074" i="1"/>
  <c r="X7075" i="1"/>
  <c r="X7076" i="1"/>
  <c r="X7077" i="1"/>
  <c r="X7078" i="1"/>
  <c r="X7079" i="1"/>
  <c r="X7080" i="1"/>
  <c r="X7081" i="1"/>
  <c r="X7082" i="1"/>
  <c r="X7083" i="1"/>
  <c r="X7084" i="1"/>
  <c r="X7085" i="1"/>
  <c r="X7086" i="1"/>
  <c r="X7087" i="1"/>
  <c r="X7088" i="1"/>
  <c r="X7089" i="1"/>
  <c r="X7090" i="1"/>
  <c r="X7091" i="1"/>
  <c r="X7092" i="1"/>
  <c r="X7093" i="1"/>
  <c r="X7094" i="1"/>
  <c r="X7095" i="1"/>
  <c r="X7096" i="1"/>
  <c r="X7097" i="1"/>
  <c r="X7098" i="1"/>
  <c r="X7099" i="1"/>
  <c r="X7100" i="1"/>
  <c r="X7101" i="1"/>
  <c r="X7102" i="1"/>
  <c r="X7103" i="1"/>
  <c r="X7104" i="1"/>
  <c r="X7105" i="1"/>
  <c r="X7106" i="1"/>
  <c r="X7107" i="1"/>
  <c r="X7108" i="1"/>
  <c r="X7109" i="1"/>
  <c r="X7110" i="1"/>
  <c r="X7111" i="1"/>
  <c r="X7112" i="1"/>
  <c r="X7113" i="1"/>
  <c r="X7114" i="1"/>
  <c r="X7115" i="1"/>
  <c r="X7116" i="1"/>
  <c r="X7117" i="1"/>
  <c r="X7118" i="1"/>
  <c r="X7119" i="1"/>
  <c r="X7120" i="1"/>
  <c r="X7121" i="1"/>
  <c r="X7122" i="1"/>
  <c r="X7123" i="1"/>
  <c r="X7124" i="1"/>
  <c r="X7125" i="1"/>
  <c r="X7126" i="1"/>
  <c r="X7127" i="1"/>
  <c r="X7128" i="1"/>
  <c r="X7129" i="1"/>
  <c r="X7130" i="1"/>
  <c r="X7131" i="1"/>
  <c r="X7132" i="1"/>
  <c r="X7133" i="1"/>
  <c r="X7134" i="1"/>
  <c r="X7135" i="1"/>
  <c r="X7136" i="1"/>
  <c r="X7137" i="1"/>
  <c r="X7138" i="1"/>
  <c r="X7139" i="1"/>
  <c r="X7140" i="1"/>
  <c r="X7141" i="1"/>
  <c r="X7142" i="1"/>
  <c r="X7143" i="1"/>
  <c r="X7144" i="1"/>
  <c r="X7145" i="1"/>
  <c r="X7146" i="1"/>
  <c r="X7147" i="1"/>
  <c r="X7148" i="1"/>
  <c r="X7149" i="1"/>
  <c r="X7150" i="1"/>
  <c r="X7151" i="1"/>
  <c r="X7152" i="1"/>
  <c r="X7153" i="1"/>
  <c r="X7154" i="1"/>
  <c r="X7155" i="1"/>
  <c r="X7156" i="1"/>
  <c r="X7157" i="1"/>
  <c r="X7158" i="1"/>
  <c r="X7159" i="1"/>
  <c r="X7160" i="1"/>
  <c r="X7161" i="1"/>
  <c r="X7162" i="1"/>
  <c r="X7163" i="1"/>
  <c r="X7164" i="1"/>
  <c r="X7165" i="1"/>
  <c r="X7166" i="1"/>
  <c r="X7167" i="1"/>
  <c r="X7168" i="1"/>
  <c r="X7169" i="1"/>
  <c r="X7170" i="1"/>
  <c r="X7171" i="1"/>
  <c r="X7172" i="1"/>
  <c r="X7173" i="1"/>
  <c r="X7174" i="1"/>
  <c r="X7175" i="1"/>
  <c r="X7176" i="1"/>
  <c r="X7177" i="1"/>
  <c r="X7178" i="1"/>
  <c r="X7179" i="1"/>
  <c r="X7180" i="1"/>
  <c r="X7181" i="1"/>
  <c r="X7182" i="1"/>
  <c r="X7183" i="1"/>
  <c r="X7184" i="1"/>
  <c r="X7185" i="1"/>
  <c r="X7186" i="1"/>
  <c r="X7187" i="1"/>
  <c r="X7188" i="1"/>
  <c r="X7189" i="1"/>
  <c r="X7190" i="1"/>
  <c r="X7191" i="1"/>
  <c r="X7192" i="1"/>
  <c r="X7193" i="1"/>
  <c r="X7194" i="1"/>
  <c r="X7195" i="1"/>
  <c r="X7196" i="1"/>
  <c r="X7197" i="1"/>
  <c r="X7198" i="1"/>
  <c r="X7199" i="1"/>
  <c r="X7200" i="1"/>
  <c r="X7201" i="1"/>
  <c r="X7202" i="1"/>
  <c r="X7203" i="1"/>
  <c r="X7204" i="1"/>
  <c r="X7205" i="1"/>
  <c r="X7206" i="1"/>
  <c r="X7207" i="1"/>
  <c r="X7208" i="1"/>
  <c r="X7209" i="1"/>
  <c r="X7210" i="1"/>
  <c r="X7211" i="1"/>
  <c r="X7212" i="1"/>
  <c r="X7213" i="1"/>
  <c r="X7214" i="1"/>
  <c r="X7215" i="1"/>
  <c r="X7216" i="1"/>
  <c r="X7217" i="1"/>
  <c r="X7218" i="1"/>
  <c r="X7219" i="1"/>
  <c r="X7220" i="1"/>
  <c r="X7221" i="1"/>
  <c r="X7222" i="1"/>
  <c r="X7223" i="1"/>
  <c r="X7224" i="1"/>
  <c r="X7225" i="1"/>
  <c r="X7226" i="1"/>
  <c r="X7227" i="1"/>
  <c r="X7228" i="1"/>
  <c r="X7229" i="1"/>
  <c r="X7230" i="1"/>
  <c r="X7231" i="1"/>
  <c r="X7232" i="1"/>
  <c r="X7233" i="1"/>
  <c r="X7234" i="1"/>
  <c r="X7235" i="1"/>
  <c r="X7236" i="1"/>
  <c r="X7237" i="1"/>
  <c r="X7238" i="1"/>
  <c r="X7239" i="1"/>
  <c r="X7240" i="1"/>
  <c r="X7241" i="1"/>
  <c r="X7242" i="1"/>
  <c r="X7243" i="1"/>
  <c r="X7244" i="1"/>
  <c r="X7245" i="1"/>
  <c r="X7246" i="1"/>
  <c r="X7247" i="1"/>
  <c r="X7248" i="1"/>
  <c r="X7249" i="1"/>
  <c r="X7250" i="1"/>
  <c r="X7251" i="1"/>
  <c r="X7252" i="1"/>
  <c r="X7253" i="1"/>
  <c r="X7254" i="1"/>
  <c r="X7255" i="1"/>
  <c r="X7256" i="1"/>
  <c r="X7257" i="1"/>
  <c r="X7258" i="1"/>
  <c r="X7259" i="1"/>
  <c r="X7260" i="1"/>
  <c r="X7261" i="1"/>
  <c r="X7262" i="1"/>
  <c r="X7263" i="1"/>
  <c r="X7264" i="1"/>
  <c r="X7265" i="1"/>
  <c r="X7266" i="1"/>
  <c r="X7267" i="1"/>
  <c r="X7268" i="1"/>
  <c r="X7269" i="1"/>
  <c r="X7270" i="1"/>
  <c r="X7271" i="1"/>
  <c r="X7272" i="1"/>
  <c r="X7273" i="1"/>
  <c r="X7274" i="1"/>
  <c r="X7275" i="1"/>
  <c r="X7276" i="1"/>
  <c r="X7277" i="1"/>
  <c r="X7278" i="1"/>
  <c r="X7279" i="1"/>
  <c r="X7280" i="1"/>
  <c r="X7281" i="1"/>
  <c r="X7282" i="1"/>
  <c r="X7283" i="1"/>
  <c r="X7284" i="1"/>
  <c r="X7285" i="1"/>
  <c r="X7286" i="1"/>
  <c r="X7287" i="1"/>
  <c r="X7288" i="1"/>
  <c r="X7289" i="1"/>
  <c r="X7290" i="1"/>
  <c r="X7291" i="1"/>
  <c r="X7292" i="1"/>
  <c r="X7293" i="1"/>
  <c r="X7294" i="1"/>
  <c r="X7295" i="1"/>
  <c r="X7296" i="1"/>
  <c r="X7297" i="1"/>
  <c r="X7298" i="1"/>
  <c r="X7299" i="1"/>
  <c r="X7300" i="1"/>
  <c r="X7301" i="1"/>
  <c r="X7302" i="1"/>
  <c r="X7303" i="1"/>
  <c r="X7304" i="1"/>
  <c r="X7305" i="1"/>
  <c r="X7306" i="1"/>
  <c r="X7307" i="1"/>
  <c r="X7308" i="1"/>
  <c r="X7309" i="1"/>
  <c r="X7310" i="1"/>
  <c r="X7311" i="1"/>
  <c r="X7312" i="1"/>
  <c r="X7313" i="1"/>
  <c r="X7314" i="1"/>
  <c r="X7315" i="1"/>
  <c r="X7316" i="1"/>
  <c r="X7317" i="1"/>
  <c r="X7318" i="1"/>
  <c r="X7319" i="1"/>
  <c r="X7320" i="1"/>
  <c r="X7321" i="1"/>
  <c r="X7322" i="1"/>
  <c r="X7323" i="1"/>
  <c r="X7324" i="1"/>
  <c r="X7325" i="1"/>
  <c r="X7326" i="1"/>
  <c r="X7327" i="1"/>
  <c r="X7328" i="1"/>
  <c r="X7329" i="1"/>
  <c r="X7330" i="1"/>
  <c r="X7331" i="1"/>
  <c r="X7332" i="1"/>
  <c r="X7333" i="1"/>
  <c r="X7334" i="1"/>
  <c r="X7335" i="1"/>
  <c r="X7336" i="1"/>
  <c r="X7337" i="1"/>
  <c r="X7338" i="1"/>
  <c r="X7339" i="1"/>
  <c r="X7340" i="1"/>
  <c r="X7341" i="1"/>
  <c r="X7342" i="1"/>
  <c r="X7343" i="1"/>
  <c r="X7344" i="1"/>
  <c r="X7345" i="1"/>
  <c r="X7346" i="1"/>
  <c r="X7347" i="1"/>
  <c r="X7348" i="1"/>
  <c r="X7349" i="1"/>
  <c r="X7350" i="1"/>
  <c r="X7351" i="1"/>
  <c r="X7352" i="1"/>
  <c r="X7353" i="1"/>
  <c r="X7354" i="1"/>
  <c r="X7355" i="1"/>
  <c r="X7356" i="1"/>
  <c r="X7357" i="1"/>
  <c r="X7358" i="1"/>
  <c r="X7359" i="1"/>
  <c r="X7360" i="1"/>
  <c r="X7361" i="1"/>
  <c r="X7362" i="1"/>
  <c r="X7363" i="1"/>
  <c r="X7364" i="1"/>
  <c r="X7365" i="1"/>
  <c r="X7366" i="1"/>
  <c r="X7367" i="1"/>
  <c r="X7368" i="1"/>
  <c r="X7369" i="1"/>
  <c r="X7370" i="1"/>
  <c r="X7371" i="1"/>
  <c r="X7372" i="1"/>
  <c r="X7373" i="1"/>
  <c r="X7374" i="1"/>
  <c r="X7375" i="1"/>
  <c r="X7376" i="1"/>
  <c r="X7377" i="1"/>
  <c r="X7378" i="1"/>
  <c r="X7379" i="1"/>
  <c r="X7380" i="1"/>
  <c r="X7381" i="1"/>
  <c r="X7382" i="1"/>
  <c r="X7383" i="1"/>
  <c r="X7384" i="1"/>
  <c r="X7385" i="1"/>
  <c r="X7386" i="1"/>
  <c r="X7387" i="1"/>
  <c r="X7388" i="1"/>
  <c r="X7389" i="1"/>
  <c r="X7390" i="1"/>
  <c r="X7391" i="1"/>
  <c r="X7392" i="1"/>
  <c r="X7393" i="1"/>
  <c r="X7394" i="1"/>
  <c r="X7395" i="1"/>
  <c r="X7396" i="1"/>
  <c r="X7397" i="1"/>
  <c r="X7398" i="1"/>
  <c r="X7399" i="1"/>
  <c r="X7400" i="1"/>
  <c r="X7401" i="1"/>
  <c r="X7402" i="1"/>
  <c r="X7403" i="1"/>
  <c r="X7404" i="1"/>
  <c r="X7405" i="1"/>
  <c r="X7406" i="1"/>
  <c r="X7407" i="1"/>
  <c r="X7408" i="1"/>
  <c r="X7409" i="1"/>
  <c r="X7410" i="1"/>
  <c r="X7411" i="1"/>
  <c r="X7412" i="1"/>
  <c r="X7413" i="1"/>
  <c r="X7414" i="1"/>
  <c r="X7415" i="1"/>
  <c r="X7416" i="1"/>
  <c r="X7417" i="1"/>
  <c r="X7418" i="1"/>
  <c r="X7419" i="1"/>
  <c r="X7420" i="1"/>
  <c r="X7421" i="1"/>
  <c r="X7422" i="1"/>
  <c r="X7423" i="1"/>
  <c r="X7424" i="1"/>
  <c r="X7425" i="1"/>
  <c r="X7426" i="1"/>
  <c r="X7427" i="1"/>
  <c r="X7428" i="1"/>
  <c r="X7429" i="1"/>
  <c r="X7430" i="1"/>
  <c r="X7431" i="1"/>
  <c r="X7432" i="1"/>
  <c r="X7433" i="1"/>
  <c r="X7434" i="1"/>
  <c r="X7435" i="1"/>
  <c r="X7436" i="1"/>
  <c r="X7437" i="1"/>
  <c r="X7438" i="1"/>
  <c r="X7439" i="1"/>
  <c r="X7440" i="1"/>
  <c r="X7441" i="1"/>
  <c r="X7442" i="1"/>
  <c r="X7443" i="1"/>
  <c r="X7444" i="1"/>
  <c r="X7445" i="1"/>
  <c r="X7446" i="1"/>
  <c r="X7447" i="1"/>
  <c r="X7448" i="1"/>
  <c r="X7449" i="1"/>
  <c r="X7450" i="1"/>
  <c r="X7451" i="1"/>
  <c r="X7452" i="1"/>
  <c r="X7453" i="1"/>
  <c r="X7454" i="1"/>
  <c r="X7455" i="1"/>
  <c r="X7456" i="1"/>
  <c r="X7457" i="1"/>
  <c r="X7458" i="1"/>
  <c r="X7459" i="1"/>
  <c r="X7460" i="1"/>
  <c r="X7461" i="1"/>
  <c r="X7462" i="1"/>
  <c r="X7463" i="1"/>
  <c r="X7464" i="1"/>
  <c r="X7465" i="1"/>
  <c r="X7466" i="1"/>
  <c r="X7467" i="1"/>
  <c r="X7468" i="1"/>
  <c r="X7469" i="1"/>
  <c r="X7470" i="1"/>
  <c r="X7471" i="1"/>
  <c r="X7472" i="1"/>
  <c r="X7473" i="1"/>
  <c r="X7474" i="1"/>
  <c r="X7475" i="1"/>
  <c r="X7476" i="1"/>
  <c r="X7477" i="1"/>
  <c r="X7478" i="1"/>
  <c r="X7479" i="1"/>
  <c r="X7480" i="1"/>
  <c r="X7481" i="1"/>
  <c r="X7482" i="1"/>
  <c r="X7483" i="1"/>
  <c r="X7484" i="1"/>
  <c r="X7485" i="1"/>
  <c r="X7486" i="1"/>
  <c r="X7487" i="1"/>
  <c r="X7488" i="1"/>
  <c r="X7489" i="1"/>
  <c r="X7490" i="1"/>
  <c r="X7491" i="1"/>
  <c r="X7492" i="1"/>
  <c r="X7493" i="1"/>
  <c r="X7494" i="1"/>
  <c r="X7495" i="1"/>
  <c r="X7496" i="1"/>
  <c r="X7497" i="1"/>
  <c r="X7498" i="1"/>
  <c r="X7499" i="1"/>
  <c r="X7500" i="1"/>
  <c r="X7501" i="1"/>
  <c r="X7502" i="1"/>
  <c r="X7503" i="1"/>
  <c r="X7504" i="1"/>
  <c r="X7505" i="1"/>
  <c r="X7506" i="1"/>
  <c r="X7507" i="1"/>
  <c r="X7508" i="1"/>
  <c r="X7509" i="1"/>
  <c r="X7510" i="1"/>
  <c r="X7511" i="1"/>
  <c r="X7512" i="1"/>
  <c r="X7513" i="1"/>
  <c r="X7514" i="1"/>
  <c r="X7515" i="1"/>
  <c r="X7516" i="1"/>
  <c r="X7517" i="1"/>
  <c r="X7518" i="1"/>
  <c r="X7519" i="1"/>
  <c r="X7520" i="1"/>
  <c r="X7521" i="1"/>
  <c r="X7522" i="1"/>
  <c r="X7523" i="1"/>
  <c r="X7524" i="1"/>
  <c r="X7525" i="1"/>
  <c r="X7526" i="1"/>
  <c r="X7527" i="1"/>
  <c r="X7528" i="1"/>
  <c r="X7529" i="1"/>
  <c r="X7530" i="1"/>
  <c r="X7531" i="1"/>
  <c r="X7532" i="1"/>
  <c r="X7533" i="1"/>
  <c r="X7534" i="1"/>
  <c r="X7535" i="1"/>
  <c r="X7536" i="1"/>
  <c r="X7537" i="1"/>
  <c r="X7538" i="1"/>
  <c r="X7539" i="1"/>
  <c r="X7540" i="1"/>
  <c r="X7541" i="1"/>
  <c r="X7542" i="1"/>
  <c r="X7543" i="1"/>
  <c r="X7544" i="1"/>
  <c r="X7545" i="1"/>
  <c r="X7546" i="1"/>
  <c r="X7547" i="1"/>
  <c r="X7548" i="1"/>
  <c r="X7549" i="1"/>
  <c r="X7550" i="1"/>
  <c r="X7551" i="1"/>
  <c r="X7552" i="1"/>
  <c r="X7553" i="1"/>
  <c r="X7554" i="1"/>
  <c r="X7555" i="1"/>
  <c r="X7556" i="1"/>
  <c r="X7557" i="1"/>
  <c r="X7558" i="1"/>
  <c r="X7559" i="1"/>
  <c r="X7560" i="1"/>
  <c r="X7561" i="1"/>
  <c r="X7562" i="1"/>
  <c r="X7563" i="1"/>
  <c r="X7564" i="1"/>
  <c r="X7565" i="1"/>
  <c r="X7566" i="1"/>
  <c r="X7567" i="1"/>
  <c r="X7568" i="1"/>
  <c r="X7569" i="1"/>
  <c r="X7570" i="1"/>
  <c r="X7571" i="1"/>
  <c r="X7572" i="1"/>
  <c r="X7573" i="1"/>
  <c r="X7574" i="1"/>
  <c r="X7575" i="1"/>
  <c r="X7576" i="1"/>
  <c r="X7577" i="1"/>
  <c r="X7578" i="1"/>
  <c r="X7579" i="1"/>
  <c r="X7580" i="1"/>
  <c r="X7581" i="1"/>
  <c r="X7582" i="1"/>
  <c r="X7583" i="1"/>
  <c r="X7584" i="1"/>
  <c r="X7585" i="1"/>
  <c r="X7586" i="1"/>
  <c r="X7587" i="1"/>
  <c r="X7588" i="1"/>
  <c r="X7589" i="1"/>
  <c r="X7590" i="1"/>
  <c r="X7591" i="1"/>
  <c r="X7592" i="1"/>
  <c r="X7593" i="1"/>
  <c r="X7594" i="1"/>
  <c r="X7595" i="1"/>
  <c r="X7596" i="1"/>
  <c r="X7597" i="1"/>
  <c r="X7598" i="1"/>
  <c r="X7599" i="1"/>
  <c r="X7600" i="1"/>
  <c r="X7601" i="1"/>
  <c r="X7602" i="1"/>
  <c r="X7603" i="1"/>
  <c r="X7604" i="1"/>
  <c r="X7605" i="1"/>
  <c r="X7606" i="1"/>
  <c r="X7607" i="1"/>
  <c r="X7608" i="1"/>
  <c r="X7609" i="1"/>
  <c r="X7610" i="1"/>
  <c r="X7611" i="1"/>
  <c r="X7612" i="1"/>
  <c r="X7613" i="1"/>
  <c r="X7614" i="1"/>
  <c r="X7615" i="1"/>
  <c r="X7616" i="1"/>
  <c r="X7617" i="1"/>
  <c r="X7618" i="1"/>
  <c r="X7619" i="1"/>
  <c r="X7620" i="1"/>
  <c r="X7621" i="1"/>
  <c r="X7622" i="1"/>
  <c r="X7623" i="1"/>
  <c r="X7624" i="1"/>
  <c r="X7625" i="1"/>
  <c r="X7626" i="1"/>
  <c r="X7627" i="1"/>
  <c r="X7628" i="1"/>
  <c r="X7629" i="1"/>
  <c r="X7630" i="1"/>
  <c r="X7631" i="1"/>
  <c r="X7632" i="1"/>
  <c r="X7633" i="1"/>
  <c r="X7634" i="1"/>
  <c r="X7635" i="1"/>
  <c r="X7636" i="1"/>
  <c r="X7637" i="1"/>
  <c r="X7638" i="1"/>
  <c r="X7639" i="1"/>
  <c r="X7640" i="1"/>
  <c r="X7641" i="1"/>
  <c r="X7642" i="1"/>
  <c r="X7643" i="1"/>
  <c r="X7644" i="1"/>
  <c r="X7645" i="1"/>
  <c r="X7646" i="1"/>
  <c r="X7647" i="1"/>
  <c r="X7648" i="1"/>
  <c r="X7649" i="1"/>
  <c r="X7650" i="1"/>
  <c r="X7651" i="1"/>
  <c r="X7652" i="1"/>
  <c r="X7653" i="1"/>
  <c r="X7654" i="1"/>
  <c r="X7655" i="1"/>
  <c r="X7656" i="1"/>
  <c r="X7657" i="1"/>
  <c r="X7658" i="1"/>
  <c r="X7659" i="1"/>
  <c r="X7660" i="1"/>
  <c r="X7661" i="1"/>
  <c r="X7662" i="1"/>
  <c r="X7663" i="1"/>
  <c r="X7664" i="1"/>
  <c r="X7665" i="1"/>
  <c r="X7666" i="1"/>
  <c r="X7667" i="1"/>
  <c r="X7668" i="1"/>
  <c r="X7669" i="1"/>
  <c r="X7670" i="1"/>
  <c r="X7671" i="1"/>
  <c r="X7672" i="1"/>
  <c r="X7673" i="1"/>
  <c r="X7674" i="1"/>
  <c r="X7675" i="1"/>
  <c r="X7676" i="1"/>
  <c r="X7677" i="1"/>
  <c r="X7678" i="1"/>
  <c r="X7679" i="1"/>
  <c r="X7680" i="1"/>
  <c r="X7681" i="1"/>
  <c r="X7682" i="1"/>
  <c r="X7683" i="1"/>
  <c r="X7684" i="1"/>
  <c r="X7685" i="1"/>
  <c r="X7686" i="1"/>
  <c r="X7687" i="1"/>
  <c r="X7688" i="1"/>
  <c r="X7689" i="1"/>
  <c r="X7690" i="1"/>
  <c r="X7691" i="1"/>
  <c r="X7692" i="1"/>
  <c r="X7693" i="1"/>
  <c r="X7694" i="1"/>
  <c r="X7695" i="1"/>
  <c r="X7696" i="1"/>
  <c r="X7697" i="1"/>
  <c r="X7698" i="1"/>
  <c r="X7699" i="1"/>
  <c r="X7700" i="1"/>
  <c r="X7701" i="1"/>
  <c r="X7702" i="1"/>
  <c r="X7703" i="1"/>
  <c r="X7704" i="1"/>
  <c r="X7705" i="1"/>
  <c r="X7706" i="1"/>
  <c r="X7707" i="1"/>
  <c r="X7708" i="1"/>
  <c r="X7709" i="1"/>
  <c r="X7710" i="1"/>
  <c r="X7711" i="1"/>
  <c r="X7712" i="1"/>
  <c r="X7713" i="1"/>
  <c r="X7714" i="1"/>
  <c r="X7715" i="1"/>
  <c r="X7716" i="1"/>
  <c r="X7717" i="1"/>
  <c r="X7718" i="1"/>
  <c r="X7719" i="1"/>
  <c r="X7720" i="1"/>
  <c r="X7721" i="1"/>
  <c r="X7722" i="1"/>
  <c r="X7723" i="1"/>
  <c r="X7724" i="1"/>
  <c r="X7725" i="1"/>
  <c r="X7726" i="1"/>
  <c r="X7727" i="1"/>
  <c r="X7728" i="1"/>
  <c r="X7729" i="1"/>
  <c r="X7730" i="1"/>
  <c r="X7731" i="1"/>
  <c r="X7732" i="1"/>
  <c r="X7733" i="1"/>
  <c r="X7734" i="1"/>
  <c r="X7735" i="1"/>
  <c r="X7736" i="1"/>
  <c r="X7737" i="1"/>
  <c r="X7738" i="1"/>
  <c r="X7739" i="1"/>
  <c r="X7740" i="1"/>
  <c r="X7741" i="1"/>
  <c r="X7742" i="1"/>
  <c r="X7743" i="1"/>
  <c r="X7744" i="1"/>
  <c r="X7745" i="1"/>
  <c r="X7746" i="1"/>
  <c r="X7747" i="1"/>
  <c r="X7748" i="1"/>
  <c r="X7749" i="1"/>
  <c r="X7750" i="1"/>
  <c r="X7751" i="1"/>
  <c r="X7752" i="1"/>
  <c r="X7753" i="1"/>
  <c r="X7754" i="1"/>
  <c r="X7755" i="1"/>
  <c r="X7756" i="1"/>
  <c r="X7757" i="1"/>
  <c r="X7758" i="1"/>
  <c r="X7759" i="1"/>
  <c r="X7760" i="1"/>
  <c r="X7761" i="1"/>
  <c r="X7762" i="1"/>
  <c r="X7763" i="1"/>
  <c r="X7764" i="1"/>
  <c r="X7765" i="1"/>
  <c r="X7766" i="1"/>
  <c r="X7767" i="1"/>
  <c r="X7768" i="1"/>
  <c r="X7769" i="1"/>
  <c r="X7770" i="1"/>
  <c r="X7771" i="1"/>
  <c r="X7772" i="1"/>
  <c r="X7773" i="1"/>
  <c r="X7774" i="1"/>
  <c r="X7775" i="1"/>
  <c r="X7776" i="1"/>
  <c r="X7777" i="1"/>
  <c r="X7778" i="1"/>
  <c r="X7779" i="1"/>
  <c r="X7780" i="1"/>
  <c r="X7781" i="1"/>
  <c r="X7782" i="1"/>
  <c r="X7783" i="1"/>
  <c r="X7784" i="1"/>
  <c r="X7785" i="1"/>
  <c r="X7786" i="1"/>
  <c r="X7787" i="1"/>
  <c r="X7788" i="1"/>
  <c r="X7789" i="1"/>
  <c r="X7790" i="1"/>
  <c r="X7791" i="1"/>
  <c r="X7792" i="1"/>
  <c r="X7793" i="1"/>
  <c r="X7794" i="1"/>
  <c r="X7795" i="1"/>
  <c r="X7796" i="1"/>
  <c r="X7797" i="1"/>
  <c r="X7798" i="1"/>
  <c r="X7799" i="1"/>
  <c r="X7800" i="1"/>
  <c r="X7801" i="1"/>
  <c r="X7802" i="1"/>
  <c r="X7803" i="1"/>
  <c r="X7804" i="1"/>
  <c r="X7805" i="1"/>
  <c r="X7806" i="1"/>
  <c r="X7807" i="1"/>
  <c r="X7808" i="1"/>
  <c r="X7809" i="1"/>
  <c r="X7810" i="1"/>
  <c r="X7811" i="1"/>
  <c r="X7812" i="1"/>
  <c r="X7813" i="1"/>
  <c r="X7814" i="1"/>
  <c r="X7815" i="1"/>
  <c r="X7816" i="1"/>
  <c r="X7817" i="1"/>
  <c r="X7818" i="1"/>
  <c r="X7819" i="1"/>
  <c r="X7820" i="1"/>
  <c r="X7821" i="1"/>
  <c r="X7822" i="1"/>
  <c r="X7823" i="1"/>
  <c r="X7824" i="1"/>
  <c r="X7825" i="1"/>
  <c r="X7826" i="1"/>
  <c r="X7827" i="1"/>
  <c r="X7828" i="1"/>
  <c r="X7829" i="1"/>
  <c r="X7830" i="1"/>
  <c r="X7831" i="1"/>
  <c r="X7832" i="1"/>
  <c r="X7833" i="1"/>
  <c r="X7834" i="1"/>
  <c r="X7835" i="1"/>
  <c r="X7836" i="1"/>
  <c r="X7837" i="1"/>
  <c r="X7838" i="1"/>
  <c r="X7839" i="1"/>
  <c r="X7840" i="1"/>
  <c r="X7841" i="1"/>
  <c r="X7842" i="1"/>
  <c r="X7843" i="1"/>
  <c r="X7844" i="1"/>
  <c r="X7845" i="1"/>
  <c r="X7846" i="1"/>
  <c r="X7847" i="1"/>
  <c r="X7848" i="1"/>
  <c r="X7849" i="1"/>
  <c r="X7850" i="1"/>
  <c r="X7851" i="1"/>
  <c r="X7852" i="1"/>
  <c r="X7853" i="1"/>
  <c r="X7854" i="1"/>
  <c r="X7855" i="1"/>
  <c r="X7856" i="1"/>
  <c r="X7857" i="1"/>
  <c r="X7858" i="1"/>
  <c r="X7859" i="1"/>
  <c r="X7860" i="1"/>
  <c r="X7861" i="1"/>
  <c r="X7862" i="1"/>
  <c r="X7863" i="1"/>
  <c r="X7864" i="1"/>
  <c r="X7865" i="1"/>
  <c r="X7866" i="1"/>
  <c r="X7867" i="1"/>
  <c r="X7868" i="1"/>
  <c r="X7869" i="1"/>
  <c r="X7870" i="1"/>
  <c r="X7871" i="1"/>
  <c r="X7872" i="1"/>
  <c r="X7873" i="1"/>
  <c r="X7874" i="1"/>
  <c r="X7875" i="1"/>
  <c r="X7876" i="1"/>
  <c r="X7877" i="1"/>
  <c r="X7878" i="1"/>
  <c r="X7879" i="1"/>
  <c r="X7880" i="1"/>
  <c r="X7881" i="1"/>
  <c r="X7882" i="1"/>
  <c r="X7883" i="1"/>
  <c r="X7884" i="1"/>
  <c r="X7885" i="1"/>
  <c r="X7886" i="1"/>
  <c r="X7887" i="1"/>
  <c r="X7888" i="1"/>
  <c r="X7889" i="1"/>
  <c r="X7890" i="1"/>
  <c r="X7891" i="1"/>
  <c r="X7892" i="1"/>
  <c r="X7893" i="1"/>
  <c r="X7894" i="1"/>
  <c r="X7895" i="1"/>
  <c r="X7896" i="1"/>
  <c r="X7897" i="1"/>
  <c r="X7898" i="1"/>
  <c r="X7899" i="1"/>
  <c r="X7900" i="1"/>
  <c r="X7901" i="1"/>
  <c r="X7902" i="1"/>
  <c r="X7903" i="1"/>
  <c r="X7904" i="1"/>
  <c r="X7905" i="1"/>
  <c r="X7906" i="1"/>
  <c r="X7907" i="1"/>
  <c r="X7908" i="1"/>
  <c r="X7909" i="1"/>
  <c r="X7910" i="1"/>
  <c r="X7911" i="1"/>
  <c r="X7912" i="1"/>
  <c r="X7913" i="1"/>
  <c r="X7914" i="1"/>
  <c r="X7915" i="1"/>
  <c r="X7916" i="1"/>
  <c r="X7917" i="1"/>
  <c r="X7918" i="1"/>
  <c r="X7919" i="1"/>
  <c r="X7920" i="1"/>
  <c r="X7921" i="1"/>
  <c r="X7922" i="1"/>
  <c r="X7923" i="1"/>
  <c r="X7924" i="1"/>
  <c r="X7925" i="1"/>
  <c r="X7926" i="1"/>
  <c r="X7927" i="1"/>
  <c r="X7928" i="1"/>
  <c r="X7929" i="1"/>
  <c r="X7930" i="1"/>
  <c r="X7931" i="1"/>
  <c r="X7932" i="1"/>
  <c r="X7933" i="1"/>
  <c r="X7934" i="1"/>
  <c r="X7935" i="1"/>
  <c r="X7936" i="1"/>
  <c r="X7937" i="1"/>
  <c r="X7938" i="1"/>
  <c r="X7939" i="1"/>
  <c r="X7940" i="1"/>
  <c r="X7941" i="1"/>
  <c r="X7942" i="1"/>
  <c r="X7943" i="1"/>
  <c r="X7944" i="1"/>
  <c r="X7945" i="1"/>
  <c r="X7946" i="1"/>
  <c r="X7947" i="1"/>
  <c r="X7948" i="1"/>
  <c r="X7949" i="1"/>
  <c r="X7950" i="1"/>
  <c r="X7951" i="1"/>
  <c r="X7952" i="1"/>
  <c r="X7953" i="1"/>
  <c r="X7954" i="1"/>
  <c r="X7955" i="1"/>
  <c r="X7956" i="1"/>
  <c r="X7957" i="1"/>
  <c r="X7958" i="1"/>
  <c r="X7959" i="1"/>
  <c r="X7960" i="1"/>
  <c r="X7961" i="1"/>
  <c r="X7962" i="1"/>
  <c r="X7963" i="1"/>
  <c r="X7964" i="1"/>
  <c r="X7965" i="1"/>
  <c r="X7966" i="1"/>
  <c r="X7967" i="1"/>
  <c r="X7968" i="1"/>
  <c r="X7969" i="1"/>
  <c r="X7970" i="1"/>
  <c r="X7971" i="1"/>
  <c r="X7972" i="1"/>
  <c r="X7973" i="1"/>
  <c r="X7974" i="1"/>
  <c r="X7975" i="1"/>
  <c r="X7976" i="1"/>
  <c r="X7977" i="1"/>
  <c r="X7978" i="1"/>
  <c r="X7979" i="1"/>
  <c r="X7980" i="1"/>
  <c r="X7981" i="1"/>
  <c r="X7982" i="1"/>
  <c r="X7983" i="1"/>
  <c r="X7984" i="1"/>
  <c r="X7985" i="1"/>
  <c r="X7986" i="1"/>
  <c r="X7987" i="1"/>
  <c r="X7988" i="1"/>
  <c r="X7989" i="1"/>
  <c r="X7990" i="1"/>
  <c r="X7991" i="1"/>
  <c r="X7992" i="1"/>
  <c r="X7993" i="1"/>
  <c r="X7994" i="1"/>
  <c r="X7995" i="1"/>
  <c r="X7996" i="1"/>
  <c r="X7997" i="1"/>
  <c r="X7998" i="1"/>
  <c r="X7999" i="1"/>
  <c r="X8000" i="1"/>
  <c r="X8001" i="1"/>
  <c r="X8002" i="1"/>
  <c r="X8003" i="1"/>
  <c r="X8004" i="1"/>
  <c r="X8005" i="1"/>
  <c r="X8006" i="1"/>
  <c r="X8007" i="1"/>
  <c r="X8008" i="1"/>
  <c r="X8009" i="1"/>
  <c r="X8010" i="1"/>
  <c r="X8011" i="1"/>
  <c r="X8012" i="1"/>
  <c r="X8013" i="1"/>
  <c r="X8014" i="1"/>
  <c r="X8015" i="1"/>
  <c r="X8016" i="1"/>
  <c r="X8017" i="1"/>
  <c r="X8018" i="1"/>
  <c r="X8019" i="1"/>
  <c r="X8020" i="1"/>
  <c r="X8021" i="1"/>
  <c r="X8022" i="1"/>
  <c r="X8023" i="1"/>
  <c r="X8024" i="1"/>
  <c r="X8025" i="1"/>
  <c r="X8026" i="1"/>
  <c r="X8027" i="1"/>
  <c r="X8028" i="1"/>
  <c r="X8029" i="1"/>
  <c r="X8030" i="1"/>
  <c r="X8031" i="1"/>
  <c r="X8032" i="1"/>
  <c r="X8033" i="1"/>
  <c r="X8034" i="1"/>
  <c r="X8035" i="1"/>
  <c r="X8036" i="1"/>
  <c r="X8037" i="1"/>
  <c r="X8038" i="1"/>
  <c r="X8039" i="1"/>
  <c r="X8040" i="1"/>
  <c r="X8041" i="1"/>
  <c r="X8042" i="1"/>
  <c r="X8043" i="1"/>
  <c r="X8044" i="1"/>
  <c r="X8045" i="1"/>
  <c r="X8046" i="1"/>
  <c r="X8047" i="1"/>
  <c r="X8048" i="1"/>
  <c r="X8049" i="1"/>
  <c r="X8050" i="1"/>
  <c r="X8051" i="1"/>
  <c r="X8052" i="1"/>
  <c r="X8053" i="1"/>
  <c r="X8054" i="1"/>
  <c r="X8055" i="1"/>
  <c r="X8056" i="1"/>
  <c r="X8057" i="1"/>
  <c r="X8058" i="1"/>
  <c r="X8059" i="1"/>
  <c r="X8060" i="1"/>
  <c r="X8061" i="1"/>
  <c r="X8062" i="1"/>
  <c r="X8063" i="1"/>
  <c r="X8064" i="1"/>
  <c r="X8065" i="1"/>
  <c r="X8066" i="1"/>
  <c r="X8067" i="1"/>
  <c r="X8068" i="1"/>
  <c r="X8069" i="1"/>
  <c r="X8070" i="1"/>
  <c r="X8071" i="1"/>
  <c r="X8072" i="1"/>
  <c r="X8073" i="1"/>
  <c r="X8074" i="1"/>
  <c r="X8075" i="1"/>
  <c r="X8076" i="1"/>
  <c r="X8077" i="1"/>
  <c r="X8078" i="1"/>
  <c r="X8079" i="1"/>
  <c r="X8080" i="1"/>
  <c r="X8081" i="1"/>
  <c r="X8082" i="1"/>
  <c r="X8083" i="1"/>
  <c r="X8084" i="1"/>
  <c r="X8085" i="1"/>
  <c r="X8086" i="1"/>
  <c r="X8087" i="1"/>
  <c r="X8088" i="1"/>
  <c r="X8089" i="1"/>
  <c r="X8090" i="1"/>
  <c r="X8091" i="1"/>
  <c r="X8092" i="1"/>
  <c r="X8093" i="1"/>
  <c r="X8094" i="1"/>
  <c r="X8095" i="1"/>
  <c r="X8096" i="1"/>
  <c r="X8097" i="1"/>
  <c r="X8098" i="1"/>
  <c r="X8099" i="1"/>
  <c r="X8100" i="1"/>
  <c r="X8101" i="1"/>
  <c r="X8102" i="1"/>
  <c r="X8103" i="1"/>
  <c r="X8104" i="1"/>
  <c r="X8105" i="1"/>
  <c r="X8106" i="1"/>
  <c r="X8107" i="1"/>
  <c r="X8108" i="1"/>
  <c r="X8109" i="1"/>
  <c r="X8110" i="1"/>
  <c r="X8111" i="1"/>
  <c r="X8112" i="1"/>
  <c r="X8113" i="1"/>
  <c r="X8114" i="1"/>
  <c r="X8115" i="1"/>
  <c r="X8116" i="1"/>
  <c r="X8117" i="1"/>
  <c r="X8118" i="1"/>
  <c r="X8119" i="1"/>
  <c r="X8120" i="1"/>
  <c r="X8121" i="1"/>
  <c r="X8122" i="1"/>
  <c r="X8123" i="1"/>
  <c r="X8124" i="1"/>
  <c r="X8125" i="1"/>
  <c r="X8126" i="1"/>
  <c r="X8127" i="1"/>
  <c r="X8128" i="1"/>
  <c r="X8129" i="1"/>
  <c r="X8130" i="1"/>
  <c r="X8131" i="1"/>
  <c r="X8132" i="1"/>
  <c r="X8133" i="1"/>
  <c r="X8134" i="1"/>
  <c r="X8135" i="1"/>
  <c r="X8136" i="1"/>
  <c r="X8137" i="1"/>
  <c r="X8138" i="1"/>
  <c r="X8139" i="1"/>
  <c r="X8140" i="1"/>
  <c r="X8141" i="1"/>
  <c r="X8142" i="1"/>
  <c r="X8143" i="1"/>
  <c r="X8144" i="1"/>
  <c r="X8145" i="1"/>
  <c r="X8146" i="1"/>
  <c r="X8147" i="1"/>
  <c r="X8148" i="1"/>
  <c r="X8149" i="1"/>
  <c r="X8150" i="1"/>
  <c r="X8151" i="1"/>
  <c r="X8152" i="1"/>
  <c r="X8153" i="1"/>
  <c r="X8154" i="1"/>
  <c r="X8155" i="1"/>
  <c r="X8156" i="1"/>
  <c r="X8157" i="1"/>
  <c r="X8158" i="1"/>
  <c r="X8159" i="1"/>
  <c r="X8160" i="1"/>
  <c r="X8161" i="1"/>
  <c r="X8162" i="1"/>
  <c r="X8163" i="1"/>
  <c r="X8164" i="1"/>
  <c r="X8165" i="1"/>
  <c r="X8166" i="1"/>
  <c r="X8167" i="1"/>
  <c r="X8168" i="1"/>
  <c r="X8169" i="1"/>
  <c r="X8170" i="1"/>
  <c r="X8171" i="1"/>
  <c r="X8172" i="1"/>
  <c r="X8173" i="1"/>
  <c r="X8174" i="1"/>
  <c r="X8175" i="1"/>
  <c r="X8176" i="1"/>
  <c r="X8177" i="1"/>
  <c r="X8178" i="1"/>
  <c r="X8179" i="1"/>
  <c r="X8180" i="1"/>
  <c r="X8181" i="1"/>
  <c r="X8182" i="1"/>
  <c r="X8183" i="1"/>
  <c r="X8184" i="1"/>
  <c r="X8185" i="1"/>
  <c r="X8186" i="1"/>
  <c r="X8187" i="1"/>
  <c r="X8188" i="1"/>
  <c r="X8189" i="1"/>
  <c r="X8190" i="1"/>
  <c r="X8191" i="1"/>
  <c r="X8192" i="1"/>
  <c r="X8193" i="1"/>
  <c r="X8194" i="1"/>
  <c r="X8195" i="1"/>
  <c r="X8196" i="1"/>
  <c r="X8197" i="1"/>
  <c r="X8198" i="1"/>
  <c r="X8199" i="1"/>
  <c r="X8200" i="1"/>
  <c r="X8201" i="1"/>
  <c r="X8202" i="1"/>
  <c r="X8203" i="1"/>
  <c r="X8204" i="1"/>
  <c r="X8205" i="1"/>
  <c r="X8206" i="1"/>
  <c r="X8207" i="1"/>
  <c r="X8208" i="1"/>
  <c r="X8209" i="1"/>
  <c r="X8210" i="1"/>
  <c r="X8211" i="1"/>
  <c r="X8212" i="1"/>
  <c r="X8213" i="1"/>
  <c r="X8214" i="1"/>
  <c r="X8215" i="1"/>
  <c r="X8216" i="1"/>
  <c r="X8217" i="1"/>
  <c r="X8218" i="1"/>
  <c r="X8219" i="1"/>
  <c r="X8220" i="1"/>
  <c r="X8221" i="1"/>
  <c r="X8222" i="1"/>
  <c r="X8223" i="1"/>
  <c r="X8224" i="1"/>
  <c r="X8225" i="1"/>
  <c r="X8226" i="1"/>
  <c r="X8227" i="1"/>
  <c r="X8228" i="1"/>
  <c r="X8229" i="1"/>
  <c r="X8230" i="1"/>
  <c r="X8231" i="1"/>
  <c r="X8232" i="1"/>
  <c r="X8233" i="1"/>
  <c r="X8234" i="1"/>
  <c r="X8235" i="1"/>
  <c r="X8236" i="1"/>
  <c r="X8237" i="1"/>
  <c r="X8238" i="1"/>
  <c r="X8239" i="1"/>
  <c r="X8240" i="1"/>
  <c r="X8241" i="1"/>
  <c r="X8242" i="1"/>
  <c r="X8243" i="1"/>
  <c r="X8244" i="1"/>
  <c r="X8245" i="1"/>
  <c r="X8246" i="1"/>
  <c r="X8247" i="1"/>
  <c r="X8248" i="1"/>
  <c r="X8249" i="1"/>
  <c r="X8250" i="1"/>
  <c r="X8251" i="1"/>
  <c r="X8252" i="1"/>
  <c r="X8253" i="1"/>
  <c r="X8254" i="1"/>
  <c r="X8255" i="1"/>
  <c r="X8256" i="1"/>
  <c r="X8257" i="1"/>
  <c r="X8258" i="1"/>
  <c r="X8259" i="1"/>
  <c r="X8260" i="1"/>
  <c r="X8261" i="1"/>
  <c r="X8262" i="1"/>
  <c r="X8263" i="1"/>
  <c r="X8264" i="1"/>
  <c r="X8265" i="1"/>
  <c r="X8266" i="1"/>
  <c r="X8267" i="1"/>
  <c r="X8268" i="1"/>
  <c r="X8269" i="1"/>
  <c r="X8270" i="1"/>
  <c r="X8271" i="1"/>
  <c r="X8272" i="1"/>
  <c r="X8273" i="1"/>
  <c r="X8274" i="1"/>
  <c r="X8275" i="1"/>
  <c r="X8276" i="1"/>
  <c r="X8277" i="1"/>
  <c r="X8278" i="1"/>
  <c r="X8279" i="1"/>
  <c r="X8280" i="1"/>
  <c r="X8281" i="1"/>
  <c r="X8282" i="1"/>
  <c r="X8283" i="1"/>
  <c r="X8284" i="1"/>
  <c r="X8285" i="1"/>
  <c r="X8286" i="1"/>
  <c r="X8287" i="1"/>
  <c r="X8288" i="1"/>
  <c r="X8289" i="1"/>
  <c r="X8290" i="1"/>
  <c r="X8291" i="1"/>
  <c r="X8292" i="1"/>
  <c r="X8293" i="1"/>
  <c r="X8294" i="1"/>
  <c r="X8295" i="1"/>
  <c r="X8296" i="1"/>
  <c r="X8297" i="1"/>
  <c r="X8298" i="1"/>
  <c r="X8299" i="1"/>
  <c r="X8300" i="1"/>
  <c r="X8301" i="1"/>
  <c r="X8302" i="1"/>
  <c r="X8303" i="1"/>
  <c r="X8304" i="1"/>
  <c r="X8305" i="1"/>
  <c r="X8306" i="1"/>
  <c r="X8307" i="1"/>
  <c r="X8308" i="1"/>
  <c r="X8309" i="1"/>
  <c r="X8310" i="1"/>
  <c r="X8311" i="1"/>
  <c r="X8312" i="1"/>
  <c r="X8313" i="1"/>
  <c r="X8314" i="1"/>
  <c r="X8315" i="1"/>
  <c r="X8316" i="1"/>
  <c r="X8317" i="1"/>
  <c r="X8318" i="1"/>
  <c r="X8319" i="1"/>
  <c r="X8320" i="1"/>
  <c r="X8321" i="1"/>
  <c r="X8322" i="1"/>
  <c r="X8323" i="1"/>
  <c r="X8324" i="1"/>
  <c r="X8325" i="1"/>
  <c r="X8326" i="1"/>
  <c r="X8327" i="1"/>
  <c r="X8328" i="1"/>
  <c r="X8329" i="1"/>
  <c r="X8330" i="1"/>
  <c r="X8331" i="1"/>
  <c r="X8332" i="1"/>
  <c r="X8333" i="1"/>
  <c r="X8334" i="1"/>
  <c r="X8335" i="1"/>
  <c r="X8336" i="1"/>
  <c r="X8337" i="1"/>
  <c r="X8338" i="1"/>
  <c r="X8339" i="1"/>
  <c r="X8340" i="1"/>
  <c r="X8341" i="1"/>
  <c r="X8342" i="1"/>
  <c r="X8343" i="1"/>
  <c r="X8344" i="1"/>
  <c r="X8345" i="1"/>
  <c r="X8346" i="1"/>
  <c r="X8347" i="1"/>
  <c r="X8348" i="1"/>
  <c r="X8349" i="1"/>
  <c r="X8350" i="1"/>
  <c r="X8351" i="1"/>
  <c r="X8352" i="1"/>
  <c r="X8353" i="1"/>
  <c r="X8354" i="1"/>
  <c r="X8355" i="1"/>
  <c r="X8356" i="1"/>
  <c r="X8357" i="1"/>
  <c r="X8358" i="1"/>
  <c r="X8359" i="1"/>
  <c r="X8360" i="1"/>
  <c r="X8361" i="1"/>
  <c r="X8362" i="1"/>
  <c r="X8363" i="1"/>
  <c r="X8364" i="1"/>
  <c r="X8365" i="1"/>
  <c r="X8366" i="1"/>
  <c r="X8367" i="1"/>
  <c r="X8368" i="1"/>
  <c r="X8369" i="1"/>
  <c r="X8370" i="1"/>
  <c r="X8371" i="1"/>
  <c r="X8372" i="1"/>
  <c r="X8373" i="1"/>
  <c r="X8374" i="1"/>
  <c r="X8375" i="1"/>
  <c r="X8376" i="1"/>
  <c r="X8377" i="1"/>
  <c r="X8378" i="1"/>
  <c r="X8379" i="1"/>
  <c r="X8380" i="1"/>
  <c r="X8381" i="1"/>
  <c r="X8382" i="1"/>
  <c r="X8383" i="1"/>
  <c r="X8384" i="1"/>
  <c r="X8385" i="1"/>
  <c r="X8386" i="1"/>
  <c r="X8387" i="1"/>
  <c r="X8388" i="1"/>
  <c r="X8389" i="1"/>
  <c r="X8390" i="1"/>
  <c r="X8391" i="1"/>
  <c r="X8392" i="1"/>
  <c r="X8393" i="1"/>
  <c r="X8394" i="1"/>
  <c r="X8395" i="1"/>
  <c r="X8396" i="1"/>
  <c r="X8397" i="1"/>
  <c r="X8398" i="1"/>
  <c r="X8399" i="1"/>
  <c r="X8400" i="1"/>
  <c r="X8401" i="1"/>
  <c r="X8402" i="1"/>
  <c r="X8403" i="1"/>
  <c r="X8404" i="1"/>
  <c r="X8405" i="1"/>
  <c r="X8406" i="1"/>
  <c r="X8407" i="1"/>
  <c r="X8408" i="1"/>
  <c r="X8409" i="1"/>
  <c r="X8410" i="1"/>
  <c r="X8411" i="1"/>
  <c r="X8412" i="1"/>
  <c r="X8413" i="1"/>
  <c r="X8414" i="1"/>
  <c r="X8415" i="1"/>
  <c r="X8416" i="1"/>
  <c r="X8417" i="1"/>
  <c r="X8418" i="1"/>
  <c r="X8419" i="1"/>
  <c r="X8420" i="1"/>
  <c r="X8421" i="1"/>
  <c r="X8422" i="1"/>
  <c r="X8423" i="1"/>
  <c r="X8424" i="1"/>
  <c r="X8425" i="1"/>
  <c r="X8426" i="1"/>
  <c r="X8427" i="1"/>
  <c r="X8428" i="1"/>
  <c r="X8429" i="1"/>
  <c r="X8430" i="1"/>
  <c r="X8431" i="1"/>
  <c r="X8432" i="1"/>
  <c r="X8433" i="1"/>
  <c r="X8434" i="1"/>
  <c r="X8435" i="1"/>
  <c r="X8436" i="1"/>
  <c r="X8437" i="1"/>
  <c r="X8438" i="1"/>
  <c r="X8439" i="1"/>
  <c r="X8440" i="1"/>
  <c r="X8441" i="1"/>
  <c r="X8442" i="1"/>
  <c r="X8443" i="1"/>
  <c r="X8444" i="1"/>
  <c r="X8445" i="1"/>
  <c r="X8446" i="1"/>
  <c r="X8447" i="1"/>
  <c r="X8448" i="1"/>
  <c r="X8449" i="1"/>
  <c r="X8450" i="1"/>
  <c r="X8451" i="1"/>
  <c r="X8452" i="1"/>
  <c r="X8453" i="1"/>
  <c r="X8454" i="1"/>
  <c r="X8455" i="1"/>
  <c r="X8456" i="1"/>
  <c r="X8457" i="1"/>
  <c r="X8458" i="1"/>
  <c r="X8459" i="1"/>
  <c r="X8460" i="1"/>
  <c r="X8461" i="1"/>
  <c r="X8462" i="1"/>
  <c r="X8463" i="1"/>
  <c r="X8464" i="1"/>
  <c r="X8465" i="1"/>
  <c r="X8466" i="1"/>
  <c r="X8467" i="1"/>
  <c r="X8468" i="1"/>
  <c r="X8469" i="1"/>
  <c r="X8470" i="1"/>
  <c r="X8471" i="1"/>
  <c r="X8472" i="1"/>
  <c r="X8473" i="1"/>
  <c r="X8474" i="1"/>
  <c r="X8475" i="1"/>
  <c r="X8476" i="1"/>
  <c r="X8477" i="1"/>
  <c r="X8478" i="1"/>
  <c r="X8479" i="1"/>
  <c r="X8480" i="1"/>
  <c r="X8481" i="1"/>
  <c r="X8482" i="1"/>
  <c r="X8483" i="1"/>
  <c r="X8484" i="1"/>
  <c r="X8485" i="1"/>
  <c r="X8486" i="1"/>
  <c r="X8487" i="1"/>
  <c r="X8488" i="1"/>
  <c r="X8489" i="1"/>
  <c r="X8490" i="1"/>
  <c r="X8491" i="1"/>
  <c r="X8492" i="1"/>
  <c r="X8493" i="1"/>
  <c r="X8494" i="1"/>
  <c r="X8495" i="1"/>
  <c r="X8496" i="1"/>
  <c r="X8497" i="1"/>
  <c r="X8498" i="1"/>
  <c r="X8499" i="1"/>
  <c r="X8500" i="1"/>
  <c r="X8501" i="1"/>
  <c r="X8502" i="1"/>
  <c r="X8503" i="1"/>
  <c r="X8504" i="1"/>
  <c r="X8505" i="1"/>
  <c r="X8506" i="1"/>
  <c r="X8507" i="1"/>
  <c r="X8508" i="1"/>
  <c r="X8509" i="1"/>
  <c r="X8510" i="1"/>
  <c r="X8511" i="1"/>
  <c r="X8512" i="1"/>
  <c r="X8513" i="1"/>
  <c r="X8514" i="1"/>
  <c r="X8515" i="1"/>
  <c r="X8516" i="1"/>
  <c r="X8517" i="1"/>
  <c r="X8518" i="1"/>
  <c r="X8519" i="1"/>
  <c r="X8520" i="1"/>
  <c r="X8521" i="1"/>
  <c r="X8522" i="1"/>
  <c r="X8523" i="1"/>
  <c r="X8524" i="1"/>
  <c r="X8525" i="1"/>
  <c r="X8526" i="1"/>
  <c r="X8527" i="1"/>
  <c r="X8528" i="1"/>
  <c r="X8529" i="1"/>
  <c r="X8530" i="1"/>
  <c r="X8531" i="1"/>
  <c r="X8532" i="1"/>
  <c r="X8533" i="1"/>
  <c r="X8534" i="1"/>
  <c r="X8535" i="1"/>
  <c r="X8536" i="1"/>
  <c r="X8537" i="1"/>
  <c r="X8538" i="1"/>
  <c r="X8539" i="1"/>
  <c r="X8540" i="1"/>
  <c r="X8541" i="1"/>
  <c r="X8542" i="1"/>
  <c r="X8543" i="1"/>
  <c r="X8544" i="1"/>
  <c r="X8545" i="1"/>
  <c r="X8546" i="1"/>
  <c r="X8547" i="1"/>
  <c r="X8548" i="1"/>
  <c r="X8549" i="1"/>
  <c r="X8550" i="1"/>
  <c r="X8551" i="1"/>
  <c r="X8552" i="1"/>
  <c r="X8553" i="1"/>
  <c r="X8554" i="1"/>
  <c r="X8555" i="1"/>
  <c r="X8556" i="1"/>
  <c r="X8557" i="1"/>
  <c r="X8558" i="1"/>
  <c r="X8559" i="1"/>
  <c r="X8560" i="1"/>
  <c r="X8561" i="1"/>
  <c r="X8562" i="1"/>
  <c r="X8563" i="1"/>
  <c r="X8564" i="1"/>
  <c r="X8565" i="1"/>
  <c r="X8566" i="1"/>
  <c r="X8567" i="1"/>
  <c r="X8568" i="1"/>
  <c r="X8569" i="1"/>
  <c r="X8570" i="1"/>
  <c r="X8571" i="1"/>
  <c r="X8572" i="1"/>
  <c r="X8573" i="1"/>
  <c r="X8574" i="1"/>
  <c r="X8575" i="1"/>
  <c r="X8576" i="1"/>
  <c r="X8577" i="1"/>
  <c r="X8578" i="1"/>
  <c r="X8579" i="1"/>
  <c r="X8580" i="1"/>
  <c r="X8581" i="1"/>
  <c r="X8582" i="1"/>
  <c r="X8583" i="1"/>
  <c r="X8584" i="1"/>
  <c r="X8585" i="1"/>
  <c r="X8586" i="1"/>
  <c r="X8587" i="1"/>
  <c r="X8588" i="1"/>
  <c r="X8589" i="1"/>
  <c r="X8590" i="1"/>
  <c r="X8591" i="1"/>
  <c r="X8592" i="1"/>
  <c r="X8593" i="1"/>
  <c r="X8594" i="1"/>
  <c r="X8595" i="1"/>
  <c r="X8596" i="1"/>
  <c r="X8597" i="1"/>
  <c r="X8598" i="1"/>
  <c r="X8599" i="1"/>
  <c r="X8600" i="1"/>
  <c r="X8601" i="1"/>
  <c r="X8602" i="1"/>
  <c r="X8603" i="1"/>
  <c r="X8604" i="1"/>
  <c r="X8605" i="1"/>
  <c r="X8606" i="1"/>
  <c r="X8607" i="1"/>
  <c r="X8608" i="1"/>
  <c r="X8609" i="1"/>
  <c r="X8610" i="1"/>
  <c r="X8611" i="1"/>
  <c r="X8612" i="1"/>
  <c r="X8613" i="1"/>
  <c r="X8614" i="1"/>
  <c r="X8615" i="1"/>
  <c r="X8616" i="1"/>
  <c r="X8617" i="1"/>
  <c r="X8618" i="1"/>
  <c r="X8619" i="1"/>
  <c r="X8620" i="1"/>
  <c r="X8621" i="1"/>
  <c r="X8622" i="1"/>
  <c r="X8623" i="1"/>
  <c r="X8624" i="1"/>
  <c r="X8625" i="1"/>
  <c r="X8626" i="1"/>
  <c r="X8627" i="1"/>
  <c r="X8628" i="1"/>
  <c r="X8629" i="1"/>
  <c r="X8630" i="1"/>
  <c r="X8631" i="1"/>
  <c r="X8632" i="1"/>
  <c r="X8633" i="1"/>
  <c r="X8634" i="1"/>
  <c r="X8635" i="1"/>
  <c r="X8636" i="1"/>
  <c r="X8637" i="1"/>
  <c r="X8638" i="1"/>
  <c r="X8639" i="1"/>
  <c r="X8640" i="1"/>
  <c r="X8641" i="1"/>
  <c r="X8642" i="1"/>
  <c r="X8643" i="1"/>
  <c r="X8644" i="1"/>
  <c r="X8645" i="1"/>
  <c r="X8646" i="1"/>
  <c r="X8647" i="1"/>
  <c r="X8648" i="1"/>
  <c r="X8649" i="1"/>
  <c r="X8650" i="1"/>
  <c r="X8651" i="1"/>
  <c r="X8652" i="1"/>
  <c r="X8653" i="1"/>
  <c r="X8654" i="1"/>
  <c r="X8655" i="1"/>
  <c r="X8656" i="1"/>
  <c r="X8657" i="1"/>
  <c r="X8658" i="1"/>
  <c r="X8659" i="1"/>
  <c r="X8660" i="1"/>
  <c r="X8661" i="1"/>
  <c r="X8662" i="1"/>
  <c r="X8663" i="1"/>
  <c r="X8664" i="1"/>
  <c r="X8665" i="1"/>
  <c r="X8666" i="1"/>
  <c r="X8667" i="1"/>
  <c r="X8668" i="1"/>
  <c r="X8669" i="1"/>
  <c r="X8670" i="1"/>
  <c r="X8671" i="1"/>
  <c r="X8672" i="1"/>
  <c r="X8673" i="1"/>
  <c r="X8674" i="1"/>
  <c r="X8675" i="1"/>
  <c r="X8676" i="1"/>
  <c r="X8677" i="1"/>
  <c r="X8678" i="1"/>
  <c r="X8679" i="1"/>
  <c r="X8680" i="1"/>
  <c r="X8681" i="1"/>
  <c r="X8682" i="1"/>
  <c r="X8683" i="1"/>
  <c r="X8684" i="1"/>
  <c r="X8685" i="1"/>
  <c r="X8686" i="1"/>
  <c r="X8687" i="1"/>
  <c r="X8688" i="1"/>
  <c r="X8689" i="1"/>
  <c r="X8690" i="1"/>
  <c r="X8691" i="1"/>
  <c r="X8692" i="1"/>
  <c r="X8693" i="1"/>
  <c r="X8694" i="1"/>
  <c r="X8695" i="1"/>
  <c r="X8696" i="1"/>
  <c r="X8697" i="1"/>
  <c r="X8698" i="1"/>
  <c r="X8699" i="1"/>
  <c r="X8700" i="1"/>
  <c r="X8701" i="1"/>
  <c r="X8702" i="1"/>
  <c r="X8703" i="1"/>
  <c r="X8704" i="1"/>
  <c r="X8705" i="1"/>
  <c r="X8706" i="1"/>
  <c r="X8707" i="1"/>
  <c r="X8708" i="1"/>
  <c r="X8709" i="1"/>
  <c r="X8710" i="1"/>
  <c r="X8711" i="1"/>
  <c r="X8712" i="1"/>
  <c r="X8713" i="1"/>
  <c r="X8714" i="1"/>
  <c r="X8715" i="1"/>
  <c r="X8716" i="1"/>
  <c r="X8717" i="1"/>
  <c r="X8718" i="1"/>
  <c r="X8719" i="1"/>
  <c r="X8720" i="1"/>
  <c r="X8721" i="1"/>
  <c r="X8722" i="1"/>
  <c r="X8723" i="1"/>
  <c r="X8724" i="1"/>
  <c r="X8725" i="1"/>
  <c r="X8726" i="1"/>
  <c r="X8727" i="1"/>
  <c r="X8728" i="1"/>
  <c r="X8729" i="1"/>
  <c r="X8730" i="1"/>
  <c r="X8731" i="1"/>
  <c r="X8732" i="1"/>
  <c r="X8733" i="1"/>
  <c r="X8734" i="1"/>
  <c r="X8735" i="1"/>
  <c r="X8736" i="1"/>
  <c r="X8737" i="1"/>
  <c r="X8738" i="1"/>
  <c r="X8739" i="1"/>
  <c r="X8740" i="1"/>
  <c r="X8741" i="1"/>
  <c r="X8742" i="1"/>
  <c r="X8743" i="1"/>
  <c r="X8744" i="1"/>
  <c r="X8745" i="1"/>
  <c r="X8746" i="1"/>
  <c r="X8747" i="1"/>
  <c r="X8748" i="1"/>
  <c r="X8749" i="1"/>
  <c r="X8750" i="1"/>
  <c r="X8751" i="1"/>
  <c r="X8752" i="1"/>
  <c r="X8753" i="1"/>
  <c r="X8754" i="1"/>
  <c r="X8755" i="1"/>
  <c r="X8756" i="1"/>
  <c r="X8757" i="1"/>
  <c r="X8758" i="1"/>
  <c r="X8759" i="1"/>
  <c r="X8760" i="1"/>
  <c r="X8761" i="1"/>
  <c r="X8762" i="1"/>
  <c r="X8763" i="1"/>
  <c r="X8764" i="1"/>
  <c r="X8765" i="1"/>
  <c r="X8766" i="1"/>
  <c r="X8767" i="1"/>
  <c r="X8768" i="1"/>
  <c r="X8769" i="1"/>
  <c r="X8770" i="1"/>
  <c r="X8771" i="1"/>
  <c r="X8772" i="1"/>
  <c r="X8773" i="1"/>
  <c r="X8774" i="1"/>
  <c r="X8775" i="1"/>
  <c r="X8776" i="1"/>
  <c r="X8777" i="1"/>
  <c r="X8778" i="1"/>
  <c r="X8779" i="1"/>
  <c r="X8780" i="1"/>
  <c r="X8781" i="1"/>
  <c r="X8782" i="1"/>
  <c r="X8783" i="1"/>
  <c r="X8784" i="1"/>
  <c r="X8785" i="1"/>
  <c r="X8786" i="1"/>
  <c r="X8787" i="1"/>
  <c r="X8788" i="1"/>
  <c r="X8789" i="1"/>
  <c r="X8790" i="1"/>
  <c r="X8791" i="1"/>
  <c r="X8792" i="1"/>
  <c r="X8793" i="1"/>
  <c r="X8794" i="1"/>
  <c r="X8795" i="1"/>
  <c r="X8796" i="1"/>
  <c r="X8797" i="1"/>
  <c r="X8798" i="1"/>
  <c r="X8799" i="1"/>
  <c r="X8800" i="1"/>
  <c r="X8801" i="1"/>
  <c r="X8802" i="1"/>
  <c r="X8803" i="1"/>
  <c r="X8804" i="1"/>
  <c r="X8805" i="1"/>
  <c r="X8806" i="1"/>
  <c r="X8807" i="1"/>
  <c r="X8808" i="1"/>
  <c r="X8809" i="1"/>
  <c r="X8810" i="1"/>
  <c r="X8811" i="1"/>
  <c r="X8812" i="1"/>
  <c r="X8813" i="1"/>
  <c r="X8814" i="1"/>
  <c r="X8815" i="1"/>
  <c r="X8816" i="1"/>
  <c r="X8817" i="1"/>
  <c r="X8818" i="1"/>
  <c r="X8819" i="1"/>
  <c r="X8820" i="1"/>
  <c r="X8821" i="1"/>
  <c r="X8822" i="1"/>
  <c r="X8823" i="1"/>
  <c r="X8824" i="1"/>
  <c r="X8825" i="1"/>
  <c r="X8826" i="1"/>
  <c r="X8827" i="1"/>
  <c r="X8828" i="1"/>
  <c r="X8829" i="1"/>
  <c r="X8830" i="1"/>
  <c r="X8831" i="1"/>
  <c r="X8832" i="1"/>
  <c r="X8833" i="1"/>
  <c r="X8834" i="1"/>
  <c r="X8835" i="1"/>
  <c r="X8836" i="1"/>
  <c r="X8837" i="1"/>
  <c r="X8838" i="1"/>
  <c r="X8839" i="1"/>
  <c r="X8840" i="1"/>
  <c r="X8841" i="1"/>
  <c r="X8842" i="1"/>
  <c r="X8843" i="1"/>
  <c r="X8844" i="1"/>
  <c r="X8845" i="1"/>
  <c r="X8846" i="1"/>
  <c r="X8847" i="1"/>
  <c r="X8848" i="1"/>
  <c r="X8849" i="1"/>
  <c r="X8850" i="1"/>
  <c r="X8851" i="1"/>
  <c r="X8852" i="1"/>
  <c r="X8853" i="1"/>
  <c r="X8854" i="1"/>
  <c r="X8855" i="1"/>
  <c r="X8856" i="1"/>
  <c r="X8857" i="1"/>
  <c r="X8858" i="1"/>
  <c r="X8859" i="1"/>
  <c r="X8860" i="1"/>
  <c r="X8861" i="1"/>
  <c r="X8862" i="1"/>
  <c r="X8863" i="1"/>
  <c r="X8864" i="1"/>
  <c r="X8865" i="1"/>
  <c r="X8866" i="1"/>
  <c r="X8867" i="1"/>
  <c r="X8868" i="1"/>
  <c r="X8869" i="1"/>
  <c r="X8870" i="1"/>
  <c r="X8871" i="1"/>
  <c r="X8872" i="1"/>
  <c r="X8873" i="1"/>
  <c r="X8874" i="1"/>
  <c r="X8875" i="1"/>
  <c r="X8876" i="1"/>
  <c r="X8877" i="1"/>
  <c r="X8878" i="1"/>
  <c r="X8879" i="1"/>
  <c r="X8880" i="1"/>
  <c r="X8881" i="1"/>
  <c r="X8882" i="1"/>
  <c r="X8883" i="1"/>
  <c r="X8884" i="1"/>
  <c r="X8885" i="1"/>
  <c r="X8886" i="1"/>
  <c r="X8887" i="1"/>
  <c r="X8888" i="1"/>
  <c r="X8889" i="1"/>
  <c r="X8890" i="1"/>
  <c r="X8891" i="1"/>
  <c r="X8892" i="1"/>
  <c r="X8893" i="1"/>
  <c r="X8894" i="1"/>
  <c r="X8895" i="1"/>
  <c r="X8896" i="1"/>
  <c r="X8897" i="1"/>
  <c r="X8898" i="1"/>
  <c r="X8899" i="1"/>
  <c r="X8900" i="1"/>
  <c r="X8901" i="1"/>
  <c r="X8902" i="1"/>
  <c r="X8903" i="1"/>
  <c r="X8904" i="1"/>
  <c r="X8905" i="1"/>
  <c r="X8906" i="1"/>
  <c r="X8907" i="1"/>
  <c r="X8908" i="1"/>
  <c r="X8909" i="1"/>
  <c r="X8910" i="1"/>
  <c r="X8911" i="1"/>
  <c r="X8912" i="1"/>
  <c r="X8913" i="1"/>
  <c r="X8914" i="1"/>
  <c r="X8915" i="1"/>
  <c r="X8916" i="1"/>
  <c r="X8917" i="1"/>
  <c r="X8918" i="1"/>
  <c r="X8919" i="1"/>
  <c r="X8920" i="1"/>
  <c r="X8921" i="1"/>
  <c r="X8922" i="1"/>
  <c r="X8923" i="1"/>
  <c r="X8924" i="1"/>
  <c r="X8925" i="1"/>
  <c r="X8926" i="1"/>
  <c r="X8927" i="1"/>
  <c r="X8928" i="1"/>
  <c r="X8929" i="1"/>
  <c r="X8930" i="1"/>
  <c r="X8931" i="1"/>
  <c r="X8932" i="1"/>
  <c r="X8933" i="1"/>
  <c r="X8934" i="1"/>
  <c r="X8935" i="1"/>
  <c r="X8936" i="1"/>
  <c r="X8937" i="1"/>
  <c r="X8938" i="1"/>
  <c r="X8939" i="1"/>
  <c r="X8940" i="1"/>
  <c r="X8941" i="1"/>
  <c r="X8942" i="1"/>
  <c r="X8943" i="1"/>
  <c r="X8944" i="1"/>
  <c r="X8945" i="1"/>
  <c r="X8946" i="1"/>
  <c r="X8947" i="1"/>
  <c r="X8948" i="1"/>
  <c r="X8949" i="1"/>
  <c r="X8950" i="1"/>
  <c r="X8951" i="1"/>
  <c r="X8952" i="1"/>
  <c r="X8953" i="1"/>
  <c r="X8954" i="1"/>
  <c r="X8955" i="1"/>
  <c r="X8956" i="1"/>
  <c r="X8957" i="1"/>
  <c r="X8958" i="1"/>
  <c r="X8959" i="1"/>
  <c r="X8960" i="1"/>
  <c r="X8961" i="1"/>
  <c r="X8962" i="1"/>
  <c r="X8963" i="1"/>
  <c r="X8964" i="1"/>
  <c r="X8965" i="1"/>
  <c r="X8966" i="1"/>
  <c r="X8967" i="1"/>
  <c r="X8968" i="1"/>
  <c r="X8969" i="1"/>
  <c r="X8970" i="1"/>
  <c r="X8971" i="1"/>
  <c r="X8972" i="1"/>
  <c r="X8973" i="1"/>
  <c r="X8974" i="1"/>
  <c r="X8975" i="1"/>
  <c r="X8976" i="1"/>
  <c r="X8977" i="1"/>
  <c r="X8978" i="1"/>
  <c r="X8979" i="1"/>
  <c r="X8980" i="1"/>
  <c r="X8981" i="1"/>
  <c r="X8982" i="1"/>
  <c r="X8983" i="1"/>
  <c r="X8984" i="1"/>
  <c r="X8985" i="1"/>
  <c r="X8986" i="1"/>
  <c r="X8987" i="1"/>
  <c r="X8988" i="1"/>
  <c r="X8989" i="1"/>
  <c r="X8990" i="1"/>
  <c r="X8991" i="1"/>
  <c r="X8992" i="1"/>
  <c r="X8993" i="1"/>
  <c r="X8994" i="1"/>
  <c r="X8995" i="1"/>
  <c r="X8996" i="1"/>
  <c r="X8997" i="1"/>
  <c r="X8998" i="1"/>
  <c r="X8999" i="1"/>
  <c r="X9000" i="1"/>
  <c r="X9001" i="1"/>
  <c r="X9002" i="1"/>
  <c r="X9003" i="1"/>
  <c r="X9004" i="1"/>
  <c r="X9005" i="1"/>
  <c r="X9006" i="1"/>
  <c r="X9007" i="1"/>
  <c r="X9008" i="1"/>
  <c r="X9009" i="1"/>
  <c r="X9010" i="1"/>
  <c r="X9011" i="1"/>
  <c r="X9012" i="1"/>
  <c r="X9013" i="1"/>
  <c r="X9014" i="1"/>
  <c r="X9015" i="1"/>
  <c r="X9016" i="1"/>
  <c r="X9017" i="1"/>
  <c r="X9018" i="1"/>
  <c r="X9019" i="1"/>
  <c r="X9020" i="1"/>
  <c r="X9021" i="1"/>
  <c r="X9022" i="1"/>
  <c r="X9023" i="1"/>
  <c r="X9024" i="1"/>
  <c r="X9025" i="1"/>
  <c r="X9026" i="1"/>
  <c r="X9027" i="1"/>
  <c r="X9028" i="1"/>
  <c r="X9029" i="1"/>
  <c r="X9030" i="1"/>
  <c r="X9031" i="1"/>
  <c r="X9032" i="1"/>
  <c r="X9033" i="1"/>
  <c r="X9034" i="1"/>
  <c r="X9035" i="1"/>
  <c r="X9036" i="1"/>
  <c r="X9037" i="1"/>
  <c r="X9038" i="1"/>
  <c r="X9039" i="1"/>
  <c r="X9040" i="1"/>
  <c r="X9041" i="1"/>
  <c r="X9042" i="1"/>
  <c r="X9043" i="1"/>
  <c r="X9044" i="1"/>
  <c r="X9045" i="1"/>
  <c r="X9046" i="1"/>
  <c r="X9047" i="1"/>
  <c r="X9048" i="1"/>
  <c r="X9049" i="1"/>
  <c r="X9050" i="1"/>
  <c r="X9051" i="1"/>
  <c r="X9052" i="1"/>
  <c r="X9053" i="1"/>
  <c r="X9054" i="1"/>
  <c r="X9055" i="1"/>
  <c r="X9056" i="1"/>
  <c r="X9057" i="1"/>
  <c r="X9058" i="1"/>
  <c r="X9059" i="1"/>
  <c r="X9060" i="1"/>
  <c r="X9061" i="1"/>
  <c r="X9062" i="1"/>
  <c r="X9063" i="1"/>
  <c r="X9064" i="1"/>
  <c r="X9065" i="1"/>
  <c r="X9066" i="1"/>
  <c r="X9067" i="1"/>
  <c r="X9068" i="1"/>
  <c r="X9069" i="1"/>
  <c r="X9070" i="1"/>
  <c r="X9071" i="1"/>
  <c r="X9072" i="1"/>
  <c r="X9073" i="1"/>
  <c r="X9074" i="1"/>
  <c r="X9075" i="1"/>
  <c r="X9076" i="1"/>
  <c r="X9077" i="1"/>
  <c r="X9078" i="1"/>
  <c r="X9079" i="1"/>
  <c r="X9080" i="1"/>
  <c r="X9081" i="1"/>
  <c r="X9082" i="1"/>
  <c r="X9083" i="1"/>
  <c r="X9084" i="1"/>
  <c r="X9085" i="1"/>
  <c r="X9086" i="1"/>
  <c r="X9087" i="1"/>
  <c r="X9088" i="1"/>
  <c r="X9089" i="1"/>
  <c r="X9090" i="1"/>
  <c r="X9091" i="1"/>
  <c r="X9092" i="1"/>
  <c r="X9093" i="1"/>
  <c r="X9094" i="1"/>
  <c r="X9095" i="1"/>
  <c r="X9096" i="1"/>
  <c r="X9097" i="1"/>
  <c r="X9098" i="1"/>
  <c r="X9099" i="1"/>
  <c r="X9100" i="1"/>
  <c r="X9101" i="1"/>
  <c r="X9102" i="1"/>
  <c r="X9103" i="1"/>
  <c r="X9104" i="1"/>
  <c r="X9105" i="1"/>
  <c r="X9106" i="1"/>
  <c r="X9107" i="1"/>
  <c r="X9108" i="1"/>
  <c r="X9109" i="1"/>
  <c r="X9110" i="1"/>
  <c r="X9111" i="1"/>
  <c r="X9112" i="1"/>
  <c r="X9113" i="1"/>
  <c r="X9114" i="1"/>
  <c r="X9115" i="1"/>
  <c r="X9116" i="1"/>
  <c r="X9117" i="1"/>
  <c r="X9118" i="1"/>
  <c r="X9119" i="1"/>
  <c r="X9120" i="1"/>
  <c r="X9121" i="1"/>
  <c r="X9122" i="1"/>
  <c r="X9123" i="1"/>
  <c r="X9124" i="1"/>
  <c r="X9125" i="1"/>
  <c r="X9126" i="1"/>
  <c r="X9127" i="1"/>
  <c r="X9128" i="1"/>
  <c r="X9129" i="1"/>
  <c r="X9130" i="1"/>
  <c r="X9131" i="1"/>
  <c r="X9132" i="1"/>
  <c r="X9133" i="1"/>
  <c r="X9134" i="1"/>
  <c r="X9135" i="1"/>
  <c r="X9136" i="1"/>
  <c r="X9137" i="1"/>
  <c r="X9138" i="1"/>
  <c r="X9139" i="1"/>
  <c r="X9140" i="1"/>
  <c r="X9141" i="1"/>
  <c r="X9142" i="1"/>
  <c r="X9143" i="1"/>
  <c r="X9144" i="1"/>
  <c r="X9145" i="1"/>
  <c r="X9146" i="1"/>
  <c r="X9147" i="1"/>
  <c r="X9148" i="1"/>
  <c r="X9149" i="1"/>
  <c r="X9150" i="1"/>
  <c r="X9151" i="1"/>
  <c r="X9152" i="1"/>
  <c r="X9153" i="1"/>
  <c r="X9154" i="1"/>
  <c r="X9155" i="1"/>
  <c r="X9156" i="1"/>
  <c r="X9157" i="1"/>
  <c r="X9158" i="1"/>
  <c r="X9159" i="1"/>
  <c r="X9160" i="1"/>
  <c r="X9161" i="1"/>
  <c r="X9162" i="1"/>
  <c r="X9163" i="1"/>
  <c r="X9164" i="1"/>
  <c r="X9165" i="1"/>
  <c r="X9166" i="1"/>
  <c r="X9167" i="1"/>
  <c r="X9168" i="1"/>
  <c r="X9169" i="1"/>
  <c r="X9170" i="1"/>
  <c r="X9171" i="1"/>
  <c r="X9172" i="1"/>
  <c r="X9173" i="1"/>
  <c r="X9174" i="1"/>
  <c r="X9175" i="1"/>
  <c r="X9176" i="1"/>
  <c r="X9177" i="1"/>
  <c r="X9178" i="1"/>
  <c r="X9179" i="1"/>
  <c r="X9180" i="1"/>
  <c r="X9181" i="1"/>
  <c r="X9182" i="1"/>
  <c r="X9183" i="1"/>
  <c r="X9184" i="1"/>
  <c r="X9185" i="1"/>
  <c r="X9186" i="1"/>
  <c r="X9187" i="1"/>
  <c r="X9188" i="1"/>
  <c r="X9189" i="1"/>
  <c r="X9190" i="1"/>
  <c r="X9191" i="1"/>
  <c r="X9192" i="1"/>
  <c r="X9193" i="1"/>
  <c r="X9194" i="1"/>
  <c r="X9195" i="1"/>
  <c r="X9196" i="1"/>
  <c r="X9197" i="1"/>
  <c r="X9198" i="1"/>
  <c r="X9199" i="1"/>
  <c r="X9200" i="1"/>
  <c r="X9201" i="1"/>
  <c r="X9202" i="1"/>
  <c r="X9203" i="1"/>
  <c r="X9204" i="1"/>
  <c r="X9205" i="1"/>
  <c r="X9206" i="1"/>
  <c r="X9207" i="1"/>
  <c r="X9208" i="1"/>
  <c r="X9209" i="1"/>
  <c r="X9210" i="1"/>
  <c r="X9211" i="1"/>
  <c r="X9212" i="1"/>
  <c r="X9213" i="1"/>
  <c r="X9214" i="1"/>
  <c r="X9215" i="1"/>
  <c r="X9216" i="1"/>
  <c r="X9217" i="1"/>
  <c r="X9218" i="1"/>
  <c r="X9219" i="1"/>
  <c r="X9220" i="1"/>
  <c r="X9221" i="1"/>
  <c r="X9222" i="1"/>
  <c r="X9223" i="1"/>
  <c r="X9224" i="1"/>
  <c r="X9225" i="1"/>
  <c r="X9226" i="1"/>
  <c r="X9227" i="1"/>
  <c r="X9228" i="1"/>
  <c r="X9229" i="1"/>
  <c r="X9230" i="1"/>
  <c r="X9231" i="1"/>
  <c r="X9232" i="1"/>
  <c r="X9233" i="1"/>
  <c r="X9234" i="1"/>
  <c r="X9235" i="1"/>
  <c r="X9236" i="1"/>
  <c r="X9237" i="1"/>
  <c r="X9238" i="1"/>
  <c r="X9239" i="1"/>
  <c r="X9240" i="1"/>
  <c r="X9241" i="1"/>
  <c r="X9242" i="1"/>
  <c r="X9243" i="1"/>
  <c r="X9244" i="1"/>
  <c r="X9245" i="1"/>
  <c r="X9246" i="1"/>
  <c r="X9247" i="1"/>
  <c r="X9248" i="1"/>
  <c r="X9249" i="1"/>
  <c r="X9250" i="1"/>
  <c r="X9251" i="1"/>
  <c r="X9252" i="1"/>
  <c r="X9253" i="1"/>
  <c r="X9254" i="1"/>
  <c r="X9255" i="1"/>
  <c r="X9256" i="1"/>
  <c r="X9257" i="1"/>
  <c r="X9258" i="1"/>
  <c r="X9259" i="1"/>
  <c r="X9260" i="1"/>
  <c r="X9261" i="1"/>
  <c r="X9262" i="1"/>
  <c r="X9263" i="1"/>
  <c r="X9264" i="1"/>
  <c r="X9265" i="1"/>
  <c r="X9266" i="1"/>
  <c r="X9267" i="1"/>
  <c r="X9268" i="1"/>
  <c r="X9269" i="1"/>
  <c r="X9270" i="1"/>
  <c r="X9271" i="1"/>
  <c r="X9272" i="1"/>
  <c r="X9273" i="1"/>
  <c r="X9274" i="1"/>
  <c r="X9275" i="1"/>
  <c r="X9276" i="1"/>
  <c r="X9277" i="1"/>
  <c r="X9278" i="1"/>
  <c r="X9279" i="1"/>
  <c r="X9280" i="1"/>
  <c r="X9281" i="1"/>
  <c r="X9282" i="1"/>
  <c r="X9283" i="1"/>
  <c r="X9284" i="1"/>
  <c r="X9285" i="1"/>
  <c r="X9286" i="1"/>
  <c r="X9287" i="1"/>
  <c r="X9288" i="1"/>
  <c r="X9289" i="1"/>
  <c r="X9290" i="1"/>
  <c r="X9291" i="1"/>
  <c r="X9292" i="1"/>
  <c r="X9293" i="1"/>
  <c r="X9294" i="1"/>
  <c r="X9295" i="1"/>
  <c r="X9296" i="1"/>
  <c r="X9297" i="1"/>
  <c r="X9298" i="1"/>
  <c r="X9299" i="1"/>
  <c r="X9300" i="1"/>
  <c r="X9301" i="1"/>
  <c r="X9302" i="1"/>
  <c r="X9303" i="1"/>
  <c r="X9304" i="1"/>
  <c r="X9305" i="1"/>
  <c r="X9306" i="1"/>
  <c r="X9307" i="1"/>
  <c r="X9308" i="1"/>
  <c r="X9309" i="1"/>
  <c r="X9310" i="1"/>
  <c r="X9311" i="1"/>
  <c r="X9312" i="1"/>
  <c r="X9313" i="1"/>
  <c r="X9314" i="1"/>
  <c r="X9315" i="1"/>
  <c r="X9316" i="1"/>
  <c r="X9317" i="1"/>
  <c r="X9318" i="1"/>
  <c r="X9319" i="1"/>
  <c r="X9320" i="1"/>
  <c r="X9321" i="1"/>
  <c r="X9322" i="1"/>
  <c r="X9323" i="1"/>
  <c r="X9324" i="1"/>
  <c r="X9325" i="1"/>
  <c r="X9326" i="1"/>
  <c r="X9327" i="1"/>
  <c r="X9328" i="1"/>
  <c r="X9329" i="1"/>
  <c r="X9330" i="1"/>
  <c r="X9331" i="1"/>
  <c r="X9332" i="1"/>
  <c r="X9333" i="1"/>
  <c r="X9334" i="1"/>
  <c r="X9335" i="1"/>
  <c r="X9336" i="1"/>
  <c r="X9337" i="1"/>
  <c r="X9338" i="1"/>
  <c r="X9339" i="1"/>
  <c r="X9340" i="1"/>
  <c r="X9341" i="1"/>
  <c r="X9342" i="1"/>
  <c r="X9343" i="1"/>
  <c r="X9344" i="1"/>
  <c r="X9345" i="1"/>
  <c r="X9346" i="1"/>
  <c r="X9347" i="1"/>
  <c r="X9348" i="1"/>
  <c r="X9349" i="1"/>
  <c r="X9350" i="1"/>
  <c r="X9351" i="1"/>
  <c r="X9352" i="1"/>
  <c r="X9353" i="1"/>
  <c r="X9354" i="1"/>
  <c r="X9355" i="1"/>
  <c r="X9356" i="1"/>
  <c r="X9357" i="1"/>
  <c r="X9358" i="1"/>
  <c r="X9359" i="1"/>
  <c r="X9360" i="1"/>
  <c r="X9361" i="1"/>
  <c r="X9362" i="1"/>
  <c r="X9363" i="1"/>
  <c r="X9364" i="1"/>
  <c r="X9365" i="1"/>
  <c r="X9366" i="1"/>
  <c r="X9367" i="1"/>
  <c r="X9368" i="1"/>
  <c r="X9369" i="1"/>
  <c r="X9370" i="1"/>
  <c r="X9371" i="1"/>
  <c r="X9372" i="1"/>
  <c r="X9373" i="1"/>
  <c r="X9374" i="1"/>
  <c r="X9375" i="1"/>
  <c r="X9376" i="1"/>
  <c r="X9377" i="1"/>
  <c r="X9378" i="1"/>
  <c r="X9379" i="1"/>
  <c r="X9380" i="1"/>
  <c r="X9381" i="1"/>
  <c r="X9382" i="1"/>
  <c r="X9383" i="1"/>
  <c r="X9384" i="1"/>
  <c r="X9385" i="1"/>
  <c r="X9386" i="1"/>
  <c r="X9387" i="1"/>
  <c r="X9388" i="1"/>
  <c r="X9389" i="1"/>
  <c r="X9390" i="1"/>
  <c r="X9391" i="1"/>
  <c r="X9392" i="1"/>
  <c r="X9393" i="1"/>
  <c r="X9394" i="1"/>
  <c r="X9395" i="1"/>
  <c r="X9396" i="1"/>
  <c r="X9397" i="1"/>
  <c r="X9398" i="1"/>
  <c r="X9399" i="1"/>
  <c r="X9400" i="1"/>
  <c r="X9401" i="1"/>
  <c r="X9402" i="1"/>
  <c r="X9403" i="1"/>
  <c r="X9404" i="1"/>
  <c r="X9405" i="1"/>
  <c r="X9406" i="1"/>
  <c r="X9407" i="1"/>
  <c r="X9408" i="1"/>
  <c r="X9409" i="1"/>
  <c r="X9410" i="1"/>
  <c r="X9411" i="1"/>
  <c r="X9412" i="1"/>
  <c r="X9413" i="1"/>
  <c r="X9414" i="1"/>
  <c r="X9415" i="1"/>
  <c r="X9416" i="1"/>
  <c r="X9417" i="1"/>
  <c r="X9418" i="1"/>
  <c r="X9419" i="1"/>
  <c r="X9420" i="1"/>
  <c r="X9421" i="1"/>
  <c r="X9422" i="1"/>
  <c r="X9423" i="1"/>
  <c r="X9424" i="1"/>
  <c r="X9425" i="1"/>
  <c r="X9426" i="1"/>
  <c r="X9427" i="1"/>
  <c r="X9428" i="1"/>
  <c r="X9429" i="1"/>
  <c r="X9430" i="1"/>
  <c r="X9431" i="1"/>
  <c r="X9432" i="1"/>
  <c r="X9433" i="1"/>
  <c r="X9434" i="1"/>
  <c r="X9435" i="1"/>
  <c r="X9436" i="1"/>
  <c r="X9437" i="1"/>
  <c r="X9438" i="1"/>
  <c r="X9439" i="1"/>
  <c r="X9440" i="1"/>
  <c r="X9441" i="1"/>
  <c r="X9442" i="1"/>
  <c r="X9443" i="1"/>
  <c r="X9444" i="1"/>
  <c r="X9445" i="1"/>
  <c r="X9446" i="1"/>
  <c r="X9447" i="1"/>
  <c r="X9448" i="1"/>
  <c r="X9449" i="1"/>
  <c r="X9450" i="1"/>
  <c r="X9451" i="1"/>
  <c r="X9452" i="1"/>
  <c r="X9453" i="1"/>
  <c r="X9454" i="1"/>
  <c r="X9455" i="1"/>
  <c r="X9456" i="1"/>
  <c r="X9457" i="1"/>
  <c r="X9458" i="1"/>
  <c r="X9459" i="1"/>
  <c r="X9460" i="1"/>
  <c r="X9461" i="1"/>
  <c r="X9462" i="1"/>
  <c r="X9463" i="1"/>
  <c r="X9464" i="1"/>
  <c r="X9465" i="1"/>
  <c r="X9466" i="1"/>
  <c r="X9467" i="1"/>
  <c r="X9468" i="1"/>
  <c r="X9469" i="1"/>
  <c r="X9470" i="1"/>
  <c r="X9471" i="1"/>
  <c r="X9472" i="1"/>
  <c r="X9473" i="1"/>
  <c r="X9474" i="1"/>
  <c r="X9475" i="1"/>
  <c r="X9476" i="1"/>
  <c r="X9477" i="1"/>
  <c r="X9478" i="1"/>
  <c r="X9479" i="1"/>
  <c r="X9480" i="1"/>
  <c r="X9481" i="1"/>
  <c r="X9482" i="1"/>
  <c r="X9483" i="1"/>
  <c r="X9484" i="1"/>
  <c r="X9485" i="1"/>
  <c r="X9486" i="1"/>
  <c r="X9487" i="1"/>
  <c r="X9488" i="1"/>
  <c r="X9489" i="1"/>
  <c r="X9490" i="1"/>
  <c r="X9491" i="1"/>
  <c r="X9492" i="1"/>
  <c r="X9493" i="1"/>
  <c r="X9494" i="1"/>
  <c r="X9495" i="1"/>
  <c r="X9496" i="1"/>
  <c r="X9497" i="1"/>
  <c r="X9498" i="1"/>
  <c r="X9499" i="1"/>
  <c r="X9500" i="1"/>
  <c r="X9501" i="1"/>
  <c r="X9502" i="1"/>
  <c r="X9503" i="1"/>
  <c r="X9504" i="1"/>
  <c r="X9505" i="1"/>
  <c r="X9506" i="1"/>
  <c r="X9507" i="1"/>
  <c r="X9508" i="1"/>
  <c r="X9509" i="1"/>
  <c r="X9510" i="1"/>
  <c r="X9511" i="1"/>
  <c r="X9512" i="1"/>
  <c r="X9513" i="1"/>
  <c r="X9514" i="1"/>
  <c r="X9515" i="1"/>
  <c r="X9516" i="1"/>
  <c r="X9517" i="1"/>
  <c r="X9518" i="1"/>
  <c r="X9519" i="1"/>
  <c r="X9520" i="1"/>
  <c r="X9521" i="1"/>
  <c r="X9522" i="1"/>
  <c r="X9523" i="1"/>
  <c r="X9524" i="1"/>
  <c r="X9525" i="1"/>
  <c r="X9526" i="1"/>
  <c r="X9527" i="1"/>
  <c r="X9528" i="1"/>
  <c r="X9529" i="1"/>
  <c r="X9530" i="1"/>
  <c r="X9531" i="1"/>
  <c r="X9532" i="1"/>
  <c r="X9533" i="1"/>
  <c r="X9534" i="1"/>
  <c r="X9535" i="1"/>
  <c r="X9536" i="1"/>
  <c r="X9537" i="1"/>
  <c r="X9538" i="1"/>
  <c r="X9539" i="1"/>
  <c r="X9540" i="1"/>
  <c r="X9541" i="1"/>
  <c r="X9542" i="1"/>
  <c r="X9543" i="1"/>
  <c r="X9544" i="1"/>
  <c r="X9545" i="1"/>
  <c r="X9546" i="1"/>
  <c r="X9547" i="1"/>
  <c r="X9548" i="1"/>
  <c r="X9549" i="1"/>
  <c r="X9550" i="1"/>
  <c r="X9551" i="1"/>
  <c r="X9552" i="1"/>
  <c r="X9553" i="1"/>
  <c r="X9554" i="1"/>
  <c r="X9555" i="1"/>
  <c r="X9556" i="1"/>
  <c r="X9557" i="1"/>
  <c r="X9558" i="1"/>
  <c r="X9559" i="1"/>
  <c r="X9560" i="1"/>
  <c r="X9561" i="1"/>
  <c r="X9562" i="1"/>
  <c r="X9563" i="1"/>
  <c r="X9564" i="1"/>
  <c r="X9565" i="1"/>
  <c r="X9566" i="1"/>
  <c r="X9567" i="1"/>
  <c r="X9568" i="1"/>
  <c r="X9569" i="1"/>
  <c r="X9570" i="1"/>
  <c r="X9571" i="1"/>
  <c r="X9572" i="1"/>
  <c r="X9573" i="1"/>
  <c r="X9574" i="1"/>
  <c r="X9575" i="1"/>
  <c r="X9576" i="1"/>
  <c r="X9577" i="1"/>
  <c r="X9578" i="1"/>
  <c r="X9579" i="1"/>
  <c r="X9580" i="1"/>
  <c r="X9581" i="1"/>
  <c r="X9582" i="1"/>
  <c r="X9583" i="1"/>
  <c r="X9584" i="1"/>
  <c r="X9585" i="1"/>
  <c r="X9586" i="1"/>
  <c r="X9587" i="1"/>
  <c r="X9588" i="1"/>
  <c r="X9589" i="1"/>
  <c r="X9590" i="1"/>
  <c r="X9591" i="1"/>
  <c r="X9592" i="1"/>
  <c r="X9593" i="1"/>
  <c r="X9594" i="1"/>
  <c r="X9595" i="1"/>
  <c r="X9596" i="1"/>
  <c r="X9597" i="1"/>
  <c r="X9598" i="1"/>
  <c r="X9599" i="1"/>
  <c r="X9600" i="1"/>
  <c r="X9601" i="1"/>
  <c r="X9602" i="1"/>
  <c r="X9603" i="1"/>
  <c r="X9604" i="1"/>
  <c r="X9605" i="1"/>
  <c r="X9606" i="1"/>
  <c r="X9607" i="1"/>
  <c r="X9608" i="1"/>
  <c r="X9609" i="1"/>
  <c r="X9610" i="1"/>
  <c r="X9611" i="1"/>
  <c r="X9612" i="1"/>
  <c r="X9613" i="1"/>
  <c r="X9614" i="1"/>
  <c r="X9615" i="1"/>
  <c r="X9616" i="1"/>
  <c r="X9617" i="1"/>
  <c r="X9618" i="1"/>
  <c r="X9619" i="1"/>
  <c r="X9620" i="1"/>
  <c r="X9621" i="1"/>
  <c r="X9622" i="1"/>
  <c r="X9623" i="1"/>
  <c r="X9624" i="1"/>
  <c r="X9625" i="1"/>
  <c r="X9626" i="1"/>
  <c r="X9627" i="1"/>
  <c r="X9628" i="1"/>
  <c r="X9629" i="1"/>
  <c r="X9630" i="1"/>
  <c r="X9631" i="1"/>
  <c r="X9632" i="1"/>
  <c r="X9633" i="1"/>
  <c r="X9634" i="1"/>
  <c r="X9635" i="1"/>
  <c r="X9636" i="1"/>
  <c r="X9637" i="1"/>
  <c r="X9638" i="1"/>
  <c r="X9639" i="1"/>
  <c r="X9640" i="1"/>
  <c r="X9641" i="1"/>
  <c r="X9642" i="1"/>
  <c r="X9643" i="1"/>
  <c r="X9644" i="1"/>
  <c r="X9645" i="1"/>
  <c r="X9646" i="1"/>
  <c r="X9647" i="1"/>
  <c r="X9648" i="1"/>
  <c r="X9649" i="1"/>
  <c r="X9650" i="1"/>
  <c r="X9651" i="1"/>
  <c r="X9652" i="1"/>
  <c r="X9653" i="1"/>
  <c r="X9654" i="1"/>
  <c r="X9655" i="1"/>
  <c r="X9656" i="1"/>
  <c r="X9657" i="1"/>
  <c r="X9658" i="1"/>
  <c r="X9659" i="1"/>
  <c r="X9660" i="1"/>
  <c r="X9661" i="1"/>
  <c r="X9662" i="1"/>
  <c r="X9663" i="1"/>
  <c r="X9664" i="1"/>
  <c r="X9665" i="1"/>
  <c r="X9666" i="1"/>
  <c r="X9667" i="1"/>
  <c r="X9668" i="1"/>
  <c r="X9669" i="1"/>
  <c r="X9670" i="1"/>
  <c r="X9671" i="1"/>
  <c r="X9672" i="1"/>
  <c r="X9673" i="1"/>
  <c r="X9674" i="1"/>
  <c r="X9675" i="1"/>
  <c r="X9676" i="1"/>
  <c r="X9677" i="1"/>
  <c r="X9678" i="1"/>
  <c r="X9679" i="1"/>
  <c r="X9680" i="1"/>
  <c r="X9681" i="1"/>
  <c r="X9682" i="1"/>
  <c r="X9683" i="1"/>
  <c r="X9684" i="1"/>
  <c r="X9685" i="1"/>
  <c r="X9686" i="1"/>
  <c r="X9687" i="1"/>
  <c r="X9688" i="1"/>
  <c r="X9689" i="1"/>
  <c r="X9690" i="1"/>
  <c r="X9691" i="1"/>
  <c r="X9692" i="1"/>
  <c r="X9693" i="1"/>
  <c r="X9694" i="1"/>
  <c r="X9695" i="1"/>
  <c r="X9696" i="1"/>
  <c r="X9697" i="1"/>
  <c r="X9698" i="1"/>
  <c r="X9699" i="1"/>
  <c r="X9700" i="1"/>
  <c r="X9701" i="1"/>
  <c r="X9702" i="1"/>
  <c r="X9703" i="1"/>
  <c r="X9704" i="1"/>
  <c r="X9705" i="1"/>
  <c r="X9706" i="1"/>
  <c r="X9707" i="1"/>
  <c r="X9708" i="1"/>
  <c r="X9709" i="1"/>
  <c r="X9710" i="1"/>
  <c r="X9711" i="1"/>
  <c r="X9712" i="1"/>
  <c r="X9713" i="1"/>
  <c r="X9714" i="1"/>
  <c r="X9715" i="1"/>
  <c r="X9716" i="1"/>
  <c r="X9717" i="1"/>
  <c r="X9718" i="1"/>
  <c r="X9719" i="1"/>
  <c r="X9720" i="1"/>
  <c r="X9721" i="1"/>
  <c r="X9722" i="1"/>
  <c r="X9723" i="1"/>
  <c r="X9724" i="1"/>
  <c r="X9725" i="1"/>
  <c r="X9726" i="1"/>
  <c r="X9727" i="1"/>
  <c r="X9728" i="1"/>
  <c r="X9729" i="1"/>
  <c r="X9730" i="1"/>
  <c r="X9731" i="1"/>
  <c r="X9732" i="1"/>
  <c r="X9733" i="1"/>
  <c r="X9734" i="1"/>
  <c r="X9735" i="1"/>
  <c r="X9736" i="1"/>
  <c r="X9737" i="1"/>
  <c r="X9738" i="1"/>
  <c r="X9739" i="1"/>
  <c r="X9740" i="1"/>
  <c r="X9741" i="1"/>
  <c r="X9742" i="1"/>
  <c r="X9743" i="1"/>
  <c r="X9744" i="1"/>
  <c r="X9745" i="1"/>
  <c r="X9746" i="1"/>
  <c r="X9747" i="1"/>
  <c r="X9748" i="1"/>
  <c r="X9749" i="1"/>
  <c r="X9750" i="1"/>
  <c r="X9751" i="1"/>
  <c r="X9752" i="1"/>
  <c r="X9753" i="1"/>
  <c r="X9754" i="1"/>
  <c r="X9755" i="1"/>
  <c r="X9756" i="1"/>
  <c r="X9757" i="1"/>
  <c r="X9758" i="1"/>
  <c r="X9759" i="1"/>
  <c r="X9760" i="1"/>
  <c r="X9761" i="1"/>
  <c r="X9762" i="1"/>
  <c r="X9763" i="1"/>
  <c r="X9764" i="1"/>
  <c r="X9765" i="1"/>
  <c r="X9766" i="1"/>
  <c r="X9767" i="1"/>
  <c r="X9768" i="1"/>
  <c r="X9769" i="1"/>
  <c r="X9770" i="1"/>
  <c r="X9771" i="1"/>
  <c r="X9772" i="1"/>
  <c r="X9773" i="1"/>
  <c r="X9774" i="1"/>
  <c r="X9775" i="1"/>
  <c r="X9776" i="1"/>
  <c r="X9777" i="1"/>
  <c r="X9778" i="1"/>
  <c r="X9779" i="1"/>
  <c r="X9780" i="1"/>
  <c r="X9781" i="1"/>
  <c r="X9782" i="1"/>
  <c r="X9783" i="1"/>
  <c r="X9784" i="1"/>
  <c r="X9785" i="1"/>
  <c r="X9786" i="1"/>
  <c r="X9787" i="1"/>
  <c r="X9788" i="1"/>
  <c r="X9789" i="1"/>
  <c r="X9790" i="1"/>
  <c r="X9791" i="1"/>
  <c r="X9792" i="1"/>
  <c r="X9793" i="1"/>
  <c r="X9794" i="1"/>
  <c r="X9795" i="1"/>
  <c r="X9796" i="1"/>
  <c r="X9797" i="1"/>
  <c r="X9798" i="1"/>
  <c r="X9799" i="1"/>
  <c r="X9800" i="1"/>
  <c r="X9801" i="1"/>
  <c r="X9802" i="1"/>
  <c r="X9803" i="1"/>
  <c r="X9804" i="1"/>
  <c r="X9805" i="1"/>
  <c r="X9806" i="1"/>
  <c r="X9807" i="1"/>
  <c r="X9808" i="1"/>
  <c r="X9809" i="1"/>
  <c r="X9810" i="1"/>
  <c r="X9811" i="1"/>
  <c r="X9812" i="1"/>
  <c r="X9813" i="1"/>
  <c r="X9814" i="1"/>
  <c r="X9815" i="1"/>
  <c r="X9816" i="1"/>
  <c r="X9817" i="1"/>
  <c r="X9818" i="1"/>
  <c r="X9819" i="1"/>
  <c r="X9820" i="1"/>
  <c r="X9821" i="1"/>
  <c r="X9822" i="1"/>
  <c r="X9823" i="1"/>
  <c r="X9824" i="1"/>
  <c r="X9825" i="1"/>
  <c r="X9826" i="1"/>
  <c r="X9827" i="1"/>
  <c r="X9828" i="1"/>
  <c r="X9829" i="1"/>
  <c r="X9830" i="1"/>
  <c r="X9831" i="1"/>
  <c r="X9832" i="1"/>
  <c r="X9833" i="1"/>
  <c r="X9834" i="1"/>
  <c r="X9835" i="1"/>
  <c r="X9836" i="1"/>
  <c r="X9837" i="1"/>
  <c r="X9838" i="1"/>
  <c r="X9839" i="1"/>
  <c r="X9840" i="1"/>
  <c r="X9841" i="1"/>
  <c r="X9842" i="1"/>
  <c r="X9843" i="1"/>
  <c r="X9844" i="1"/>
  <c r="X9845" i="1"/>
  <c r="X9846" i="1"/>
  <c r="X9847" i="1"/>
  <c r="X9848" i="1"/>
  <c r="X9849" i="1"/>
  <c r="X9850" i="1"/>
  <c r="X9851" i="1"/>
  <c r="X9852" i="1"/>
  <c r="X9853" i="1"/>
  <c r="X9854" i="1"/>
  <c r="X9855" i="1"/>
  <c r="X9856" i="1"/>
  <c r="X9857" i="1"/>
  <c r="X9858" i="1"/>
  <c r="X9859" i="1"/>
  <c r="X9860" i="1"/>
  <c r="X9861" i="1"/>
  <c r="X9862" i="1"/>
  <c r="X9863" i="1"/>
  <c r="X9864" i="1"/>
  <c r="X9865" i="1"/>
  <c r="X9866" i="1"/>
  <c r="X9867" i="1"/>
  <c r="X9868" i="1"/>
  <c r="X9869" i="1"/>
  <c r="X9870" i="1"/>
  <c r="X9871" i="1"/>
  <c r="X9872" i="1"/>
  <c r="X9873" i="1"/>
  <c r="X9874" i="1"/>
  <c r="X9875" i="1"/>
  <c r="X9876" i="1"/>
  <c r="X9877" i="1"/>
  <c r="X9878" i="1"/>
  <c r="X9879" i="1"/>
  <c r="X9880" i="1"/>
  <c r="X9881" i="1"/>
  <c r="X9882" i="1"/>
  <c r="X9883" i="1"/>
  <c r="X9884" i="1"/>
  <c r="X9885" i="1"/>
  <c r="X9886" i="1"/>
  <c r="X9887" i="1"/>
  <c r="X9888" i="1"/>
  <c r="X9889" i="1"/>
  <c r="X9890" i="1"/>
  <c r="X9891" i="1"/>
  <c r="X9892" i="1"/>
  <c r="X9893" i="1"/>
  <c r="X9894" i="1"/>
  <c r="X9895" i="1"/>
  <c r="X9896" i="1"/>
  <c r="X9897" i="1"/>
  <c r="X9898" i="1"/>
  <c r="X9899" i="1"/>
  <c r="X9900" i="1"/>
  <c r="X9901" i="1"/>
  <c r="X9902" i="1"/>
  <c r="X9903" i="1"/>
  <c r="X9904" i="1"/>
  <c r="X9905" i="1"/>
  <c r="X9906" i="1"/>
  <c r="X9907" i="1"/>
  <c r="X9908" i="1"/>
  <c r="X9909" i="1"/>
  <c r="X9910" i="1"/>
  <c r="X9911" i="1"/>
  <c r="X9912" i="1"/>
  <c r="X9913" i="1"/>
  <c r="X9914" i="1"/>
  <c r="X9915" i="1"/>
  <c r="X9916" i="1"/>
  <c r="X9917" i="1"/>
  <c r="X9918" i="1"/>
  <c r="X9919" i="1"/>
  <c r="X9920" i="1"/>
  <c r="X9921" i="1"/>
  <c r="X9922" i="1"/>
  <c r="X9923" i="1"/>
  <c r="X9924" i="1"/>
  <c r="X9925" i="1"/>
  <c r="X9926" i="1"/>
  <c r="X9927" i="1"/>
  <c r="X9928" i="1"/>
  <c r="X9929" i="1"/>
  <c r="X9930" i="1"/>
  <c r="X9931" i="1"/>
  <c r="X9932" i="1"/>
  <c r="X9933" i="1"/>
  <c r="X9934" i="1"/>
  <c r="X9935" i="1"/>
  <c r="X9936" i="1"/>
  <c r="X9937" i="1"/>
  <c r="X9938" i="1"/>
  <c r="X9939" i="1"/>
  <c r="X9940" i="1"/>
  <c r="X9941" i="1"/>
  <c r="X9942" i="1"/>
  <c r="X9943" i="1"/>
  <c r="X9944" i="1"/>
  <c r="X9945" i="1"/>
  <c r="X9946" i="1"/>
  <c r="X9947" i="1"/>
  <c r="X9948" i="1"/>
  <c r="X9949" i="1"/>
  <c r="X9950" i="1"/>
  <c r="X9951" i="1"/>
  <c r="X9952" i="1"/>
  <c r="X9953" i="1"/>
  <c r="X9954" i="1"/>
  <c r="X9955" i="1"/>
  <c r="X9956" i="1"/>
  <c r="X9957" i="1"/>
  <c r="X9958" i="1"/>
  <c r="X9959" i="1"/>
  <c r="X9960" i="1"/>
  <c r="X9961" i="1"/>
  <c r="X9962" i="1"/>
  <c r="X9963" i="1"/>
  <c r="X9964" i="1"/>
  <c r="X9965" i="1"/>
  <c r="X9966" i="1"/>
  <c r="X9967" i="1"/>
  <c r="X9968" i="1"/>
  <c r="X9969" i="1"/>
  <c r="X9970" i="1"/>
  <c r="X9971" i="1"/>
  <c r="X9972" i="1"/>
  <c r="X9973" i="1"/>
  <c r="X9974" i="1"/>
  <c r="X9975" i="1"/>
  <c r="X9976" i="1"/>
  <c r="X9977" i="1"/>
  <c r="X9978" i="1"/>
  <c r="X9979" i="1"/>
  <c r="X9980" i="1"/>
  <c r="X9981" i="1"/>
  <c r="X9982" i="1"/>
  <c r="X9983" i="1"/>
  <c r="X9984" i="1"/>
  <c r="X9985" i="1"/>
  <c r="X9986" i="1"/>
  <c r="X9987" i="1"/>
  <c r="X9988" i="1"/>
  <c r="X9989" i="1"/>
  <c r="X9990" i="1"/>
  <c r="X9991" i="1"/>
  <c r="X9992" i="1"/>
  <c r="X9993" i="1"/>
  <c r="X9994" i="1"/>
  <c r="X9995" i="1"/>
  <c r="X9996" i="1"/>
  <c r="X9997" i="1"/>
  <c r="X9998" i="1"/>
  <c r="X9999" i="1"/>
  <c r="X10000" i="1"/>
  <c r="X10001" i="1"/>
  <c r="X10002" i="1"/>
  <c r="X10003" i="1"/>
  <c r="X10004" i="1"/>
  <c r="X10005" i="1"/>
  <c r="X10006" i="1"/>
  <c r="X10007" i="1"/>
  <c r="X10008" i="1"/>
  <c r="X10009" i="1"/>
  <c r="X10010" i="1"/>
  <c r="X10011" i="1"/>
  <c r="X10012" i="1"/>
  <c r="X10013" i="1"/>
  <c r="X10014" i="1"/>
  <c r="X10015" i="1"/>
  <c r="X10016" i="1"/>
  <c r="X10017" i="1"/>
  <c r="X10018" i="1"/>
  <c r="X10019" i="1"/>
  <c r="X10020" i="1"/>
  <c r="X10021" i="1"/>
  <c r="X10022" i="1"/>
  <c r="X10023" i="1"/>
  <c r="X10024" i="1"/>
  <c r="X10025" i="1"/>
  <c r="X10026" i="1"/>
  <c r="X10027" i="1"/>
  <c r="X10028" i="1"/>
  <c r="X10029" i="1"/>
  <c r="X10030" i="1"/>
  <c r="X10031" i="1"/>
  <c r="X10032" i="1"/>
  <c r="X10033" i="1"/>
  <c r="X10034" i="1"/>
  <c r="X10035" i="1"/>
  <c r="X10036" i="1"/>
  <c r="X10037" i="1"/>
  <c r="X10038" i="1"/>
  <c r="X10039" i="1"/>
  <c r="X10040" i="1"/>
  <c r="X10041" i="1"/>
  <c r="X10042" i="1"/>
  <c r="X10043" i="1"/>
  <c r="X10044" i="1"/>
  <c r="X10045" i="1"/>
  <c r="X10046" i="1"/>
  <c r="X10047" i="1"/>
  <c r="X10048" i="1"/>
  <c r="X10049" i="1"/>
  <c r="X10050" i="1"/>
  <c r="X10051" i="1"/>
  <c r="X10052" i="1"/>
  <c r="X10053" i="1"/>
  <c r="X10054" i="1"/>
  <c r="X10055" i="1"/>
  <c r="X10056" i="1"/>
  <c r="X10057" i="1"/>
  <c r="X10058" i="1"/>
  <c r="X10059" i="1"/>
  <c r="X10060" i="1"/>
  <c r="X10061" i="1"/>
  <c r="X10062" i="1"/>
  <c r="X10063" i="1"/>
  <c r="X10064" i="1"/>
  <c r="X10065" i="1"/>
  <c r="X10066" i="1"/>
  <c r="X10067" i="1"/>
  <c r="X10068" i="1"/>
  <c r="X10069" i="1"/>
  <c r="X10070" i="1"/>
  <c r="X10071" i="1"/>
  <c r="X10072" i="1"/>
  <c r="X10073" i="1"/>
  <c r="X10074" i="1"/>
  <c r="X10075" i="1"/>
  <c r="X10076" i="1"/>
  <c r="X10077" i="1"/>
  <c r="X10078" i="1"/>
  <c r="X10079" i="1"/>
  <c r="X10080" i="1"/>
  <c r="X10081" i="1"/>
  <c r="X10082" i="1"/>
  <c r="X10083" i="1"/>
  <c r="X10084" i="1"/>
  <c r="X10085" i="1"/>
  <c r="X10086" i="1"/>
  <c r="X10087" i="1"/>
  <c r="X10088" i="1"/>
  <c r="X10089" i="1"/>
  <c r="X10090" i="1"/>
  <c r="X10091" i="1"/>
  <c r="X10092" i="1"/>
  <c r="X10093" i="1"/>
  <c r="X10094" i="1"/>
  <c r="X10095" i="1"/>
  <c r="X10096" i="1"/>
  <c r="X10097" i="1"/>
  <c r="X10098" i="1"/>
  <c r="X10099" i="1"/>
  <c r="X10100" i="1"/>
  <c r="X10101" i="1"/>
  <c r="X10102" i="1"/>
  <c r="X10103" i="1"/>
  <c r="X10104" i="1"/>
  <c r="X10105" i="1"/>
  <c r="X10106" i="1"/>
  <c r="X10107" i="1"/>
  <c r="X10108" i="1"/>
  <c r="X10109" i="1"/>
  <c r="X10110" i="1"/>
  <c r="X10111" i="1"/>
  <c r="X10112" i="1"/>
  <c r="X10113" i="1"/>
  <c r="X10114" i="1"/>
  <c r="X10115" i="1"/>
  <c r="X10116" i="1"/>
  <c r="X10117" i="1"/>
  <c r="X10118" i="1"/>
  <c r="X10119" i="1"/>
  <c r="X10120" i="1"/>
  <c r="X10121" i="1"/>
  <c r="X10122" i="1"/>
  <c r="X10123" i="1"/>
  <c r="X10124" i="1"/>
  <c r="X10125" i="1"/>
  <c r="X10126" i="1"/>
  <c r="X10127" i="1"/>
  <c r="X10128" i="1"/>
  <c r="X10129" i="1"/>
  <c r="X10130" i="1"/>
  <c r="X10131" i="1"/>
  <c r="X10132" i="1"/>
  <c r="X10133" i="1"/>
  <c r="X10134" i="1"/>
  <c r="X10135" i="1"/>
  <c r="X10136" i="1"/>
  <c r="X10137" i="1"/>
  <c r="X10138" i="1"/>
  <c r="X10139" i="1"/>
  <c r="X10140" i="1"/>
  <c r="X10141" i="1"/>
  <c r="X10142" i="1"/>
  <c r="X10143" i="1"/>
  <c r="X10144" i="1"/>
  <c r="X10145" i="1"/>
  <c r="X10146" i="1"/>
  <c r="X10147" i="1"/>
  <c r="X10148" i="1"/>
  <c r="X10149" i="1"/>
  <c r="X10150" i="1"/>
  <c r="X10151" i="1"/>
  <c r="X10152" i="1"/>
  <c r="X10153" i="1"/>
  <c r="X10154" i="1"/>
  <c r="X10155" i="1"/>
  <c r="X10156" i="1"/>
  <c r="X10157" i="1"/>
  <c r="X10158" i="1"/>
  <c r="X10159" i="1"/>
  <c r="X10160" i="1"/>
  <c r="X10161" i="1"/>
  <c r="X10162" i="1"/>
  <c r="X10163" i="1"/>
  <c r="X10164" i="1"/>
  <c r="X10165" i="1"/>
  <c r="X10166" i="1"/>
  <c r="X10167" i="1"/>
  <c r="X10168" i="1"/>
  <c r="X10169" i="1"/>
  <c r="X10170" i="1"/>
  <c r="X10171" i="1"/>
  <c r="X10172" i="1"/>
  <c r="X10173" i="1"/>
  <c r="X10174" i="1"/>
  <c r="X10175" i="1"/>
  <c r="X10176" i="1"/>
  <c r="X10177" i="1"/>
  <c r="X10178" i="1"/>
  <c r="X10179" i="1"/>
  <c r="X10180" i="1"/>
  <c r="X10181" i="1"/>
  <c r="X10182" i="1"/>
  <c r="X10183" i="1"/>
  <c r="X10184" i="1"/>
  <c r="X10185" i="1"/>
  <c r="X10186" i="1"/>
  <c r="X10187" i="1"/>
  <c r="X10188" i="1"/>
  <c r="X10189" i="1"/>
  <c r="X10190" i="1"/>
  <c r="X10191" i="1"/>
  <c r="X10192" i="1"/>
  <c r="X10193" i="1"/>
  <c r="X10194" i="1"/>
  <c r="X10195" i="1"/>
  <c r="X10196" i="1"/>
  <c r="X10197" i="1"/>
  <c r="X10198" i="1"/>
  <c r="X10199" i="1"/>
  <c r="X10200" i="1"/>
  <c r="X10201" i="1"/>
  <c r="X10202" i="1"/>
  <c r="X10203" i="1"/>
  <c r="X10204" i="1"/>
  <c r="X10205" i="1"/>
  <c r="X10206" i="1"/>
  <c r="X10207" i="1"/>
  <c r="X10208" i="1"/>
  <c r="X10209" i="1"/>
  <c r="X10210" i="1"/>
  <c r="X10211" i="1"/>
  <c r="X10212" i="1"/>
  <c r="X10213" i="1"/>
  <c r="X10214" i="1"/>
  <c r="X10215" i="1"/>
  <c r="X10216" i="1"/>
  <c r="X10217" i="1"/>
  <c r="X10218" i="1"/>
  <c r="X10219" i="1"/>
  <c r="X10220" i="1"/>
  <c r="X10221" i="1"/>
  <c r="X10222" i="1"/>
  <c r="X10223" i="1"/>
  <c r="X10224" i="1"/>
  <c r="X10225" i="1"/>
  <c r="X10226" i="1"/>
  <c r="X10227" i="1"/>
  <c r="X10228" i="1"/>
  <c r="X10229" i="1"/>
  <c r="X10230" i="1"/>
  <c r="X10231" i="1"/>
  <c r="X10232" i="1"/>
  <c r="X10233" i="1"/>
  <c r="X10234" i="1"/>
  <c r="X10235" i="1"/>
  <c r="X10236" i="1"/>
  <c r="X10237" i="1"/>
  <c r="X10238" i="1"/>
  <c r="X10239" i="1"/>
  <c r="X10240" i="1"/>
  <c r="X10241" i="1"/>
  <c r="X10242" i="1"/>
  <c r="X10243" i="1"/>
  <c r="X10244" i="1"/>
  <c r="X10245" i="1"/>
  <c r="X10246" i="1"/>
  <c r="X10247" i="1"/>
  <c r="X10248" i="1"/>
  <c r="X10249" i="1"/>
  <c r="X10250" i="1"/>
  <c r="X10251" i="1"/>
  <c r="X10252" i="1"/>
  <c r="X10253" i="1"/>
  <c r="X10254" i="1"/>
  <c r="X10255" i="1"/>
  <c r="X10256" i="1"/>
  <c r="X10257" i="1"/>
  <c r="X10258" i="1"/>
  <c r="X10259" i="1"/>
  <c r="X10260" i="1"/>
  <c r="X10261" i="1"/>
  <c r="X10262" i="1"/>
  <c r="X10263" i="1"/>
  <c r="X10264" i="1"/>
  <c r="X10265" i="1"/>
  <c r="X10266" i="1"/>
  <c r="X10267" i="1"/>
  <c r="X10268" i="1"/>
  <c r="X10269" i="1"/>
  <c r="X10270" i="1"/>
  <c r="X10271" i="1"/>
  <c r="X10272" i="1"/>
  <c r="X10273" i="1"/>
  <c r="X10274" i="1"/>
  <c r="X10275" i="1"/>
  <c r="X10276" i="1"/>
  <c r="X10277" i="1"/>
  <c r="X10278" i="1"/>
  <c r="X10279" i="1"/>
  <c r="X10280" i="1"/>
  <c r="X10281" i="1"/>
  <c r="X10282" i="1"/>
  <c r="X10283" i="1"/>
  <c r="X10284" i="1"/>
  <c r="X10285" i="1"/>
  <c r="X10286" i="1"/>
  <c r="X10287" i="1"/>
  <c r="X10288" i="1"/>
  <c r="X10289" i="1"/>
  <c r="X10290" i="1"/>
  <c r="X10291" i="1"/>
  <c r="X10292" i="1"/>
  <c r="X10293" i="1"/>
  <c r="X10294" i="1"/>
  <c r="X10295" i="1"/>
  <c r="X10296" i="1"/>
  <c r="X10297" i="1"/>
  <c r="X10298" i="1"/>
  <c r="X10299" i="1"/>
  <c r="X10300" i="1"/>
  <c r="X10301" i="1"/>
  <c r="X10302" i="1"/>
  <c r="X10303" i="1"/>
  <c r="X10304" i="1"/>
  <c r="X10305" i="1"/>
  <c r="X10306" i="1"/>
  <c r="X10307" i="1"/>
  <c r="X10308" i="1"/>
  <c r="X10309" i="1"/>
  <c r="X10310" i="1"/>
  <c r="X10311" i="1"/>
  <c r="X10312" i="1"/>
  <c r="X10313" i="1"/>
  <c r="X10314" i="1"/>
  <c r="X10315" i="1"/>
  <c r="X10316" i="1"/>
  <c r="X10317" i="1"/>
  <c r="X10318" i="1"/>
  <c r="X10319" i="1"/>
  <c r="X10320" i="1"/>
  <c r="X10321" i="1"/>
  <c r="X10322" i="1"/>
  <c r="X10323" i="1"/>
  <c r="X10324" i="1"/>
  <c r="X10325" i="1"/>
  <c r="X10326" i="1"/>
  <c r="X10327" i="1"/>
  <c r="X10328" i="1"/>
  <c r="X10329" i="1"/>
  <c r="X10330" i="1"/>
  <c r="X10331" i="1"/>
  <c r="X10332" i="1"/>
  <c r="X10333" i="1"/>
  <c r="X10334" i="1"/>
  <c r="X10335" i="1"/>
  <c r="X10336" i="1"/>
  <c r="X10337" i="1"/>
  <c r="X10338" i="1"/>
  <c r="X10339" i="1"/>
  <c r="X10340" i="1"/>
  <c r="X10341" i="1"/>
  <c r="X10342" i="1"/>
  <c r="X10343" i="1"/>
  <c r="X10344" i="1"/>
  <c r="X10345" i="1"/>
  <c r="X10346" i="1"/>
  <c r="X10347" i="1"/>
  <c r="X10348" i="1"/>
  <c r="X10349" i="1"/>
  <c r="X10350" i="1"/>
  <c r="X10351" i="1"/>
  <c r="X10352" i="1"/>
  <c r="X10353" i="1"/>
  <c r="X10354" i="1"/>
  <c r="X10355" i="1"/>
  <c r="X10356" i="1"/>
  <c r="X10357" i="1"/>
  <c r="X10358" i="1"/>
  <c r="X10359" i="1"/>
  <c r="X10360" i="1"/>
  <c r="X10361" i="1"/>
  <c r="X10362" i="1"/>
  <c r="X10363" i="1"/>
  <c r="X10364" i="1"/>
  <c r="X10365" i="1"/>
  <c r="X10366" i="1"/>
  <c r="X10367" i="1"/>
  <c r="X10368" i="1"/>
  <c r="X10369" i="1"/>
  <c r="X10370" i="1"/>
  <c r="X10371" i="1"/>
  <c r="X10372" i="1"/>
  <c r="X10373" i="1"/>
  <c r="X10374" i="1"/>
  <c r="X10375" i="1"/>
  <c r="X10376" i="1"/>
  <c r="X10377" i="1"/>
  <c r="X10378" i="1"/>
  <c r="X10379" i="1"/>
  <c r="X10380" i="1"/>
  <c r="X10381" i="1"/>
  <c r="X10382" i="1"/>
  <c r="X10383" i="1"/>
  <c r="X10384" i="1"/>
  <c r="X10385" i="1"/>
  <c r="X10386" i="1"/>
  <c r="X10387" i="1"/>
  <c r="X10388" i="1"/>
  <c r="X10389" i="1"/>
  <c r="X10390" i="1"/>
  <c r="X10391" i="1"/>
  <c r="X10392" i="1"/>
  <c r="X10393" i="1"/>
  <c r="X10394" i="1"/>
  <c r="X10395" i="1"/>
  <c r="X10396" i="1"/>
  <c r="X10397" i="1"/>
  <c r="X10398" i="1"/>
  <c r="X10399" i="1"/>
  <c r="X10400" i="1"/>
  <c r="X10401" i="1"/>
  <c r="X10402" i="1"/>
  <c r="X10403" i="1"/>
  <c r="X10404" i="1"/>
  <c r="X10405" i="1"/>
  <c r="X10406" i="1"/>
  <c r="X10407" i="1"/>
  <c r="X10408" i="1"/>
  <c r="X10409" i="1"/>
  <c r="X10410" i="1"/>
  <c r="X10411" i="1"/>
  <c r="X10412" i="1"/>
  <c r="X10413" i="1"/>
  <c r="X10414" i="1"/>
  <c r="X10415" i="1"/>
  <c r="X10416" i="1"/>
  <c r="X10417" i="1"/>
  <c r="X10418" i="1"/>
  <c r="X10419" i="1"/>
  <c r="X10420" i="1"/>
  <c r="X10421" i="1"/>
  <c r="X10422" i="1"/>
  <c r="X10423" i="1"/>
  <c r="X10424" i="1"/>
  <c r="X10425" i="1"/>
  <c r="X10426" i="1"/>
  <c r="X10427" i="1"/>
  <c r="X10428" i="1"/>
  <c r="X10429" i="1"/>
  <c r="X10430" i="1"/>
  <c r="X10431" i="1"/>
  <c r="X10432" i="1"/>
  <c r="X10433" i="1"/>
  <c r="X10434" i="1"/>
  <c r="X10435" i="1"/>
  <c r="X10436" i="1"/>
  <c r="X10437" i="1"/>
  <c r="X10438" i="1"/>
  <c r="X10439" i="1"/>
  <c r="X10440" i="1"/>
  <c r="X10441" i="1"/>
  <c r="X10442" i="1"/>
  <c r="X10443" i="1"/>
  <c r="X10444" i="1"/>
  <c r="X10445" i="1"/>
  <c r="X10446" i="1"/>
  <c r="X10447" i="1"/>
  <c r="X10448" i="1"/>
  <c r="X10449" i="1"/>
  <c r="X10450" i="1"/>
  <c r="X10451" i="1"/>
  <c r="X10452" i="1"/>
  <c r="X10453" i="1"/>
  <c r="X10454" i="1"/>
  <c r="X10455" i="1"/>
  <c r="X10456" i="1"/>
  <c r="X10457" i="1"/>
  <c r="X10458" i="1"/>
  <c r="X10459" i="1"/>
  <c r="X10460" i="1"/>
  <c r="X10461" i="1"/>
  <c r="X10462" i="1"/>
  <c r="X10463" i="1"/>
  <c r="X10464" i="1"/>
  <c r="X10465" i="1"/>
  <c r="X10466" i="1"/>
  <c r="X10467" i="1"/>
  <c r="X10468" i="1"/>
  <c r="X10469" i="1"/>
  <c r="X10470" i="1"/>
  <c r="X10471" i="1"/>
  <c r="X10472" i="1"/>
  <c r="X10473" i="1"/>
  <c r="X10474" i="1"/>
  <c r="X10475" i="1"/>
  <c r="X10476" i="1"/>
  <c r="X10477" i="1"/>
  <c r="X10478" i="1"/>
  <c r="X10479" i="1"/>
  <c r="X10480" i="1"/>
  <c r="X10481" i="1"/>
  <c r="X10482" i="1"/>
  <c r="X10483" i="1"/>
  <c r="X10484" i="1"/>
  <c r="X10485" i="1"/>
  <c r="X10486" i="1"/>
  <c r="X10487" i="1"/>
  <c r="X10488" i="1"/>
  <c r="X10489" i="1"/>
  <c r="X10490" i="1"/>
  <c r="X10491" i="1"/>
  <c r="X10492" i="1"/>
  <c r="X10493" i="1"/>
  <c r="X10494" i="1"/>
  <c r="X10495" i="1"/>
  <c r="X10496" i="1"/>
  <c r="X10497" i="1"/>
  <c r="X10498" i="1"/>
  <c r="X10499" i="1"/>
  <c r="X10500" i="1"/>
  <c r="X10501" i="1"/>
  <c r="X10502" i="1"/>
  <c r="X10503" i="1"/>
  <c r="X10504" i="1"/>
  <c r="X10505" i="1"/>
  <c r="X10506" i="1"/>
  <c r="X10507" i="1"/>
  <c r="X10508" i="1"/>
  <c r="X10509" i="1"/>
  <c r="X10510" i="1"/>
  <c r="X10511" i="1"/>
  <c r="X10512" i="1"/>
  <c r="X10513" i="1"/>
  <c r="X10514" i="1"/>
  <c r="X10515" i="1"/>
  <c r="X10516" i="1"/>
  <c r="X10517" i="1"/>
  <c r="X10518" i="1"/>
  <c r="X10519" i="1"/>
  <c r="X10520" i="1"/>
  <c r="X10521" i="1"/>
  <c r="X10522" i="1"/>
  <c r="X10523" i="1"/>
  <c r="X10524" i="1"/>
  <c r="X10525" i="1"/>
  <c r="X10526" i="1"/>
  <c r="X10527" i="1"/>
  <c r="X10528" i="1"/>
  <c r="X10529" i="1"/>
  <c r="X10530" i="1"/>
  <c r="X10531" i="1"/>
  <c r="X10532" i="1"/>
  <c r="X10533" i="1"/>
  <c r="X10534" i="1"/>
  <c r="X10535" i="1"/>
  <c r="X10536" i="1"/>
  <c r="X10537" i="1"/>
  <c r="X10538" i="1"/>
  <c r="X10539" i="1"/>
  <c r="X10540" i="1"/>
  <c r="X10541" i="1"/>
  <c r="X10542" i="1"/>
  <c r="X10543" i="1"/>
  <c r="X10544" i="1"/>
  <c r="X10545" i="1"/>
  <c r="X10546" i="1"/>
  <c r="X10547" i="1"/>
  <c r="X10548" i="1"/>
  <c r="X10549" i="1"/>
  <c r="X10550" i="1"/>
  <c r="X10551" i="1"/>
  <c r="X10552" i="1"/>
  <c r="X10553" i="1"/>
  <c r="X10554" i="1"/>
  <c r="X10555" i="1"/>
  <c r="X10556" i="1"/>
  <c r="X10557" i="1"/>
  <c r="X10558" i="1"/>
  <c r="X10559" i="1"/>
  <c r="X10560" i="1"/>
  <c r="X10561" i="1"/>
  <c r="X10562" i="1"/>
  <c r="X10563" i="1"/>
  <c r="X10564" i="1"/>
  <c r="X10565" i="1"/>
  <c r="X10566" i="1"/>
  <c r="X10567" i="1"/>
  <c r="X10568" i="1"/>
  <c r="X10569" i="1"/>
  <c r="X10570" i="1"/>
  <c r="X10571" i="1"/>
  <c r="X10572" i="1"/>
  <c r="X10573" i="1"/>
  <c r="X10574" i="1"/>
  <c r="X10575" i="1"/>
  <c r="X10576" i="1"/>
  <c r="X10577" i="1"/>
  <c r="X10578" i="1"/>
  <c r="X10579" i="1"/>
  <c r="X10580" i="1"/>
  <c r="X10581" i="1"/>
  <c r="X10582" i="1"/>
  <c r="X10583" i="1"/>
  <c r="X10584" i="1"/>
  <c r="X10585" i="1"/>
  <c r="X10586" i="1"/>
  <c r="X10587" i="1"/>
  <c r="X10588" i="1"/>
  <c r="X10589" i="1"/>
  <c r="X10590" i="1"/>
  <c r="X10591" i="1"/>
  <c r="X10592" i="1"/>
  <c r="X10593" i="1"/>
  <c r="X10594" i="1"/>
  <c r="X10595" i="1"/>
  <c r="X10596" i="1"/>
  <c r="X10597" i="1"/>
  <c r="X10598" i="1"/>
  <c r="X10599" i="1"/>
  <c r="X10600" i="1"/>
  <c r="X10601" i="1"/>
  <c r="X10602" i="1"/>
  <c r="X10603" i="1"/>
  <c r="X10604" i="1"/>
  <c r="X10605" i="1"/>
  <c r="X10606" i="1"/>
  <c r="X10607" i="1"/>
  <c r="X10608" i="1"/>
  <c r="X10609" i="1"/>
  <c r="X10610" i="1"/>
  <c r="X10611" i="1"/>
  <c r="X10612" i="1"/>
  <c r="X10613" i="1"/>
  <c r="X10614" i="1"/>
  <c r="X10615" i="1"/>
  <c r="X10616" i="1"/>
  <c r="X10617" i="1"/>
  <c r="X10618" i="1"/>
  <c r="X10619" i="1"/>
  <c r="X10620" i="1"/>
  <c r="X10621" i="1"/>
  <c r="X10622" i="1"/>
  <c r="X10623" i="1"/>
  <c r="X10624" i="1"/>
  <c r="X10625" i="1"/>
  <c r="X10626" i="1"/>
  <c r="X10627" i="1"/>
  <c r="X10628" i="1"/>
  <c r="X10629" i="1"/>
  <c r="X10630" i="1"/>
  <c r="X10631" i="1"/>
  <c r="X10632" i="1"/>
  <c r="X10633" i="1"/>
  <c r="X10634" i="1"/>
  <c r="X10635" i="1"/>
  <c r="X10636" i="1"/>
  <c r="X10637" i="1"/>
  <c r="X10638" i="1"/>
  <c r="X10639" i="1"/>
  <c r="X10640" i="1"/>
  <c r="X10641" i="1"/>
  <c r="X10642" i="1"/>
  <c r="X10643" i="1"/>
  <c r="X10644" i="1"/>
  <c r="X10645" i="1"/>
  <c r="X10646" i="1"/>
  <c r="X10647" i="1"/>
  <c r="X10648" i="1"/>
  <c r="X10649" i="1"/>
  <c r="X10650" i="1"/>
  <c r="X10651" i="1"/>
  <c r="X10652" i="1"/>
  <c r="X10653" i="1"/>
  <c r="X10654" i="1"/>
  <c r="X10655" i="1"/>
  <c r="X10656" i="1"/>
  <c r="X10657" i="1"/>
  <c r="X10658" i="1"/>
  <c r="X10659" i="1"/>
  <c r="X10660" i="1"/>
  <c r="X10661" i="1"/>
  <c r="X10662" i="1"/>
  <c r="X10663" i="1"/>
  <c r="X10664" i="1"/>
  <c r="X10665" i="1"/>
  <c r="X10666" i="1"/>
  <c r="X10667" i="1"/>
  <c r="X10668" i="1"/>
  <c r="X10669" i="1"/>
  <c r="X10670" i="1"/>
  <c r="X10671" i="1"/>
  <c r="X10672" i="1"/>
  <c r="X10673" i="1"/>
  <c r="X10674" i="1"/>
  <c r="X10675" i="1"/>
  <c r="X10676" i="1"/>
  <c r="X10677" i="1"/>
  <c r="X10678" i="1"/>
  <c r="X10679" i="1"/>
  <c r="X10680" i="1"/>
  <c r="X10681" i="1"/>
  <c r="X10682" i="1"/>
  <c r="X10683" i="1"/>
  <c r="X10684" i="1"/>
  <c r="X10685" i="1"/>
  <c r="X10686" i="1"/>
  <c r="X10687" i="1"/>
  <c r="X10688" i="1"/>
  <c r="X10689" i="1"/>
  <c r="X10690" i="1"/>
  <c r="X10691" i="1"/>
  <c r="X10692" i="1"/>
  <c r="X10693" i="1"/>
  <c r="X10694" i="1"/>
  <c r="X10695" i="1"/>
  <c r="X10696" i="1"/>
  <c r="X10697" i="1"/>
  <c r="X10698" i="1"/>
  <c r="X10699" i="1"/>
  <c r="X10700" i="1"/>
  <c r="X10701" i="1"/>
  <c r="X10702" i="1"/>
  <c r="X10703" i="1"/>
  <c r="X10704" i="1"/>
  <c r="X10705" i="1"/>
  <c r="X10706" i="1"/>
  <c r="X10707" i="1"/>
  <c r="X10708" i="1"/>
  <c r="X10709" i="1"/>
  <c r="X10710" i="1"/>
  <c r="X10711" i="1"/>
  <c r="X10712" i="1"/>
  <c r="X10713" i="1"/>
  <c r="X10714" i="1"/>
  <c r="X10715" i="1"/>
  <c r="X10716" i="1"/>
  <c r="X10717" i="1"/>
  <c r="X10718" i="1"/>
  <c r="X10719" i="1"/>
  <c r="X10720" i="1"/>
  <c r="X10721" i="1"/>
  <c r="X10722" i="1"/>
  <c r="X10723" i="1"/>
  <c r="X10724" i="1"/>
  <c r="X10725" i="1"/>
  <c r="X10726" i="1"/>
  <c r="X10727" i="1"/>
  <c r="X10728" i="1"/>
  <c r="X10729" i="1"/>
  <c r="X10730" i="1"/>
  <c r="X10731" i="1"/>
  <c r="X10732" i="1"/>
  <c r="X10733" i="1"/>
  <c r="X10734" i="1"/>
  <c r="X10735" i="1"/>
  <c r="X10736" i="1"/>
  <c r="X10737" i="1"/>
  <c r="X10738" i="1"/>
  <c r="X10739" i="1"/>
  <c r="X10740" i="1"/>
  <c r="X10741" i="1"/>
  <c r="X10742" i="1"/>
  <c r="X10743" i="1"/>
  <c r="X10744" i="1"/>
  <c r="X10745" i="1"/>
  <c r="X10746" i="1"/>
  <c r="X10747" i="1"/>
  <c r="X10748" i="1"/>
  <c r="X10749" i="1"/>
  <c r="X10750" i="1"/>
  <c r="X10751" i="1"/>
  <c r="X10752" i="1"/>
  <c r="X10753" i="1"/>
  <c r="X10754" i="1"/>
  <c r="X10755" i="1"/>
  <c r="X10756" i="1"/>
  <c r="X10757" i="1"/>
  <c r="X10758" i="1"/>
  <c r="X10759" i="1"/>
  <c r="X10760" i="1"/>
  <c r="X10761" i="1"/>
  <c r="X10762" i="1"/>
  <c r="X10763" i="1"/>
  <c r="X10764" i="1"/>
  <c r="X10765" i="1"/>
  <c r="X10766" i="1"/>
  <c r="X10767" i="1"/>
  <c r="X10768" i="1"/>
  <c r="X10769" i="1"/>
  <c r="X10770" i="1"/>
  <c r="X10771" i="1"/>
  <c r="X10772" i="1"/>
  <c r="X10773" i="1"/>
  <c r="X10774" i="1"/>
  <c r="X10775" i="1"/>
  <c r="X10776" i="1"/>
  <c r="X10777" i="1"/>
  <c r="X10778" i="1"/>
  <c r="X10779" i="1"/>
  <c r="X10780" i="1"/>
  <c r="X10781" i="1"/>
  <c r="X10782" i="1"/>
  <c r="X10783" i="1"/>
  <c r="X10784" i="1"/>
  <c r="X10785" i="1"/>
  <c r="X10786" i="1"/>
  <c r="X10787" i="1"/>
  <c r="X10788" i="1"/>
  <c r="X10789" i="1"/>
  <c r="X10790" i="1"/>
  <c r="X10791" i="1"/>
  <c r="X10792" i="1"/>
  <c r="X10793" i="1"/>
  <c r="X10794" i="1"/>
  <c r="X10795" i="1"/>
  <c r="X10796" i="1"/>
  <c r="X10797" i="1"/>
  <c r="X10798" i="1"/>
  <c r="X10799" i="1"/>
  <c r="X10800" i="1"/>
  <c r="X10801" i="1"/>
  <c r="X10802" i="1"/>
  <c r="X10803" i="1"/>
  <c r="X10804" i="1"/>
  <c r="X10805" i="1"/>
  <c r="X10806" i="1"/>
  <c r="X10807" i="1"/>
  <c r="X10808" i="1"/>
  <c r="X10809" i="1"/>
  <c r="X10810" i="1"/>
  <c r="X10811" i="1"/>
  <c r="X10812" i="1"/>
  <c r="X10813" i="1"/>
  <c r="X10814" i="1"/>
  <c r="X10815" i="1"/>
  <c r="X10816" i="1"/>
  <c r="X10817" i="1"/>
  <c r="X10818" i="1"/>
  <c r="X10819" i="1"/>
  <c r="X10820" i="1"/>
  <c r="X10821" i="1"/>
  <c r="X10822" i="1"/>
  <c r="X10823" i="1"/>
  <c r="X10824" i="1"/>
  <c r="X10825" i="1"/>
  <c r="X10826" i="1"/>
  <c r="X10827" i="1"/>
  <c r="X10828" i="1"/>
  <c r="X10829" i="1"/>
  <c r="X10830" i="1"/>
  <c r="X10831" i="1"/>
  <c r="X10832" i="1"/>
  <c r="X10833" i="1"/>
  <c r="X10834" i="1"/>
  <c r="X10835" i="1"/>
  <c r="X10836" i="1"/>
  <c r="X10837" i="1"/>
  <c r="X10838" i="1"/>
  <c r="X10839" i="1"/>
  <c r="X10840" i="1"/>
  <c r="X10841" i="1"/>
  <c r="X10842" i="1"/>
  <c r="X10843" i="1"/>
  <c r="X10844" i="1"/>
  <c r="X10845" i="1"/>
  <c r="X10846" i="1"/>
  <c r="X10847" i="1"/>
  <c r="X10848" i="1"/>
  <c r="X10849" i="1"/>
  <c r="X10850" i="1"/>
  <c r="X10851" i="1"/>
  <c r="X10852" i="1"/>
  <c r="X10853" i="1"/>
  <c r="X10854" i="1"/>
  <c r="X10855" i="1"/>
  <c r="X10856" i="1"/>
  <c r="X10857" i="1"/>
  <c r="X10858" i="1"/>
  <c r="X10859" i="1"/>
  <c r="X10860" i="1"/>
  <c r="X10861" i="1"/>
  <c r="X10862" i="1"/>
  <c r="X10863" i="1"/>
  <c r="X10864" i="1"/>
  <c r="X10865" i="1"/>
  <c r="X10866" i="1"/>
  <c r="X10867" i="1"/>
  <c r="X10868" i="1"/>
  <c r="X10869" i="1"/>
  <c r="X10870" i="1"/>
  <c r="X10871" i="1"/>
  <c r="X10872" i="1"/>
  <c r="X10873" i="1"/>
  <c r="X10874" i="1"/>
  <c r="X10875" i="1"/>
  <c r="X10876" i="1"/>
  <c r="X10877" i="1"/>
  <c r="X10878" i="1"/>
  <c r="X10879" i="1"/>
  <c r="X10880" i="1"/>
  <c r="X10881" i="1"/>
  <c r="X10882" i="1"/>
  <c r="X10883" i="1"/>
  <c r="X10884" i="1"/>
  <c r="X10885" i="1"/>
  <c r="X10886" i="1"/>
  <c r="X10887" i="1"/>
  <c r="X10888" i="1"/>
  <c r="X10889" i="1"/>
  <c r="X10890" i="1"/>
  <c r="X10891" i="1"/>
  <c r="X10892" i="1"/>
  <c r="X10893" i="1"/>
  <c r="X10894" i="1"/>
  <c r="X10895" i="1"/>
  <c r="X10896" i="1"/>
  <c r="X10897" i="1"/>
  <c r="X10898" i="1"/>
  <c r="X10899" i="1"/>
  <c r="X10900" i="1"/>
  <c r="X10901" i="1"/>
  <c r="X10902" i="1"/>
  <c r="X10903" i="1"/>
  <c r="X10904" i="1"/>
  <c r="X10905" i="1"/>
  <c r="X10906" i="1"/>
  <c r="X10907" i="1"/>
  <c r="X10908" i="1"/>
  <c r="X10909" i="1"/>
  <c r="X10910" i="1"/>
  <c r="X10911" i="1"/>
  <c r="X10912" i="1"/>
  <c r="X10913" i="1"/>
  <c r="X10914" i="1"/>
  <c r="X10915" i="1"/>
  <c r="X10916" i="1"/>
  <c r="X10917" i="1"/>
  <c r="X10918" i="1"/>
  <c r="X10919" i="1"/>
  <c r="X10920" i="1"/>
  <c r="X10921" i="1"/>
  <c r="X10922" i="1"/>
  <c r="X10923" i="1"/>
  <c r="X10924" i="1"/>
  <c r="X10925" i="1"/>
  <c r="X10926" i="1"/>
  <c r="X10927" i="1"/>
  <c r="X10928" i="1"/>
  <c r="X10929" i="1"/>
  <c r="X10930" i="1"/>
  <c r="X10931" i="1"/>
  <c r="X10932" i="1"/>
  <c r="X10933" i="1"/>
  <c r="X10934" i="1"/>
  <c r="X10935" i="1"/>
  <c r="X10936" i="1"/>
  <c r="X10937" i="1"/>
  <c r="X10938" i="1"/>
  <c r="X10939" i="1"/>
  <c r="X10940" i="1"/>
  <c r="X10941" i="1"/>
  <c r="X10942" i="1"/>
  <c r="X10943" i="1"/>
  <c r="X10944" i="1"/>
  <c r="X10945" i="1"/>
  <c r="X10946" i="1"/>
  <c r="X10947" i="1"/>
  <c r="X10948" i="1"/>
  <c r="X10949" i="1"/>
  <c r="X10950" i="1"/>
  <c r="X10951" i="1"/>
  <c r="X10952" i="1"/>
  <c r="X10953" i="1"/>
  <c r="X10954" i="1"/>
  <c r="X10955" i="1"/>
  <c r="X10956" i="1"/>
  <c r="X10957" i="1"/>
  <c r="X10958" i="1"/>
  <c r="X10959" i="1"/>
  <c r="X10960" i="1"/>
  <c r="X10961" i="1"/>
  <c r="X10962" i="1"/>
  <c r="X10963" i="1"/>
  <c r="X10964" i="1"/>
  <c r="X10965" i="1"/>
  <c r="X10966" i="1"/>
  <c r="X10967" i="1"/>
  <c r="X10968" i="1"/>
  <c r="X10969" i="1"/>
  <c r="X10970" i="1"/>
  <c r="X10971" i="1"/>
  <c r="X10972" i="1"/>
  <c r="X10973" i="1"/>
  <c r="X10974" i="1"/>
  <c r="X10975" i="1"/>
  <c r="X10976" i="1"/>
  <c r="X10977" i="1"/>
  <c r="X10978" i="1"/>
  <c r="X10979" i="1"/>
  <c r="X10980" i="1"/>
  <c r="X10981" i="1"/>
  <c r="X10982" i="1"/>
  <c r="X10983" i="1"/>
  <c r="X10984" i="1"/>
  <c r="X10985" i="1"/>
  <c r="X10986" i="1"/>
  <c r="X10987" i="1"/>
  <c r="X10988" i="1"/>
  <c r="X10989" i="1"/>
  <c r="X10990" i="1"/>
  <c r="X10991" i="1"/>
  <c r="X10992" i="1"/>
  <c r="X10993" i="1"/>
  <c r="X10994" i="1"/>
  <c r="X10995" i="1"/>
  <c r="X10996" i="1"/>
  <c r="X10997" i="1"/>
  <c r="X10998" i="1"/>
  <c r="X10999" i="1"/>
  <c r="X11000" i="1"/>
  <c r="X11001" i="1"/>
  <c r="X11002" i="1"/>
  <c r="X11003" i="1"/>
  <c r="X11004" i="1"/>
  <c r="X11005" i="1"/>
  <c r="X11006" i="1"/>
  <c r="X11007" i="1"/>
  <c r="X11008" i="1"/>
  <c r="X11009" i="1"/>
  <c r="X11010" i="1"/>
  <c r="X11011" i="1"/>
  <c r="X11012" i="1"/>
  <c r="X11013" i="1"/>
  <c r="X11014" i="1"/>
  <c r="X11015" i="1"/>
  <c r="X11016" i="1"/>
  <c r="X11017" i="1"/>
  <c r="X11018" i="1"/>
  <c r="X11019" i="1"/>
  <c r="X11020" i="1"/>
  <c r="X11021" i="1"/>
  <c r="X11022" i="1"/>
  <c r="X11023" i="1"/>
  <c r="X11024" i="1"/>
  <c r="X11025" i="1"/>
  <c r="X11026" i="1"/>
  <c r="X11027" i="1"/>
  <c r="X11028" i="1"/>
  <c r="X11029" i="1"/>
  <c r="X11030" i="1"/>
  <c r="X11031" i="1"/>
  <c r="X11032" i="1"/>
  <c r="X11033" i="1"/>
  <c r="X11034" i="1"/>
  <c r="X11035" i="1"/>
  <c r="X11036" i="1"/>
  <c r="X11037" i="1"/>
  <c r="X11038" i="1"/>
  <c r="X11039" i="1"/>
  <c r="X11040" i="1"/>
  <c r="X11041" i="1"/>
  <c r="X11042" i="1"/>
  <c r="X11043" i="1"/>
  <c r="X11044" i="1"/>
  <c r="X11045" i="1"/>
  <c r="X11046" i="1"/>
  <c r="X11047" i="1"/>
  <c r="X11048" i="1"/>
  <c r="X11049" i="1"/>
  <c r="X11050" i="1"/>
  <c r="X11051" i="1"/>
  <c r="X11052" i="1"/>
  <c r="X11053" i="1"/>
  <c r="X11054" i="1"/>
  <c r="X11055" i="1"/>
  <c r="X11056" i="1"/>
  <c r="X11057" i="1"/>
  <c r="X11058" i="1"/>
  <c r="X11059" i="1"/>
  <c r="X11060" i="1"/>
  <c r="X11061" i="1"/>
  <c r="X11062" i="1"/>
  <c r="X11063" i="1"/>
  <c r="X11064" i="1"/>
  <c r="X11065" i="1"/>
  <c r="X11066" i="1"/>
  <c r="X11067" i="1"/>
  <c r="X11068" i="1"/>
  <c r="X11069" i="1"/>
  <c r="X11070" i="1"/>
  <c r="X11071" i="1"/>
  <c r="X11072" i="1"/>
  <c r="X11073" i="1"/>
  <c r="X11074" i="1"/>
  <c r="X11075" i="1"/>
  <c r="X11076" i="1"/>
  <c r="X11077" i="1"/>
  <c r="X11078" i="1"/>
  <c r="X11079" i="1"/>
  <c r="X11080" i="1"/>
  <c r="X11081" i="1"/>
  <c r="X11082" i="1"/>
  <c r="X11083" i="1"/>
  <c r="X11084" i="1"/>
  <c r="X11085" i="1"/>
  <c r="X11086" i="1"/>
  <c r="X11087" i="1"/>
  <c r="X11088" i="1"/>
  <c r="X11089" i="1"/>
  <c r="X11090" i="1"/>
  <c r="X11091" i="1"/>
  <c r="X11092" i="1"/>
  <c r="X11093" i="1"/>
  <c r="X11094" i="1"/>
  <c r="X11095" i="1"/>
  <c r="X11096" i="1"/>
  <c r="X11097" i="1"/>
  <c r="X11098" i="1"/>
  <c r="X11099" i="1"/>
  <c r="X11100" i="1"/>
  <c r="X11101" i="1"/>
  <c r="X11102" i="1"/>
  <c r="X11103" i="1"/>
  <c r="X11104" i="1"/>
  <c r="X11105" i="1"/>
  <c r="X11106" i="1"/>
  <c r="X11107" i="1"/>
  <c r="X11108" i="1"/>
  <c r="X11109" i="1"/>
  <c r="X11110" i="1"/>
  <c r="X11111" i="1"/>
  <c r="X11112" i="1"/>
  <c r="X11113" i="1"/>
  <c r="X11114" i="1"/>
  <c r="X11115" i="1"/>
  <c r="X11116" i="1"/>
  <c r="X11117" i="1"/>
  <c r="X11118" i="1"/>
  <c r="X11119" i="1"/>
  <c r="X11120" i="1"/>
  <c r="X11121" i="1"/>
  <c r="X11122" i="1"/>
  <c r="X11123" i="1"/>
  <c r="X11124" i="1"/>
  <c r="X11125" i="1"/>
  <c r="X11126" i="1"/>
  <c r="X11127" i="1"/>
  <c r="X11128" i="1"/>
  <c r="X11129" i="1"/>
  <c r="X11130" i="1"/>
  <c r="X11131" i="1"/>
  <c r="X11132" i="1"/>
  <c r="X11133" i="1"/>
  <c r="X11134" i="1"/>
  <c r="X11135" i="1"/>
  <c r="X11136" i="1"/>
  <c r="X11137" i="1"/>
  <c r="X11138" i="1"/>
  <c r="X11139" i="1"/>
  <c r="X11140" i="1"/>
  <c r="X11141" i="1"/>
  <c r="X11142" i="1"/>
  <c r="X11143" i="1"/>
  <c r="X11144" i="1"/>
  <c r="X11145" i="1"/>
  <c r="X11146" i="1"/>
  <c r="X11147" i="1"/>
  <c r="X11148" i="1"/>
  <c r="X11149" i="1"/>
  <c r="X11150" i="1"/>
  <c r="X11151" i="1"/>
  <c r="X11152" i="1"/>
  <c r="X11153" i="1"/>
  <c r="X11154" i="1"/>
  <c r="X11155" i="1"/>
  <c r="X11156" i="1"/>
  <c r="X11157" i="1"/>
  <c r="X11158" i="1"/>
  <c r="X11159" i="1"/>
  <c r="X11160" i="1"/>
  <c r="X11161" i="1"/>
  <c r="X11162" i="1"/>
  <c r="X11163" i="1"/>
  <c r="X11164" i="1"/>
  <c r="X11165" i="1"/>
  <c r="X11166" i="1"/>
  <c r="X11167" i="1"/>
  <c r="X11168" i="1"/>
  <c r="X11169" i="1"/>
  <c r="X11170" i="1"/>
  <c r="X11171" i="1"/>
  <c r="X11172" i="1"/>
  <c r="X11173" i="1"/>
  <c r="X11174" i="1"/>
  <c r="X11175" i="1"/>
  <c r="X11176" i="1"/>
  <c r="X11177" i="1"/>
  <c r="X11178" i="1"/>
  <c r="X11179" i="1"/>
  <c r="X11180" i="1"/>
  <c r="X11181" i="1"/>
  <c r="X11182" i="1"/>
  <c r="X11183" i="1"/>
  <c r="X11184" i="1"/>
  <c r="X11185" i="1"/>
  <c r="X11186" i="1"/>
  <c r="X11187" i="1"/>
  <c r="X11188" i="1"/>
  <c r="X11189" i="1"/>
  <c r="X11190" i="1"/>
  <c r="X11191" i="1"/>
  <c r="X11192" i="1"/>
  <c r="X11193" i="1"/>
  <c r="X11194" i="1"/>
  <c r="X11195" i="1"/>
  <c r="X11196" i="1"/>
  <c r="X11197" i="1"/>
  <c r="X11198" i="1"/>
  <c r="X11199" i="1"/>
  <c r="X11200" i="1"/>
  <c r="X11201" i="1"/>
  <c r="X11202" i="1"/>
  <c r="X11203" i="1"/>
  <c r="X11204" i="1"/>
  <c r="X11205" i="1"/>
  <c r="X11206" i="1"/>
  <c r="X11207" i="1"/>
  <c r="X11208" i="1"/>
  <c r="X11209" i="1"/>
  <c r="X11210" i="1"/>
  <c r="X11211" i="1"/>
  <c r="X11212" i="1"/>
  <c r="X11213" i="1"/>
  <c r="X11214" i="1"/>
  <c r="X11215" i="1"/>
  <c r="X11216" i="1"/>
  <c r="X11217" i="1"/>
  <c r="X11218" i="1"/>
  <c r="X11219" i="1"/>
  <c r="X11220" i="1"/>
  <c r="X11221" i="1"/>
  <c r="X11222" i="1"/>
  <c r="X11223" i="1"/>
  <c r="X11224" i="1"/>
  <c r="X11225" i="1"/>
  <c r="X11226" i="1"/>
  <c r="X11227" i="1"/>
  <c r="X11228" i="1"/>
  <c r="X11229" i="1"/>
  <c r="X11230" i="1"/>
  <c r="X11231" i="1"/>
  <c r="X11232" i="1"/>
  <c r="X11233" i="1"/>
  <c r="X11234" i="1"/>
  <c r="X11235" i="1"/>
  <c r="X11236" i="1"/>
  <c r="X11237" i="1"/>
  <c r="X11238" i="1"/>
  <c r="X11239" i="1"/>
  <c r="X11240" i="1"/>
  <c r="X11241" i="1"/>
  <c r="X11242" i="1"/>
  <c r="X11243" i="1"/>
  <c r="X11244" i="1"/>
  <c r="X11245" i="1"/>
  <c r="X11246" i="1"/>
  <c r="X11247" i="1"/>
  <c r="X11248" i="1"/>
  <c r="X11249" i="1"/>
  <c r="X11250" i="1"/>
  <c r="X11251" i="1"/>
  <c r="X11252" i="1"/>
  <c r="X11253" i="1"/>
  <c r="X11254" i="1"/>
  <c r="X11255" i="1"/>
  <c r="X11256" i="1"/>
  <c r="X11257" i="1"/>
  <c r="X11258" i="1"/>
  <c r="X11259" i="1"/>
  <c r="X11260" i="1"/>
  <c r="X11261" i="1"/>
  <c r="X11262" i="1"/>
  <c r="X11263" i="1"/>
  <c r="X11264" i="1"/>
  <c r="X11265" i="1"/>
  <c r="X11266" i="1"/>
  <c r="X11267" i="1"/>
  <c r="X11268" i="1"/>
  <c r="X11269" i="1"/>
  <c r="X11270" i="1"/>
  <c r="X11271" i="1"/>
  <c r="X11272" i="1"/>
  <c r="X11273" i="1"/>
  <c r="X11274" i="1"/>
  <c r="X11275" i="1"/>
  <c r="X11276" i="1"/>
  <c r="X11277" i="1"/>
  <c r="X11278" i="1"/>
  <c r="X11279" i="1"/>
  <c r="X11280" i="1"/>
  <c r="X11281" i="1"/>
  <c r="X11282" i="1"/>
  <c r="X11283" i="1"/>
  <c r="X11284" i="1"/>
  <c r="X11285" i="1"/>
  <c r="X11286" i="1"/>
  <c r="X11287" i="1"/>
  <c r="X11288" i="1"/>
  <c r="X11289" i="1"/>
  <c r="X11290" i="1"/>
  <c r="X11291" i="1"/>
  <c r="X11292" i="1"/>
  <c r="X11293" i="1"/>
  <c r="X11294" i="1"/>
  <c r="X11295" i="1"/>
  <c r="X11296" i="1"/>
  <c r="X11297" i="1"/>
  <c r="X11298" i="1"/>
  <c r="X11299" i="1"/>
  <c r="X11300" i="1"/>
  <c r="X11301" i="1"/>
  <c r="X11302" i="1"/>
  <c r="X11303" i="1"/>
  <c r="X11304" i="1"/>
  <c r="X11305" i="1"/>
  <c r="X11306" i="1"/>
  <c r="X11307" i="1"/>
  <c r="X11308" i="1"/>
  <c r="X11309" i="1"/>
  <c r="X11310" i="1"/>
  <c r="X11311" i="1"/>
  <c r="X11312" i="1"/>
  <c r="X11313" i="1"/>
  <c r="X11314" i="1"/>
  <c r="X11315" i="1"/>
  <c r="X11316" i="1"/>
  <c r="X11317" i="1"/>
  <c r="X11318" i="1"/>
  <c r="X11319" i="1"/>
  <c r="X11320" i="1"/>
  <c r="X11321" i="1"/>
  <c r="X11322" i="1"/>
  <c r="X11323" i="1"/>
  <c r="X11324" i="1"/>
  <c r="X11325" i="1"/>
  <c r="X11326" i="1"/>
  <c r="X11327" i="1"/>
  <c r="X11328" i="1"/>
  <c r="X11329" i="1"/>
  <c r="X11330" i="1"/>
  <c r="X11331" i="1"/>
  <c r="X11332" i="1"/>
  <c r="X11333" i="1"/>
  <c r="X11334" i="1"/>
  <c r="X11335" i="1"/>
  <c r="X11336" i="1"/>
  <c r="X11337" i="1"/>
  <c r="X11338" i="1"/>
  <c r="X11339" i="1"/>
  <c r="X11340" i="1"/>
  <c r="X11341" i="1"/>
  <c r="X11342" i="1"/>
  <c r="X11343" i="1"/>
  <c r="X11344" i="1"/>
  <c r="X11345" i="1"/>
  <c r="X11346" i="1"/>
  <c r="X11347" i="1"/>
  <c r="X11348" i="1"/>
  <c r="X11349" i="1"/>
  <c r="X11350" i="1"/>
  <c r="X11351" i="1"/>
  <c r="X11352" i="1"/>
  <c r="X11353" i="1"/>
  <c r="X11354" i="1"/>
  <c r="X11355" i="1"/>
  <c r="X11356" i="1"/>
  <c r="X11357" i="1"/>
  <c r="X11358" i="1"/>
  <c r="X11359" i="1"/>
  <c r="X11360" i="1"/>
  <c r="X11361" i="1"/>
  <c r="X11362" i="1"/>
  <c r="X11363" i="1"/>
  <c r="X11364" i="1"/>
  <c r="X11365" i="1"/>
  <c r="X11366" i="1"/>
  <c r="X11367" i="1"/>
  <c r="X11368" i="1"/>
  <c r="X11369" i="1"/>
  <c r="X11370" i="1"/>
  <c r="X11371" i="1"/>
  <c r="X11372" i="1"/>
  <c r="X11373" i="1"/>
  <c r="X11374" i="1"/>
  <c r="X11375" i="1"/>
  <c r="X11376" i="1"/>
  <c r="X11377" i="1"/>
  <c r="X11378" i="1"/>
  <c r="X11379" i="1"/>
  <c r="X11380" i="1"/>
  <c r="X11381" i="1"/>
  <c r="X11382" i="1"/>
  <c r="X11383" i="1"/>
  <c r="X11384" i="1"/>
  <c r="X11385" i="1"/>
  <c r="X11386" i="1"/>
  <c r="X11387" i="1"/>
  <c r="X11388" i="1"/>
  <c r="X11389" i="1"/>
  <c r="X11390" i="1"/>
  <c r="X11391" i="1"/>
  <c r="X11392" i="1"/>
  <c r="X11393" i="1"/>
  <c r="X11394" i="1"/>
  <c r="X11395" i="1"/>
  <c r="X11396" i="1"/>
  <c r="X11397" i="1"/>
  <c r="X11398" i="1"/>
  <c r="X11399" i="1"/>
  <c r="X11400" i="1"/>
  <c r="X11401" i="1"/>
  <c r="X11402" i="1"/>
  <c r="X11403" i="1"/>
  <c r="X11404" i="1"/>
  <c r="X11405" i="1"/>
  <c r="X11406" i="1"/>
  <c r="X11407" i="1"/>
  <c r="X11408" i="1"/>
  <c r="X11409" i="1"/>
  <c r="X11410" i="1"/>
  <c r="X11411" i="1"/>
  <c r="X11412" i="1"/>
  <c r="X11413" i="1"/>
  <c r="X11414" i="1"/>
  <c r="X11415" i="1"/>
  <c r="X11416" i="1"/>
  <c r="X11417" i="1"/>
  <c r="X11418" i="1"/>
  <c r="X11419" i="1"/>
  <c r="X11420" i="1"/>
  <c r="X11421" i="1"/>
  <c r="X11422" i="1"/>
  <c r="X11423" i="1"/>
  <c r="X11424" i="1"/>
  <c r="X11425" i="1"/>
  <c r="X11426" i="1"/>
  <c r="X11427" i="1"/>
  <c r="X11428" i="1"/>
  <c r="X11429" i="1"/>
  <c r="X11430" i="1"/>
  <c r="X11431" i="1"/>
  <c r="X11432" i="1"/>
  <c r="X11433" i="1"/>
  <c r="X11434" i="1"/>
  <c r="X11435" i="1"/>
  <c r="X11436" i="1"/>
  <c r="X11437" i="1"/>
  <c r="X11438" i="1"/>
  <c r="X11439" i="1"/>
  <c r="X11440" i="1"/>
  <c r="X11441" i="1"/>
  <c r="X11442" i="1"/>
  <c r="X11443" i="1"/>
  <c r="X11444" i="1"/>
  <c r="X11445" i="1"/>
  <c r="X11446" i="1"/>
  <c r="X11447" i="1"/>
  <c r="X11448" i="1"/>
  <c r="X11449" i="1"/>
  <c r="X11450" i="1"/>
  <c r="X11451" i="1"/>
  <c r="X11452" i="1"/>
  <c r="X11453" i="1"/>
  <c r="X11454" i="1"/>
  <c r="X11455" i="1"/>
  <c r="X11456" i="1"/>
  <c r="X11457" i="1"/>
  <c r="X11458" i="1"/>
  <c r="X11459" i="1"/>
  <c r="X11460" i="1"/>
  <c r="X11461" i="1"/>
  <c r="X11462" i="1"/>
  <c r="X11463" i="1"/>
  <c r="X11464" i="1"/>
  <c r="X11465" i="1"/>
  <c r="X11466" i="1"/>
  <c r="X11467" i="1"/>
  <c r="X11468" i="1"/>
  <c r="X11469" i="1"/>
  <c r="X11470" i="1"/>
  <c r="X11471" i="1"/>
  <c r="X11472" i="1"/>
  <c r="X11473" i="1"/>
  <c r="X11474" i="1"/>
  <c r="X11475" i="1"/>
  <c r="X11476" i="1"/>
  <c r="X11477" i="1"/>
  <c r="X11478" i="1"/>
  <c r="X11479" i="1"/>
  <c r="X11480" i="1"/>
  <c r="X11481" i="1"/>
  <c r="X11482" i="1"/>
  <c r="X11483" i="1"/>
  <c r="X11484" i="1"/>
  <c r="X11485" i="1"/>
  <c r="X11486" i="1"/>
  <c r="X11487" i="1"/>
  <c r="X11488" i="1"/>
  <c r="X11489" i="1"/>
  <c r="X11490" i="1"/>
  <c r="X11491" i="1"/>
  <c r="X11492" i="1"/>
  <c r="X11493" i="1"/>
  <c r="X11494" i="1"/>
  <c r="X11495" i="1"/>
  <c r="X11496" i="1"/>
  <c r="X11497" i="1"/>
  <c r="X11498" i="1"/>
  <c r="X11499" i="1"/>
  <c r="X11500" i="1"/>
  <c r="X11501" i="1"/>
  <c r="X11502" i="1"/>
  <c r="X11503" i="1"/>
  <c r="X11504" i="1"/>
  <c r="X11505" i="1"/>
  <c r="X11506" i="1"/>
  <c r="X11507" i="1"/>
  <c r="X11508" i="1"/>
  <c r="X11509" i="1"/>
  <c r="X11510" i="1"/>
  <c r="X11511" i="1"/>
  <c r="X11512" i="1"/>
  <c r="X11513" i="1"/>
  <c r="X11514" i="1"/>
  <c r="X11515" i="1"/>
  <c r="X11516" i="1"/>
  <c r="X11517" i="1"/>
  <c r="X11518" i="1"/>
  <c r="X11519" i="1"/>
  <c r="X11520" i="1"/>
  <c r="X11521" i="1"/>
  <c r="X11522" i="1"/>
  <c r="X11523" i="1"/>
  <c r="X11524" i="1"/>
  <c r="X11525" i="1"/>
  <c r="X11526" i="1"/>
  <c r="X11527" i="1"/>
  <c r="X11528" i="1"/>
  <c r="X11529" i="1"/>
  <c r="X11530" i="1"/>
  <c r="X11531" i="1"/>
  <c r="X11532" i="1"/>
  <c r="X11533" i="1"/>
  <c r="X11534" i="1"/>
  <c r="X11535" i="1"/>
  <c r="X11536" i="1"/>
  <c r="X11537" i="1"/>
  <c r="X11538" i="1"/>
  <c r="X11539" i="1"/>
  <c r="X11540" i="1"/>
  <c r="X11541" i="1"/>
  <c r="X11542" i="1"/>
  <c r="X11543" i="1"/>
  <c r="X11544" i="1"/>
  <c r="X11545" i="1"/>
  <c r="X11546" i="1"/>
  <c r="X11547" i="1"/>
  <c r="X11548" i="1"/>
  <c r="X11549" i="1"/>
  <c r="X11550" i="1"/>
  <c r="X11551" i="1"/>
  <c r="X11552" i="1"/>
  <c r="X11553" i="1"/>
  <c r="X11554" i="1"/>
  <c r="X11555" i="1"/>
  <c r="X11556" i="1"/>
  <c r="X11557" i="1"/>
  <c r="X11558" i="1"/>
  <c r="X11559" i="1"/>
  <c r="X11560" i="1"/>
  <c r="X11561" i="1"/>
  <c r="X11562" i="1"/>
  <c r="X11563" i="1"/>
  <c r="X11564" i="1"/>
  <c r="X11565" i="1"/>
  <c r="X11566" i="1"/>
  <c r="X11567" i="1"/>
  <c r="X11568" i="1"/>
  <c r="X11569" i="1"/>
  <c r="X11570" i="1"/>
  <c r="X11571" i="1"/>
  <c r="X11572" i="1"/>
  <c r="X11573" i="1"/>
  <c r="X11574" i="1"/>
  <c r="X11575" i="1"/>
  <c r="X11576" i="1"/>
  <c r="X11577" i="1"/>
  <c r="X11578" i="1"/>
  <c r="X11579" i="1"/>
  <c r="X11580" i="1"/>
  <c r="X11581" i="1"/>
  <c r="X11582" i="1"/>
  <c r="X11583" i="1"/>
  <c r="X11584" i="1"/>
  <c r="X11585" i="1"/>
  <c r="X11586" i="1"/>
  <c r="X11587" i="1"/>
  <c r="X11588" i="1"/>
  <c r="X11589" i="1"/>
  <c r="X11590" i="1"/>
  <c r="X11591" i="1"/>
  <c r="X11592" i="1"/>
  <c r="X11593" i="1"/>
  <c r="X11594" i="1"/>
  <c r="X11595" i="1"/>
  <c r="X11596" i="1"/>
  <c r="X11597" i="1"/>
  <c r="X11598" i="1"/>
  <c r="X11599" i="1"/>
  <c r="X11600" i="1"/>
  <c r="X11601" i="1"/>
  <c r="X11602" i="1"/>
  <c r="X11603" i="1"/>
  <c r="X11604" i="1"/>
  <c r="X11605" i="1"/>
  <c r="X11606" i="1"/>
  <c r="X11607" i="1"/>
  <c r="X11608" i="1"/>
  <c r="X11609" i="1"/>
  <c r="X11610" i="1"/>
  <c r="X11611" i="1"/>
  <c r="X11612" i="1"/>
  <c r="X11613" i="1"/>
  <c r="X11614" i="1"/>
  <c r="X11615" i="1"/>
  <c r="X11616" i="1"/>
  <c r="X11617" i="1"/>
  <c r="X11618" i="1"/>
  <c r="X11619" i="1"/>
  <c r="X11620" i="1"/>
  <c r="X11621" i="1"/>
  <c r="X11622" i="1"/>
  <c r="X11623" i="1"/>
  <c r="X11624" i="1"/>
  <c r="X11625" i="1"/>
  <c r="X11626" i="1"/>
  <c r="X11627" i="1"/>
  <c r="X11628" i="1"/>
  <c r="X11629" i="1"/>
  <c r="X11630" i="1"/>
  <c r="X11631" i="1"/>
  <c r="X11632" i="1"/>
  <c r="X11633" i="1"/>
  <c r="X11634" i="1"/>
  <c r="X11635" i="1"/>
  <c r="X11636" i="1"/>
  <c r="X11637" i="1"/>
  <c r="X11638" i="1"/>
  <c r="X11639" i="1"/>
  <c r="X11640" i="1"/>
  <c r="X11641" i="1"/>
  <c r="X11642" i="1"/>
  <c r="X11643" i="1"/>
  <c r="X11644" i="1"/>
  <c r="X11645" i="1"/>
  <c r="X11646" i="1"/>
  <c r="X11647" i="1"/>
  <c r="X11648" i="1"/>
  <c r="X11649" i="1"/>
  <c r="X11650" i="1"/>
  <c r="X11651" i="1"/>
  <c r="X11652" i="1"/>
  <c r="X11653" i="1"/>
  <c r="X11654" i="1"/>
  <c r="X11655" i="1"/>
  <c r="X11656" i="1"/>
  <c r="X11657" i="1"/>
  <c r="X11658" i="1"/>
  <c r="X11659" i="1"/>
  <c r="X11660" i="1"/>
  <c r="X11661" i="1"/>
  <c r="X11662" i="1"/>
  <c r="X11663" i="1"/>
  <c r="X11664" i="1"/>
  <c r="X11665" i="1"/>
  <c r="X11666" i="1"/>
  <c r="X11667" i="1"/>
  <c r="X11668" i="1"/>
  <c r="X11669" i="1"/>
  <c r="X11670" i="1"/>
  <c r="X11671" i="1"/>
  <c r="X11672" i="1"/>
  <c r="X11673" i="1"/>
  <c r="X11674" i="1"/>
  <c r="X11675" i="1"/>
  <c r="X11676" i="1"/>
  <c r="X11677" i="1"/>
  <c r="X11678" i="1"/>
  <c r="X11679" i="1"/>
  <c r="X11680" i="1"/>
  <c r="X11681" i="1"/>
  <c r="X11682" i="1"/>
  <c r="X11683" i="1"/>
  <c r="X11684" i="1"/>
  <c r="X11685" i="1"/>
  <c r="X11686" i="1"/>
  <c r="X11687" i="1"/>
  <c r="X11688" i="1"/>
  <c r="X11689" i="1"/>
  <c r="X11690" i="1"/>
  <c r="X11691" i="1"/>
  <c r="X11692" i="1"/>
  <c r="X11693" i="1"/>
  <c r="X11694" i="1"/>
  <c r="X11695" i="1"/>
  <c r="X11696" i="1"/>
  <c r="X11697" i="1"/>
  <c r="X11698" i="1"/>
  <c r="X11699" i="1"/>
  <c r="X11700" i="1"/>
  <c r="X11701" i="1"/>
  <c r="X11702" i="1"/>
  <c r="X11703" i="1"/>
  <c r="X11704" i="1"/>
  <c r="X11705" i="1"/>
  <c r="X11706" i="1"/>
  <c r="X11707" i="1"/>
  <c r="X11708" i="1"/>
  <c r="X11709" i="1"/>
  <c r="X11710" i="1"/>
  <c r="X11711" i="1"/>
  <c r="X11712" i="1"/>
  <c r="X11713" i="1"/>
  <c r="X11714" i="1"/>
  <c r="X11715" i="1"/>
  <c r="X11716" i="1"/>
  <c r="X11717" i="1"/>
  <c r="X11718" i="1"/>
  <c r="X11719" i="1"/>
  <c r="X11720" i="1"/>
  <c r="X11721" i="1"/>
  <c r="X11722" i="1"/>
  <c r="X11723" i="1"/>
  <c r="X11724" i="1"/>
  <c r="X11725" i="1"/>
  <c r="X11726" i="1"/>
  <c r="X11727" i="1"/>
  <c r="X11728" i="1"/>
  <c r="X11729" i="1"/>
  <c r="X11730" i="1"/>
  <c r="X11731" i="1"/>
  <c r="X11732" i="1"/>
  <c r="X11733" i="1"/>
  <c r="X11734" i="1"/>
  <c r="X11735" i="1"/>
  <c r="X11736" i="1"/>
  <c r="X11737" i="1"/>
  <c r="X11738" i="1"/>
  <c r="X11739" i="1"/>
  <c r="X11740" i="1"/>
  <c r="X11741" i="1"/>
  <c r="X11742" i="1"/>
  <c r="X11743" i="1"/>
  <c r="X11744" i="1"/>
  <c r="X11745" i="1"/>
  <c r="X11746" i="1"/>
  <c r="X11747" i="1"/>
  <c r="X11748" i="1"/>
  <c r="X11749" i="1"/>
  <c r="X11750" i="1"/>
  <c r="X11751" i="1"/>
  <c r="X11752" i="1"/>
  <c r="X11753" i="1"/>
  <c r="X11754" i="1"/>
  <c r="X11755" i="1"/>
  <c r="X11756" i="1"/>
  <c r="X11757" i="1"/>
  <c r="X11758" i="1"/>
  <c r="X11759" i="1"/>
  <c r="X11760" i="1"/>
  <c r="X11761" i="1"/>
  <c r="X11762" i="1"/>
  <c r="X11763" i="1"/>
  <c r="X11764" i="1"/>
  <c r="X11765" i="1"/>
  <c r="X11766" i="1"/>
  <c r="X11767" i="1"/>
  <c r="X11768" i="1"/>
  <c r="X11769" i="1"/>
  <c r="X11770" i="1"/>
  <c r="X11771" i="1"/>
  <c r="X11772" i="1"/>
  <c r="X11773" i="1"/>
  <c r="X11774" i="1"/>
  <c r="X11775" i="1"/>
  <c r="X11776" i="1"/>
  <c r="X11777" i="1"/>
  <c r="X11778" i="1"/>
  <c r="X11779" i="1"/>
  <c r="X11780" i="1"/>
  <c r="X11781" i="1"/>
  <c r="X11782" i="1"/>
  <c r="X11783" i="1"/>
  <c r="X11784" i="1"/>
  <c r="X11785" i="1"/>
  <c r="X11786" i="1"/>
  <c r="X11787" i="1"/>
  <c r="X11788" i="1"/>
  <c r="X11789" i="1"/>
  <c r="X11790" i="1"/>
  <c r="X11791" i="1"/>
  <c r="X11792" i="1"/>
  <c r="X11793" i="1"/>
  <c r="X11794" i="1"/>
  <c r="X11795" i="1"/>
  <c r="X11796" i="1"/>
  <c r="X11797" i="1"/>
  <c r="X11798" i="1"/>
  <c r="X11799" i="1"/>
  <c r="X11800" i="1"/>
  <c r="X11801" i="1"/>
  <c r="X11802" i="1"/>
  <c r="X11803" i="1"/>
  <c r="X11804" i="1"/>
  <c r="X11805" i="1"/>
  <c r="X11806" i="1"/>
  <c r="X11807" i="1"/>
  <c r="X11808" i="1"/>
  <c r="X11809" i="1"/>
  <c r="X11810" i="1"/>
  <c r="X11811" i="1"/>
  <c r="X11812" i="1"/>
  <c r="X11813" i="1"/>
  <c r="X11814" i="1"/>
  <c r="X11815" i="1"/>
  <c r="X11816" i="1"/>
  <c r="X11817" i="1"/>
  <c r="X11818" i="1"/>
  <c r="X11819" i="1"/>
  <c r="X11820" i="1"/>
  <c r="X11821" i="1"/>
  <c r="X11822" i="1"/>
  <c r="X11823" i="1"/>
  <c r="X11824" i="1"/>
  <c r="X11825" i="1"/>
  <c r="X11826" i="1"/>
  <c r="X11827" i="1"/>
  <c r="X11828" i="1"/>
  <c r="X11829" i="1"/>
  <c r="X11830" i="1"/>
  <c r="X11831" i="1"/>
  <c r="X11832" i="1"/>
  <c r="X11833" i="1"/>
  <c r="X11834" i="1"/>
  <c r="X11835" i="1"/>
  <c r="X11836" i="1"/>
  <c r="X11837" i="1"/>
  <c r="X11838" i="1"/>
  <c r="X11839" i="1"/>
  <c r="X11840" i="1"/>
  <c r="X11841" i="1"/>
  <c r="X11842" i="1"/>
  <c r="X11843" i="1"/>
  <c r="X11844" i="1"/>
  <c r="X11845" i="1"/>
  <c r="X11846" i="1"/>
  <c r="X11847" i="1"/>
  <c r="X11848" i="1"/>
  <c r="X11849" i="1"/>
  <c r="X11850" i="1"/>
  <c r="X11851" i="1"/>
  <c r="X11852" i="1"/>
  <c r="X11853" i="1"/>
  <c r="X11854" i="1"/>
  <c r="X11855" i="1"/>
  <c r="X11856" i="1"/>
  <c r="X11857" i="1"/>
  <c r="X11858" i="1"/>
  <c r="X11859" i="1"/>
  <c r="X11860" i="1"/>
  <c r="X11861" i="1"/>
  <c r="X11862" i="1"/>
  <c r="X11863" i="1"/>
  <c r="X11864" i="1"/>
  <c r="X11865" i="1"/>
  <c r="X11866" i="1"/>
  <c r="X11867" i="1"/>
  <c r="X11868" i="1"/>
  <c r="X11869" i="1"/>
  <c r="X11870" i="1"/>
  <c r="X11871" i="1"/>
  <c r="X11872" i="1"/>
  <c r="X11873" i="1"/>
  <c r="X11874" i="1"/>
  <c r="X11875" i="1"/>
  <c r="X11876" i="1"/>
  <c r="X11877" i="1"/>
  <c r="X11878" i="1"/>
  <c r="X11879" i="1"/>
  <c r="X11880" i="1"/>
  <c r="X11881" i="1"/>
  <c r="X11882" i="1"/>
  <c r="X11883" i="1"/>
  <c r="X11884" i="1"/>
  <c r="X11885" i="1"/>
  <c r="X11886" i="1"/>
  <c r="X11887" i="1"/>
  <c r="X11888" i="1"/>
  <c r="X11889" i="1"/>
  <c r="X11890" i="1"/>
  <c r="X11891" i="1"/>
  <c r="X11892" i="1"/>
  <c r="X11893" i="1"/>
  <c r="X11894" i="1"/>
  <c r="X11895" i="1"/>
  <c r="X11896" i="1"/>
  <c r="X11897" i="1"/>
  <c r="X11898" i="1"/>
  <c r="X11899" i="1"/>
  <c r="X11900" i="1"/>
  <c r="X11901" i="1"/>
  <c r="X11902" i="1"/>
  <c r="X11903" i="1"/>
  <c r="X11904" i="1"/>
  <c r="X11905" i="1"/>
  <c r="X11906" i="1"/>
  <c r="X11907" i="1"/>
  <c r="X11908" i="1"/>
  <c r="X11909" i="1"/>
  <c r="X11910" i="1"/>
  <c r="X11911" i="1"/>
  <c r="X11912" i="1"/>
  <c r="X11913" i="1"/>
  <c r="X11914" i="1"/>
  <c r="X11915" i="1"/>
  <c r="X11916" i="1"/>
  <c r="X11917" i="1"/>
  <c r="X11918" i="1"/>
  <c r="X11919" i="1"/>
  <c r="X11920" i="1"/>
  <c r="X11921" i="1"/>
  <c r="X11922" i="1"/>
  <c r="X11923" i="1"/>
  <c r="X11924" i="1"/>
  <c r="X11925" i="1"/>
  <c r="X11926" i="1"/>
  <c r="X11927" i="1"/>
  <c r="X11928" i="1"/>
  <c r="X11929" i="1"/>
  <c r="X11930" i="1"/>
  <c r="X11931" i="1"/>
  <c r="X11932" i="1"/>
  <c r="X11933" i="1"/>
  <c r="X11934" i="1"/>
  <c r="X11935" i="1"/>
  <c r="X11936" i="1"/>
  <c r="X11937" i="1"/>
  <c r="X11938" i="1"/>
  <c r="X11939" i="1"/>
  <c r="X11940" i="1"/>
  <c r="X11941" i="1"/>
  <c r="X11942" i="1"/>
  <c r="X11943" i="1"/>
  <c r="X11944" i="1"/>
  <c r="X11945" i="1"/>
  <c r="X11946" i="1"/>
  <c r="X11947" i="1"/>
  <c r="X11948" i="1"/>
  <c r="X11949" i="1"/>
  <c r="X11950" i="1"/>
  <c r="X11951" i="1"/>
  <c r="X11952" i="1"/>
  <c r="X11953" i="1"/>
  <c r="X11954" i="1"/>
  <c r="X11955" i="1"/>
  <c r="X11956" i="1"/>
  <c r="X11957" i="1"/>
  <c r="X11958" i="1"/>
  <c r="X11959" i="1"/>
  <c r="X11960" i="1"/>
  <c r="X11961" i="1"/>
  <c r="X11962" i="1"/>
  <c r="X11963" i="1"/>
  <c r="X11964" i="1"/>
  <c r="X11965" i="1"/>
  <c r="X11966" i="1"/>
  <c r="X11967" i="1"/>
  <c r="X11968" i="1"/>
  <c r="X11969" i="1"/>
  <c r="X11970" i="1"/>
  <c r="X11971" i="1"/>
  <c r="X11972" i="1"/>
  <c r="X11973" i="1"/>
  <c r="X11974" i="1"/>
  <c r="X11975" i="1"/>
  <c r="X11976" i="1"/>
  <c r="X11977" i="1"/>
  <c r="X11978" i="1"/>
  <c r="X11979" i="1"/>
  <c r="X11980" i="1"/>
  <c r="X11981" i="1"/>
  <c r="X11982" i="1"/>
  <c r="X11983" i="1"/>
  <c r="X11984" i="1"/>
  <c r="X11985" i="1"/>
  <c r="X11986" i="1"/>
  <c r="X11987" i="1"/>
  <c r="X11988" i="1"/>
  <c r="X11989" i="1"/>
  <c r="X11990" i="1"/>
  <c r="X11991" i="1"/>
  <c r="X11992" i="1"/>
  <c r="X11993" i="1"/>
  <c r="X11994" i="1"/>
  <c r="X11995" i="1"/>
  <c r="X11996" i="1"/>
  <c r="X11997" i="1"/>
  <c r="X11998" i="1"/>
  <c r="X11999" i="1"/>
  <c r="X12000" i="1"/>
  <c r="X12001" i="1"/>
  <c r="X12002" i="1"/>
  <c r="X12003" i="1"/>
  <c r="X12004" i="1"/>
  <c r="X12005" i="1"/>
  <c r="X12006" i="1"/>
  <c r="X12007" i="1"/>
  <c r="X12008" i="1"/>
  <c r="X12009" i="1"/>
  <c r="X12010" i="1"/>
  <c r="X12011" i="1"/>
  <c r="X12012" i="1"/>
  <c r="X12013" i="1"/>
  <c r="X12014" i="1"/>
  <c r="X12015" i="1"/>
  <c r="X12016" i="1"/>
  <c r="X12017" i="1"/>
  <c r="X12018" i="1"/>
  <c r="X12019" i="1"/>
  <c r="X12020" i="1"/>
  <c r="X12021" i="1"/>
  <c r="X12022" i="1"/>
  <c r="X12023" i="1"/>
  <c r="X12024" i="1"/>
  <c r="X12025" i="1"/>
  <c r="X12026" i="1"/>
  <c r="X12027" i="1"/>
  <c r="X12028" i="1"/>
  <c r="X12029" i="1"/>
  <c r="X12030" i="1"/>
  <c r="X12031" i="1"/>
  <c r="X12032" i="1"/>
  <c r="X12033" i="1"/>
  <c r="X12034" i="1"/>
  <c r="X12035" i="1"/>
  <c r="X12036" i="1"/>
  <c r="X12037" i="1"/>
  <c r="X12038" i="1"/>
  <c r="X12039" i="1"/>
  <c r="X12040" i="1"/>
  <c r="X12041" i="1"/>
  <c r="X12042" i="1"/>
  <c r="X12043" i="1"/>
  <c r="X12044" i="1"/>
  <c r="X12045" i="1"/>
  <c r="X12046" i="1"/>
  <c r="X12047" i="1"/>
  <c r="X12048" i="1"/>
  <c r="X12049" i="1"/>
  <c r="X12050" i="1"/>
  <c r="X12051" i="1"/>
  <c r="X12052" i="1"/>
  <c r="X12053" i="1"/>
  <c r="X12054" i="1"/>
  <c r="X12055" i="1"/>
  <c r="X12056" i="1"/>
  <c r="X12057" i="1"/>
  <c r="X12058" i="1"/>
  <c r="X12059" i="1"/>
  <c r="X12060" i="1"/>
  <c r="X12061" i="1"/>
  <c r="X12062" i="1"/>
  <c r="X12063" i="1"/>
  <c r="X12064" i="1"/>
  <c r="X12065" i="1"/>
  <c r="X12066" i="1"/>
  <c r="X12067" i="1"/>
  <c r="X12068" i="1"/>
  <c r="X12069" i="1"/>
  <c r="X12070" i="1"/>
  <c r="X12071" i="1"/>
  <c r="X12072" i="1"/>
  <c r="X12073" i="1"/>
  <c r="X12074" i="1"/>
  <c r="X12075" i="1"/>
  <c r="X12076" i="1"/>
  <c r="X12077" i="1"/>
  <c r="X12078" i="1"/>
  <c r="X12079" i="1"/>
  <c r="X12080" i="1"/>
  <c r="X12081" i="1"/>
  <c r="X12082" i="1"/>
  <c r="X12083" i="1"/>
  <c r="X12084" i="1"/>
  <c r="X12085" i="1"/>
  <c r="X12086" i="1"/>
  <c r="X12087" i="1"/>
  <c r="X12088" i="1"/>
  <c r="X12089" i="1"/>
  <c r="X12090" i="1"/>
  <c r="X12091" i="1"/>
  <c r="X12092" i="1"/>
  <c r="X12093" i="1"/>
  <c r="X12094" i="1"/>
  <c r="X12095" i="1"/>
  <c r="X12096" i="1"/>
  <c r="X12097" i="1"/>
  <c r="X12098" i="1"/>
  <c r="X12099" i="1"/>
  <c r="X12100" i="1"/>
  <c r="X12101" i="1"/>
  <c r="X12102" i="1"/>
  <c r="X12103" i="1"/>
  <c r="X12104" i="1"/>
  <c r="X12105" i="1"/>
  <c r="X12106" i="1"/>
  <c r="X12107" i="1"/>
  <c r="X12108" i="1"/>
  <c r="X12109" i="1"/>
  <c r="X12110" i="1"/>
  <c r="X12111" i="1"/>
  <c r="X12112" i="1"/>
  <c r="X12113" i="1"/>
  <c r="X12114" i="1"/>
  <c r="X12115" i="1"/>
  <c r="X12116" i="1"/>
  <c r="X12117" i="1"/>
  <c r="X12118" i="1"/>
  <c r="X12119" i="1"/>
  <c r="X12120" i="1"/>
  <c r="X12121" i="1"/>
  <c r="X12122" i="1"/>
  <c r="X12123" i="1"/>
  <c r="X12124" i="1"/>
  <c r="X12125" i="1"/>
  <c r="X12126" i="1"/>
  <c r="X12127" i="1"/>
  <c r="X12128" i="1"/>
  <c r="X12129" i="1"/>
  <c r="X12130" i="1"/>
  <c r="X12131" i="1"/>
  <c r="X12132" i="1"/>
  <c r="X12133" i="1"/>
  <c r="X12134" i="1"/>
  <c r="X12135" i="1"/>
  <c r="X12136" i="1"/>
  <c r="X12137" i="1"/>
  <c r="X12138" i="1"/>
  <c r="X12139" i="1"/>
  <c r="X12140" i="1"/>
  <c r="X12141" i="1"/>
  <c r="X12142" i="1"/>
  <c r="X12143" i="1"/>
  <c r="X12144" i="1"/>
  <c r="X12145" i="1"/>
  <c r="X12146" i="1"/>
  <c r="X12147" i="1"/>
  <c r="X12148" i="1"/>
  <c r="X12149" i="1"/>
  <c r="X12150" i="1"/>
  <c r="X12151" i="1"/>
  <c r="X12152" i="1"/>
  <c r="X12153" i="1"/>
  <c r="X12154" i="1"/>
  <c r="X12155" i="1"/>
  <c r="X12156" i="1"/>
  <c r="X12157" i="1"/>
  <c r="X12158" i="1"/>
  <c r="X12159" i="1"/>
  <c r="X12160" i="1"/>
  <c r="X12161" i="1"/>
  <c r="X12162" i="1"/>
  <c r="X12163" i="1"/>
  <c r="X12164" i="1"/>
  <c r="X12165" i="1"/>
  <c r="X12166" i="1"/>
  <c r="X12167" i="1"/>
  <c r="X12168" i="1"/>
  <c r="X12169" i="1"/>
  <c r="X12170" i="1"/>
  <c r="X12171" i="1"/>
  <c r="X12172" i="1"/>
  <c r="X12173" i="1"/>
  <c r="X12174" i="1"/>
  <c r="X12175" i="1"/>
  <c r="X12176" i="1"/>
  <c r="X12177" i="1"/>
  <c r="X12178" i="1"/>
  <c r="X12179" i="1"/>
  <c r="X12180" i="1"/>
  <c r="X12181" i="1"/>
  <c r="X12182" i="1"/>
  <c r="X12183" i="1"/>
  <c r="X12184" i="1"/>
  <c r="X12185" i="1"/>
  <c r="X12186" i="1"/>
  <c r="X12187" i="1"/>
  <c r="X12188" i="1"/>
  <c r="X12189" i="1"/>
  <c r="X12190" i="1"/>
  <c r="X12191" i="1"/>
  <c r="X12192" i="1"/>
  <c r="X12193" i="1"/>
  <c r="X12194" i="1"/>
  <c r="X12195" i="1"/>
  <c r="X12196" i="1"/>
  <c r="X12197" i="1"/>
  <c r="X12198" i="1"/>
  <c r="X12199" i="1"/>
  <c r="X12200" i="1"/>
  <c r="X12201" i="1"/>
  <c r="X12202" i="1"/>
  <c r="X12203" i="1"/>
  <c r="X12204" i="1"/>
  <c r="X12205" i="1"/>
  <c r="X12206" i="1"/>
  <c r="X12207" i="1"/>
  <c r="X12208" i="1"/>
  <c r="X12209" i="1"/>
  <c r="X12210" i="1"/>
  <c r="X12211" i="1"/>
  <c r="X12212" i="1"/>
  <c r="X12213" i="1"/>
  <c r="X12214" i="1"/>
  <c r="X12215" i="1"/>
  <c r="X12216" i="1"/>
  <c r="X12217" i="1"/>
  <c r="X12218" i="1"/>
  <c r="X12219" i="1"/>
  <c r="X12220" i="1"/>
  <c r="X12221" i="1"/>
  <c r="X12222" i="1"/>
  <c r="X12223" i="1"/>
  <c r="X12224" i="1"/>
  <c r="X12225" i="1"/>
  <c r="X12226" i="1"/>
  <c r="X12227" i="1"/>
  <c r="X12228" i="1"/>
  <c r="X12229" i="1"/>
  <c r="X12230" i="1"/>
  <c r="X12231" i="1"/>
  <c r="X12232" i="1"/>
  <c r="X12233" i="1"/>
  <c r="X12234" i="1"/>
  <c r="X12235" i="1"/>
  <c r="X12236" i="1"/>
  <c r="X12237" i="1"/>
  <c r="X12238" i="1"/>
  <c r="X12239" i="1"/>
  <c r="X12240" i="1"/>
  <c r="X12241" i="1"/>
  <c r="X12242" i="1"/>
  <c r="X12243" i="1"/>
  <c r="X12244" i="1"/>
  <c r="X12245" i="1"/>
  <c r="X12246" i="1"/>
  <c r="X12247" i="1"/>
  <c r="X12248" i="1"/>
  <c r="X12249" i="1"/>
  <c r="X12250" i="1"/>
  <c r="X12251" i="1"/>
  <c r="X12252" i="1"/>
  <c r="X12253" i="1"/>
  <c r="X12254" i="1"/>
  <c r="X12255" i="1"/>
  <c r="X12256" i="1"/>
  <c r="X12257" i="1"/>
  <c r="X12258" i="1"/>
  <c r="X12259" i="1"/>
  <c r="X12260" i="1"/>
  <c r="X12261" i="1"/>
  <c r="X12262" i="1"/>
  <c r="X12263" i="1"/>
  <c r="X12264" i="1"/>
  <c r="X12265" i="1"/>
  <c r="X12266" i="1"/>
  <c r="X12267" i="1"/>
  <c r="X12268" i="1"/>
  <c r="X12269" i="1"/>
  <c r="X12270" i="1"/>
  <c r="X12271" i="1"/>
  <c r="X12272" i="1"/>
  <c r="X12273" i="1"/>
  <c r="X12274" i="1"/>
  <c r="X12275" i="1"/>
  <c r="X12276" i="1"/>
  <c r="X12277" i="1"/>
  <c r="X12278" i="1"/>
  <c r="X12279" i="1"/>
  <c r="X12280" i="1"/>
  <c r="X12281" i="1"/>
  <c r="X12282" i="1"/>
  <c r="X12283" i="1"/>
  <c r="X12284" i="1"/>
  <c r="X12285" i="1"/>
  <c r="X12286" i="1"/>
  <c r="X12287" i="1"/>
  <c r="X12288" i="1"/>
  <c r="X12289" i="1"/>
  <c r="X12290" i="1"/>
  <c r="X12291" i="1"/>
  <c r="X12292" i="1"/>
  <c r="X12293" i="1"/>
  <c r="X12294" i="1"/>
  <c r="X12295" i="1"/>
  <c r="X12296" i="1"/>
  <c r="X12297" i="1"/>
  <c r="X12298" i="1"/>
  <c r="X12299" i="1"/>
  <c r="X12300" i="1"/>
  <c r="X12301" i="1"/>
  <c r="X12302" i="1"/>
  <c r="X12303" i="1"/>
  <c r="X12304" i="1"/>
  <c r="X12305" i="1"/>
  <c r="X12306" i="1"/>
  <c r="X12307" i="1"/>
  <c r="X12308" i="1"/>
  <c r="X12309" i="1"/>
  <c r="X12310" i="1"/>
  <c r="X12311" i="1"/>
  <c r="X12312" i="1"/>
  <c r="X12313" i="1"/>
  <c r="X12314" i="1"/>
  <c r="X12315" i="1"/>
  <c r="X12316" i="1"/>
  <c r="X12317" i="1"/>
  <c r="X12318" i="1"/>
  <c r="X12319" i="1"/>
  <c r="X12320" i="1"/>
  <c r="X12321" i="1"/>
  <c r="X12322" i="1"/>
  <c r="X12323" i="1"/>
  <c r="X12324" i="1"/>
  <c r="X12325" i="1"/>
  <c r="X12326" i="1"/>
  <c r="X12327" i="1"/>
  <c r="X12328" i="1"/>
  <c r="X12329" i="1"/>
  <c r="X12330" i="1"/>
  <c r="X12331" i="1"/>
  <c r="X12332" i="1"/>
  <c r="X12333" i="1"/>
  <c r="X12334" i="1"/>
  <c r="X12335" i="1"/>
  <c r="X12336" i="1"/>
  <c r="X12337" i="1"/>
  <c r="X12338" i="1"/>
  <c r="X12339" i="1"/>
  <c r="X12340" i="1"/>
  <c r="X12341" i="1"/>
  <c r="X12342" i="1"/>
  <c r="X12343" i="1"/>
  <c r="X12344" i="1"/>
  <c r="X12345" i="1"/>
  <c r="X12346" i="1"/>
  <c r="X12347" i="1"/>
  <c r="X12348" i="1"/>
  <c r="X12349" i="1"/>
  <c r="X12350" i="1"/>
  <c r="X12351" i="1"/>
  <c r="X12352" i="1"/>
  <c r="X12353" i="1"/>
  <c r="X12354" i="1"/>
  <c r="X12355" i="1"/>
  <c r="X12356" i="1"/>
  <c r="X12357" i="1"/>
  <c r="X12358" i="1"/>
  <c r="X12359" i="1"/>
  <c r="X12360" i="1"/>
  <c r="X12361" i="1"/>
  <c r="X12362" i="1"/>
  <c r="X12363" i="1"/>
  <c r="X12364" i="1"/>
  <c r="X12365" i="1"/>
  <c r="X12366" i="1"/>
  <c r="X12367" i="1"/>
  <c r="X12368" i="1"/>
  <c r="X12369" i="1"/>
  <c r="X12370" i="1"/>
  <c r="X12371" i="1"/>
  <c r="X12372" i="1"/>
  <c r="X12373" i="1"/>
  <c r="X12374" i="1"/>
  <c r="X12375" i="1"/>
  <c r="X12376" i="1"/>
  <c r="X12377" i="1"/>
  <c r="X12378" i="1"/>
  <c r="X12379" i="1"/>
  <c r="X12380" i="1"/>
  <c r="X12381" i="1"/>
  <c r="X12382" i="1"/>
  <c r="X12383" i="1"/>
  <c r="X12384" i="1"/>
  <c r="X12385" i="1"/>
  <c r="X12386" i="1"/>
  <c r="X12387" i="1"/>
  <c r="X12388" i="1"/>
  <c r="X12389" i="1"/>
  <c r="X12390" i="1"/>
  <c r="X12391" i="1"/>
  <c r="X12392" i="1"/>
  <c r="X12393" i="1"/>
  <c r="X12394" i="1"/>
  <c r="X12395" i="1"/>
  <c r="X12396" i="1"/>
  <c r="X12397" i="1"/>
  <c r="X12398" i="1"/>
  <c r="X12399" i="1"/>
  <c r="X12400" i="1"/>
  <c r="X12401" i="1"/>
  <c r="X12402" i="1"/>
  <c r="X12403" i="1"/>
  <c r="X12404" i="1"/>
  <c r="X12405" i="1"/>
  <c r="X12406" i="1"/>
  <c r="X12407" i="1"/>
  <c r="X12408" i="1"/>
  <c r="X12409" i="1"/>
  <c r="X12410" i="1"/>
  <c r="X12411" i="1"/>
  <c r="X12412" i="1"/>
  <c r="X12413" i="1"/>
  <c r="X12414" i="1"/>
  <c r="X12415" i="1"/>
  <c r="X12416" i="1"/>
  <c r="X12417" i="1"/>
  <c r="X12418" i="1"/>
  <c r="X12419" i="1"/>
  <c r="X12420" i="1"/>
  <c r="X12421" i="1"/>
  <c r="X12422" i="1"/>
  <c r="X12423" i="1"/>
  <c r="X12424" i="1"/>
  <c r="X12425" i="1"/>
  <c r="X12426" i="1"/>
  <c r="X12427" i="1"/>
  <c r="X12428" i="1"/>
  <c r="X12429" i="1"/>
  <c r="X12430" i="1"/>
  <c r="X12431" i="1"/>
  <c r="X12432" i="1"/>
  <c r="X12433" i="1"/>
  <c r="X12434" i="1"/>
  <c r="X12435" i="1"/>
  <c r="X12436" i="1"/>
  <c r="X12437" i="1"/>
  <c r="X12438" i="1"/>
  <c r="X12439" i="1"/>
  <c r="X12440" i="1"/>
  <c r="X12441" i="1"/>
  <c r="X12442" i="1"/>
  <c r="X12443" i="1"/>
  <c r="X12444" i="1"/>
  <c r="X12445" i="1"/>
  <c r="X12446" i="1"/>
  <c r="X12447" i="1"/>
  <c r="X12448" i="1"/>
  <c r="X12449" i="1"/>
  <c r="X12450" i="1"/>
  <c r="X12451" i="1"/>
  <c r="X12452" i="1"/>
  <c r="X12453" i="1"/>
  <c r="X12454" i="1"/>
  <c r="X12455" i="1"/>
  <c r="X12456" i="1"/>
  <c r="X12457" i="1"/>
  <c r="X12458" i="1"/>
  <c r="X12459" i="1"/>
  <c r="X12460" i="1"/>
  <c r="X12461" i="1"/>
  <c r="X12462" i="1"/>
  <c r="X12463" i="1"/>
  <c r="X12464" i="1"/>
  <c r="X12465" i="1"/>
  <c r="X12466" i="1"/>
  <c r="X12467" i="1"/>
  <c r="X12468" i="1"/>
  <c r="X12469" i="1"/>
  <c r="X12470" i="1"/>
  <c r="X12471" i="1"/>
  <c r="X12472" i="1"/>
  <c r="X12473" i="1"/>
  <c r="X12474" i="1"/>
  <c r="X12475" i="1"/>
  <c r="X12476" i="1"/>
  <c r="X12477" i="1"/>
  <c r="X12478" i="1"/>
  <c r="X12479" i="1"/>
  <c r="X12480" i="1"/>
  <c r="X12481" i="1"/>
  <c r="X12482" i="1"/>
  <c r="X12483" i="1"/>
  <c r="X12484" i="1"/>
  <c r="X12485" i="1"/>
  <c r="X12486" i="1"/>
  <c r="X12487" i="1"/>
  <c r="X12488" i="1"/>
  <c r="X12489" i="1"/>
  <c r="X12490" i="1"/>
  <c r="X12491" i="1"/>
  <c r="X12492" i="1"/>
  <c r="X12493" i="1"/>
  <c r="X12494" i="1"/>
  <c r="X12495" i="1"/>
  <c r="X12496" i="1"/>
  <c r="X12497" i="1"/>
  <c r="X12498" i="1"/>
  <c r="X12499" i="1"/>
  <c r="X12500" i="1"/>
  <c r="X12501" i="1"/>
  <c r="X12502" i="1"/>
  <c r="X12503" i="1"/>
  <c r="X12504" i="1"/>
  <c r="X12505" i="1"/>
  <c r="X12506" i="1"/>
  <c r="X12507" i="1"/>
  <c r="X12508" i="1"/>
  <c r="X12509" i="1"/>
  <c r="X12510" i="1"/>
  <c r="X12511" i="1"/>
  <c r="X12512" i="1"/>
  <c r="X12513" i="1"/>
  <c r="X12514" i="1"/>
  <c r="X12515" i="1"/>
  <c r="X12516" i="1"/>
  <c r="X12517" i="1"/>
  <c r="X12518" i="1"/>
  <c r="X12519" i="1"/>
  <c r="X12520" i="1"/>
  <c r="X12521" i="1"/>
  <c r="X12522" i="1"/>
  <c r="X12523" i="1"/>
  <c r="X12524" i="1"/>
  <c r="X12525" i="1"/>
  <c r="X12526" i="1"/>
  <c r="X12527" i="1"/>
  <c r="X12528" i="1"/>
  <c r="X12529" i="1"/>
  <c r="X12530" i="1"/>
  <c r="X12531" i="1"/>
  <c r="X12532" i="1"/>
  <c r="X12533" i="1"/>
  <c r="X12534" i="1"/>
  <c r="X12535" i="1"/>
  <c r="X12536" i="1"/>
  <c r="X12537" i="1"/>
  <c r="X12538" i="1"/>
  <c r="X12539" i="1"/>
  <c r="X12540" i="1"/>
  <c r="X12541" i="1"/>
  <c r="X12542" i="1"/>
  <c r="X12543" i="1"/>
  <c r="X12544" i="1"/>
  <c r="X12545" i="1"/>
  <c r="X12546" i="1"/>
  <c r="X12547" i="1"/>
  <c r="X12548" i="1"/>
  <c r="X12549" i="1"/>
  <c r="X12550" i="1"/>
  <c r="X12551" i="1"/>
  <c r="X12552" i="1"/>
  <c r="X12553" i="1"/>
  <c r="X12554" i="1"/>
  <c r="X12555" i="1"/>
  <c r="X12556" i="1"/>
  <c r="X12557" i="1"/>
  <c r="X12558" i="1"/>
  <c r="X12559" i="1"/>
  <c r="X12560" i="1"/>
  <c r="X12561" i="1"/>
  <c r="X12562" i="1"/>
  <c r="X12563" i="1"/>
  <c r="X12564" i="1"/>
  <c r="X12565" i="1"/>
  <c r="X12566" i="1"/>
  <c r="X12567" i="1"/>
  <c r="X12568" i="1"/>
  <c r="X12569" i="1"/>
  <c r="X12570" i="1"/>
  <c r="X12571" i="1"/>
  <c r="X12572" i="1"/>
  <c r="X12573" i="1"/>
  <c r="X12574" i="1"/>
  <c r="X12575" i="1"/>
  <c r="X12576" i="1"/>
  <c r="X12577" i="1"/>
  <c r="X12578" i="1"/>
  <c r="X12579" i="1"/>
  <c r="X12580" i="1"/>
  <c r="X12581" i="1"/>
  <c r="X12582" i="1"/>
  <c r="X12583" i="1"/>
  <c r="X12584" i="1"/>
  <c r="X12585" i="1"/>
  <c r="X12586" i="1"/>
  <c r="X12587" i="1"/>
  <c r="X12588" i="1"/>
  <c r="X12589" i="1"/>
  <c r="X12590" i="1"/>
  <c r="X12591" i="1"/>
  <c r="X12592" i="1"/>
  <c r="X12593" i="1"/>
  <c r="X12594" i="1"/>
  <c r="X12595" i="1"/>
  <c r="X12596" i="1"/>
  <c r="X12597" i="1"/>
  <c r="X12598" i="1"/>
  <c r="X12599" i="1"/>
  <c r="X12600" i="1"/>
  <c r="X12601" i="1"/>
  <c r="X12602" i="1"/>
  <c r="X12603" i="1"/>
  <c r="X12604" i="1"/>
  <c r="X12605" i="1"/>
  <c r="X12606" i="1"/>
  <c r="X12607" i="1"/>
  <c r="X12608" i="1"/>
  <c r="X12609" i="1"/>
  <c r="X12610" i="1"/>
  <c r="X12611" i="1"/>
  <c r="X12612" i="1"/>
  <c r="X12613" i="1"/>
  <c r="X12614" i="1"/>
  <c r="X12615" i="1"/>
  <c r="X12616" i="1"/>
  <c r="X12617" i="1"/>
  <c r="X12618" i="1"/>
  <c r="X12619" i="1"/>
  <c r="X12620" i="1"/>
  <c r="X12621" i="1"/>
  <c r="X12622" i="1"/>
  <c r="X12623" i="1"/>
  <c r="X12624" i="1"/>
  <c r="X12625" i="1"/>
  <c r="X12626" i="1"/>
  <c r="X12627" i="1"/>
  <c r="X12628" i="1"/>
  <c r="X12629" i="1"/>
  <c r="X12630" i="1"/>
  <c r="X12631" i="1"/>
  <c r="X12632" i="1"/>
  <c r="X12633" i="1"/>
  <c r="X12634" i="1"/>
  <c r="X12635" i="1"/>
  <c r="X12636" i="1"/>
  <c r="X12637" i="1"/>
  <c r="X12638" i="1"/>
  <c r="X12639" i="1"/>
  <c r="X12640" i="1"/>
  <c r="X12641" i="1"/>
  <c r="X12642" i="1"/>
  <c r="X12643" i="1"/>
  <c r="X12644" i="1"/>
  <c r="X12645" i="1"/>
  <c r="X12646" i="1"/>
  <c r="X12647" i="1"/>
  <c r="X12648" i="1"/>
  <c r="X12649" i="1"/>
  <c r="X12650" i="1"/>
  <c r="X12651" i="1"/>
  <c r="X12652" i="1"/>
  <c r="X12653" i="1"/>
  <c r="X12654" i="1"/>
  <c r="X12655" i="1"/>
  <c r="X12656" i="1"/>
  <c r="X12657" i="1"/>
  <c r="X12658" i="1"/>
  <c r="X12659" i="1"/>
  <c r="X12660" i="1"/>
  <c r="X12661" i="1"/>
  <c r="X12662" i="1"/>
  <c r="X12663" i="1"/>
  <c r="X12664" i="1"/>
  <c r="X12665" i="1"/>
  <c r="X12666" i="1"/>
  <c r="X12667" i="1"/>
  <c r="X12668" i="1"/>
  <c r="X12669" i="1"/>
  <c r="X12670" i="1"/>
  <c r="X12671" i="1"/>
  <c r="X12672" i="1"/>
  <c r="X12673" i="1"/>
  <c r="X12674" i="1"/>
  <c r="X12675" i="1"/>
  <c r="X12676" i="1"/>
  <c r="X12677" i="1"/>
  <c r="X12678" i="1"/>
  <c r="X12679" i="1"/>
  <c r="X12680" i="1"/>
  <c r="X12681" i="1"/>
  <c r="X12682" i="1"/>
  <c r="X12683" i="1"/>
  <c r="X12684" i="1"/>
  <c r="X12685" i="1"/>
  <c r="X12686" i="1"/>
  <c r="X12687" i="1"/>
  <c r="X12688" i="1"/>
  <c r="X12689" i="1"/>
  <c r="X12690" i="1"/>
  <c r="X12691" i="1"/>
  <c r="X12692" i="1"/>
  <c r="X12693" i="1"/>
  <c r="X12694" i="1"/>
  <c r="X12695" i="1"/>
  <c r="X12696" i="1"/>
  <c r="X12697" i="1"/>
  <c r="X12698" i="1"/>
  <c r="X12699" i="1"/>
  <c r="X12700" i="1"/>
  <c r="X12701" i="1"/>
  <c r="X12702" i="1"/>
  <c r="X12703" i="1"/>
  <c r="X12704" i="1"/>
  <c r="X12705" i="1"/>
  <c r="X12706" i="1"/>
  <c r="X12707" i="1"/>
  <c r="X12708" i="1"/>
  <c r="X12709" i="1"/>
  <c r="X12710" i="1"/>
  <c r="X12711" i="1"/>
  <c r="X12712" i="1"/>
  <c r="X12713" i="1"/>
  <c r="X12714" i="1"/>
  <c r="X12715" i="1"/>
  <c r="X12716" i="1"/>
  <c r="X12717" i="1"/>
  <c r="X12718" i="1"/>
  <c r="X12719" i="1"/>
  <c r="X12720" i="1"/>
  <c r="X12721" i="1"/>
  <c r="X12722" i="1"/>
  <c r="X12723" i="1"/>
  <c r="X12724" i="1"/>
  <c r="X12725" i="1"/>
  <c r="X12726" i="1"/>
  <c r="X12727" i="1"/>
  <c r="X12728" i="1"/>
  <c r="X12729" i="1"/>
  <c r="X12730" i="1"/>
  <c r="X12731" i="1"/>
  <c r="X12732" i="1"/>
  <c r="X12733" i="1"/>
  <c r="X12734" i="1"/>
  <c r="X12735" i="1"/>
  <c r="X12736" i="1"/>
  <c r="X12737" i="1"/>
  <c r="X12738" i="1"/>
  <c r="X12739" i="1"/>
  <c r="X12740" i="1"/>
  <c r="X12741" i="1"/>
  <c r="X12742" i="1"/>
  <c r="X12743" i="1"/>
  <c r="X12744" i="1"/>
  <c r="X12745" i="1"/>
  <c r="X12746" i="1"/>
  <c r="X12747" i="1"/>
  <c r="X12748" i="1"/>
  <c r="X12749" i="1"/>
  <c r="X12750" i="1"/>
  <c r="X12751" i="1"/>
  <c r="X12752" i="1"/>
  <c r="X12753" i="1"/>
  <c r="X12754" i="1"/>
  <c r="X12755" i="1"/>
  <c r="X12756" i="1"/>
  <c r="X12757" i="1"/>
  <c r="X12758" i="1"/>
  <c r="X12759" i="1"/>
  <c r="X12760" i="1"/>
  <c r="X12761" i="1"/>
  <c r="X12762" i="1"/>
  <c r="X12763" i="1"/>
  <c r="X12764" i="1"/>
  <c r="X12765" i="1"/>
  <c r="X12766" i="1"/>
  <c r="X12767" i="1"/>
  <c r="X12768" i="1"/>
  <c r="X12769" i="1"/>
  <c r="X12770" i="1"/>
  <c r="X12771" i="1"/>
  <c r="X12772" i="1"/>
  <c r="X12773" i="1"/>
  <c r="X12774" i="1"/>
  <c r="X12775" i="1"/>
  <c r="X12776" i="1"/>
  <c r="X12777" i="1"/>
  <c r="X12778" i="1"/>
  <c r="X12779" i="1"/>
  <c r="X12780" i="1"/>
  <c r="X12781" i="1"/>
  <c r="X12782" i="1"/>
  <c r="X12783" i="1"/>
  <c r="X12784" i="1"/>
  <c r="X12785" i="1"/>
  <c r="X12786" i="1"/>
  <c r="X12787" i="1"/>
  <c r="X12788" i="1"/>
  <c r="X12789" i="1"/>
  <c r="X12790" i="1"/>
  <c r="X12791" i="1"/>
  <c r="X12792" i="1"/>
  <c r="X12793" i="1"/>
  <c r="X12794" i="1"/>
  <c r="X12795" i="1"/>
  <c r="X12796" i="1"/>
  <c r="X12797" i="1"/>
  <c r="X12798" i="1"/>
  <c r="X12799" i="1"/>
  <c r="X12800" i="1"/>
  <c r="X12801" i="1"/>
  <c r="X12802" i="1"/>
  <c r="X12803" i="1"/>
  <c r="X12804" i="1"/>
  <c r="X12805" i="1"/>
  <c r="X12806" i="1"/>
  <c r="X12807" i="1"/>
  <c r="X12808" i="1"/>
  <c r="X12809" i="1"/>
  <c r="X12810" i="1"/>
  <c r="X12811" i="1"/>
  <c r="X12812" i="1"/>
  <c r="X12813" i="1"/>
  <c r="X12814" i="1"/>
  <c r="X12815" i="1"/>
  <c r="X12816" i="1"/>
  <c r="X12817" i="1"/>
  <c r="X12818" i="1"/>
  <c r="X12819" i="1"/>
  <c r="X12820" i="1"/>
  <c r="X12821" i="1"/>
  <c r="X12822" i="1"/>
  <c r="X12823" i="1"/>
  <c r="X12824" i="1"/>
  <c r="X12825" i="1"/>
  <c r="X12826" i="1"/>
  <c r="X12827" i="1"/>
  <c r="X12828" i="1"/>
  <c r="X12829" i="1"/>
  <c r="X12830" i="1"/>
  <c r="X12831" i="1"/>
  <c r="X12832" i="1"/>
  <c r="X12833" i="1"/>
  <c r="X12834" i="1"/>
  <c r="X12835" i="1"/>
  <c r="X12836" i="1"/>
  <c r="X12837" i="1"/>
  <c r="X12838" i="1"/>
  <c r="X12839" i="1"/>
  <c r="X12840" i="1"/>
  <c r="X12841" i="1"/>
  <c r="X12842" i="1"/>
  <c r="X12843" i="1"/>
  <c r="X12844" i="1"/>
  <c r="X12845" i="1"/>
  <c r="X12846" i="1"/>
  <c r="X12847" i="1"/>
  <c r="X12848" i="1"/>
  <c r="X12849" i="1"/>
  <c r="X12850" i="1"/>
  <c r="X12851" i="1"/>
  <c r="X12852" i="1"/>
  <c r="X12853" i="1"/>
  <c r="X12854" i="1"/>
  <c r="X12855" i="1"/>
  <c r="X12856" i="1"/>
  <c r="X12857" i="1"/>
  <c r="X12858" i="1"/>
  <c r="X12859" i="1"/>
  <c r="X12860" i="1"/>
  <c r="X12861" i="1"/>
  <c r="X12862" i="1"/>
  <c r="X12863" i="1"/>
  <c r="X12864" i="1"/>
  <c r="X12865" i="1"/>
  <c r="X12866" i="1"/>
  <c r="X12867" i="1"/>
  <c r="X12868" i="1"/>
  <c r="X12869" i="1"/>
  <c r="X12870" i="1"/>
  <c r="X12871" i="1"/>
  <c r="X12872" i="1"/>
  <c r="X12873" i="1"/>
  <c r="X12874" i="1"/>
  <c r="X12875" i="1"/>
  <c r="X12876" i="1"/>
  <c r="X12877" i="1"/>
  <c r="X12878" i="1"/>
  <c r="X12879" i="1"/>
  <c r="X12880" i="1"/>
  <c r="X12881" i="1"/>
  <c r="X12882" i="1"/>
  <c r="X12883" i="1"/>
  <c r="X12884" i="1"/>
  <c r="X12885" i="1"/>
  <c r="X12886" i="1"/>
  <c r="X12887" i="1"/>
  <c r="X12888" i="1"/>
  <c r="X12889" i="1"/>
  <c r="X12890" i="1"/>
  <c r="X12891" i="1"/>
  <c r="X12892" i="1"/>
  <c r="X12893" i="1"/>
  <c r="X12894" i="1"/>
  <c r="X12895" i="1"/>
  <c r="X12896" i="1"/>
  <c r="X12897" i="1"/>
  <c r="X12898" i="1"/>
  <c r="X12899" i="1"/>
  <c r="X12900" i="1"/>
  <c r="X12901" i="1"/>
  <c r="X12902" i="1"/>
  <c r="X12903" i="1"/>
  <c r="X12904" i="1"/>
  <c r="X12905" i="1"/>
  <c r="X12906" i="1"/>
  <c r="X12907" i="1"/>
  <c r="X12908" i="1"/>
  <c r="X12909" i="1"/>
  <c r="X12910" i="1"/>
  <c r="X12911" i="1"/>
  <c r="X12912" i="1"/>
  <c r="X12913" i="1"/>
  <c r="X12914" i="1"/>
  <c r="X12915" i="1"/>
  <c r="X12916" i="1"/>
  <c r="X12917" i="1"/>
  <c r="X12918" i="1"/>
  <c r="X12919" i="1"/>
  <c r="X12920" i="1"/>
  <c r="X12921" i="1"/>
  <c r="X12922" i="1"/>
  <c r="X12923" i="1"/>
  <c r="X12924" i="1"/>
  <c r="X12925" i="1"/>
  <c r="X12926" i="1"/>
  <c r="X12927" i="1"/>
  <c r="X12928" i="1"/>
  <c r="X12929" i="1"/>
  <c r="X12930" i="1"/>
  <c r="X12931" i="1"/>
  <c r="X12932" i="1"/>
  <c r="X12933" i="1"/>
  <c r="X12934" i="1"/>
  <c r="X12935" i="1"/>
  <c r="X12936" i="1"/>
  <c r="X12937" i="1"/>
  <c r="X12938" i="1"/>
  <c r="X12939" i="1"/>
  <c r="X12940" i="1"/>
  <c r="X12941" i="1"/>
  <c r="X12942" i="1"/>
  <c r="X12943" i="1"/>
  <c r="X12944" i="1"/>
  <c r="X12945" i="1"/>
  <c r="X12946" i="1"/>
  <c r="X12947" i="1"/>
  <c r="X12948" i="1"/>
  <c r="X12949" i="1"/>
  <c r="X12950" i="1"/>
  <c r="X12951" i="1"/>
  <c r="X12952" i="1"/>
  <c r="X12953" i="1"/>
  <c r="X12954" i="1"/>
  <c r="X12955" i="1"/>
  <c r="X12956" i="1"/>
  <c r="X12957" i="1"/>
  <c r="X12958" i="1"/>
  <c r="X12959" i="1"/>
  <c r="X12960" i="1"/>
  <c r="X12961" i="1"/>
  <c r="X12962" i="1"/>
  <c r="X12963" i="1"/>
  <c r="X12964" i="1"/>
  <c r="X12965" i="1"/>
  <c r="X12966" i="1"/>
  <c r="X12967" i="1"/>
  <c r="X12968" i="1"/>
  <c r="X12969" i="1"/>
  <c r="X12970" i="1"/>
  <c r="X12971" i="1"/>
  <c r="X12972" i="1"/>
  <c r="X12973" i="1"/>
  <c r="X12974" i="1"/>
  <c r="X12975" i="1"/>
  <c r="X12976" i="1"/>
  <c r="X12977" i="1"/>
  <c r="X12978" i="1"/>
  <c r="X12979" i="1"/>
  <c r="X12980" i="1"/>
  <c r="X12981" i="1"/>
  <c r="X12982" i="1"/>
  <c r="X12983" i="1"/>
  <c r="X12984" i="1"/>
  <c r="X12985" i="1"/>
  <c r="X12986" i="1"/>
  <c r="X12987" i="1"/>
  <c r="X12988" i="1"/>
  <c r="X12989" i="1"/>
  <c r="X12990" i="1"/>
  <c r="X12991" i="1"/>
  <c r="X12992" i="1"/>
  <c r="X12993" i="1"/>
  <c r="X12994" i="1"/>
  <c r="X12995" i="1"/>
  <c r="X12996" i="1"/>
  <c r="X12997" i="1"/>
  <c r="X12998" i="1"/>
  <c r="X12999" i="1"/>
  <c r="X13000" i="1"/>
  <c r="X13001" i="1"/>
  <c r="X13002" i="1"/>
  <c r="X13003" i="1"/>
  <c r="X13004" i="1"/>
  <c r="X13005" i="1"/>
  <c r="X13006" i="1"/>
  <c r="X13007" i="1"/>
  <c r="X13008" i="1"/>
  <c r="X13009" i="1"/>
  <c r="X13010" i="1"/>
  <c r="X13011" i="1"/>
  <c r="X13012" i="1"/>
  <c r="X13013" i="1"/>
  <c r="X13014" i="1"/>
  <c r="X13015" i="1"/>
  <c r="X13016" i="1"/>
  <c r="X13017" i="1"/>
  <c r="X13018" i="1"/>
  <c r="X13019" i="1"/>
  <c r="X13020" i="1"/>
  <c r="X13021" i="1"/>
  <c r="X13022" i="1"/>
  <c r="X13023" i="1"/>
  <c r="X13024" i="1"/>
  <c r="X13025" i="1"/>
  <c r="X13026" i="1"/>
  <c r="X13027" i="1"/>
  <c r="X13028" i="1"/>
  <c r="X13029" i="1"/>
  <c r="X13030" i="1"/>
  <c r="X13031" i="1"/>
  <c r="X13032" i="1"/>
  <c r="X13033" i="1"/>
  <c r="X13034" i="1"/>
  <c r="X13035" i="1"/>
  <c r="X13036" i="1"/>
  <c r="X13037" i="1"/>
  <c r="X13038" i="1"/>
  <c r="X13039" i="1"/>
  <c r="X13040" i="1"/>
  <c r="X13041" i="1"/>
  <c r="X13042" i="1"/>
  <c r="X13043" i="1"/>
  <c r="X13044" i="1"/>
  <c r="X13045" i="1"/>
  <c r="X13046" i="1"/>
  <c r="X13047" i="1"/>
  <c r="X13048" i="1"/>
  <c r="X13049" i="1"/>
  <c r="X13050" i="1"/>
  <c r="X13051" i="1"/>
  <c r="X13052" i="1"/>
  <c r="X13053" i="1"/>
  <c r="X13054" i="1"/>
  <c r="X13055" i="1"/>
  <c r="X13056" i="1"/>
  <c r="X13057" i="1"/>
  <c r="X13058" i="1"/>
  <c r="X13059" i="1"/>
  <c r="X13060" i="1"/>
  <c r="X13061" i="1"/>
  <c r="X13062" i="1"/>
  <c r="X13063" i="1"/>
  <c r="X13064" i="1"/>
  <c r="X13065" i="1"/>
  <c r="X13066" i="1"/>
  <c r="X13067" i="1"/>
  <c r="X13068" i="1"/>
  <c r="X13069" i="1"/>
  <c r="X13070" i="1"/>
  <c r="X13071" i="1"/>
  <c r="X13072" i="1"/>
  <c r="X13073" i="1"/>
  <c r="X13074" i="1"/>
  <c r="X13075" i="1"/>
  <c r="X13076" i="1"/>
  <c r="X13077" i="1"/>
  <c r="X13078" i="1"/>
  <c r="X13079" i="1"/>
  <c r="X13080" i="1"/>
  <c r="X13081" i="1"/>
  <c r="X13082" i="1"/>
  <c r="X13083" i="1"/>
  <c r="X13084" i="1"/>
  <c r="X13085" i="1"/>
  <c r="X13086" i="1"/>
  <c r="X13087" i="1"/>
  <c r="X13088" i="1"/>
  <c r="X13089" i="1"/>
  <c r="X13090" i="1"/>
  <c r="X13091" i="1"/>
  <c r="X13092" i="1"/>
  <c r="X13093" i="1"/>
  <c r="X13094" i="1"/>
  <c r="X13095" i="1"/>
  <c r="X13096" i="1"/>
  <c r="X13097" i="1"/>
  <c r="X13098" i="1"/>
  <c r="X13099" i="1"/>
  <c r="X13100" i="1"/>
  <c r="X13101" i="1"/>
  <c r="X13102" i="1"/>
  <c r="X13103" i="1"/>
  <c r="X13104" i="1"/>
  <c r="X13105" i="1"/>
  <c r="X13106" i="1"/>
  <c r="X13107" i="1"/>
  <c r="X13108" i="1"/>
  <c r="X13109" i="1"/>
  <c r="X13110" i="1"/>
  <c r="X13111" i="1"/>
  <c r="X13112" i="1"/>
  <c r="X13113" i="1"/>
  <c r="X13114" i="1"/>
  <c r="X13115" i="1"/>
  <c r="X13116" i="1"/>
  <c r="X13117" i="1"/>
  <c r="X13118" i="1"/>
  <c r="X13119" i="1"/>
  <c r="X13120" i="1"/>
  <c r="X13121" i="1"/>
  <c r="X13122" i="1"/>
  <c r="X13123" i="1"/>
  <c r="X13124" i="1"/>
  <c r="X13125" i="1"/>
  <c r="X13126" i="1"/>
  <c r="X13127" i="1"/>
  <c r="X13128" i="1"/>
  <c r="X13129" i="1"/>
  <c r="X13130" i="1"/>
  <c r="X13131" i="1"/>
  <c r="X13132" i="1"/>
  <c r="X13133" i="1"/>
  <c r="X13134" i="1"/>
  <c r="X13135" i="1"/>
  <c r="X13136" i="1"/>
  <c r="X13137" i="1"/>
  <c r="X13138" i="1"/>
  <c r="X13139" i="1"/>
  <c r="X13140" i="1"/>
  <c r="X13141" i="1"/>
  <c r="X13142" i="1"/>
  <c r="X13143" i="1"/>
  <c r="X13144" i="1"/>
  <c r="X13145" i="1"/>
  <c r="X13146" i="1"/>
  <c r="X13147" i="1"/>
  <c r="X13148" i="1"/>
  <c r="X13149" i="1"/>
  <c r="X13150" i="1"/>
  <c r="X13151" i="1"/>
  <c r="X13152" i="1"/>
  <c r="X13153" i="1"/>
  <c r="X13154" i="1"/>
  <c r="X13155" i="1"/>
  <c r="X13156" i="1"/>
  <c r="X13157" i="1"/>
  <c r="X13158" i="1"/>
  <c r="X13159" i="1"/>
  <c r="X13160" i="1"/>
  <c r="X13161" i="1"/>
  <c r="X13162" i="1"/>
  <c r="X13163" i="1"/>
  <c r="X13164" i="1"/>
  <c r="X13165" i="1"/>
  <c r="X13166" i="1"/>
  <c r="X13167" i="1"/>
  <c r="X13168" i="1"/>
  <c r="X13169" i="1"/>
  <c r="X13170" i="1"/>
  <c r="X13171" i="1"/>
  <c r="X13172" i="1"/>
  <c r="X13173" i="1"/>
  <c r="X13174" i="1"/>
  <c r="X13175" i="1"/>
  <c r="X13176" i="1"/>
  <c r="X13177" i="1"/>
  <c r="X13178" i="1"/>
  <c r="X13179" i="1"/>
  <c r="X13180" i="1"/>
  <c r="X13181" i="1"/>
  <c r="X13182" i="1"/>
  <c r="X13183" i="1"/>
  <c r="X13184" i="1"/>
  <c r="X13185" i="1"/>
  <c r="X13186" i="1"/>
  <c r="X13187" i="1"/>
  <c r="X13188" i="1"/>
  <c r="X13189" i="1"/>
  <c r="X13190" i="1"/>
  <c r="X13191" i="1"/>
  <c r="X13192" i="1"/>
  <c r="X13193" i="1"/>
  <c r="X13194" i="1"/>
  <c r="X13195" i="1"/>
  <c r="X13196" i="1"/>
  <c r="X13197" i="1"/>
  <c r="X13198" i="1"/>
  <c r="X13199" i="1"/>
  <c r="X13200" i="1"/>
  <c r="X13201" i="1"/>
  <c r="X13202" i="1"/>
  <c r="X13203" i="1"/>
  <c r="X13204" i="1"/>
  <c r="X13205" i="1"/>
  <c r="X13206" i="1"/>
  <c r="X13207" i="1"/>
  <c r="X13208" i="1"/>
  <c r="X13209" i="1"/>
  <c r="X13210" i="1"/>
  <c r="X13211" i="1"/>
  <c r="X13212" i="1"/>
  <c r="X13213" i="1"/>
  <c r="X13214" i="1"/>
  <c r="X13215" i="1"/>
  <c r="X13216" i="1"/>
  <c r="X13217" i="1"/>
  <c r="X13218" i="1"/>
  <c r="X13219" i="1"/>
  <c r="X13220" i="1"/>
  <c r="X13221" i="1"/>
  <c r="X13222" i="1"/>
  <c r="X13223" i="1"/>
  <c r="X13224" i="1"/>
  <c r="X13225" i="1"/>
  <c r="X13226" i="1"/>
  <c r="X13227" i="1"/>
  <c r="X13228" i="1"/>
  <c r="X13229" i="1"/>
  <c r="X13230" i="1"/>
  <c r="X13231" i="1"/>
  <c r="X13232" i="1"/>
  <c r="X13233" i="1"/>
  <c r="X13234" i="1"/>
  <c r="X13235" i="1"/>
  <c r="X13236" i="1"/>
  <c r="X13237" i="1"/>
  <c r="X13238" i="1"/>
  <c r="X13239" i="1"/>
  <c r="X13240" i="1"/>
  <c r="X13241" i="1"/>
  <c r="X13242" i="1"/>
  <c r="X13243" i="1"/>
  <c r="X13244" i="1"/>
  <c r="X13245" i="1"/>
  <c r="X13246" i="1"/>
  <c r="X13247" i="1"/>
  <c r="X13248" i="1"/>
  <c r="X13249" i="1"/>
  <c r="X13250" i="1"/>
  <c r="X13251" i="1"/>
  <c r="X13252" i="1"/>
  <c r="X13253" i="1"/>
  <c r="X13254" i="1"/>
  <c r="X13255" i="1"/>
  <c r="X13256" i="1"/>
  <c r="X13257" i="1"/>
  <c r="X13258" i="1"/>
  <c r="X13259" i="1"/>
  <c r="X13260" i="1"/>
  <c r="X13261" i="1"/>
  <c r="X13262" i="1"/>
  <c r="X13263" i="1"/>
  <c r="X13264" i="1"/>
  <c r="X13265" i="1"/>
  <c r="X13266" i="1"/>
  <c r="X13267" i="1"/>
  <c r="X13268" i="1"/>
  <c r="X13269" i="1"/>
  <c r="X13270" i="1"/>
  <c r="X13271" i="1"/>
  <c r="X13272" i="1"/>
  <c r="X13273" i="1"/>
  <c r="X13274" i="1"/>
  <c r="X13275" i="1"/>
  <c r="X13276" i="1"/>
  <c r="X13277" i="1"/>
  <c r="X13278" i="1"/>
  <c r="X13279" i="1"/>
  <c r="X13280" i="1"/>
  <c r="X13281" i="1"/>
  <c r="X13282" i="1"/>
  <c r="X13283" i="1"/>
  <c r="X13284" i="1"/>
  <c r="X13285" i="1"/>
  <c r="X13286" i="1"/>
  <c r="X13287" i="1"/>
  <c r="X13288" i="1"/>
  <c r="X13289" i="1"/>
  <c r="X13290" i="1"/>
  <c r="X13291" i="1"/>
  <c r="X13292" i="1"/>
  <c r="X13293" i="1"/>
  <c r="X13294" i="1"/>
  <c r="X13295" i="1"/>
  <c r="X13296" i="1"/>
  <c r="X13297" i="1"/>
  <c r="X13298" i="1"/>
  <c r="X13299" i="1"/>
  <c r="X13300" i="1"/>
  <c r="X13301" i="1"/>
  <c r="X13302" i="1"/>
  <c r="X13303" i="1"/>
  <c r="X13304" i="1"/>
  <c r="X13305" i="1"/>
  <c r="X13306" i="1"/>
  <c r="X13307" i="1"/>
  <c r="X13308" i="1"/>
  <c r="X13309" i="1"/>
  <c r="X13310" i="1"/>
  <c r="X13311" i="1"/>
  <c r="X13312" i="1"/>
  <c r="X13313" i="1"/>
  <c r="X13314" i="1"/>
  <c r="X13315" i="1"/>
  <c r="X13316" i="1"/>
  <c r="X13317" i="1"/>
  <c r="X13318" i="1"/>
  <c r="X13319" i="1"/>
  <c r="X13320" i="1"/>
  <c r="X13321" i="1"/>
  <c r="X13322" i="1"/>
  <c r="X13323" i="1"/>
  <c r="X13324" i="1"/>
  <c r="X13325" i="1"/>
  <c r="X13326" i="1"/>
  <c r="X13327" i="1"/>
  <c r="X13328" i="1"/>
  <c r="X13329" i="1"/>
  <c r="X13330" i="1"/>
  <c r="X13331" i="1"/>
  <c r="X13332" i="1"/>
  <c r="X13333" i="1"/>
  <c r="X13334" i="1"/>
  <c r="X13335" i="1"/>
  <c r="X13336" i="1"/>
  <c r="X13337" i="1"/>
  <c r="X13338" i="1"/>
  <c r="X13339" i="1"/>
  <c r="X13340" i="1"/>
  <c r="X13341" i="1"/>
  <c r="X13342" i="1"/>
  <c r="X13343" i="1"/>
  <c r="X13344" i="1"/>
  <c r="X13345" i="1"/>
  <c r="X13346" i="1"/>
  <c r="X13347" i="1"/>
  <c r="X13348" i="1"/>
  <c r="X13349" i="1"/>
  <c r="X13350" i="1"/>
  <c r="X13351" i="1"/>
  <c r="X13352" i="1"/>
  <c r="X13353" i="1"/>
  <c r="X13354" i="1"/>
  <c r="X13355" i="1"/>
  <c r="X13356" i="1"/>
  <c r="X13357" i="1"/>
  <c r="X13358" i="1"/>
  <c r="X13359" i="1"/>
  <c r="X13360" i="1"/>
  <c r="X13361" i="1"/>
  <c r="X13362" i="1"/>
  <c r="X13363" i="1"/>
  <c r="X13364" i="1"/>
  <c r="X13365" i="1"/>
  <c r="X13366" i="1"/>
  <c r="X13367" i="1"/>
  <c r="X13368" i="1"/>
  <c r="X13369" i="1"/>
  <c r="X13370" i="1"/>
  <c r="X13371" i="1"/>
  <c r="X13372" i="1"/>
  <c r="X13373" i="1"/>
  <c r="X13374" i="1"/>
  <c r="X13375" i="1"/>
  <c r="X13376" i="1"/>
  <c r="X13377" i="1"/>
  <c r="X13378" i="1"/>
  <c r="X13379" i="1"/>
  <c r="X13380" i="1"/>
  <c r="X13381" i="1"/>
  <c r="X13382" i="1"/>
  <c r="X13383" i="1"/>
  <c r="X13384" i="1"/>
  <c r="X13385" i="1"/>
  <c r="X13386" i="1"/>
  <c r="X13387" i="1"/>
  <c r="X13388" i="1"/>
  <c r="X13389" i="1"/>
  <c r="X13390" i="1"/>
  <c r="X13391" i="1"/>
  <c r="X13392" i="1"/>
  <c r="X13393" i="1"/>
  <c r="X13394" i="1"/>
  <c r="X13395" i="1"/>
  <c r="X13396" i="1"/>
  <c r="X13397" i="1"/>
  <c r="X13398" i="1"/>
  <c r="X13399" i="1"/>
  <c r="X13400" i="1"/>
  <c r="X13401" i="1"/>
  <c r="X13402" i="1"/>
  <c r="X13403" i="1"/>
  <c r="X13404" i="1"/>
  <c r="X13405" i="1"/>
  <c r="X13406" i="1"/>
  <c r="X13407" i="1"/>
  <c r="X13408" i="1"/>
  <c r="X13409" i="1"/>
  <c r="X13410" i="1"/>
  <c r="X13411" i="1"/>
  <c r="X13412" i="1"/>
  <c r="X13413" i="1"/>
  <c r="X13414" i="1"/>
  <c r="X13415" i="1"/>
  <c r="X13416" i="1"/>
  <c r="X13417" i="1"/>
  <c r="X13418" i="1"/>
  <c r="X13419" i="1"/>
  <c r="X13420" i="1"/>
  <c r="X13421" i="1"/>
  <c r="X13422" i="1"/>
  <c r="X13423" i="1"/>
  <c r="X13424" i="1"/>
  <c r="X13425" i="1"/>
  <c r="X13426" i="1"/>
  <c r="X13427" i="1"/>
  <c r="X13428" i="1"/>
  <c r="X13429" i="1"/>
  <c r="X13430" i="1"/>
  <c r="X13431" i="1"/>
  <c r="X13432" i="1"/>
  <c r="X13433" i="1"/>
  <c r="X13434" i="1"/>
  <c r="X13435" i="1"/>
  <c r="X13436" i="1"/>
  <c r="X13437" i="1"/>
  <c r="X13438" i="1"/>
  <c r="X13439" i="1"/>
  <c r="X13440" i="1"/>
  <c r="X13441" i="1"/>
  <c r="X13442" i="1"/>
  <c r="X13443" i="1"/>
  <c r="X13444" i="1"/>
  <c r="X13445" i="1"/>
  <c r="X13446" i="1"/>
  <c r="X13447" i="1"/>
  <c r="X13448" i="1"/>
  <c r="X13449" i="1"/>
  <c r="X13450" i="1"/>
  <c r="X13451" i="1"/>
  <c r="X13452" i="1"/>
  <c r="X13453" i="1"/>
  <c r="X13454" i="1"/>
  <c r="X13455" i="1"/>
  <c r="X13456" i="1"/>
  <c r="X13457" i="1"/>
  <c r="X13458" i="1"/>
  <c r="X13459" i="1"/>
  <c r="X13460" i="1"/>
  <c r="X13461" i="1"/>
  <c r="X13462" i="1"/>
  <c r="X13463" i="1"/>
  <c r="X13464" i="1"/>
  <c r="X13465" i="1"/>
  <c r="X13466" i="1"/>
  <c r="X13467" i="1"/>
  <c r="X13468" i="1"/>
  <c r="X13469" i="1"/>
  <c r="X13470" i="1"/>
  <c r="X13471" i="1"/>
  <c r="X13472" i="1"/>
  <c r="X13473" i="1"/>
  <c r="X13474" i="1"/>
  <c r="X13475" i="1"/>
  <c r="X13476" i="1"/>
  <c r="X13477" i="1"/>
  <c r="X13478" i="1"/>
  <c r="X13479" i="1"/>
  <c r="X13480" i="1"/>
  <c r="X13481" i="1"/>
  <c r="X13482" i="1"/>
  <c r="X13483" i="1"/>
  <c r="X13484" i="1"/>
  <c r="X13485" i="1"/>
  <c r="X13486" i="1"/>
  <c r="X13487" i="1"/>
  <c r="X13488" i="1"/>
  <c r="X13489" i="1"/>
  <c r="X13490" i="1"/>
  <c r="X13491" i="1"/>
  <c r="X13492" i="1"/>
  <c r="X13493" i="1"/>
  <c r="X13494" i="1"/>
  <c r="X13495" i="1"/>
  <c r="X13496" i="1"/>
  <c r="X13497" i="1"/>
  <c r="X13498" i="1"/>
  <c r="X13499" i="1"/>
  <c r="X13500" i="1"/>
  <c r="X13501" i="1"/>
  <c r="X13502" i="1"/>
  <c r="X13503" i="1"/>
  <c r="X13504" i="1"/>
  <c r="X13505" i="1"/>
  <c r="X13506" i="1"/>
  <c r="X13507" i="1"/>
  <c r="X13508" i="1"/>
  <c r="X13509" i="1"/>
  <c r="X13510" i="1"/>
  <c r="X13511" i="1"/>
  <c r="X13512" i="1"/>
  <c r="X13513" i="1"/>
  <c r="X13514" i="1"/>
  <c r="X13515" i="1"/>
  <c r="X13516" i="1"/>
  <c r="X13517" i="1"/>
  <c r="X13518" i="1"/>
  <c r="X13519" i="1"/>
  <c r="X13520" i="1"/>
  <c r="X13521" i="1"/>
  <c r="X13522" i="1"/>
  <c r="X13523" i="1"/>
  <c r="X13524" i="1"/>
  <c r="X13525" i="1"/>
  <c r="X13526" i="1"/>
  <c r="X13527" i="1"/>
  <c r="X13528" i="1"/>
  <c r="X13529" i="1"/>
  <c r="X13530" i="1"/>
  <c r="X13531" i="1"/>
  <c r="X13532" i="1"/>
  <c r="X13533" i="1"/>
  <c r="X13534" i="1"/>
  <c r="X13535" i="1"/>
  <c r="X13536" i="1"/>
  <c r="X13537" i="1"/>
  <c r="X13538" i="1"/>
  <c r="X13539" i="1"/>
  <c r="X13540" i="1"/>
  <c r="X13541" i="1"/>
  <c r="X13542" i="1"/>
  <c r="X13543" i="1"/>
  <c r="X13544" i="1"/>
  <c r="X13545" i="1"/>
  <c r="X13546" i="1"/>
  <c r="X13547" i="1"/>
  <c r="X13548" i="1"/>
  <c r="X13549" i="1"/>
  <c r="X13550" i="1"/>
  <c r="X13551" i="1"/>
  <c r="X13552" i="1"/>
  <c r="X13553" i="1"/>
  <c r="X13554" i="1"/>
  <c r="X13555" i="1"/>
  <c r="X13556" i="1"/>
  <c r="X13557" i="1"/>
  <c r="X13558" i="1"/>
  <c r="X13559" i="1"/>
  <c r="X13560" i="1"/>
  <c r="X13561" i="1"/>
  <c r="X13562" i="1"/>
  <c r="X13563" i="1"/>
  <c r="X13564" i="1"/>
  <c r="X13565" i="1"/>
  <c r="X13566" i="1"/>
  <c r="X13567" i="1"/>
  <c r="X13568" i="1"/>
  <c r="X13569" i="1"/>
  <c r="X13570" i="1"/>
  <c r="X13571" i="1"/>
  <c r="X13572" i="1"/>
  <c r="X13573" i="1"/>
  <c r="X13574" i="1"/>
  <c r="X13575" i="1"/>
  <c r="X13576" i="1"/>
  <c r="X13577" i="1"/>
  <c r="X13578" i="1"/>
  <c r="X13579" i="1"/>
  <c r="X13580" i="1"/>
  <c r="X13581" i="1"/>
  <c r="X13582" i="1"/>
  <c r="X13583" i="1"/>
  <c r="X13584" i="1"/>
  <c r="X13585" i="1"/>
  <c r="X13586" i="1"/>
  <c r="X13587" i="1"/>
  <c r="X13588" i="1"/>
  <c r="X13589" i="1"/>
  <c r="X13590" i="1"/>
  <c r="X13591" i="1"/>
  <c r="X13592" i="1"/>
  <c r="X13593" i="1"/>
  <c r="X13594" i="1"/>
  <c r="X13595" i="1"/>
  <c r="X13596" i="1"/>
  <c r="X13597" i="1"/>
  <c r="X13598" i="1"/>
  <c r="X13599" i="1"/>
  <c r="X13600" i="1"/>
  <c r="X13601" i="1"/>
  <c r="X13602" i="1"/>
  <c r="X13603" i="1"/>
  <c r="X13604" i="1"/>
  <c r="X13605" i="1"/>
  <c r="X13606" i="1"/>
  <c r="X13607" i="1"/>
  <c r="X13608" i="1"/>
  <c r="X13609" i="1"/>
  <c r="X13610" i="1"/>
  <c r="X13611" i="1"/>
  <c r="X13612" i="1"/>
  <c r="X13613" i="1"/>
  <c r="X13614" i="1"/>
  <c r="X13615" i="1"/>
  <c r="X13616" i="1"/>
  <c r="X13617" i="1"/>
  <c r="X13618" i="1"/>
  <c r="X13619" i="1"/>
  <c r="X13620" i="1"/>
  <c r="X13621" i="1"/>
  <c r="X13622" i="1"/>
  <c r="X13623" i="1"/>
  <c r="X13624" i="1"/>
  <c r="X13625" i="1"/>
  <c r="X13626" i="1"/>
  <c r="X13627" i="1"/>
  <c r="X13628" i="1"/>
  <c r="X13629" i="1"/>
  <c r="X13630" i="1"/>
  <c r="X13631" i="1"/>
  <c r="X13632" i="1"/>
  <c r="X13633" i="1"/>
  <c r="X13634" i="1"/>
  <c r="X13635" i="1"/>
  <c r="X13636" i="1"/>
  <c r="X13637" i="1"/>
  <c r="X13638" i="1"/>
  <c r="X13639" i="1"/>
  <c r="X13640" i="1"/>
  <c r="X13641" i="1"/>
  <c r="X13642" i="1"/>
  <c r="X13643" i="1"/>
  <c r="X13644" i="1"/>
  <c r="X13645" i="1"/>
  <c r="X13646" i="1"/>
  <c r="X13647" i="1"/>
  <c r="X13648" i="1"/>
  <c r="X13649" i="1"/>
  <c r="X13650" i="1"/>
  <c r="X13651" i="1"/>
  <c r="X13652" i="1"/>
  <c r="X13653" i="1"/>
  <c r="X13654" i="1"/>
  <c r="X13655" i="1"/>
  <c r="X13656" i="1"/>
  <c r="X13657" i="1"/>
  <c r="X13658" i="1"/>
  <c r="X13659" i="1"/>
  <c r="X13660" i="1"/>
  <c r="X13661" i="1"/>
  <c r="X13662" i="1"/>
  <c r="X13663" i="1"/>
  <c r="X13664" i="1"/>
  <c r="X13665" i="1"/>
  <c r="X13666" i="1"/>
  <c r="X13667" i="1"/>
  <c r="X13668" i="1"/>
  <c r="X13669" i="1"/>
  <c r="X13670" i="1"/>
  <c r="X13671" i="1"/>
  <c r="X13672" i="1"/>
  <c r="X13673" i="1"/>
  <c r="X13674" i="1"/>
  <c r="X13675" i="1"/>
  <c r="X13676" i="1"/>
  <c r="X13677" i="1"/>
  <c r="X13678" i="1"/>
  <c r="X13679" i="1"/>
  <c r="X13680" i="1"/>
  <c r="X13681" i="1"/>
  <c r="X13682" i="1"/>
  <c r="X13683" i="1"/>
  <c r="X13684" i="1"/>
  <c r="X13685" i="1"/>
  <c r="X13686" i="1"/>
  <c r="X13687" i="1"/>
  <c r="X13688" i="1"/>
  <c r="X13689" i="1"/>
  <c r="X13690" i="1"/>
  <c r="X13691" i="1"/>
  <c r="X13692" i="1"/>
  <c r="X13693" i="1"/>
  <c r="X13694" i="1"/>
  <c r="X13695" i="1"/>
  <c r="X13696" i="1"/>
  <c r="X13697" i="1"/>
  <c r="X13698" i="1"/>
  <c r="X13699" i="1"/>
  <c r="X13700" i="1"/>
  <c r="X13701" i="1"/>
  <c r="X13702" i="1"/>
  <c r="X13703" i="1"/>
  <c r="X13704" i="1"/>
  <c r="X13705" i="1"/>
  <c r="X13706" i="1"/>
  <c r="X13707" i="1"/>
  <c r="X13708" i="1"/>
  <c r="X13709" i="1"/>
  <c r="X13710" i="1"/>
  <c r="X13711" i="1"/>
  <c r="X13712" i="1"/>
  <c r="X13713" i="1"/>
  <c r="X13714" i="1"/>
  <c r="X13715" i="1"/>
  <c r="X13716" i="1"/>
  <c r="X13717" i="1"/>
  <c r="X13718" i="1"/>
  <c r="X13719" i="1"/>
  <c r="X13720" i="1"/>
  <c r="X13721" i="1"/>
  <c r="X13722" i="1"/>
  <c r="X13723" i="1"/>
  <c r="X13724" i="1"/>
  <c r="X13725" i="1"/>
  <c r="X13726" i="1"/>
  <c r="X13727" i="1"/>
  <c r="X13728" i="1"/>
  <c r="X13729" i="1"/>
  <c r="X13730" i="1"/>
  <c r="X13731" i="1"/>
  <c r="X13732" i="1"/>
  <c r="X13733" i="1"/>
  <c r="X13734" i="1"/>
  <c r="X13735" i="1"/>
  <c r="X13736" i="1"/>
  <c r="X13737" i="1"/>
  <c r="X13738" i="1"/>
  <c r="X13739" i="1"/>
  <c r="X13740" i="1"/>
  <c r="X13741" i="1"/>
  <c r="X13742" i="1"/>
  <c r="X13743" i="1"/>
  <c r="X13744" i="1"/>
  <c r="X13745" i="1"/>
  <c r="X13746" i="1"/>
  <c r="X13747" i="1"/>
  <c r="X13748" i="1"/>
  <c r="X13749" i="1"/>
  <c r="X13750" i="1"/>
  <c r="X13751" i="1"/>
  <c r="X13752" i="1"/>
  <c r="X13753" i="1"/>
  <c r="X13754" i="1"/>
  <c r="X13755" i="1"/>
  <c r="X13756" i="1"/>
  <c r="X13757" i="1"/>
  <c r="X13758" i="1"/>
  <c r="X13759" i="1"/>
  <c r="X13760" i="1"/>
  <c r="X13761" i="1"/>
  <c r="X13762" i="1"/>
  <c r="X13763" i="1"/>
  <c r="X13764" i="1"/>
  <c r="X13765" i="1"/>
  <c r="X13766" i="1"/>
  <c r="X13767" i="1"/>
  <c r="X13768" i="1"/>
  <c r="X13769" i="1"/>
  <c r="X13770" i="1"/>
  <c r="X13771" i="1"/>
  <c r="X13772" i="1"/>
  <c r="X13773" i="1"/>
  <c r="X13774" i="1"/>
  <c r="X13775" i="1"/>
  <c r="X13776" i="1"/>
  <c r="X13777" i="1"/>
  <c r="X13778" i="1"/>
  <c r="X13779" i="1"/>
  <c r="X13780" i="1"/>
  <c r="X13781" i="1"/>
  <c r="X13782" i="1"/>
  <c r="X13783" i="1"/>
  <c r="X13784" i="1"/>
  <c r="X13785" i="1"/>
  <c r="X13786" i="1"/>
  <c r="X13787" i="1"/>
  <c r="X13788" i="1"/>
  <c r="X13789" i="1"/>
  <c r="X13790" i="1"/>
  <c r="X13791" i="1"/>
  <c r="X13792" i="1"/>
  <c r="X13793" i="1"/>
  <c r="X13794" i="1"/>
  <c r="X13795" i="1"/>
  <c r="X13796" i="1"/>
  <c r="X13797" i="1"/>
  <c r="X13798" i="1"/>
  <c r="X13799" i="1"/>
  <c r="X13800" i="1"/>
  <c r="X13801" i="1"/>
  <c r="X13802" i="1"/>
  <c r="X13803" i="1"/>
  <c r="X13804" i="1"/>
  <c r="X13805" i="1"/>
  <c r="X13806" i="1"/>
  <c r="X13807" i="1"/>
  <c r="X13808" i="1"/>
  <c r="X13809" i="1"/>
  <c r="X13810" i="1"/>
  <c r="X13811" i="1"/>
  <c r="X13812" i="1"/>
  <c r="X13813" i="1"/>
  <c r="X13814" i="1"/>
  <c r="X13815" i="1"/>
  <c r="X13816" i="1"/>
  <c r="X13817" i="1"/>
  <c r="X13818" i="1"/>
  <c r="X13819" i="1"/>
  <c r="X13820" i="1"/>
  <c r="X13821" i="1"/>
  <c r="X13822" i="1"/>
  <c r="X13823" i="1"/>
  <c r="X13824" i="1"/>
  <c r="X13825" i="1"/>
  <c r="X13826" i="1"/>
  <c r="X13827" i="1"/>
  <c r="X13828" i="1"/>
  <c r="X13829" i="1"/>
  <c r="X13830" i="1"/>
  <c r="X13831" i="1"/>
  <c r="X13832" i="1"/>
  <c r="X13833" i="1"/>
  <c r="X13834" i="1"/>
  <c r="X13835" i="1"/>
  <c r="X13836" i="1"/>
  <c r="X13837" i="1"/>
  <c r="X13838" i="1"/>
  <c r="X13839" i="1"/>
  <c r="X13840" i="1"/>
  <c r="X13841" i="1"/>
  <c r="X13842" i="1"/>
  <c r="X13843" i="1"/>
  <c r="X13844" i="1"/>
  <c r="X13845" i="1"/>
  <c r="X13846" i="1"/>
  <c r="X13847" i="1"/>
  <c r="X13848" i="1"/>
  <c r="X13849" i="1"/>
  <c r="X13850" i="1"/>
  <c r="X13851" i="1"/>
  <c r="X13852" i="1"/>
  <c r="X13853" i="1"/>
  <c r="X13854" i="1"/>
  <c r="X13855" i="1"/>
  <c r="X13856" i="1"/>
  <c r="X13857" i="1"/>
  <c r="X13858" i="1"/>
  <c r="X13859" i="1"/>
  <c r="X13860" i="1"/>
  <c r="X13861" i="1"/>
  <c r="X13862" i="1"/>
  <c r="X13863" i="1"/>
  <c r="X13864" i="1"/>
  <c r="X13865" i="1"/>
  <c r="X13866" i="1"/>
  <c r="X13867" i="1"/>
  <c r="X13868" i="1"/>
  <c r="X13869" i="1"/>
  <c r="X13870" i="1"/>
  <c r="X13871" i="1"/>
  <c r="X13872" i="1"/>
  <c r="X13873" i="1"/>
  <c r="X13874" i="1"/>
  <c r="X13875" i="1"/>
  <c r="X13876" i="1"/>
  <c r="X13877" i="1"/>
  <c r="X13878" i="1"/>
  <c r="X13879" i="1"/>
  <c r="X13880" i="1"/>
  <c r="X13881" i="1"/>
  <c r="X13882" i="1"/>
  <c r="X13883" i="1"/>
  <c r="X13884" i="1"/>
  <c r="X13885" i="1"/>
  <c r="X13886" i="1"/>
  <c r="X13887" i="1"/>
  <c r="X13888" i="1"/>
  <c r="X13889" i="1"/>
  <c r="X13890" i="1"/>
  <c r="X13891" i="1"/>
  <c r="X13892" i="1"/>
  <c r="X13893" i="1"/>
  <c r="X13894" i="1"/>
  <c r="X13895" i="1"/>
  <c r="X13896" i="1"/>
  <c r="X13897" i="1"/>
  <c r="X13898" i="1"/>
  <c r="X13899" i="1"/>
  <c r="X13900" i="1"/>
  <c r="X13901" i="1"/>
  <c r="X13902" i="1"/>
  <c r="X13903" i="1"/>
  <c r="X13904" i="1"/>
  <c r="X13905" i="1"/>
  <c r="X13906" i="1"/>
  <c r="X13907" i="1"/>
  <c r="X13908" i="1"/>
  <c r="X13909" i="1"/>
  <c r="X13910" i="1"/>
  <c r="X13911" i="1"/>
  <c r="X13912" i="1"/>
  <c r="X13913" i="1"/>
  <c r="X13914" i="1"/>
  <c r="X13915" i="1"/>
  <c r="X13916" i="1"/>
  <c r="X13917" i="1"/>
  <c r="X13918" i="1"/>
  <c r="X13919" i="1"/>
  <c r="X13920" i="1"/>
  <c r="X13921" i="1"/>
  <c r="X13922" i="1"/>
  <c r="X13923" i="1"/>
  <c r="X13924" i="1"/>
  <c r="X13925" i="1"/>
  <c r="X13926" i="1"/>
  <c r="X13927" i="1"/>
  <c r="X13928" i="1"/>
  <c r="X13929" i="1"/>
  <c r="X13930" i="1"/>
  <c r="X13931" i="1"/>
  <c r="X13932" i="1"/>
  <c r="X13933" i="1"/>
  <c r="X13934" i="1"/>
  <c r="X13935" i="1"/>
  <c r="X13936" i="1"/>
  <c r="X13937" i="1"/>
  <c r="X13938" i="1"/>
  <c r="X13939" i="1"/>
  <c r="X13940" i="1"/>
  <c r="X13941" i="1"/>
  <c r="X13942" i="1"/>
  <c r="X13943" i="1"/>
  <c r="X13944" i="1"/>
  <c r="X13945" i="1"/>
  <c r="X13946" i="1"/>
  <c r="X13947" i="1"/>
  <c r="X13948" i="1"/>
  <c r="X13949" i="1"/>
  <c r="X13950" i="1"/>
  <c r="X13951" i="1"/>
  <c r="X13952" i="1"/>
  <c r="X13953" i="1"/>
  <c r="X13954" i="1"/>
  <c r="X13955" i="1"/>
  <c r="X13956" i="1"/>
  <c r="X13957" i="1"/>
  <c r="X13958" i="1"/>
  <c r="X13959" i="1"/>
  <c r="X13960" i="1"/>
  <c r="X13961" i="1"/>
  <c r="X13962" i="1"/>
  <c r="X13963" i="1"/>
  <c r="X13964" i="1"/>
  <c r="X13965" i="1"/>
  <c r="X13966" i="1"/>
  <c r="X13967" i="1"/>
  <c r="X13968" i="1"/>
  <c r="X13969" i="1"/>
  <c r="X13970" i="1"/>
  <c r="X13971" i="1"/>
  <c r="X13972" i="1"/>
  <c r="X13973" i="1"/>
  <c r="X13974" i="1"/>
  <c r="X13975" i="1"/>
  <c r="X13976" i="1"/>
  <c r="X13977" i="1"/>
  <c r="X13978" i="1"/>
  <c r="X13979" i="1"/>
  <c r="X13980" i="1"/>
  <c r="X13981" i="1"/>
  <c r="X13982" i="1"/>
  <c r="X13983" i="1"/>
  <c r="X13984" i="1"/>
  <c r="X13985" i="1"/>
  <c r="X13986" i="1"/>
  <c r="X13987" i="1"/>
  <c r="X13988" i="1"/>
  <c r="X13989" i="1"/>
  <c r="X13990" i="1"/>
  <c r="X13991" i="1"/>
  <c r="X13992" i="1"/>
  <c r="X13993" i="1"/>
  <c r="X13994" i="1"/>
  <c r="X13995" i="1"/>
  <c r="X13996" i="1"/>
  <c r="X13997" i="1"/>
  <c r="X13998" i="1"/>
  <c r="X13999" i="1"/>
  <c r="X14000" i="1"/>
  <c r="X14001" i="1"/>
  <c r="X14002" i="1"/>
  <c r="X14003" i="1"/>
  <c r="X14004" i="1"/>
  <c r="X14005" i="1"/>
  <c r="X14006" i="1"/>
  <c r="X14007" i="1"/>
  <c r="X14008" i="1"/>
  <c r="X14009" i="1"/>
  <c r="X14010" i="1"/>
  <c r="X14011" i="1"/>
  <c r="X14012" i="1"/>
  <c r="X14013" i="1"/>
  <c r="X14014" i="1"/>
  <c r="X14015" i="1"/>
  <c r="X14016" i="1"/>
  <c r="X14017" i="1"/>
  <c r="X14018" i="1"/>
  <c r="X14019" i="1"/>
  <c r="X14020" i="1"/>
  <c r="X14021" i="1"/>
  <c r="X14022" i="1"/>
  <c r="X14023" i="1"/>
  <c r="X14024" i="1"/>
  <c r="X14025" i="1"/>
  <c r="X14026" i="1"/>
  <c r="X14027" i="1"/>
  <c r="X14028" i="1"/>
  <c r="X14029" i="1"/>
  <c r="X14030" i="1"/>
  <c r="X14031" i="1"/>
  <c r="X14032" i="1"/>
  <c r="X14033" i="1"/>
  <c r="X14034" i="1"/>
  <c r="X14035" i="1"/>
  <c r="X14036" i="1"/>
  <c r="X14037" i="1"/>
  <c r="X14038" i="1"/>
  <c r="X14039" i="1"/>
  <c r="X14040" i="1"/>
  <c r="X14041" i="1"/>
  <c r="X14042" i="1"/>
  <c r="X14043" i="1"/>
  <c r="X14044" i="1"/>
  <c r="X14045" i="1"/>
  <c r="X14046" i="1"/>
  <c r="X14047" i="1"/>
  <c r="X14048" i="1"/>
  <c r="X14049" i="1"/>
  <c r="X14050" i="1"/>
  <c r="X14051" i="1"/>
  <c r="X14052" i="1"/>
  <c r="X14053" i="1"/>
  <c r="X14054" i="1"/>
  <c r="X14055" i="1"/>
  <c r="X14056" i="1"/>
  <c r="X14057" i="1"/>
  <c r="X14058" i="1"/>
  <c r="X14059" i="1"/>
  <c r="X14060" i="1"/>
  <c r="X14061" i="1"/>
  <c r="X14062" i="1"/>
  <c r="X14063" i="1"/>
  <c r="X14064" i="1"/>
  <c r="X14065" i="1"/>
  <c r="X14066" i="1"/>
  <c r="X14067" i="1"/>
  <c r="X14068" i="1"/>
  <c r="X14069" i="1"/>
  <c r="X14070" i="1"/>
  <c r="X14071" i="1"/>
  <c r="X14072" i="1"/>
  <c r="X14073" i="1"/>
  <c r="X14074" i="1"/>
  <c r="X14075" i="1"/>
  <c r="X14076" i="1"/>
  <c r="X14077" i="1"/>
  <c r="X14078" i="1"/>
  <c r="X14079" i="1"/>
  <c r="X14080" i="1"/>
  <c r="X14081" i="1"/>
  <c r="X14082" i="1"/>
  <c r="X14083" i="1"/>
  <c r="X14084" i="1"/>
  <c r="X14085" i="1"/>
  <c r="X14086" i="1"/>
  <c r="X14087" i="1"/>
  <c r="X14088" i="1"/>
  <c r="X14089" i="1"/>
  <c r="X14090" i="1"/>
  <c r="X14091" i="1"/>
  <c r="X14092" i="1"/>
  <c r="X14093" i="1"/>
  <c r="X14094" i="1"/>
  <c r="X14095" i="1"/>
  <c r="X14096" i="1"/>
  <c r="X14097" i="1"/>
  <c r="X14098" i="1"/>
  <c r="X14099" i="1"/>
  <c r="X14100" i="1"/>
  <c r="X14101" i="1"/>
  <c r="X14102" i="1"/>
  <c r="X14103" i="1"/>
  <c r="X14104" i="1"/>
  <c r="X14105" i="1"/>
  <c r="X14106" i="1"/>
  <c r="X14107" i="1"/>
  <c r="X14108" i="1"/>
  <c r="X14109" i="1"/>
  <c r="X14110" i="1"/>
  <c r="X14111" i="1"/>
  <c r="X14112" i="1"/>
  <c r="X14113" i="1"/>
  <c r="X14114" i="1"/>
  <c r="X14115" i="1"/>
  <c r="X14116" i="1"/>
  <c r="X14117" i="1"/>
  <c r="X14118" i="1"/>
  <c r="X14119" i="1"/>
  <c r="X14120" i="1"/>
  <c r="X14121" i="1"/>
  <c r="X14122" i="1"/>
  <c r="X14123" i="1"/>
  <c r="X14124" i="1"/>
  <c r="X14125" i="1"/>
  <c r="X14126" i="1"/>
  <c r="X14127" i="1"/>
  <c r="X14128" i="1"/>
  <c r="X14129" i="1"/>
  <c r="X14130" i="1"/>
  <c r="X14131" i="1"/>
  <c r="X14132" i="1"/>
  <c r="X14133" i="1"/>
  <c r="X14134" i="1"/>
  <c r="X14135" i="1"/>
  <c r="X14136" i="1"/>
  <c r="X14137" i="1"/>
  <c r="X14138" i="1"/>
  <c r="X14139" i="1"/>
  <c r="X14140" i="1"/>
  <c r="X14141" i="1"/>
  <c r="X14142" i="1"/>
  <c r="X14143" i="1"/>
  <c r="X14144" i="1"/>
  <c r="X14145" i="1"/>
  <c r="X14146" i="1"/>
  <c r="X14147" i="1"/>
  <c r="X14148" i="1"/>
  <c r="X14149" i="1"/>
  <c r="X14150" i="1"/>
  <c r="X14151" i="1"/>
  <c r="X14152" i="1"/>
  <c r="X14153" i="1"/>
  <c r="X14154" i="1"/>
  <c r="X14155" i="1"/>
  <c r="X14156" i="1"/>
  <c r="X14157" i="1"/>
  <c r="X14158" i="1"/>
  <c r="X14159" i="1"/>
  <c r="X14160" i="1"/>
  <c r="X14161" i="1"/>
  <c r="X14162" i="1"/>
  <c r="X14163" i="1"/>
  <c r="X14164" i="1"/>
  <c r="X14165" i="1"/>
  <c r="X14166" i="1"/>
  <c r="X14167" i="1"/>
  <c r="X14168" i="1"/>
  <c r="X14169" i="1"/>
  <c r="X14170" i="1"/>
  <c r="X14171" i="1"/>
  <c r="X14172" i="1"/>
  <c r="X14173" i="1"/>
  <c r="X14174" i="1"/>
  <c r="X14175" i="1"/>
  <c r="X14176" i="1"/>
  <c r="X14177" i="1"/>
  <c r="X14178" i="1"/>
  <c r="X14179" i="1"/>
  <c r="X14180" i="1"/>
  <c r="X14181" i="1"/>
  <c r="X14182" i="1"/>
  <c r="X14183" i="1"/>
  <c r="X14184" i="1"/>
  <c r="X14185" i="1"/>
  <c r="X14186" i="1"/>
  <c r="X14187" i="1"/>
  <c r="X14188" i="1"/>
  <c r="X14189" i="1"/>
  <c r="X14190" i="1"/>
  <c r="X14191" i="1"/>
  <c r="X14192" i="1"/>
  <c r="X14193" i="1"/>
  <c r="X14194" i="1"/>
  <c r="X14195" i="1"/>
  <c r="X14196" i="1"/>
  <c r="X14197" i="1"/>
  <c r="X14198" i="1"/>
  <c r="X14199" i="1"/>
  <c r="X14200" i="1"/>
  <c r="X14201" i="1"/>
  <c r="X14202" i="1"/>
  <c r="X14203" i="1"/>
  <c r="X14204" i="1"/>
  <c r="X14205" i="1"/>
  <c r="X14206" i="1"/>
  <c r="X14207" i="1"/>
  <c r="X14208" i="1"/>
  <c r="X14209" i="1"/>
  <c r="X14210" i="1"/>
  <c r="X14211" i="1"/>
  <c r="X14212" i="1"/>
  <c r="X14213" i="1"/>
  <c r="X14214" i="1"/>
  <c r="X14215" i="1"/>
  <c r="X14216" i="1"/>
  <c r="X14217" i="1"/>
  <c r="X14218" i="1"/>
  <c r="X14219" i="1"/>
  <c r="X14220" i="1"/>
  <c r="X14221" i="1"/>
  <c r="X14222" i="1"/>
  <c r="X14223" i="1"/>
  <c r="X14224" i="1"/>
  <c r="X14225" i="1"/>
  <c r="X14226" i="1"/>
  <c r="X14227" i="1"/>
  <c r="X14228" i="1"/>
  <c r="X14229" i="1"/>
  <c r="X14230" i="1"/>
  <c r="X14231" i="1"/>
  <c r="X14232" i="1"/>
  <c r="X14233" i="1"/>
  <c r="X14234" i="1"/>
  <c r="X14235" i="1"/>
  <c r="X14236" i="1"/>
  <c r="X14237" i="1"/>
  <c r="X14238" i="1"/>
  <c r="X14239" i="1"/>
  <c r="X14240" i="1"/>
  <c r="X14241" i="1"/>
  <c r="X14242" i="1"/>
  <c r="X14243" i="1"/>
  <c r="X14244" i="1"/>
  <c r="X14245" i="1"/>
  <c r="X14246" i="1"/>
  <c r="X14247" i="1"/>
  <c r="X14248" i="1"/>
  <c r="X14249" i="1"/>
  <c r="X14250" i="1"/>
  <c r="X14251" i="1"/>
  <c r="X14252" i="1"/>
  <c r="X14253" i="1"/>
  <c r="X14254" i="1"/>
  <c r="X14255" i="1"/>
  <c r="X14256" i="1"/>
  <c r="X14257" i="1"/>
  <c r="X14258" i="1"/>
  <c r="X14259" i="1"/>
  <c r="X14260" i="1"/>
  <c r="X14261" i="1"/>
  <c r="X14262" i="1"/>
  <c r="X14263" i="1"/>
  <c r="X14264" i="1"/>
  <c r="X14265" i="1"/>
  <c r="X14266" i="1"/>
  <c r="X14267" i="1"/>
  <c r="X14268" i="1"/>
  <c r="X14269" i="1"/>
  <c r="X14270" i="1"/>
  <c r="X14271" i="1"/>
  <c r="X14272" i="1"/>
  <c r="X14273" i="1"/>
  <c r="X14274" i="1"/>
  <c r="X14275" i="1"/>
  <c r="X14276" i="1"/>
  <c r="X14277" i="1"/>
  <c r="X14278" i="1"/>
  <c r="X14279" i="1"/>
  <c r="X14280" i="1"/>
  <c r="X14281" i="1"/>
  <c r="X14282" i="1"/>
  <c r="X14283" i="1"/>
  <c r="X14284" i="1"/>
  <c r="X14285" i="1"/>
  <c r="X14286" i="1"/>
  <c r="X14287" i="1"/>
  <c r="X14288" i="1"/>
  <c r="X14289" i="1"/>
  <c r="X14290" i="1"/>
  <c r="X14291" i="1"/>
  <c r="X14292" i="1"/>
  <c r="X14293" i="1"/>
  <c r="X14294" i="1"/>
  <c r="X14295" i="1"/>
  <c r="X14296" i="1"/>
  <c r="X14297" i="1"/>
  <c r="X14298" i="1"/>
  <c r="X14299" i="1"/>
  <c r="X14300" i="1"/>
  <c r="X14301" i="1"/>
  <c r="X14302" i="1"/>
  <c r="X14303" i="1"/>
  <c r="X14304" i="1"/>
  <c r="X14305" i="1"/>
  <c r="X14306" i="1"/>
  <c r="X14307" i="1"/>
  <c r="X14308" i="1"/>
  <c r="X14309" i="1"/>
  <c r="X14310" i="1"/>
  <c r="X14311" i="1"/>
  <c r="X14312" i="1"/>
  <c r="X14313" i="1"/>
  <c r="X14314" i="1"/>
  <c r="X14315" i="1"/>
  <c r="X14316" i="1"/>
  <c r="X14317" i="1"/>
  <c r="X14318" i="1"/>
  <c r="X14319" i="1"/>
  <c r="X14320" i="1"/>
  <c r="X14321" i="1"/>
  <c r="X14322" i="1"/>
  <c r="X14323" i="1"/>
  <c r="X14324" i="1"/>
  <c r="X14325" i="1"/>
  <c r="X14326" i="1"/>
  <c r="X14327" i="1"/>
  <c r="X14328" i="1"/>
  <c r="X14329" i="1"/>
  <c r="X14330" i="1"/>
  <c r="X14331" i="1"/>
  <c r="X14332" i="1"/>
  <c r="X14333" i="1"/>
  <c r="X14334" i="1"/>
  <c r="X14335" i="1"/>
  <c r="X14336" i="1"/>
  <c r="X14337" i="1"/>
  <c r="X14338" i="1"/>
  <c r="X14339" i="1"/>
  <c r="X14340" i="1"/>
  <c r="X14341" i="1"/>
  <c r="X14342" i="1"/>
  <c r="X14343" i="1"/>
  <c r="X14344" i="1"/>
  <c r="X14345" i="1"/>
  <c r="X14346" i="1"/>
  <c r="X14347" i="1"/>
  <c r="X14348" i="1"/>
  <c r="X14349" i="1"/>
  <c r="X14350" i="1"/>
  <c r="X14351" i="1"/>
  <c r="X14352" i="1"/>
  <c r="X14353" i="1"/>
  <c r="X14354" i="1"/>
  <c r="X14355" i="1"/>
  <c r="X14356" i="1"/>
  <c r="X14357" i="1"/>
  <c r="X14358" i="1"/>
  <c r="X14359" i="1"/>
  <c r="X14360" i="1"/>
  <c r="X14361" i="1"/>
  <c r="X14362" i="1"/>
  <c r="X14363" i="1"/>
  <c r="X14364" i="1"/>
  <c r="X14365" i="1"/>
  <c r="X14366" i="1"/>
  <c r="X14367" i="1"/>
  <c r="X14368" i="1"/>
  <c r="X14369" i="1"/>
  <c r="X14370" i="1"/>
  <c r="X14371" i="1"/>
  <c r="X14372" i="1"/>
  <c r="X14373" i="1"/>
  <c r="X14374" i="1"/>
  <c r="X14375" i="1"/>
  <c r="X14376" i="1"/>
  <c r="X14377" i="1"/>
  <c r="X14378" i="1"/>
  <c r="X14379" i="1"/>
  <c r="X14380" i="1"/>
  <c r="X14381" i="1"/>
  <c r="X14382" i="1"/>
  <c r="X14383" i="1"/>
  <c r="X14384" i="1"/>
  <c r="X14385" i="1"/>
  <c r="X14386" i="1"/>
  <c r="X14387" i="1"/>
  <c r="X14388" i="1"/>
  <c r="X14389" i="1"/>
  <c r="X14390" i="1"/>
  <c r="X14391" i="1"/>
  <c r="X14392" i="1"/>
  <c r="X14393" i="1"/>
  <c r="X14394" i="1"/>
  <c r="X14395" i="1"/>
  <c r="X14396" i="1"/>
  <c r="X14397" i="1"/>
  <c r="X14398" i="1"/>
  <c r="X14399" i="1"/>
  <c r="X14400" i="1"/>
  <c r="X14401" i="1"/>
  <c r="X14402" i="1"/>
  <c r="X14403" i="1"/>
  <c r="X14404" i="1"/>
  <c r="X14405" i="1"/>
  <c r="X14406" i="1"/>
  <c r="X14407" i="1"/>
  <c r="X14408" i="1"/>
  <c r="X14409" i="1"/>
  <c r="X14410" i="1"/>
  <c r="X14411" i="1"/>
  <c r="X14412" i="1"/>
  <c r="X14413" i="1"/>
  <c r="X14414" i="1"/>
  <c r="X14415" i="1"/>
  <c r="X14416" i="1"/>
  <c r="X14417" i="1"/>
  <c r="X14418" i="1"/>
  <c r="X14419" i="1"/>
  <c r="X14420" i="1"/>
  <c r="X14421" i="1"/>
  <c r="X14422" i="1"/>
  <c r="X14423" i="1"/>
  <c r="X14424" i="1"/>
  <c r="X14425" i="1"/>
  <c r="X14426" i="1"/>
  <c r="X14427" i="1"/>
  <c r="X14428" i="1"/>
  <c r="X14429" i="1"/>
  <c r="X14430" i="1"/>
  <c r="X14431" i="1"/>
  <c r="X14432" i="1"/>
  <c r="X14433" i="1"/>
  <c r="X14434" i="1"/>
  <c r="X14435" i="1"/>
  <c r="X14436" i="1"/>
  <c r="X14437" i="1"/>
  <c r="X14438" i="1"/>
  <c r="X14439" i="1"/>
  <c r="X14440" i="1"/>
  <c r="X14441" i="1"/>
  <c r="X14442" i="1"/>
  <c r="X14443" i="1"/>
  <c r="X14444" i="1"/>
  <c r="X14445" i="1"/>
  <c r="X14446" i="1"/>
  <c r="X14447" i="1"/>
  <c r="X14448" i="1"/>
  <c r="X14449" i="1"/>
  <c r="X14450" i="1"/>
  <c r="X14451" i="1"/>
  <c r="X14452" i="1"/>
  <c r="X14453" i="1"/>
  <c r="X14454" i="1"/>
  <c r="X14455" i="1"/>
  <c r="X14456" i="1"/>
  <c r="X14457" i="1"/>
  <c r="X14458" i="1"/>
  <c r="X14459" i="1"/>
  <c r="X14460" i="1"/>
  <c r="X14461" i="1"/>
  <c r="X14462" i="1"/>
  <c r="X14463" i="1"/>
  <c r="X14464" i="1"/>
  <c r="X14465" i="1"/>
  <c r="X14466" i="1"/>
  <c r="X14467" i="1"/>
  <c r="X14468" i="1"/>
  <c r="X14469" i="1"/>
  <c r="X14470" i="1"/>
  <c r="X14471" i="1"/>
  <c r="X14472" i="1"/>
  <c r="X14473" i="1"/>
  <c r="X14474" i="1"/>
  <c r="X14475" i="1"/>
  <c r="X14476" i="1"/>
  <c r="X14477" i="1"/>
  <c r="X14478" i="1"/>
  <c r="X14479" i="1"/>
  <c r="X14480" i="1"/>
  <c r="X14481" i="1"/>
  <c r="X14482" i="1"/>
  <c r="X14483" i="1"/>
  <c r="X14484" i="1"/>
  <c r="X14485" i="1"/>
  <c r="X14486" i="1"/>
  <c r="X14487" i="1"/>
  <c r="X14488" i="1"/>
  <c r="X14489" i="1"/>
  <c r="X14490" i="1"/>
  <c r="X14491" i="1"/>
  <c r="X14492" i="1"/>
  <c r="X14493" i="1"/>
  <c r="X14494" i="1"/>
  <c r="X14495" i="1"/>
  <c r="X14496" i="1"/>
  <c r="X14497" i="1"/>
  <c r="X14498" i="1"/>
  <c r="X14499" i="1"/>
  <c r="X14500" i="1"/>
  <c r="X14501" i="1"/>
  <c r="X14502" i="1"/>
  <c r="X14503" i="1"/>
  <c r="X14504" i="1"/>
  <c r="X14505" i="1"/>
  <c r="X14506" i="1"/>
  <c r="X14507" i="1"/>
  <c r="X14508" i="1"/>
  <c r="X14509" i="1"/>
  <c r="X14510" i="1"/>
  <c r="X14511" i="1"/>
  <c r="X14512" i="1"/>
  <c r="X14513" i="1"/>
  <c r="X14514" i="1"/>
  <c r="X14515" i="1"/>
  <c r="X14516" i="1"/>
  <c r="X14517" i="1"/>
  <c r="X14518" i="1"/>
  <c r="X14519" i="1"/>
  <c r="X14520" i="1"/>
  <c r="X14521" i="1"/>
  <c r="X14522" i="1"/>
  <c r="X14523" i="1"/>
  <c r="X14524" i="1"/>
  <c r="X14525" i="1"/>
  <c r="X14526" i="1"/>
  <c r="X14527" i="1"/>
  <c r="X14528" i="1"/>
  <c r="X14529" i="1"/>
  <c r="X14530" i="1"/>
  <c r="X14531" i="1"/>
  <c r="X14532" i="1"/>
  <c r="X14533" i="1"/>
  <c r="X14534" i="1"/>
  <c r="X14535" i="1"/>
  <c r="X14536" i="1"/>
  <c r="X14537" i="1"/>
  <c r="X14538" i="1"/>
  <c r="X14539" i="1"/>
  <c r="X14540" i="1"/>
  <c r="X14541" i="1"/>
  <c r="X14542" i="1"/>
  <c r="X14543" i="1"/>
  <c r="X14544" i="1"/>
  <c r="X14545" i="1"/>
  <c r="X14546" i="1"/>
  <c r="X14547" i="1"/>
  <c r="X14548" i="1"/>
  <c r="X14549" i="1"/>
  <c r="X14550" i="1"/>
  <c r="X14551" i="1"/>
  <c r="X14552" i="1"/>
  <c r="X14553" i="1"/>
  <c r="X14554" i="1"/>
  <c r="X14555" i="1"/>
  <c r="X14556" i="1"/>
  <c r="X14557" i="1"/>
  <c r="X14558" i="1"/>
  <c r="X14559" i="1"/>
  <c r="X14560" i="1"/>
  <c r="X14561" i="1"/>
  <c r="X14562" i="1"/>
  <c r="X14563" i="1"/>
  <c r="X14564" i="1"/>
  <c r="X14565" i="1"/>
  <c r="X14566" i="1"/>
  <c r="X14567" i="1"/>
  <c r="X14568" i="1"/>
  <c r="X14569" i="1"/>
  <c r="X14570" i="1"/>
  <c r="X14571" i="1"/>
  <c r="X14572" i="1"/>
  <c r="X14573" i="1"/>
  <c r="X14574" i="1"/>
  <c r="X14575" i="1"/>
  <c r="X14576" i="1"/>
  <c r="X14577" i="1"/>
  <c r="X14578" i="1"/>
  <c r="X14579" i="1"/>
  <c r="X14580" i="1"/>
  <c r="X14581" i="1"/>
  <c r="X14582" i="1"/>
  <c r="X14583" i="1"/>
  <c r="X14584" i="1"/>
  <c r="X14585" i="1"/>
  <c r="X14586" i="1"/>
  <c r="X14587" i="1"/>
  <c r="X14588" i="1"/>
  <c r="X14589" i="1"/>
  <c r="X14590" i="1"/>
  <c r="X14591" i="1"/>
  <c r="X14592" i="1"/>
  <c r="X14593" i="1"/>
  <c r="X14594" i="1"/>
  <c r="X14595" i="1"/>
  <c r="X14596" i="1"/>
  <c r="X14597" i="1"/>
  <c r="X14598" i="1"/>
  <c r="X14599" i="1"/>
  <c r="X14600" i="1"/>
  <c r="X14601" i="1"/>
  <c r="X14602" i="1"/>
  <c r="X14603" i="1"/>
  <c r="X14604" i="1"/>
  <c r="X14605" i="1"/>
  <c r="X14606" i="1"/>
  <c r="X14607" i="1"/>
  <c r="X14608" i="1"/>
  <c r="X14609" i="1"/>
  <c r="X14610" i="1"/>
  <c r="X14611" i="1"/>
  <c r="X14612" i="1"/>
  <c r="X14613" i="1"/>
  <c r="X14614" i="1"/>
  <c r="X14615" i="1"/>
  <c r="X14616" i="1"/>
  <c r="X14617" i="1"/>
  <c r="X14618" i="1"/>
  <c r="X14619" i="1"/>
  <c r="X14620" i="1"/>
  <c r="X14621" i="1"/>
  <c r="X14622" i="1"/>
  <c r="X14623" i="1"/>
  <c r="X14624" i="1"/>
  <c r="X14625" i="1"/>
  <c r="X14626" i="1"/>
  <c r="X14627" i="1"/>
  <c r="X14628" i="1"/>
  <c r="X14629" i="1"/>
  <c r="X14630" i="1"/>
  <c r="X14631" i="1"/>
  <c r="X14632" i="1"/>
  <c r="X14633" i="1"/>
  <c r="X14634" i="1"/>
  <c r="X14635" i="1"/>
  <c r="X14636" i="1"/>
  <c r="X14637" i="1"/>
  <c r="X14638" i="1"/>
  <c r="X14639" i="1"/>
  <c r="X14640" i="1"/>
  <c r="X14641" i="1"/>
  <c r="X14642" i="1"/>
  <c r="X14643" i="1"/>
  <c r="X14644" i="1"/>
  <c r="X14645" i="1"/>
  <c r="X14646" i="1"/>
  <c r="X14647" i="1"/>
  <c r="X14648" i="1"/>
  <c r="X14649" i="1"/>
  <c r="X14650" i="1"/>
  <c r="X14651" i="1"/>
  <c r="X14652" i="1"/>
  <c r="X14653" i="1"/>
  <c r="X14654" i="1"/>
  <c r="X14655" i="1"/>
  <c r="X14656" i="1"/>
  <c r="X14657" i="1"/>
  <c r="X14658" i="1"/>
  <c r="X14659" i="1"/>
  <c r="X14660" i="1"/>
  <c r="X14661" i="1"/>
  <c r="X14662" i="1"/>
  <c r="X14663" i="1"/>
  <c r="X14664" i="1"/>
  <c r="X14665" i="1"/>
  <c r="X14666" i="1"/>
  <c r="X14667" i="1"/>
  <c r="X14668" i="1"/>
  <c r="X14669" i="1"/>
  <c r="X14670" i="1"/>
  <c r="X14671" i="1"/>
  <c r="X14672" i="1"/>
  <c r="X14673" i="1"/>
  <c r="X14674" i="1"/>
  <c r="X14675" i="1"/>
  <c r="X14676" i="1"/>
  <c r="X14677" i="1"/>
  <c r="X14678" i="1"/>
  <c r="X14679" i="1"/>
  <c r="X14680" i="1"/>
  <c r="X14681" i="1"/>
  <c r="X14682" i="1"/>
  <c r="X14683" i="1"/>
  <c r="X14684" i="1"/>
  <c r="X14685" i="1"/>
  <c r="X14686" i="1"/>
  <c r="X14687" i="1"/>
  <c r="X14688" i="1"/>
  <c r="X14689" i="1"/>
  <c r="X14690" i="1"/>
  <c r="X14691" i="1"/>
  <c r="X14692" i="1"/>
  <c r="X14693" i="1"/>
  <c r="X14694" i="1"/>
  <c r="X14695" i="1"/>
  <c r="X14696" i="1"/>
  <c r="X14697" i="1"/>
  <c r="X14698" i="1"/>
  <c r="X14699" i="1"/>
  <c r="X14700" i="1"/>
  <c r="X14701" i="1"/>
  <c r="X14702" i="1"/>
  <c r="X14703" i="1"/>
  <c r="X14704" i="1"/>
  <c r="X14705" i="1"/>
  <c r="X14706" i="1"/>
  <c r="X14707" i="1"/>
  <c r="X14708" i="1"/>
  <c r="X14709" i="1"/>
  <c r="X14710" i="1"/>
  <c r="X14711" i="1"/>
  <c r="X14712" i="1"/>
  <c r="X14713" i="1"/>
  <c r="X14714" i="1"/>
  <c r="X14715" i="1"/>
  <c r="X14716" i="1"/>
  <c r="X14717" i="1"/>
  <c r="X14718" i="1"/>
  <c r="X14719" i="1"/>
  <c r="X14720" i="1"/>
  <c r="X14721" i="1"/>
  <c r="X14722" i="1"/>
  <c r="X14723" i="1"/>
  <c r="X14724" i="1"/>
  <c r="X14725" i="1"/>
  <c r="X14726" i="1"/>
  <c r="X14727" i="1"/>
  <c r="X14728" i="1"/>
  <c r="X14729" i="1"/>
  <c r="X14730" i="1"/>
  <c r="X14731" i="1"/>
  <c r="X14732" i="1"/>
  <c r="X14733" i="1"/>
  <c r="X14734" i="1"/>
  <c r="X14735" i="1"/>
  <c r="X14736" i="1"/>
  <c r="X14737" i="1"/>
  <c r="X14738" i="1"/>
  <c r="X14739" i="1"/>
  <c r="X14740" i="1"/>
  <c r="X14741" i="1"/>
  <c r="X14742" i="1"/>
  <c r="X14743" i="1"/>
  <c r="X14744" i="1"/>
  <c r="X14745" i="1"/>
  <c r="X14746" i="1"/>
  <c r="X14747" i="1"/>
  <c r="X14748" i="1"/>
  <c r="X14749" i="1"/>
  <c r="X14750" i="1"/>
  <c r="X14751" i="1"/>
  <c r="X14752" i="1"/>
  <c r="X14753" i="1"/>
  <c r="X14754" i="1"/>
  <c r="X14755" i="1"/>
  <c r="X14756" i="1"/>
  <c r="X14757" i="1"/>
  <c r="X14758" i="1"/>
  <c r="X14759" i="1"/>
  <c r="X14760" i="1"/>
  <c r="X14761" i="1"/>
  <c r="X14762" i="1"/>
  <c r="X14763" i="1"/>
  <c r="X14764" i="1"/>
  <c r="X14765" i="1"/>
  <c r="X14766" i="1"/>
  <c r="X14767" i="1"/>
  <c r="X14768" i="1"/>
  <c r="X14769" i="1"/>
  <c r="X14770" i="1"/>
  <c r="X14771" i="1"/>
  <c r="X14772" i="1"/>
  <c r="X14773" i="1"/>
  <c r="X14774" i="1"/>
  <c r="X14775" i="1"/>
  <c r="X14776" i="1"/>
  <c r="X14777" i="1"/>
  <c r="X14778" i="1"/>
  <c r="X14779" i="1"/>
  <c r="X14780" i="1"/>
  <c r="X14781" i="1"/>
  <c r="X14782" i="1"/>
  <c r="X14783" i="1"/>
  <c r="X14784" i="1"/>
  <c r="X14785" i="1"/>
  <c r="X14786" i="1"/>
  <c r="X14787" i="1"/>
  <c r="X14788" i="1"/>
  <c r="X14789" i="1"/>
  <c r="X14790" i="1"/>
  <c r="X14791" i="1"/>
  <c r="X14792" i="1"/>
  <c r="X14793" i="1"/>
  <c r="X14794" i="1"/>
  <c r="X14795" i="1"/>
  <c r="X14796" i="1"/>
  <c r="X14797" i="1"/>
  <c r="X14798" i="1"/>
  <c r="X14799" i="1"/>
  <c r="X14800" i="1"/>
  <c r="X14801" i="1"/>
  <c r="X14802" i="1"/>
  <c r="X14803" i="1"/>
  <c r="X14804" i="1"/>
  <c r="X14805" i="1"/>
  <c r="X14806" i="1"/>
  <c r="X14807" i="1"/>
  <c r="X14808" i="1"/>
  <c r="X14809" i="1"/>
  <c r="X14810" i="1"/>
  <c r="X14811" i="1"/>
  <c r="X14812" i="1"/>
  <c r="X14813" i="1"/>
  <c r="X14814" i="1"/>
  <c r="X14815" i="1"/>
  <c r="X14816" i="1"/>
  <c r="X14817" i="1"/>
  <c r="X14818" i="1"/>
  <c r="X14819" i="1"/>
  <c r="X14820" i="1"/>
  <c r="X14821" i="1"/>
  <c r="X14822" i="1"/>
  <c r="X14823" i="1"/>
  <c r="X14824" i="1"/>
  <c r="X14825" i="1"/>
  <c r="X14826" i="1"/>
  <c r="X14827" i="1"/>
  <c r="X14828" i="1"/>
  <c r="X14829" i="1"/>
  <c r="X14830" i="1"/>
  <c r="X14831" i="1"/>
  <c r="X14832" i="1"/>
  <c r="X14833" i="1"/>
  <c r="X14834" i="1"/>
  <c r="X14835" i="1"/>
  <c r="X14836" i="1"/>
  <c r="X14837" i="1"/>
  <c r="X14838" i="1"/>
  <c r="X14839" i="1"/>
  <c r="X14840" i="1"/>
  <c r="X14841" i="1"/>
  <c r="X14842" i="1"/>
  <c r="X14843" i="1"/>
  <c r="X14844" i="1"/>
  <c r="X14845" i="1"/>
  <c r="X14846" i="1"/>
  <c r="X14847" i="1"/>
  <c r="X14848" i="1"/>
  <c r="X14849" i="1"/>
  <c r="X14850" i="1"/>
  <c r="X14851" i="1"/>
  <c r="X14852" i="1"/>
  <c r="X14853" i="1"/>
  <c r="X14854" i="1"/>
  <c r="X14855" i="1"/>
  <c r="X14856" i="1"/>
  <c r="X14857" i="1"/>
  <c r="X14858" i="1"/>
  <c r="X14859" i="1"/>
  <c r="X14860" i="1"/>
  <c r="X14861" i="1"/>
  <c r="X14862" i="1"/>
  <c r="X14863" i="1"/>
  <c r="X14864" i="1"/>
  <c r="X14865" i="1"/>
  <c r="X14866" i="1"/>
  <c r="X14867" i="1"/>
  <c r="X14868" i="1"/>
  <c r="X14869" i="1"/>
  <c r="X14870" i="1"/>
  <c r="X14871" i="1"/>
  <c r="X14872" i="1"/>
  <c r="X14873" i="1"/>
  <c r="X14874" i="1"/>
  <c r="X14875" i="1"/>
  <c r="X14876" i="1"/>
  <c r="X14877" i="1"/>
  <c r="X14878" i="1"/>
  <c r="X14879" i="1"/>
  <c r="X14880" i="1"/>
  <c r="X14881" i="1"/>
  <c r="X14882" i="1"/>
  <c r="X14883" i="1"/>
  <c r="X14884" i="1"/>
  <c r="X14885" i="1"/>
  <c r="X14886" i="1"/>
  <c r="X14887" i="1"/>
  <c r="X14888" i="1"/>
  <c r="X14889" i="1"/>
  <c r="X14890" i="1"/>
  <c r="X14891" i="1"/>
  <c r="X14892" i="1"/>
  <c r="X14893" i="1"/>
  <c r="X14894" i="1"/>
  <c r="X14895" i="1"/>
  <c r="X14896" i="1"/>
  <c r="X14897" i="1"/>
  <c r="X14898" i="1"/>
  <c r="X14899" i="1"/>
  <c r="X14900" i="1"/>
  <c r="X14901" i="1"/>
  <c r="X14902" i="1"/>
  <c r="X14903" i="1"/>
  <c r="X14904" i="1"/>
  <c r="X14905" i="1"/>
  <c r="X14906" i="1"/>
  <c r="X14907" i="1"/>
  <c r="X14908" i="1"/>
  <c r="X14909" i="1"/>
  <c r="X14910" i="1"/>
  <c r="X14911" i="1"/>
  <c r="X14912" i="1"/>
  <c r="X14913" i="1"/>
  <c r="X14914" i="1"/>
  <c r="X14915" i="1"/>
  <c r="X14916" i="1"/>
  <c r="X14917" i="1"/>
  <c r="X14918" i="1"/>
  <c r="X14919" i="1"/>
  <c r="X14920" i="1"/>
  <c r="X14921" i="1"/>
  <c r="X14922" i="1"/>
  <c r="X14923" i="1"/>
  <c r="X14924" i="1"/>
  <c r="X14925" i="1"/>
  <c r="X14926" i="1"/>
  <c r="X14927" i="1"/>
  <c r="X14928" i="1"/>
  <c r="X14929" i="1"/>
  <c r="X14930" i="1"/>
  <c r="X14931" i="1"/>
  <c r="X14932" i="1"/>
  <c r="X14933" i="1"/>
  <c r="X14934" i="1"/>
  <c r="X14935" i="1"/>
  <c r="X14936" i="1"/>
  <c r="X14937" i="1"/>
  <c r="X14938" i="1"/>
  <c r="X14939" i="1"/>
  <c r="X14940" i="1"/>
  <c r="X14941" i="1"/>
  <c r="X14942" i="1"/>
  <c r="X14943" i="1"/>
  <c r="X14944" i="1"/>
  <c r="X14945" i="1"/>
  <c r="X14946" i="1"/>
  <c r="X14947" i="1"/>
  <c r="X14948" i="1"/>
  <c r="X14949" i="1"/>
  <c r="X14950" i="1"/>
  <c r="X14951" i="1"/>
  <c r="X14952" i="1"/>
  <c r="X14953" i="1"/>
  <c r="X14954" i="1"/>
  <c r="X14955" i="1"/>
  <c r="X14956" i="1"/>
  <c r="X14957" i="1"/>
  <c r="X14958" i="1"/>
  <c r="X14959" i="1"/>
  <c r="X14960" i="1"/>
  <c r="X14961" i="1"/>
  <c r="X14962" i="1"/>
  <c r="X14963" i="1"/>
  <c r="X14964" i="1"/>
  <c r="X14965" i="1"/>
  <c r="X14966" i="1"/>
  <c r="X14967" i="1"/>
  <c r="X14968" i="1"/>
  <c r="X14969" i="1"/>
  <c r="X14970" i="1"/>
  <c r="X14971" i="1"/>
  <c r="X14972" i="1"/>
  <c r="X14973" i="1"/>
  <c r="X14974" i="1"/>
  <c r="X14975" i="1"/>
  <c r="X14976" i="1"/>
  <c r="X14977" i="1"/>
  <c r="X14978" i="1"/>
  <c r="X14979" i="1"/>
  <c r="X14980" i="1"/>
  <c r="X14981" i="1"/>
  <c r="X14982" i="1"/>
  <c r="X14983" i="1"/>
  <c r="X14984" i="1"/>
  <c r="X14985" i="1"/>
  <c r="X14986" i="1"/>
  <c r="X14987" i="1"/>
  <c r="X14988" i="1"/>
  <c r="X14989" i="1"/>
  <c r="X14990" i="1"/>
  <c r="X14991" i="1"/>
  <c r="X14992" i="1"/>
  <c r="X14993" i="1"/>
  <c r="X14994" i="1"/>
  <c r="X14995" i="1"/>
  <c r="X14996" i="1"/>
  <c r="X14997" i="1"/>
  <c r="X14998" i="1"/>
  <c r="X14999" i="1"/>
  <c r="X15000" i="1"/>
  <c r="X15001" i="1"/>
  <c r="X15002" i="1"/>
  <c r="X15003" i="1"/>
  <c r="X15004" i="1"/>
  <c r="X15005" i="1"/>
  <c r="X15006" i="1"/>
  <c r="X15007" i="1"/>
  <c r="X15008" i="1"/>
  <c r="X15009" i="1"/>
  <c r="X15010" i="1"/>
  <c r="X15011" i="1"/>
  <c r="X15012" i="1"/>
  <c r="X15013" i="1"/>
  <c r="X15014" i="1"/>
  <c r="X15015" i="1"/>
  <c r="X15016" i="1"/>
  <c r="X15017" i="1"/>
  <c r="X15018" i="1"/>
  <c r="X15019" i="1"/>
  <c r="X15020" i="1"/>
  <c r="X15021" i="1"/>
  <c r="X15022" i="1"/>
  <c r="X15023" i="1"/>
  <c r="X15024" i="1"/>
  <c r="X15025" i="1"/>
  <c r="X15026" i="1"/>
  <c r="X15027" i="1"/>
  <c r="X15028" i="1"/>
  <c r="X15029" i="1"/>
  <c r="X15030" i="1"/>
  <c r="X15031" i="1"/>
  <c r="X15032" i="1"/>
  <c r="X15033" i="1"/>
  <c r="X15034" i="1"/>
  <c r="X15035" i="1"/>
  <c r="X15036" i="1"/>
  <c r="X15037" i="1"/>
  <c r="X15038" i="1"/>
  <c r="X15039" i="1"/>
  <c r="X15040" i="1"/>
  <c r="X15041" i="1"/>
  <c r="X15042" i="1"/>
  <c r="X15043" i="1"/>
  <c r="X15044" i="1"/>
  <c r="X15045" i="1"/>
  <c r="X15046" i="1"/>
  <c r="X15047" i="1"/>
  <c r="X15048" i="1"/>
  <c r="X15049" i="1"/>
  <c r="X15050" i="1"/>
  <c r="X15051" i="1"/>
  <c r="X15052" i="1"/>
  <c r="X15053" i="1"/>
  <c r="X15054" i="1"/>
  <c r="X15055" i="1"/>
  <c r="X15056" i="1"/>
  <c r="X15057" i="1"/>
  <c r="X15058" i="1"/>
  <c r="X15059" i="1"/>
  <c r="X15060" i="1"/>
  <c r="X15061" i="1"/>
  <c r="X15062" i="1"/>
  <c r="X15063" i="1"/>
  <c r="X15064" i="1"/>
  <c r="X15065" i="1"/>
  <c r="X15066" i="1"/>
  <c r="X15067" i="1"/>
  <c r="X15068" i="1"/>
  <c r="X15069" i="1"/>
  <c r="X15070" i="1"/>
  <c r="X15071" i="1"/>
  <c r="X15072" i="1"/>
  <c r="X15073" i="1"/>
  <c r="X15074" i="1"/>
  <c r="X15075" i="1"/>
  <c r="X15076" i="1"/>
  <c r="X15077" i="1"/>
  <c r="X15078" i="1"/>
  <c r="X15079" i="1"/>
  <c r="X15080" i="1"/>
  <c r="X15081" i="1"/>
  <c r="X15082" i="1"/>
  <c r="X15083" i="1"/>
  <c r="X15084" i="1"/>
  <c r="X15085" i="1"/>
  <c r="X15086" i="1"/>
  <c r="X15087" i="1"/>
  <c r="X15088" i="1"/>
  <c r="X15089" i="1"/>
  <c r="X15090" i="1"/>
  <c r="X15091" i="1"/>
  <c r="X15092" i="1"/>
  <c r="X15093" i="1"/>
  <c r="X15094" i="1"/>
  <c r="X15095" i="1"/>
  <c r="X15096" i="1"/>
  <c r="X15097" i="1"/>
  <c r="X15098" i="1"/>
  <c r="X15099" i="1"/>
  <c r="X15100" i="1"/>
  <c r="X15101" i="1"/>
  <c r="X15102" i="1"/>
  <c r="X15103" i="1"/>
  <c r="X15104" i="1"/>
  <c r="X15105" i="1"/>
  <c r="X15106" i="1"/>
  <c r="X15107" i="1"/>
  <c r="X15108" i="1"/>
  <c r="X15109" i="1"/>
  <c r="X15110" i="1"/>
  <c r="X15111" i="1"/>
  <c r="X15112" i="1"/>
  <c r="X15113" i="1"/>
  <c r="X15114" i="1"/>
  <c r="X15115" i="1"/>
  <c r="X15116" i="1"/>
  <c r="X15117" i="1"/>
  <c r="X15118" i="1"/>
  <c r="X15119" i="1"/>
  <c r="X15120" i="1"/>
  <c r="X15121" i="1"/>
  <c r="X15122" i="1"/>
  <c r="X15123" i="1"/>
  <c r="X15124" i="1"/>
  <c r="X15125" i="1"/>
  <c r="X15126" i="1"/>
  <c r="X15127" i="1"/>
  <c r="X15128" i="1"/>
  <c r="X15129" i="1"/>
  <c r="X15130" i="1"/>
  <c r="X15131" i="1"/>
  <c r="X15132" i="1"/>
  <c r="X15133" i="1"/>
  <c r="X15134" i="1"/>
  <c r="X15135" i="1"/>
  <c r="X15136" i="1"/>
  <c r="X15137" i="1"/>
  <c r="X15138" i="1"/>
  <c r="X15139" i="1"/>
  <c r="X15140" i="1"/>
  <c r="X15141" i="1"/>
  <c r="X15142" i="1"/>
  <c r="X15143" i="1"/>
  <c r="X15144" i="1"/>
  <c r="X15145" i="1"/>
  <c r="X15146" i="1"/>
  <c r="X15147" i="1"/>
  <c r="X15148" i="1"/>
  <c r="X15149" i="1"/>
  <c r="X15150" i="1"/>
  <c r="X15151" i="1"/>
  <c r="X15152" i="1"/>
  <c r="X15153" i="1"/>
  <c r="X15154" i="1"/>
  <c r="X15155" i="1"/>
  <c r="X15156" i="1"/>
  <c r="X15157" i="1"/>
  <c r="X15158" i="1"/>
  <c r="X15159" i="1"/>
  <c r="X15160" i="1"/>
  <c r="X15161" i="1"/>
  <c r="X15162" i="1"/>
  <c r="X15163" i="1"/>
  <c r="X15164" i="1"/>
  <c r="X15165" i="1"/>
  <c r="X15166" i="1"/>
  <c r="X15167" i="1"/>
  <c r="X15168" i="1"/>
  <c r="X15169" i="1"/>
  <c r="X15170" i="1"/>
  <c r="X15171" i="1"/>
  <c r="X15172" i="1"/>
  <c r="X15173" i="1"/>
  <c r="X15174" i="1"/>
  <c r="X15175" i="1"/>
  <c r="X15176" i="1"/>
  <c r="X15177" i="1"/>
  <c r="X15178" i="1"/>
  <c r="X15179" i="1"/>
  <c r="X15180" i="1"/>
  <c r="X15181" i="1"/>
  <c r="X15182" i="1"/>
  <c r="X15183" i="1"/>
  <c r="X15184" i="1"/>
  <c r="X15185" i="1"/>
  <c r="X15186" i="1"/>
  <c r="X15187" i="1"/>
  <c r="X15188" i="1"/>
  <c r="X15189" i="1"/>
  <c r="X15190" i="1"/>
  <c r="X15191" i="1"/>
  <c r="X15192" i="1"/>
  <c r="X15193" i="1"/>
  <c r="X15194" i="1"/>
  <c r="X15195" i="1"/>
  <c r="X15196" i="1"/>
  <c r="X15197" i="1"/>
  <c r="X15198" i="1"/>
  <c r="X15199" i="1"/>
  <c r="X15200" i="1"/>
  <c r="X15201" i="1"/>
  <c r="X15202" i="1"/>
  <c r="X15203" i="1"/>
  <c r="X15204" i="1"/>
  <c r="X15205" i="1"/>
  <c r="X15206" i="1"/>
  <c r="X15207" i="1"/>
  <c r="X15208" i="1"/>
  <c r="X15209" i="1"/>
  <c r="X15210" i="1"/>
  <c r="X15211" i="1"/>
  <c r="X15212" i="1"/>
  <c r="X15213" i="1"/>
  <c r="X15214" i="1"/>
  <c r="X15215" i="1"/>
  <c r="X15216" i="1"/>
  <c r="X15217" i="1"/>
  <c r="X15218" i="1"/>
  <c r="X15219" i="1"/>
  <c r="X15220" i="1"/>
  <c r="X15221" i="1"/>
  <c r="X15222" i="1"/>
  <c r="X15223" i="1"/>
  <c r="X15224" i="1"/>
  <c r="X15225" i="1"/>
  <c r="X15226" i="1"/>
  <c r="X15227" i="1"/>
  <c r="X15228" i="1"/>
  <c r="X15229" i="1"/>
  <c r="X15230" i="1"/>
  <c r="X15231" i="1"/>
  <c r="X15232" i="1"/>
  <c r="X15233" i="1"/>
  <c r="X15234" i="1"/>
  <c r="X15235" i="1"/>
  <c r="X15236" i="1"/>
  <c r="X15237" i="1"/>
  <c r="X15238" i="1"/>
  <c r="X15239" i="1"/>
  <c r="X15240" i="1"/>
  <c r="X15241" i="1"/>
  <c r="X15242" i="1"/>
  <c r="X15243" i="1"/>
  <c r="X15244" i="1"/>
  <c r="X15245" i="1"/>
  <c r="X15246" i="1"/>
  <c r="X15247" i="1"/>
  <c r="X15248" i="1"/>
  <c r="X15249" i="1"/>
  <c r="X15250" i="1"/>
  <c r="X15251" i="1"/>
  <c r="X15252" i="1"/>
  <c r="X15253" i="1"/>
  <c r="X15254" i="1"/>
  <c r="X15255" i="1"/>
  <c r="X15256" i="1"/>
  <c r="X15257" i="1"/>
  <c r="X15258" i="1"/>
  <c r="X15259" i="1"/>
  <c r="X15260" i="1"/>
  <c r="X15261" i="1"/>
  <c r="X15262" i="1"/>
  <c r="X15263" i="1"/>
  <c r="X15264" i="1"/>
  <c r="X15265" i="1"/>
  <c r="X15266" i="1"/>
  <c r="X15267" i="1"/>
  <c r="X15268" i="1"/>
  <c r="X15269" i="1"/>
  <c r="X15270" i="1"/>
  <c r="X15271" i="1"/>
  <c r="X15272" i="1"/>
  <c r="X15273" i="1"/>
  <c r="X15274" i="1"/>
  <c r="X15275" i="1"/>
  <c r="X15276" i="1"/>
  <c r="X15277" i="1"/>
  <c r="X15278" i="1"/>
  <c r="X15279" i="1"/>
  <c r="X15280" i="1"/>
  <c r="X15281" i="1"/>
  <c r="X15282" i="1"/>
  <c r="X15283" i="1"/>
  <c r="X15284" i="1"/>
  <c r="X15285" i="1"/>
  <c r="X15286" i="1"/>
  <c r="X15287" i="1"/>
  <c r="X15288" i="1"/>
  <c r="X15289" i="1"/>
  <c r="X15290" i="1"/>
  <c r="X15291" i="1"/>
  <c r="X15292" i="1"/>
  <c r="X15293" i="1"/>
  <c r="X15294" i="1"/>
  <c r="X15295" i="1"/>
  <c r="X15296" i="1"/>
  <c r="X15297" i="1"/>
  <c r="X15298" i="1"/>
  <c r="X15299" i="1"/>
  <c r="X15300" i="1"/>
  <c r="X15301" i="1"/>
  <c r="X15302" i="1"/>
  <c r="X15303" i="1"/>
  <c r="X15304" i="1"/>
  <c r="X15305" i="1"/>
  <c r="X15306" i="1"/>
  <c r="X15307" i="1"/>
  <c r="X15308" i="1"/>
  <c r="X15309" i="1"/>
  <c r="X15310" i="1"/>
  <c r="X15311" i="1"/>
  <c r="X15312" i="1"/>
  <c r="X15313" i="1"/>
  <c r="X15314" i="1"/>
  <c r="X15315" i="1"/>
  <c r="X15316" i="1"/>
  <c r="X15317" i="1"/>
  <c r="X15318" i="1"/>
  <c r="X15319" i="1"/>
  <c r="X15320" i="1"/>
  <c r="X15321" i="1"/>
  <c r="X15322" i="1"/>
  <c r="X15323" i="1"/>
  <c r="X15324" i="1"/>
  <c r="X15325" i="1"/>
  <c r="X15326" i="1"/>
  <c r="X15327" i="1"/>
  <c r="X15328" i="1"/>
  <c r="X15329" i="1"/>
  <c r="X15330" i="1"/>
  <c r="X15331" i="1"/>
  <c r="X15332" i="1"/>
  <c r="X15333" i="1"/>
  <c r="X15334" i="1"/>
  <c r="X15335" i="1"/>
  <c r="X15336" i="1"/>
  <c r="X15337" i="1"/>
  <c r="X15338" i="1"/>
  <c r="X15339" i="1"/>
  <c r="X15340" i="1"/>
  <c r="X15341" i="1"/>
  <c r="X15342" i="1"/>
  <c r="X15343" i="1"/>
  <c r="X15344" i="1"/>
  <c r="X15345" i="1"/>
  <c r="X15346" i="1"/>
  <c r="X15347" i="1"/>
  <c r="X15348" i="1"/>
  <c r="X15349" i="1"/>
  <c r="X15350" i="1"/>
  <c r="X15351" i="1"/>
  <c r="X15352" i="1"/>
  <c r="X15353" i="1"/>
  <c r="X15354" i="1"/>
  <c r="X15355" i="1"/>
  <c r="X15356" i="1"/>
  <c r="X15357" i="1"/>
  <c r="X15358" i="1"/>
  <c r="X15359" i="1"/>
  <c r="X15360" i="1"/>
  <c r="X15361" i="1"/>
  <c r="X15362" i="1"/>
  <c r="X15363" i="1"/>
  <c r="X15364" i="1"/>
  <c r="X15365" i="1"/>
  <c r="X15366" i="1"/>
  <c r="X15367" i="1"/>
  <c r="X15368" i="1"/>
  <c r="X15369" i="1"/>
  <c r="X15370" i="1"/>
  <c r="X15371" i="1"/>
  <c r="X15372" i="1"/>
  <c r="X15373" i="1"/>
  <c r="X15374" i="1"/>
  <c r="X15375" i="1"/>
  <c r="X15376" i="1"/>
  <c r="X15377" i="1"/>
  <c r="X15378" i="1"/>
  <c r="X15379" i="1"/>
  <c r="X15380" i="1"/>
  <c r="X15381" i="1"/>
  <c r="X15382" i="1"/>
  <c r="X15383" i="1"/>
  <c r="X15384" i="1"/>
  <c r="X15385" i="1"/>
  <c r="X15386" i="1"/>
  <c r="X15387" i="1"/>
  <c r="X15388" i="1"/>
  <c r="X15389" i="1"/>
  <c r="X15390" i="1"/>
  <c r="X15391" i="1"/>
  <c r="X15392" i="1"/>
  <c r="X15393" i="1"/>
  <c r="X15394" i="1"/>
  <c r="X15395" i="1"/>
  <c r="X15396" i="1"/>
  <c r="X15397" i="1"/>
  <c r="X15398" i="1"/>
  <c r="X15399" i="1"/>
  <c r="X15400" i="1"/>
  <c r="X15401" i="1"/>
  <c r="X15402" i="1"/>
  <c r="X15403" i="1"/>
  <c r="X15404" i="1"/>
  <c r="X15405" i="1"/>
  <c r="X15406" i="1"/>
  <c r="X15407" i="1"/>
  <c r="X15408" i="1"/>
  <c r="X15409" i="1"/>
  <c r="X15410" i="1"/>
  <c r="X15411" i="1"/>
  <c r="X15412" i="1"/>
  <c r="X15413" i="1"/>
  <c r="X15414" i="1"/>
  <c r="X15415" i="1"/>
  <c r="X15416" i="1"/>
  <c r="X15417" i="1"/>
  <c r="X15418" i="1"/>
  <c r="X15419" i="1"/>
  <c r="X15420" i="1"/>
  <c r="X15421" i="1"/>
  <c r="X15422" i="1"/>
  <c r="X15423" i="1"/>
  <c r="X15424" i="1"/>
  <c r="X15425" i="1"/>
  <c r="X15426" i="1"/>
  <c r="X15427" i="1"/>
  <c r="X15428" i="1"/>
  <c r="X15429" i="1"/>
  <c r="X15430" i="1"/>
  <c r="X15431" i="1"/>
  <c r="X15432" i="1"/>
  <c r="X15433" i="1"/>
  <c r="X15434" i="1"/>
  <c r="X15435" i="1"/>
  <c r="X15436" i="1"/>
  <c r="X15437" i="1"/>
  <c r="X15438" i="1"/>
  <c r="X15439" i="1"/>
  <c r="X15440" i="1"/>
  <c r="X15441" i="1"/>
  <c r="X15442" i="1"/>
  <c r="X15443" i="1"/>
  <c r="X15444" i="1"/>
  <c r="X15445" i="1"/>
  <c r="X15446" i="1"/>
  <c r="X15447" i="1"/>
  <c r="X15448" i="1"/>
  <c r="X15449" i="1"/>
  <c r="X15450" i="1"/>
  <c r="X15451" i="1"/>
  <c r="X15452" i="1"/>
  <c r="X15453" i="1"/>
  <c r="X15454" i="1"/>
  <c r="X15455" i="1"/>
  <c r="X15456" i="1"/>
  <c r="X15457" i="1"/>
  <c r="X15458" i="1"/>
  <c r="X15459" i="1"/>
  <c r="X15460" i="1"/>
  <c r="X15461" i="1"/>
  <c r="X15462" i="1"/>
  <c r="X15463" i="1"/>
  <c r="X15464" i="1"/>
  <c r="X15465" i="1"/>
  <c r="X15466" i="1"/>
  <c r="X15467" i="1"/>
  <c r="X15468" i="1"/>
  <c r="X15469" i="1"/>
  <c r="X15470" i="1"/>
  <c r="X15471" i="1"/>
  <c r="X15472" i="1"/>
  <c r="X15473" i="1"/>
  <c r="X15474" i="1"/>
  <c r="X15475" i="1"/>
  <c r="X15476" i="1"/>
  <c r="X15477" i="1"/>
  <c r="X15478" i="1"/>
  <c r="X15479" i="1"/>
  <c r="X15480" i="1"/>
  <c r="X15481" i="1"/>
  <c r="X15482" i="1"/>
  <c r="X15483" i="1"/>
  <c r="X15484" i="1"/>
  <c r="X15485" i="1"/>
  <c r="X15486" i="1"/>
  <c r="X15487" i="1"/>
  <c r="X15488" i="1"/>
  <c r="X15489" i="1"/>
  <c r="X15490" i="1"/>
  <c r="X15491" i="1"/>
  <c r="X15492" i="1"/>
  <c r="X15493" i="1"/>
  <c r="X15494" i="1"/>
  <c r="X15495" i="1"/>
  <c r="X15496" i="1"/>
  <c r="X15497" i="1"/>
  <c r="X15498" i="1"/>
  <c r="X15499" i="1"/>
  <c r="X15500" i="1"/>
  <c r="X15501" i="1"/>
  <c r="X15502" i="1"/>
  <c r="X15503" i="1"/>
  <c r="X15504" i="1"/>
  <c r="X15505" i="1"/>
  <c r="X15506" i="1"/>
  <c r="X15507" i="1"/>
  <c r="X15508" i="1"/>
  <c r="X15509" i="1"/>
  <c r="X15510" i="1"/>
  <c r="X15511" i="1"/>
  <c r="X15512" i="1"/>
  <c r="X15513" i="1"/>
  <c r="X15514" i="1"/>
  <c r="X15515" i="1"/>
  <c r="X15516" i="1"/>
  <c r="X15517" i="1"/>
  <c r="X15518" i="1"/>
  <c r="X15519" i="1"/>
  <c r="X15520" i="1"/>
  <c r="X15521" i="1"/>
  <c r="X15522" i="1"/>
  <c r="X15523" i="1"/>
  <c r="X15524" i="1"/>
  <c r="X15525" i="1"/>
  <c r="X15526" i="1"/>
  <c r="X15527" i="1"/>
  <c r="X15528" i="1"/>
  <c r="X15529" i="1"/>
  <c r="X15530" i="1"/>
  <c r="X15531" i="1"/>
  <c r="X15532" i="1"/>
  <c r="X15533" i="1"/>
  <c r="X15534" i="1"/>
  <c r="X15535" i="1"/>
  <c r="X15536" i="1"/>
  <c r="X15537" i="1"/>
  <c r="X15538" i="1"/>
  <c r="X15539" i="1"/>
  <c r="X15540" i="1"/>
  <c r="X15541" i="1"/>
  <c r="X15542" i="1"/>
  <c r="X15543" i="1"/>
  <c r="X15544" i="1"/>
  <c r="X15545" i="1"/>
  <c r="X15546" i="1"/>
  <c r="X15547" i="1"/>
  <c r="X15548" i="1"/>
  <c r="X15549" i="1"/>
  <c r="X15550" i="1"/>
  <c r="X15551" i="1"/>
  <c r="X15552" i="1"/>
  <c r="X15553" i="1"/>
  <c r="X15554" i="1"/>
  <c r="X15555" i="1"/>
  <c r="X15556" i="1"/>
  <c r="X15557" i="1"/>
  <c r="X15558" i="1"/>
  <c r="X15559" i="1"/>
  <c r="X15560" i="1"/>
  <c r="X15561" i="1"/>
  <c r="X15562" i="1"/>
  <c r="X15563" i="1"/>
  <c r="X15564" i="1"/>
  <c r="X15565" i="1"/>
  <c r="X15566" i="1"/>
  <c r="X15567" i="1"/>
  <c r="X15568" i="1"/>
  <c r="X15569" i="1"/>
  <c r="X15570" i="1"/>
  <c r="X15571" i="1"/>
  <c r="X15572" i="1"/>
  <c r="X15573" i="1"/>
  <c r="X15574" i="1"/>
  <c r="X15575" i="1"/>
  <c r="X15576" i="1"/>
  <c r="X15577" i="1"/>
  <c r="X15578" i="1"/>
  <c r="X15579" i="1"/>
  <c r="X15580" i="1"/>
  <c r="X15581" i="1"/>
  <c r="X15582" i="1"/>
  <c r="X15583" i="1"/>
  <c r="X15584" i="1"/>
  <c r="X15585" i="1"/>
  <c r="X15586" i="1"/>
  <c r="X15587" i="1"/>
  <c r="X15588" i="1"/>
  <c r="X15589" i="1"/>
  <c r="X15590" i="1"/>
  <c r="X15591" i="1"/>
  <c r="X15592" i="1"/>
  <c r="X15593" i="1"/>
  <c r="X15594" i="1"/>
  <c r="X15595" i="1"/>
  <c r="X15596" i="1"/>
  <c r="X15597" i="1"/>
  <c r="X15598" i="1"/>
  <c r="X15599" i="1"/>
  <c r="X15600" i="1"/>
  <c r="X15601" i="1"/>
  <c r="X15602" i="1"/>
  <c r="X15603" i="1"/>
  <c r="X15604" i="1"/>
  <c r="X15605" i="1"/>
  <c r="X15606" i="1"/>
  <c r="X15607" i="1"/>
  <c r="X15608" i="1"/>
  <c r="X15609" i="1"/>
  <c r="X15610" i="1"/>
  <c r="X15611" i="1"/>
  <c r="X15612" i="1"/>
  <c r="X15613" i="1"/>
  <c r="X15614" i="1"/>
  <c r="X15615" i="1"/>
  <c r="X15616" i="1"/>
  <c r="X15617" i="1"/>
  <c r="X15618" i="1"/>
  <c r="X15619" i="1"/>
  <c r="X15620" i="1"/>
  <c r="X15621" i="1"/>
  <c r="X15622" i="1"/>
  <c r="X15623" i="1"/>
  <c r="X15624" i="1"/>
  <c r="X15625" i="1"/>
  <c r="X15626" i="1"/>
  <c r="X15627" i="1"/>
  <c r="X15628" i="1"/>
  <c r="X15629" i="1"/>
  <c r="X15630" i="1"/>
  <c r="X15631" i="1"/>
  <c r="X15632" i="1"/>
  <c r="X15633" i="1"/>
  <c r="X15634" i="1"/>
  <c r="X15635" i="1"/>
  <c r="X15636" i="1"/>
  <c r="X15637" i="1"/>
  <c r="X15638" i="1"/>
  <c r="X15639" i="1"/>
  <c r="X15640" i="1"/>
  <c r="X15641" i="1"/>
  <c r="X15642" i="1"/>
  <c r="X15643" i="1"/>
  <c r="X15644" i="1"/>
  <c r="X15645" i="1"/>
  <c r="X15646" i="1"/>
  <c r="X15647" i="1"/>
  <c r="X15648" i="1"/>
  <c r="X15649" i="1"/>
  <c r="X15650" i="1"/>
  <c r="X15651" i="1"/>
  <c r="X15652" i="1"/>
  <c r="X15653" i="1"/>
  <c r="X15654" i="1"/>
  <c r="X15655" i="1"/>
  <c r="X15656" i="1"/>
  <c r="X15657" i="1"/>
  <c r="X15658" i="1"/>
  <c r="X15659" i="1"/>
  <c r="X15660" i="1"/>
  <c r="X15661" i="1"/>
  <c r="X15662" i="1"/>
  <c r="X15663" i="1"/>
  <c r="X15664" i="1"/>
  <c r="X15665" i="1"/>
  <c r="X15666" i="1"/>
  <c r="X15667" i="1"/>
  <c r="X15668" i="1"/>
  <c r="X15669" i="1"/>
  <c r="X15670" i="1"/>
  <c r="X15671" i="1"/>
  <c r="X15672" i="1"/>
  <c r="X15673" i="1"/>
  <c r="X15674" i="1"/>
  <c r="X15675" i="1"/>
  <c r="X15676" i="1"/>
  <c r="X15677" i="1"/>
  <c r="X15678" i="1"/>
  <c r="X15679" i="1"/>
  <c r="X15680" i="1"/>
  <c r="X15681" i="1"/>
  <c r="X15682" i="1"/>
  <c r="X15683" i="1"/>
  <c r="X15684" i="1"/>
  <c r="X15685" i="1"/>
  <c r="X15686" i="1"/>
  <c r="X15687" i="1"/>
  <c r="X15688" i="1"/>
  <c r="X15689" i="1"/>
  <c r="X15690" i="1"/>
  <c r="X15691" i="1"/>
  <c r="X15692" i="1"/>
  <c r="X15693" i="1"/>
  <c r="X15694" i="1"/>
  <c r="X15695" i="1"/>
  <c r="X15696" i="1"/>
  <c r="X15697" i="1"/>
  <c r="X15698" i="1"/>
  <c r="X15699" i="1"/>
  <c r="X15700" i="1"/>
  <c r="X15701" i="1"/>
  <c r="X15702" i="1"/>
  <c r="X15703" i="1"/>
  <c r="X15704" i="1"/>
  <c r="X15705" i="1"/>
  <c r="X15706" i="1"/>
  <c r="X15707" i="1"/>
  <c r="X15708" i="1"/>
  <c r="X15709" i="1"/>
  <c r="X15710" i="1"/>
  <c r="X15711" i="1"/>
  <c r="X15712" i="1"/>
  <c r="X15713" i="1"/>
  <c r="X15714" i="1"/>
  <c r="X15715" i="1"/>
  <c r="X15716" i="1"/>
  <c r="X15717" i="1"/>
  <c r="X15718" i="1"/>
  <c r="X15719" i="1"/>
  <c r="X15720" i="1"/>
  <c r="X15721" i="1"/>
  <c r="X15722" i="1"/>
  <c r="X15723" i="1"/>
  <c r="X15724" i="1"/>
  <c r="X15725" i="1"/>
  <c r="X15726" i="1"/>
  <c r="X15727" i="1"/>
  <c r="X15728" i="1"/>
  <c r="X15729" i="1"/>
  <c r="X15730" i="1"/>
  <c r="X15731" i="1"/>
  <c r="X15732" i="1"/>
  <c r="X15733" i="1"/>
  <c r="X15734" i="1"/>
  <c r="X15735" i="1"/>
  <c r="X15736" i="1"/>
  <c r="X15737" i="1"/>
  <c r="X15738" i="1"/>
  <c r="X15739" i="1"/>
  <c r="X15740" i="1"/>
  <c r="X15741" i="1"/>
  <c r="X15742" i="1"/>
  <c r="X15743" i="1"/>
  <c r="X15744" i="1"/>
  <c r="X15745" i="1"/>
  <c r="X15746" i="1"/>
  <c r="X15747" i="1"/>
  <c r="X15748" i="1"/>
  <c r="X15749" i="1"/>
  <c r="X15750" i="1"/>
  <c r="X15751" i="1"/>
  <c r="X15752" i="1"/>
  <c r="X15753" i="1"/>
  <c r="X15754" i="1"/>
  <c r="X15755" i="1"/>
  <c r="X15756" i="1"/>
  <c r="X15757" i="1"/>
  <c r="X15758" i="1"/>
  <c r="X15759" i="1"/>
  <c r="X15760" i="1"/>
  <c r="X15761" i="1"/>
  <c r="X15762" i="1"/>
  <c r="X15763" i="1"/>
  <c r="X15764" i="1"/>
  <c r="X15765" i="1"/>
  <c r="X15766" i="1"/>
  <c r="X15767" i="1"/>
  <c r="X15768" i="1"/>
  <c r="X15769" i="1"/>
  <c r="X15770" i="1"/>
  <c r="X15771" i="1"/>
  <c r="X15772" i="1"/>
  <c r="X15773" i="1"/>
  <c r="X15774" i="1"/>
  <c r="X15775" i="1"/>
  <c r="X15776" i="1"/>
  <c r="X15777" i="1"/>
  <c r="X15778" i="1"/>
  <c r="X15779" i="1"/>
  <c r="X15780" i="1"/>
  <c r="X15781" i="1"/>
  <c r="X15782" i="1"/>
  <c r="X15783" i="1"/>
  <c r="X15784" i="1"/>
  <c r="X15785" i="1"/>
  <c r="X15786" i="1"/>
  <c r="X15787" i="1"/>
  <c r="X15788" i="1"/>
  <c r="X15789" i="1"/>
  <c r="X15790" i="1"/>
  <c r="X15791" i="1"/>
  <c r="X15792" i="1"/>
  <c r="X15793" i="1"/>
  <c r="X15794" i="1"/>
  <c r="X15795" i="1"/>
  <c r="X15796" i="1"/>
  <c r="X15797" i="1"/>
  <c r="X15798" i="1"/>
  <c r="X15799" i="1"/>
  <c r="X15800" i="1"/>
  <c r="X15801" i="1"/>
  <c r="X15802" i="1"/>
  <c r="X15803" i="1"/>
  <c r="X15804" i="1"/>
  <c r="X15805" i="1"/>
  <c r="X15806" i="1"/>
  <c r="X15807" i="1"/>
  <c r="X15808" i="1"/>
  <c r="X15809" i="1"/>
  <c r="X15810" i="1"/>
  <c r="X15811" i="1"/>
  <c r="X15812" i="1"/>
  <c r="X15813" i="1"/>
  <c r="X15814" i="1"/>
  <c r="X15815" i="1"/>
  <c r="X15816" i="1"/>
  <c r="X15817" i="1"/>
  <c r="X15818" i="1"/>
  <c r="X15819" i="1"/>
  <c r="X15820" i="1"/>
  <c r="X15821" i="1"/>
  <c r="X15822" i="1"/>
  <c r="X15823" i="1"/>
  <c r="X15824" i="1"/>
  <c r="X15825" i="1"/>
  <c r="X15826" i="1"/>
  <c r="X15827" i="1"/>
  <c r="X15828" i="1"/>
  <c r="X15829" i="1"/>
  <c r="X15830" i="1"/>
  <c r="X15831" i="1"/>
  <c r="X15832" i="1"/>
  <c r="X15833" i="1"/>
  <c r="X15834" i="1"/>
  <c r="X15835" i="1"/>
  <c r="X15836" i="1"/>
  <c r="X15837" i="1"/>
  <c r="X15838" i="1"/>
  <c r="X15839" i="1"/>
  <c r="X15840" i="1"/>
  <c r="X15841" i="1"/>
  <c r="X15842" i="1"/>
  <c r="X15843" i="1"/>
  <c r="X15844" i="1"/>
  <c r="X15845" i="1"/>
  <c r="X15846" i="1"/>
  <c r="X15847" i="1"/>
  <c r="X15848" i="1"/>
  <c r="X15849" i="1"/>
  <c r="X15850" i="1"/>
  <c r="X15851" i="1"/>
  <c r="X15852" i="1"/>
  <c r="X15853" i="1"/>
  <c r="X15854" i="1"/>
  <c r="X15855" i="1"/>
  <c r="X15856" i="1"/>
  <c r="X15857" i="1"/>
  <c r="X15858" i="1"/>
  <c r="X15859" i="1"/>
  <c r="X15860" i="1"/>
  <c r="X15861" i="1"/>
  <c r="X15862" i="1"/>
  <c r="X15863" i="1"/>
  <c r="X15864" i="1"/>
  <c r="X15865" i="1"/>
  <c r="X15866" i="1"/>
  <c r="X15867" i="1"/>
  <c r="X15868" i="1"/>
  <c r="X15869" i="1"/>
  <c r="X15870" i="1"/>
  <c r="X15871" i="1"/>
  <c r="X15872" i="1"/>
  <c r="X15873" i="1"/>
  <c r="X15874" i="1"/>
  <c r="X15875" i="1"/>
  <c r="X15876" i="1"/>
  <c r="X15877" i="1"/>
  <c r="X15878" i="1"/>
  <c r="X15879" i="1"/>
  <c r="X15880" i="1"/>
  <c r="X15881" i="1"/>
  <c r="X15882" i="1"/>
  <c r="X15883" i="1"/>
  <c r="X15884" i="1"/>
  <c r="X15885" i="1"/>
  <c r="X15886" i="1"/>
  <c r="X15887" i="1"/>
  <c r="X15888" i="1"/>
  <c r="X15889" i="1"/>
  <c r="X15890" i="1"/>
  <c r="X15891" i="1"/>
  <c r="X15892" i="1"/>
  <c r="X15893" i="1"/>
  <c r="X15894" i="1"/>
  <c r="X15895" i="1"/>
  <c r="X15896" i="1"/>
  <c r="X15897" i="1"/>
  <c r="X15898" i="1"/>
  <c r="X15899" i="1"/>
  <c r="X15900" i="1"/>
  <c r="X15901" i="1"/>
  <c r="X15902" i="1"/>
  <c r="X15903" i="1"/>
  <c r="X15904" i="1"/>
  <c r="X15905" i="1"/>
  <c r="X15906" i="1"/>
  <c r="X15907" i="1"/>
  <c r="X15908" i="1"/>
  <c r="X15909" i="1"/>
  <c r="X15910" i="1"/>
  <c r="X15911" i="1"/>
  <c r="X15912" i="1"/>
  <c r="X15913" i="1"/>
  <c r="X15914" i="1"/>
  <c r="X15915" i="1"/>
  <c r="X15916" i="1"/>
  <c r="X15917" i="1"/>
  <c r="X15918" i="1"/>
  <c r="X15919" i="1"/>
  <c r="X15920" i="1"/>
  <c r="X15921" i="1"/>
  <c r="X15922" i="1"/>
  <c r="X15923" i="1"/>
  <c r="X15924" i="1"/>
  <c r="X15925" i="1"/>
  <c r="X15926" i="1"/>
  <c r="X15927" i="1"/>
  <c r="X15928" i="1"/>
  <c r="X15929" i="1"/>
  <c r="X15930" i="1"/>
  <c r="X15931" i="1"/>
  <c r="X15932" i="1"/>
  <c r="X15933" i="1"/>
  <c r="X15934" i="1"/>
  <c r="X15935" i="1"/>
  <c r="X15936" i="1"/>
  <c r="X15937" i="1"/>
  <c r="X15938" i="1"/>
  <c r="X15939" i="1"/>
  <c r="X15940" i="1"/>
  <c r="X15941" i="1"/>
  <c r="X15942" i="1"/>
  <c r="X15943" i="1"/>
  <c r="X15944" i="1"/>
  <c r="X15945" i="1"/>
  <c r="X15946" i="1"/>
  <c r="X15947" i="1"/>
  <c r="X15948" i="1"/>
  <c r="X15949" i="1"/>
  <c r="X15950" i="1"/>
  <c r="X15951" i="1"/>
  <c r="X15952" i="1"/>
  <c r="X15953" i="1"/>
  <c r="X15954" i="1"/>
  <c r="X15955" i="1"/>
  <c r="X15956" i="1"/>
  <c r="X15957" i="1"/>
  <c r="X15958" i="1"/>
  <c r="X15959" i="1"/>
  <c r="X15960" i="1"/>
  <c r="X15961" i="1"/>
  <c r="X15962" i="1"/>
  <c r="X15963" i="1"/>
  <c r="X15964" i="1"/>
  <c r="X15965" i="1"/>
  <c r="X15966" i="1"/>
  <c r="X15967" i="1"/>
  <c r="X15968" i="1"/>
  <c r="X15969" i="1"/>
  <c r="X15970" i="1"/>
  <c r="X15971" i="1"/>
  <c r="X15972" i="1"/>
  <c r="X15973" i="1"/>
  <c r="X15974" i="1"/>
  <c r="X15975" i="1"/>
  <c r="X15976" i="1"/>
  <c r="X15977" i="1"/>
  <c r="X15978" i="1"/>
  <c r="X15979" i="1"/>
  <c r="X15980" i="1"/>
  <c r="X15981" i="1"/>
  <c r="X15982" i="1"/>
  <c r="X15983" i="1"/>
  <c r="X15984" i="1"/>
  <c r="X15985" i="1"/>
  <c r="X15986" i="1"/>
  <c r="X15987" i="1"/>
  <c r="X15988" i="1"/>
  <c r="X15989" i="1"/>
  <c r="X15990" i="1"/>
  <c r="X15991" i="1"/>
  <c r="X15992" i="1"/>
  <c r="X15993" i="1"/>
  <c r="X15994" i="1"/>
  <c r="X15995" i="1"/>
  <c r="X15996" i="1"/>
  <c r="X15997" i="1"/>
  <c r="X15998" i="1"/>
  <c r="X15999" i="1"/>
  <c r="X16000" i="1"/>
  <c r="X16001" i="1"/>
  <c r="X16002" i="1"/>
  <c r="X16003" i="1"/>
  <c r="X16004" i="1"/>
  <c r="X16005" i="1"/>
  <c r="X16006" i="1"/>
  <c r="X16007" i="1"/>
  <c r="X16008" i="1"/>
  <c r="X16009" i="1"/>
  <c r="X16010" i="1"/>
  <c r="X16011" i="1"/>
  <c r="X16012" i="1"/>
  <c r="X16013" i="1"/>
  <c r="X16014" i="1"/>
  <c r="X16015" i="1"/>
  <c r="X16016" i="1"/>
  <c r="X16017" i="1"/>
  <c r="X16018" i="1"/>
  <c r="X16019" i="1"/>
  <c r="X16020" i="1"/>
  <c r="X16021" i="1"/>
  <c r="X16022" i="1"/>
  <c r="X16023" i="1"/>
  <c r="X16024" i="1"/>
  <c r="X16025" i="1"/>
  <c r="X16026" i="1"/>
  <c r="X16027" i="1"/>
  <c r="X16028" i="1"/>
  <c r="X16029" i="1"/>
  <c r="X16030" i="1"/>
  <c r="X16031" i="1"/>
  <c r="X16032" i="1"/>
  <c r="X16033" i="1"/>
  <c r="X16034" i="1"/>
  <c r="X16035" i="1"/>
  <c r="X16036" i="1"/>
  <c r="X16037" i="1"/>
  <c r="X16038" i="1"/>
  <c r="X16039" i="1"/>
  <c r="X16040" i="1"/>
  <c r="X16041" i="1"/>
  <c r="X16042" i="1"/>
  <c r="X16043" i="1"/>
  <c r="X16044" i="1"/>
  <c r="X16045" i="1"/>
  <c r="X16046" i="1"/>
  <c r="X16047" i="1"/>
  <c r="X16048" i="1"/>
  <c r="X16049" i="1"/>
  <c r="X16050" i="1"/>
  <c r="X16051" i="1"/>
  <c r="X16052" i="1"/>
  <c r="X16053" i="1"/>
  <c r="X16054" i="1"/>
  <c r="X16055" i="1"/>
  <c r="X16056" i="1"/>
  <c r="X16057" i="1"/>
  <c r="X16058" i="1"/>
  <c r="X16059" i="1"/>
  <c r="X16060" i="1"/>
  <c r="X16061" i="1"/>
  <c r="X16062" i="1"/>
  <c r="X16063" i="1"/>
  <c r="X16064" i="1"/>
  <c r="X16065" i="1"/>
  <c r="X16066" i="1"/>
  <c r="X16067" i="1"/>
  <c r="X16068" i="1"/>
  <c r="X16069" i="1"/>
  <c r="X16070" i="1"/>
  <c r="X16071" i="1"/>
  <c r="X16072" i="1"/>
  <c r="X16073" i="1"/>
  <c r="X16074" i="1"/>
  <c r="X16075" i="1"/>
  <c r="X16076" i="1"/>
  <c r="X16077" i="1"/>
  <c r="X16078" i="1"/>
  <c r="X16079" i="1"/>
  <c r="X16080" i="1"/>
  <c r="X16081" i="1"/>
  <c r="X16082" i="1"/>
  <c r="X16083" i="1"/>
  <c r="X16084" i="1"/>
  <c r="X16085" i="1"/>
  <c r="X16086" i="1"/>
  <c r="X16087" i="1"/>
  <c r="X16088" i="1"/>
  <c r="X16089" i="1"/>
  <c r="X16090" i="1"/>
  <c r="X16091" i="1"/>
  <c r="X16092" i="1"/>
  <c r="X16093" i="1"/>
  <c r="X16094" i="1"/>
  <c r="X16095" i="1"/>
  <c r="X16096" i="1"/>
  <c r="X16097" i="1"/>
  <c r="X16098" i="1"/>
  <c r="X16099" i="1"/>
  <c r="X16100" i="1"/>
  <c r="X16101" i="1"/>
  <c r="X16102" i="1"/>
  <c r="X16103" i="1"/>
  <c r="X16104" i="1"/>
  <c r="X16105" i="1"/>
  <c r="X16106" i="1"/>
  <c r="X16107" i="1"/>
  <c r="X16108" i="1"/>
  <c r="X16109" i="1"/>
  <c r="X16110" i="1"/>
  <c r="X16111" i="1"/>
  <c r="X16112" i="1"/>
  <c r="X16113" i="1"/>
  <c r="X16114" i="1"/>
  <c r="X16115" i="1"/>
  <c r="X16116" i="1"/>
  <c r="X16117" i="1"/>
  <c r="X16118" i="1"/>
  <c r="X16119" i="1"/>
  <c r="X16120" i="1"/>
  <c r="X16121" i="1"/>
  <c r="X16122" i="1"/>
  <c r="X16123" i="1"/>
  <c r="X16124" i="1"/>
  <c r="X16125" i="1"/>
  <c r="X16126" i="1"/>
  <c r="X16127" i="1"/>
  <c r="X16128" i="1"/>
  <c r="X16129" i="1"/>
  <c r="X16130" i="1"/>
  <c r="X16131" i="1"/>
  <c r="X16132" i="1"/>
  <c r="X16133" i="1"/>
  <c r="X16134" i="1"/>
  <c r="X16135" i="1"/>
  <c r="X16136" i="1"/>
  <c r="X16137" i="1"/>
  <c r="X16138" i="1"/>
  <c r="X16139" i="1"/>
  <c r="X16140" i="1"/>
  <c r="X16141" i="1"/>
  <c r="X16142" i="1"/>
  <c r="X16143" i="1"/>
  <c r="X16144" i="1"/>
  <c r="X16145" i="1"/>
  <c r="X16146" i="1"/>
  <c r="X16147" i="1"/>
  <c r="X16148" i="1"/>
  <c r="X16149" i="1"/>
  <c r="X16150" i="1"/>
  <c r="X16151" i="1"/>
  <c r="X16152" i="1"/>
  <c r="X16153" i="1"/>
  <c r="X16154" i="1"/>
  <c r="X16155" i="1"/>
  <c r="X16156" i="1"/>
  <c r="X16157" i="1"/>
  <c r="X16158" i="1"/>
  <c r="X16159" i="1"/>
  <c r="X16160" i="1"/>
  <c r="X16161" i="1"/>
  <c r="X16162" i="1"/>
  <c r="X16163" i="1"/>
  <c r="X16164" i="1"/>
  <c r="X16165" i="1"/>
  <c r="X16166" i="1"/>
  <c r="X16167" i="1"/>
  <c r="X16168" i="1"/>
  <c r="X16169" i="1"/>
  <c r="X16170" i="1"/>
  <c r="X16171" i="1"/>
  <c r="X16172" i="1"/>
  <c r="X16173" i="1"/>
  <c r="X16174" i="1"/>
  <c r="X16175" i="1"/>
  <c r="X16176" i="1"/>
  <c r="X16177" i="1"/>
  <c r="X16178" i="1"/>
  <c r="X16179" i="1"/>
  <c r="X16180" i="1"/>
  <c r="X16181" i="1"/>
  <c r="X16182" i="1"/>
  <c r="X16183" i="1"/>
  <c r="X16184" i="1"/>
  <c r="X16185" i="1"/>
  <c r="X16186" i="1"/>
  <c r="X16187" i="1"/>
  <c r="X16188" i="1"/>
  <c r="X16189" i="1"/>
  <c r="X16190" i="1"/>
  <c r="X16191" i="1"/>
  <c r="X16192" i="1"/>
  <c r="X16193" i="1"/>
  <c r="X16194" i="1"/>
  <c r="X16195" i="1"/>
  <c r="X16196" i="1"/>
  <c r="X16197" i="1"/>
  <c r="X16198" i="1"/>
  <c r="X16199" i="1"/>
  <c r="X16200" i="1"/>
  <c r="X16201" i="1"/>
  <c r="X16202" i="1"/>
  <c r="X16203" i="1"/>
  <c r="X16204" i="1"/>
  <c r="X16205" i="1"/>
  <c r="X16206" i="1"/>
  <c r="X16207" i="1"/>
  <c r="X16208" i="1"/>
  <c r="X16209" i="1"/>
  <c r="X16210" i="1"/>
  <c r="X16211" i="1"/>
  <c r="X16212" i="1"/>
  <c r="X16213" i="1"/>
  <c r="X16214" i="1"/>
  <c r="X16215" i="1"/>
  <c r="X16216" i="1"/>
  <c r="X16217" i="1"/>
  <c r="X16218" i="1"/>
  <c r="X16219" i="1"/>
  <c r="X16220" i="1"/>
  <c r="X16221" i="1"/>
  <c r="X16222" i="1"/>
  <c r="X16223" i="1"/>
  <c r="X16224" i="1"/>
  <c r="X16225" i="1"/>
  <c r="X16226" i="1"/>
  <c r="X16227" i="1"/>
  <c r="X16228" i="1"/>
  <c r="X16229" i="1"/>
  <c r="X16230" i="1"/>
  <c r="X16231" i="1"/>
  <c r="X16232" i="1"/>
  <c r="X16233" i="1"/>
  <c r="X16234" i="1"/>
  <c r="X16235" i="1"/>
  <c r="X16236" i="1"/>
  <c r="X16237" i="1"/>
  <c r="X16238" i="1"/>
  <c r="X16239" i="1"/>
  <c r="X16240" i="1"/>
  <c r="X16241" i="1"/>
  <c r="X16242" i="1"/>
  <c r="X16243" i="1"/>
  <c r="X16244" i="1"/>
  <c r="X16245" i="1"/>
  <c r="X16246" i="1"/>
  <c r="X16247" i="1"/>
  <c r="X16248" i="1"/>
  <c r="X16249" i="1"/>
  <c r="X16250" i="1"/>
  <c r="X16251" i="1"/>
  <c r="X16252" i="1"/>
  <c r="X16253" i="1"/>
  <c r="X16254" i="1"/>
  <c r="X16255" i="1"/>
  <c r="X16256" i="1"/>
  <c r="X16257" i="1"/>
  <c r="X16258" i="1"/>
  <c r="X16259" i="1"/>
  <c r="X16260" i="1"/>
  <c r="X16261" i="1"/>
  <c r="X16262" i="1"/>
  <c r="X16263" i="1"/>
  <c r="X16264" i="1"/>
  <c r="X16265" i="1"/>
  <c r="X16266" i="1"/>
  <c r="X16267" i="1"/>
  <c r="X16268" i="1"/>
  <c r="X16269" i="1"/>
  <c r="X16270" i="1"/>
  <c r="X16271" i="1"/>
  <c r="X16272" i="1"/>
  <c r="X16273" i="1"/>
  <c r="X16274" i="1"/>
  <c r="X16275" i="1"/>
  <c r="X16276" i="1"/>
  <c r="X16277" i="1"/>
  <c r="X16278" i="1"/>
  <c r="X16279" i="1"/>
  <c r="X16280" i="1"/>
  <c r="X16281" i="1"/>
  <c r="X16282" i="1"/>
  <c r="X16283" i="1"/>
  <c r="X16284" i="1"/>
  <c r="X16285" i="1"/>
  <c r="X16286" i="1"/>
  <c r="X16287" i="1"/>
  <c r="X16288" i="1"/>
  <c r="X16289" i="1"/>
  <c r="X16290" i="1"/>
  <c r="X16291" i="1"/>
  <c r="X16292" i="1"/>
  <c r="X16293" i="1"/>
  <c r="X16294" i="1"/>
  <c r="X16295" i="1"/>
  <c r="X16296" i="1"/>
  <c r="X16297" i="1"/>
  <c r="X16298" i="1"/>
  <c r="X16299" i="1"/>
  <c r="X16300" i="1"/>
  <c r="X16301" i="1"/>
  <c r="X16302" i="1"/>
  <c r="X16303" i="1"/>
  <c r="X16304" i="1"/>
  <c r="X16305" i="1"/>
  <c r="X16306" i="1"/>
  <c r="X16307" i="1"/>
  <c r="X16308" i="1"/>
  <c r="X16309" i="1"/>
  <c r="X16310" i="1"/>
  <c r="X16311" i="1"/>
  <c r="X16312" i="1"/>
  <c r="X16313" i="1"/>
  <c r="X16314" i="1"/>
  <c r="X16315" i="1"/>
  <c r="X16316" i="1"/>
  <c r="X16317" i="1"/>
  <c r="X16318" i="1"/>
  <c r="X16319" i="1"/>
  <c r="X16320" i="1"/>
  <c r="X16321" i="1"/>
  <c r="X16322" i="1"/>
  <c r="X16323" i="1"/>
  <c r="X16324" i="1"/>
  <c r="X16325" i="1"/>
  <c r="X16326" i="1"/>
  <c r="X16327" i="1"/>
  <c r="X16328" i="1"/>
  <c r="X16329" i="1"/>
  <c r="X16330" i="1"/>
  <c r="X16331" i="1"/>
  <c r="X16332" i="1"/>
  <c r="X16333" i="1"/>
  <c r="X16334" i="1"/>
  <c r="X16335" i="1"/>
  <c r="X16336" i="1"/>
  <c r="X16337" i="1"/>
  <c r="X16338" i="1"/>
  <c r="X16339" i="1"/>
  <c r="X16340" i="1"/>
  <c r="X16341" i="1"/>
  <c r="X16342" i="1"/>
  <c r="X16343" i="1"/>
  <c r="X16344" i="1"/>
  <c r="X16345" i="1"/>
  <c r="X16346" i="1"/>
  <c r="X16347" i="1"/>
  <c r="X16348" i="1"/>
  <c r="X16349" i="1"/>
  <c r="X16350" i="1"/>
  <c r="X16351" i="1"/>
  <c r="X16352" i="1"/>
  <c r="X16353" i="1"/>
  <c r="X16354" i="1"/>
  <c r="X16355" i="1"/>
  <c r="X16356" i="1"/>
  <c r="X16357" i="1"/>
  <c r="X16358" i="1"/>
  <c r="X16359" i="1"/>
  <c r="X16360" i="1"/>
  <c r="X16361" i="1"/>
  <c r="X16362" i="1"/>
  <c r="X16363" i="1"/>
  <c r="X16364" i="1"/>
  <c r="X16365" i="1"/>
  <c r="X16366" i="1"/>
  <c r="X16367" i="1"/>
  <c r="X16368" i="1"/>
  <c r="X16369" i="1"/>
  <c r="X16370" i="1"/>
  <c r="X16371" i="1"/>
  <c r="X16372" i="1"/>
  <c r="X16373" i="1"/>
  <c r="X16374" i="1"/>
  <c r="X16375" i="1"/>
  <c r="X16376" i="1"/>
  <c r="X16377" i="1"/>
  <c r="X16378" i="1"/>
  <c r="X16379" i="1"/>
  <c r="X16380" i="1"/>
  <c r="X16381" i="1"/>
  <c r="X16382" i="1"/>
  <c r="X16383" i="1"/>
  <c r="X16384" i="1"/>
  <c r="X16385" i="1"/>
  <c r="X16386" i="1"/>
  <c r="X16387" i="1"/>
  <c r="X16388" i="1"/>
  <c r="X16389" i="1"/>
  <c r="X16390" i="1"/>
  <c r="X16391" i="1"/>
  <c r="X16392" i="1"/>
  <c r="X16393" i="1"/>
  <c r="X16394" i="1"/>
  <c r="X16395" i="1"/>
  <c r="X16396" i="1"/>
  <c r="X16397" i="1"/>
  <c r="X16398" i="1"/>
  <c r="X16399" i="1"/>
  <c r="X16400" i="1"/>
  <c r="X16401" i="1"/>
  <c r="X16402" i="1"/>
  <c r="X16403" i="1"/>
  <c r="X16404" i="1"/>
  <c r="X16405" i="1"/>
  <c r="X16406" i="1"/>
  <c r="X16407" i="1"/>
  <c r="X16408" i="1"/>
  <c r="X16409" i="1"/>
  <c r="X16410" i="1"/>
  <c r="X16411" i="1"/>
  <c r="X16412" i="1"/>
  <c r="X16413" i="1"/>
  <c r="X16414" i="1"/>
  <c r="X16415" i="1"/>
  <c r="X16416" i="1"/>
  <c r="X16417" i="1"/>
  <c r="X16418" i="1"/>
  <c r="X16419" i="1"/>
  <c r="X16420" i="1"/>
  <c r="X16421" i="1"/>
  <c r="X16422" i="1"/>
  <c r="X16423" i="1"/>
  <c r="X16424" i="1"/>
  <c r="X16425" i="1"/>
  <c r="X16426" i="1"/>
  <c r="X16427" i="1"/>
  <c r="X16428" i="1"/>
  <c r="X16429" i="1"/>
  <c r="X16430" i="1"/>
  <c r="X16431" i="1"/>
  <c r="X16432" i="1"/>
  <c r="X16433" i="1"/>
  <c r="X16434" i="1"/>
  <c r="X16435" i="1"/>
  <c r="X16436" i="1"/>
  <c r="X16437" i="1"/>
  <c r="X16438" i="1"/>
  <c r="X16439" i="1"/>
  <c r="X16440" i="1"/>
  <c r="X16441" i="1"/>
  <c r="X16442" i="1"/>
  <c r="X16443" i="1"/>
  <c r="X16444" i="1"/>
  <c r="X16445" i="1"/>
  <c r="X16446" i="1"/>
  <c r="X16447" i="1"/>
  <c r="X16448" i="1"/>
  <c r="X16449" i="1"/>
  <c r="X16450" i="1"/>
  <c r="X16451" i="1"/>
  <c r="X16452" i="1"/>
  <c r="X16453" i="1"/>
  <c r="X16454" i="1"/>
  <c r="X16455" i="1"/>
  <c r="X16456" i="1"/>
  <c r="X16457" i="1"/>
  <c r="X16458" i="1"/>
  <c r="X16459" i="1"/>
  <c r="X16460" i="1"/>
  <c r="X16461" i="1"/>
  <c r="X16462" i="1"/>
  <c r="X16463" i="1"/>
  <c r="X16464" i="1"/>
  <c r="X16465" i="1"/>
  <c r="X16466" i="1"/>
  <c r="X16467" i="1"/>
  <c r="X16468" i="1"/>
  <c r="X16469" i="1"/>
  <c r="X16470" i="1"/>
  <c r="X16471" i="1"/>
  <c r="X16472" i="1"/>
  <c r="X16473" i="1"/>
  <c r="X16474" i="1"/>
  <c r="X16475" i="1"/>
  <c r="X16476" i="1"/>
  <c r="X16477" i="1"/>
  <c r="X16478" i="1"/>
  <c r="X16479" i="1"/>
  <c r="X16480" i="1"/>
  <c r="X16481" i="1"/>
  <c r="X16482" i="1"/>
  <c r="X16483" i="1"/>
  <c r="X16484" i="1"/>
  <c r="X16485" i="1"/>
  <c r="X16486" i="1"/>
  <c r="X16487" i="1"/>
  <c r="X16488" i="1"/>
  <c r="X16489" i="1"/>
  <c r="X16490" i="1"/>
  <c r="X16491" i="1"/>
  <c r="X16492" i="1"/>
  <c r="X16493" i="1"/>
  <c r="X16494" i="1"/>
  <c r="X16495" i="1"/>
  <c r="X16496" i="1"/>
  <c r="X16497" i="1"/>
  <c r="X16498" i="1"/>
  <c r="X16499" i="1"/>
  <c r="X16500" i="1"/>
  <c r="X16501" i="1"/>
  <c r="X16502" i="1"/>
  <c r="X16503" i="1"/>
  <c r="X16504" i="1"/>
  <c r="X16505" i="1"/>
  <c r="X16506" i="1"/>
  <c r="X16507" i="1"/>
  <c r="X16508" i="1"/>
  <c r="X16509" i="1"/>
  <c r="X16510" i="1"/>
  <c r="X16511" i="1"/>
  <c r="X16512" i="1"/>
  <c r="X16513" i="1"/>
  <c r="X16514" i="1"/>
  <c r="X16515" i="1"/>
  <c r="X16516" i="1"/>
  <c r="X16517" i="1"/>
  <c r="X16518" i="1"/>
  <c r="X16519" i="1"/>
  <c r="X16520" i="1"/>
  <c r="X16521" i="1"/>
  <c r="X16522" i="1"/>
  <c r="X16523" i="1"/>
  <c r="X16524" i="1"/>
  <c r="X16525" i="1"/>
  <c r="X16526" i="1"/>
  <c r="X16527" i="1"/>
  <c r="X16528" i="1"/>
  <c r="X16529" i="1"/>
  <c r="X16530" i="1"/>
  <c r="X16531" i="1"/>
  <c r="X16532" i="1"/>
  <c r="X16533" i="1"/>
  <c r="X16534" i="1"/>
  <c r="X16535" i="1"/>
  <c r="X16536" i="1"/>
  <c r="X16537" i="1"/>
  <c r="X16538" i="1"/>
  <c r="X16539" i="1"/>
  <c r="X16540" i="1"/>
  <c r="X16541" i="1"/>
  <c r="X16542" i="1"/>
  <c r="X16543" i="1"/>
  <c r="X16544" i="1"/>
  <c r="X16545" i="1"/>
  <c r="X16546" i="1"/>
  <c r="X16547" i="1"/>
  <c r="X16548" i="1"/>
  <c r="X16549" i="1"/>
  <c r="X16550" i="1"/>
  <c r="X16551" i="1"/>
  <c r="X16552" i="1"/>
  <c r="X16553" i="1"/>
  <c r="X16554" i="1"/>
  <c r="X16555" i="1"/>
  <c r="X16556" i="1"/>
  <c r="X16557" i="1"/>
  <c r="X16558" i="1"/>
  <c r="X16559" i="1"/>
  <c r="X16560" i="1"/>
  <c r="X16561" i="1"/>
  <c r="X16562" i="1"/>
  <c r="X16563" i="1"/>
  <c r="X16564" i="1"/>
  <c r="X16565" i="1"/>
  <c r="X16566" i="1"/>
  <c r="X16567" i="1"/>
  <c r="X16568" i="1"/>
  <c r="X16569" i="1"/>
  <c r="X16570" i="1"/>
  <c r="X16571" i="1"/>
  <c r="X16572" i="1"/>
  <c r="X16573" i="1"/>
  <c r="X16574" i="1"/>
  <c r="X16575" i="1"/>
  <c r="X16576" i="1"/>
  <c r="X16577" i="1"/>
  <c r="X16578" i="1"/>
  <c r="X16579" i="1"/>
  <c r="X16580" i="1"/>
  <c r="X16581" i="1"/>
  <c r="X16582" i="1"/>
  <c r="X16583" i="1"/>
  <c r="X16584" i="1"/>
  <c r="X16585" i="1"/>
  <c r="X16586" i="1"/>
  <c r="X16587" i="1"/>
  <c r="X16588" i="1"/>
  <c r="X16589" i="1"/>
  <c r="X16590" i="1"/>
  <c r="X16591" i="1"/>
  <c r="X16592" i="1"/>
  <c r="X16593" i="1"/>
  <c r="X16594" i="1"/>
  <c r="X16595" i="1"/>
  <c r="X16596" i="1"/>
  <c r="X16597" i="1"/>
  <c r="X16598" i="1"/>
  <c r="X16599" i="1"/>
  <c r="X16600" i="1"/>
  <c r="X16601" i="1"/>
  <c r="X16602" i="1"/>
  <c r="X16603" i="1"/>
  <c r="X16604" i="1"/>
  <c r="X16605" i="1"/>
  <c r="X16606" i="1"/>
  <c r="X16607" i="1"/>
  <c r="X16608" i="1"/>
  <c r="X16609" i="1"/>
  <c r="X16610" i="1"/>
  <c r="X16611" i="1"/>
  <c r="X16612" i="1"/>
  <c r="X16613" i="1"/>
  <c r="X16614" i="1"/>
  <c r="X16615" i="1"/>
  <c r="X16616" i="1"/>
  <c r="X16617" i="1"/>
  <c r="X16618" i="1"/>
  <c r="X16619" i="1"/>
  <c r="X16620" i="1"/>
  <c r="X16621" i="1"/>
  <c r="X16622" i="1"/>
  <c r="X16623" i="1"/>
  <c r="X16624" i="1"/>
  <c r="X16625" i="1"/>
  <c r="X16626" i="1"/>
  <c r="X16627" i="1"/>
  <c r="X16628" i="1"/>
  <c r="X16629" i="1"/>
  <c r="X16630" i="1"/>
  <c r="X16631" i="1"/>
  <c r="X16632" i="1"/>
  <c r="X16633" i="1"/>
  <c r="X16634" i="1"/>
  <c r="X16635" i="1"/>
  <c r="X16636" i="1"/>
  <c r="X16637" i="1"/>
  <c r="X16638" i="1"/>
  <c r="X16639" i="1"/>
  <c r="X16640" i="1"/>
  <c r="X16641" i="1"/>
  <c r="X16642" i="1"/>
  <c r="X16643" i="1"/>
  <c r="X16644" i="1"/>
  <c r="X16645" i="1"/>
  <c r="X16646" i="1"/>
  <c r="X16647" i="1"/>
  <c r="X16648" i="1"/>
  <c r="X16649" i="1"/>
  <c r="X16650" i="1"/>
  <c r="X16651" i="1"/>
  <c r="X16652" i="1"/>
  <c r="X16653" i="1"/>
  <c r="X16654" i="1"/>
  <c r="X16655" i="1"/>
  <c r="X16656" i="1"/>
  <c r="X16657" i="1"/>
  <c r="X16658" i="1"/>
  <c r="X16659" i="1"/>
  <c r="X16660" i="1"/>
  <c r="X16661" i="1"/>
  <c r="X16662" i="1"/>
  <c r="X16663" i="1"/>
  <c r="X16664" i="1"/>
  <c r="X16665" i="1"/>
  <c r="X16666" i="1"/>
  <c r="X16667" i="1"/>
  <c r="X16668" i="1"/>
  <c r="X16669" i="1"/>
  <c r="X16670" i="1"/>
  <c r="X16671" i="1"/>
  <c r="X16672" i="1"/>
  <c r="X16673" i="1"/>
  <c r="X16674" i="1"/>
  <c r="X16675" i="1"/>
  <c r="X16676" i="1"/>
  <c r="X16677" i="1"/>
  <c r="X16678" i="1"/>
  <c r="X16679" i="1"/>
  <c r="X16680" i="1"/>
  <c r="X16681" i="1"/>
  <c r="X16682" i="1"/>
  <c r="X16683" i="1"/>
  <c r="X16684" i="1"/>
  <c r="X16685" i="1"/>
  <c r="X16686" i="1"/>
  <c r="X16687" i="1"/>
  <c r="X16688" i="1"/>
  <c r="X16689" i="1"/>
  <c r="X16690" i="1"/>
  <c r="X16691" i="1"/>
  <c r="X16692" i="1"/>
  <c r="X16693" i="1"/>
  <c r="X16694" i="1"/>
  <c r="X16695" i="1"/>
  <c r="X16696" i="1"/>
  <c r="X16697" i="1"/>
  <c r="X16698" i="1"/>
  <c r="X16699" i="1"/>
  <c r="X16700" i="1"/>
  <c r="X16701" i="1"/>
  <c r="X16702" i="1"/>
  <c r="X16703" i="1"/>
  <c r="X16704" i="1"/>
  <c r="X16705" i="1"/>
  <c r="X16706" i="1"/>
  <c r="X16707" i="1"/>
  <c r="X16708" i="1"/>
  <c r="X16709" i="1"/>
  <c r="X16710" i="1"/>
  <c r="X16711" i="1"/>
  <c r="X16712" i="1"/>
  <c r="X16713" i="1"/>
  <c r="X16714" i="1"/>
  <c r="X16715" i="1"/>
  <c r="X16716" i="1"/>
  <c r="X16717" i="1"/>
  <c r="X16718" i="1"/>
  <c r="X16719" i="1"/>
  <c r="X16720" i="1"/>
  <c r="X16721" i="1"/>
  <c r="X16722" i="1"/>
  <c r="X16723" i="1"/>
  <c r="X16724" i="1"/>
  <c r="X16725" i="1"/>
  <c r="X16726" i="1"/>
  <c r="X16727" i="1"/>
  <c r="X16728" i="1"/>
  <c r="X16729" i="1"/>
  <c r="X16730" i="1"/>
  <c r="X16731" i="1"/>
  <c r="X16732" i="1"/>
  <c r="X16733" i="1"/>
  <c r="X16734" i="1"/>
  <c r="X16735" i="1"/>
  <c r="X16736" i="1"/>
  <c r="X16737" i="1"/>
  <c r="X16738" i="1"/>
  <c r="X16739" i="1"/>
  <c r="X16740" i="1"/>
  <c r="X16741" i="1"/>
  <c r="X16742" i="1"/>
  <c r="X16743" i="1"/>
  <c r="X16744" i="1"/>
  <c r="X16745" i="1"/>
  <c r="X16746" i="1"/>
  <c r="X16747" i="1"/>
  <c r="X16748" i="1"/>
  <c r="X16749" i="1"/>
  <c r="X16750" i="1"/>
  <c r="X16751" i="1"/>
  <c r="X16752" i="1"/>
  <c r="X16753" i="1"/>
  <c r="X16754" i="1"/>
  <c r="X16755" i="1"/>
  <c r="X16756" i="1"/>
  <c r="X16757" i="1"/>
  <c r="X16758" i="1"/>
  <c r="X16759" i="1"/>
  <c r="X16760" i="1"/>
  <c r="X16761" i="1"/>
  <c r="X16762" i="1"/>
  <c r="X16763" i="1"/>
  <c r="X16764" i="1"/>
  <c r="X16765" i="1"/>
  <c r="X16766" i="1"/>
  <c r="X16767" i="1"/>
  <c r="X16768" i="1"/>
  <c r="X16769" i="1"/>
  <c r="X16770" i="1"/>
  <c r="X16771" i="1"/>
  <c r="X16772" i="1"/>
  <c r="X16773" i="1"/>
  <c r="X16774" i="1"/>
  <c r="X16775" i="1"/>
  <c r="X16776" i="1"/>
  <c r="X16777" i="1"/>
  <c r="X16778" i="1"/>
  <c r="X16779" i="1"/>
  <c r="X16780" i="1"/>
  <c r="X16781" i="1"/>
  <c r="X16782" i="1"/>
  <c r="X16783" i="1"/>
  <c r="X16784" i="1"/>
  <c r="X16785" i="1"/>
  <c r="X16786" i="1"/>
  <c r="X16787" i="1"/>
  <c r="X16788" i="1"/>
  <c r="X16789" i="1"/>
  <c r="X16790" i="1"/>
  <c r="X16791" i="1"/>
  <c r="X16792" i="1"/>
  <c r="X16793" i="1"/>
  <c r="X16794" i="1"/>
  <c r="X16795" i="1"/>
  <c r="X16796" i="1"/>
  <c r="X16797" i="1"/>
  <c r="X16798" i="1"/>
  <c r="X16799" i="1"/>
  <c r="X16800" i="1"/>
  <c r="X16801" i="1"/>
  <c r="X16802" i="1"/>
  <c r="X16803" i="1"/>
  <c r="X16804" i="1"/>
  <c r="X16805" i="1"/>
  <c r="X16806" i="1"/>
  <c r="X16807" i="1"/>
  <c r="X16808" i="1"/>
  <c r="X16809" i="1"/>
  <c r="X16810" i="1"/>
  <c r="X16811" i="1"/>
  <c r="X16812" i="1"/>
  <c r="X16813" i="1"/>
  <c r="X16814" i="1"/>
  <c r="X16815" i="1"/>
  <c r="X16816" i="1"/>
  <c r="X16817" i="1"/>
  <c r="X16818" i="1"/>
  <c r="X16819" i="1"/>
  <c r="X16820" i="1"/>
  <c r="X16821" i="1"/>
  <c r="X16822" i="1"/>
  <c r="X16823" i="1"/>
  <c r="X16824" i="1"/>
  <c r="X16825" i="1"/>
  <c r="X16826" i="1"/>
  <c r="X16827" i="1"/>
  <c r="X16828" i="1"/>
  <c r="X16829" i="1"/>
  <c r="X16830" i="1"/>
  <c r="X16831" i="1"/>
  <c r="X16832" i="1"/>
  <c r="X16833" i="1"/>
  <c r="X16834" i="1"/>
  <c r="X16835" i="1"/>
  <c r="X16836" i="1"/>
  <c r="X16837" i="1"/>
  <c r="X16838" i="1"/>
  <c r="X16839" i="1"/>
  <c r="X16840" i="1"/>
  <c r="X16841" i="1"/>
  <c r="X16842" i="1"/>
  <c r="X16843" i="1"/>
  <c r="X16844" i="1"/>
  <c r="X16845" i="1"/>
  <c r="X16846" i="1"/>
  <c r="X16847" i="1"/>
  <c r="X16848" i="1"/>
  <c r="X16849" i="1"/>
  <c r="X16850" i="1"/>
  <c r="X16851" i="1"/>
  <c r="X16852" i="1"/>
  <c r="X16853" i="1"/>
  <c r="X16854" i="1"/>
  <c r="X16855" i="1"/>
  <c r="X16856" i="1"/>
  <c r="X16857" i="1"/>
  <c r="X16858" i="1"/>
  <c r="X16859" i="1"/>
  <c r="X16860" i="1"/>
  <c r="X16861" i="1"/>
  <c r="X16862" i="1"/>
  <c r="X16863" i="1"/>
  <c r="X16864" i="1"/>
  <c r="X16865" i="1"/>
  <c r="X16866" i="1"/>
  <c r="X16867" i="1"/>
  <c r="X16868" i="1"/>
  <c r="X16869" i="1"/>
  <c r="X16870" i="1"/>
  <c r="X16871" i="1"/>
  <c r="X16872" i="1"/>
  <c r="X16873" i="1"/>
  <c r="X16874" i="1"/>
  <c r="X16875" i="1"/>
  <c r="X16876" i="1"/>
  <c r="X16877" i="1"/>
  <c r="X16878" i="1"/>
  <c r="X16879" i="1"/>
  <c r="X16880" i="1"/>
  <c r="X16881" i="1"/>
  <c r="X16882" i="1"/>
  <c r="X16883" i="1"/>
  <c r="X16884" i="1"/>
  <c r="X16885" i="1"/>
  <c r="X16886" i="1"/>
  <c r="X16887" i="1"/>
  <c r="X16888" i="1"/>
  <c r="X16889" i="1"/>
  <c r="X16890" i="1"/>
  <c r="X16891" i="1"/>
  <c r="X16892" i="1"/>
  <c r="X16893" i="1"/>
  <c r="X16894" i="1"/>
  <c r="X16895" i="1"/>
  <c r="X16896" i="1"/>
  <c r="X16897" i="1"/>
  <c r="X16898" i="1"/>
  <c r="X16899" i="1"/>
  <c r="X16900" i="1"/>
  <c r="X16901" i="1"/>
  <c r="X16902" i="1"/>
  <c r="X16903" i="1"/>
  <c r="X16904" i="1"/>
  <c r="X16905" i="1"/>
  <c r="X16906" i="1"/>
  <c r="X16907" i="1"/>
  <c r="X16908" i="1"/>
  <c r="X16909" i="1"/>
  <c r="X16910" i="1"/>
  <c r="X16911" i="1"/>
  <c r="X16912" i="1"/>
  <c r="X16913" i="1"/>
  <c r="X16914" i="1"/>
  <c r="X16915" i="1"/>
  <c r="X16916" i="1"/>
  <c r="X16917" i="1"/>
  <c r="X16918" i="1"/>
  <c r="X16919" i="1"/>
  <c r="X16920" i="1"/>
  <c r="X16921" i="1"/>
  <c r="X16922" i="1"/>
  <c r="X16923" i="1"/>
  <c r="X16924" i="1"/>
  <c r="X16925" i="1"/>
  <c r="X16926" i="1"/>
  <c r="X16927" i="1"/>
  <c r="X16928" i="1"/>
  <c r="X16929" i="1"/>
  <c r="X16930" i="1"/>
  <c r="X16931" i="1"/>
  <c r="X16932" i="1"/>
  <c r="X16933" i="1"/>
  <c r="X16934" i="1"/>
  <c r="X16935" i="1"/>
  <c r="X16936" i="1"/>
  <c r="X16937" i="1"/>
  <c r="X16938" i="1"/>
  <c r="X16939" i="1"/>
  <c r="X16940" i="1"/>
  <c r="X16941" i="1"/>
  <c r="X16942" i="1"/>
  <c r="X16943" i="1"/>
  <c r="X16944" i="1"/>
  <c r="X16945" i="1"/>
  <c r="X16946" i="1"/>
  <c r="X16947" i="1"/>
  <c r="X16948" i="1"/>
  <c r="X16949" i="1"/>
  <c r="X16950" i="1"/>
  <c r="X16951" i="1"/>
  <c r="X16952" i="1"/>
  <c r="X16953" i="1"/>
  <c r="X16954" i="1"/>
  <c r="X16955" i="1"/>
  <c r="X16956" i="1"/>
  <c r="X16957" i="1"/>
  <c r="X16958" i="1"/>
  <c r="X16959" i="1"/>
  <c r="X16960" i="1"/>
  <c r="X16961" i="1"/>
  <c r="X16962" i="1"/>
  <c r="X16963" i="1"/>
  <c r="X16964" i="1"/>
  <c r="X16965" i="1"/>
  <c r="X16966" i="1"/>
  <c r="X16967" i="1"/>
  <c r="X16968" i="1"/>
  <c r="X16969" i="1"/>
  <c r="X16970" i="1"/>
  <c r="X16971" i="1"/>
  <c r="X16972" i="1"/>
  <c r="X16973" i="1"/>
  <c r="X16974" i="1"/>
  <c r="X16975" i="1"/>
  <c r="X16976" i="1"/>
  <c r="X16977" i="1"/>
  <c r="X16978" i="1"/>
  <c r="X16979" i="1"/>
  <c r="X16980" i="1"/>
  <c r="X16981" i="1"/>
  <c r="X16982" i="1"/>
  <c r="X16983" i="1"/>
  <c r="X16984" i="1"/>
  <c r="X16985" i="1"/>
  <c r="X16986" i="1"/>
  <c r="X16987" i="1"/>
  <c r="X16988" i="1"/>
  <c r="X16989" i="1"/>
  <c r="X16990" i="1"/>
  <c r="X16991" i="1"/>
  <c r="X16992" i="1"/>
  <c r="X16993" i="1"/>
  <c r="X16994" i="1"/>
  <c r="X16995" i="1"/>
  <c r="X16996" i="1"/>
  <c r="X16997" i="1"/>
  <c r="X16998" i="1"/>
  <c r="X16999" i="1"/>
  <c r="X17000" i="1"/>
  <c r="X17001" i="1"/>
  <c r="X17002" i="1"/>
  <c r="X17003" i="1"/>
  <c r="X17004" i="1"/>
  <c r="X17005" i="1"/>
  <c r="X17006" i="1"/>
  <c r="X17007" i="1"/>
  <c r="X17008" i="1"/>
  <c r="X17009" i="1"/>
  <c r="X17010" i="1"/>
  <c r="X17011" i="1"/>
  <c r="X17012" i="1"/>
  <c r="X17013" i="1"/>
  <c r="X17014" i="1"/>
  <c r="X17015" i="1"/>
  <c r="X17016" i="1"/>
  <c r="X17017" i="1"/>
  <c r="X17018" i="1"/>
  <c r="X17019" i="1"/>
  <c r="X17020" i="1"/>
  <c r="X17021" i="1"/>
  <c r="X17022" i="1"/>
  <c r="X17023" i="1"/>
  <c r="X17024" i="1"/>
  <c r="X17025" i="1"/>
  <c r="X17026" i="1"/>
  <c r="X17027" i="1"/>
  <c r="X17028" i="1"/>
  <c r="X17029" i="1"/>
  <c r="X17030" i="1"/>
  <c r="X17031" i="1"/>
  <c r="X17032" i="1"/>
  <c r="X17033" i="1"/>
  <c r="X17034" i="1"/>
  <c r="X17035" i="1"/>
  <c r="X17036" i="1"/>
  <c r="X17037" i="1"/>
  <c r="X17038" i="1"/>
  <c r="X17039" i="1"/>
  <c r="X17040" i="1"/>
  <c r="X17041" i="1"/>
  <c r="X17042" i="1"/>
  <c r="X17043" i="1"/>
  <c r="X17044" i="1"/>
  <c r="X17045" i="1"/>
  <c r="X17046" i="1"/>
  <c r="X17047" i="1"/>
  <c r="X17048" i="1"/>
  <c r="X17049" i="1"/>
  <c r="X17050" i="1"/>
  <c r="X17051" i="1"/>
  <c r="X17052" i="1"/>
  <c r="X17053" i="1"/>
  <c r="X17054" i="1"/>
  <c r="X17055" i="1"/>
  <c r="X17056" i="1"/>
  <c r="X17057" i="1"/>
  <c r="X17058" i="1"/>
  <c r="X17059" i="1"/>
  <c r="X17060" i="1"/>
  <c r="X17061" i="1"/>
  <c r="X17062" i="1"/>
  <c r="X17063" i="1"/>
  <c r="X17064" i="1"/>
  <c r="X17065" i="1"/>
  <c r="X17066" i="1"/>
  <c r="X17067" i="1"/>
  <c r="X17068" i="1"/>
  <c r="X17069" i="1"/>
  <c r="X17070" i="1"/>
  <c r="X17071" i="1"/>
  <c r="X17072" i="1"/>
  <c r="X17073" i="1"/>
  <c r="X17074" i="1"/>
  <c r="X17075" i="1"/>
  <c r="X17076" i="1"/>
  <c r="X17077" i="1"/>
  <c r="X17078" i="1"/>
  <c r="X17079" i="1"/>
  <c r="X17080" i="1"/>
  <c r="X17081" i="1"/>
  <c r="X17082" i="1"/>
  <c r="X17083" i="1"/>
  <c r="X17084" i="1"/>
  <c r="X17085" i="1"/>
  <c r="X17086" i="1"/>
  <c r="X17087" i="1"/>
  <c r="X17088" i="1"/>
  <c r="X17089" i="1"/>
  <c r="X17090" i="1"/>
  <c r="X17091" i="1"/>
  <c r="X17092" i="1"/>
  <c r="X17093" i="1"/>
  <c r="X17094" i="1"/>
  <c r="X17095" i="1"/>
  <c r="X17096" i="1"/>
  <c r="X17097" i="1"/>
  <c r="X17098" i="1"/>
  <c r="X17099" i="1"/>
  <c r="X17100" i="1"/>
  <c r="X17101" i="1"/>
  <c r="X17102" i="1"/>
  <c r="X17103" i="1"/>
  <c r="X17104" i="1"/>
  <c r="X17105" i="1"/>
  <c r="X17106" i="1"/>
  <c r="X17107" i="1"/>
  <c r="X17108" i="1"/>
  <c r="X17109" i="1"/>
  <c r="X17110" i="1"/>
  <c r="X17111" i="1"/>
  <c r="X17112" i="1"/>
  <c r="X17113" i="1"/>
  <c r="X17114" i="1"/>
  <c r="X17115" i="1"/>
  <c r="X17116" i="1"/>
  <c r="X17117" i="1"/>
  <c r="X17118" i="1"/>
  <c r="X17119" i="1"/>
  <c r="X17120" i="1"/>
  <c r="X17121" i="1"/>
  <c r="X17122" i="1"/>
  <c r="X17123" i="1"/>
  <c r="X17124" i="1"/>
  <c r="X17125" i="1"/>
  <c r="X17126" i="1"/>
  <c r="X17127" i="1"/>
  <c r="X17128" i="1"/>
  <c r="X17129" i="1"/>
  <c r="X17130" i="1"/>
  <c r="X17131" i="1"/>
  <c r="X17132" i="1"/>
  <c r="X17133" i="1"/>
  <c r="X17134" i="1"/>
  <c r="X17135" i="1"/>
  <c r="X17136" i="1"/>
  <c r="X17137" i="1"/>
  <c r="X17138" i="1"/>
  <c r="X17139" i="1"/>
  <c r="X17140" i="1"/>
  <c r="X17141" i="1"/>
  <c r="X17142" i="1"/>
  <c r="X17143" i="1"/>
  <c r="X17144" i="1"/>
  <c r="X17145" i="1"/>
  <c r="X17146" i="1"/>
  <c r="X17147" i="1"/>
  <c r="X17148" i="1"/>
  <c r="X17149" i="1"/>
  <c r="X17150" i="1"/>
  <c r="X17151" i="1"/>
  <c r="X17152" i="1"/>
  <c r="X17153" i="1"/>
  <c r="X17154" i="1"/>
  <c r="X17155" i="1"/>
  <c r="X17156" i="1"/>
  <c r="X17157" i="1"/>
  <c r="X17158" i="1"/>
  <c r="X17159" i="1"/>
  <c r="X17160" i="1"/>
  <c r="X17161" i="1"/>
  <c r="X17162" i="1"/>
  <c r="X17163" i="1"/>
  <c r="X17164" i="1"/>
  <c r="X17165" i="1"/>
  <c r="X17166" i="1"/>
  <c r="X17167" i="1"/>
  <c r="X17168" i="1"/>
  <c r="X17169" i="1"/>
  <c r="X17170" i="1"/>
  <c r="X17171" i="1"/>
  <c r="X17172" i="1"/>
  <c r="X17173" i="1"/>
  <c r="X17174" i="1"/>
  <c r="X17175" i="1"/>
  <c r="X17176" i="1"/>
  <c r="X17177" i="1"/>
  <c r="X17178" i="1"/>
  <c r="X17179" i="1"/>
  <c r="X17180" i="1"/>
  <c r="X17181" i="1"/>
  <c r="X17182" i="1"/>
  <c r="X17183" i="1"/>
  <c r="X17184" i="1"/>
  <c r="X17185" i="1"/>
  <c r="X17186" i="1"/>
  <c r="X17187" i="1"/>
  <c r="X17188" i="1"/>
  <c r="X17189" i="1"/>
  <c r="X17190" i="1"/>
  <c r="X17191" i="1"/>
  <c r="X17192" i="1"/>
  <c r="X17193" i="1"/>
  <c r="X17194" i="1"/>
  <c r="X17195" i="1"/>
  <c r="X17196" i="1"/>
  <c r="X17197" i="1"/>
  <c r="X17198" i="1"/>
  <c r="X17199" i="1"/>
  <c r="X17200" i="1"/>
  <c r="X17201" i="1"/>
  <c r="X17202" i="1"/>
  <c r="X17203" i="1"/>
  <c r="X17204" i="1"/>
  <c r="X17205" i="1"/>
  <c r="X17206" i="1"/>
  <c r="X17207" i="1"/>
  <c r="X17208" i="1"/>
  <c r="X17209" i="1"/>
  <c r="X17210" i="1"/>
  <c r="X17211" i="1"/>
  <c r="X17212" i="1"/>
  <c r="X17213" i="1"/>
  <c r="X17214" i="1"/>
  <c r="X17215" i="1"/>
  <c r="X17216" i="1"/>
  <c r="X17217" i="1"/>
  <c r="X17218" i="1"/>
  <c r="X17219" i="1"/>
  <c r="X17220" i="1"/>
  <c r="X17221" i="1"/>
  <c r="X17222" i="1"/>
  <c r="X17223" i="1"/>
  <c r="X17224" i="1"/>
  <c r="X17225" i="1"/>
  <c r="X17226" i="1"/>
  <c r="X17227" i="1"/>
  <c r="X17228" i="1"/>
  <c r="X17229" i="1"/>
  <c r="X17230" i="1"/>
  <c r="X17231" i="1"/>
  <c r="X17232" i="1"/>
  <c r="X17233" i="1"/>
  <c r="X17234" i="1"/>
  <c r="X17235" i="1"/>
  <c r="X17236" i="1"/>
  <c r="X17237" i="1"/>
  <c r="X17238" i="1"/>
  <c r="X17239" i="1"/>
  <c r="X17240" i="1"/>
  <c r="X17241" i="1"/>
  <c r="X17242" i="1"/>
  <c r="X17243" i="1"/>
  <c r="X17244" i="1"/>
  <c r="X17245" i="1"/>
  <c r="X17246" i="1"/>
  <c r="X17247" i="1"/>
  <c r="X17248" i="1"/>
  <c r="X17249" i="1"/>
  <c r="X17250" i="1"/>
  <c r="X17251" i="1"/>
  <c r="X17252" i="1"/>
  <c r="X17253" i="1"/>
  <c r="X17254" i="1"/>
  <c r="X17255" i="1"/>
  <c r="X17256" i="1"/>
  <c r="X17257" i="1"/>
  <c r="X17258" i="1"/>
  <c r="X17259" i="1"/>
  <c r="X17260" i="1"/>
  <c r="X17261" i="1"/>
  <c r="X17262" i="1"/>
  <c r="X17263" i="1"/>
  <c r="X17264" i="1"/>
  <c r="X17265" i="1"/>
  <c r="X17266" i="1"/>
  <c r="X17267" i="1"/>
  <c r="X17268" i="1"/>
  <c r="X17269" i="1"/>
  <c r="X17270" i="1"/>
  <c r="X17271" i="1"/>
  <c r="X17272" i="1"/>
  <c r="X17273" i="1"/>
  <c r="X17274" i="1"/>
  <c r="X17275" i="1"/>
  <c r="X17276" i="1"/>
  <c r="X17277" i="1"/>
  <c r="X17278" i="1"/>
  <c r="X17279" i="1"/>
  <c r="X17280" i="1"/>
  <c r="X17281" i="1"/>
  <c r="X17282" i="1"/>
  <c r="X17283" i="1"/>
  <c r="X17284" i="1"/>
  <c r="X17285" i="1"/>
  <c r="X17286" i="1"/>
  <c r="X17287" i="1"/>
  <c r="X17288" i="1"/>
  <c r="X17289" i="1"/>
  <c r="X17290" i="1"/>
  <c r="X17291" i="1"/>
  <c r="X17292" i="1"/>
  <c r="X17293" i="1"/>
  <c r="X17294" i="1"/>
  <c r="X17295" i="1"/>
  <c r="X17296" i="1"/>
  <c r="X17297" i="1"/>
  <c r="X17298" i="1"/>
  <c r="X17299" i="1"/>
  <c r="X17300" i="1"/>
  <c r="X17301" i="1"/>
  <c r="X17302" i="1"/>
  <c r="X17303" i="1"/>
  <c r="X17304" i="1"/>
  <c r="X17305" i="1"/>
  <c r="X17306" i="1"/>
  <c r="X17307" i="1"/>
  <c r="X17308" i="1"/>
  <c r="X17309" i="1"/>
  <c r="X17310" i="1"/>
  <c r="X17311" i="1"/>
  <c r="X17312" i="1"/>
  <c r="X17313" i="1"/>
  <c r="X17314" i="1"/>
  <c r="X17315" i="1"/>
  <c r="X17316" i="1"/>
  <c r="X17317" i="1"/>
  <c r="X17318" i="1"/>
  <c r="X17319" i="1"/>
  <c r="X17320" i="1"/>
  <c r="X17321" i="1"/>
  <c r="X17322" i="1"/>
  <c r="X17323" i="1"/>
  <c r="X17324" i="1"/>
  <c r="X17325" i="1"/>
  <c r="X17326" i="1"/>
  <c r="X17327" i="1"/>
  <c r="X17328" i="1"/>
  <c r="X17329" i="1"/>
  <c r="X17330" i="1"/>
  <c r="X17331" i="1"/>
  <c r="X17332" i="1"/>
  <c r="X17333" i="1"/>
  <c r="X17334" i="1"/>
  <c r="X17335" i="1"/>
  <c r="X17336" i="1"/>
  <c r="X17337" i="1"/>
  <c r="X17338" i="1"/>
  <c r="X17339" i="1"/>
  <c r="X17340" i="1"/>
  <c r="X17341" i="1"/>
  <c r="X17342" i="1"/>
  <c r="X17343" i="1"/>
  <c r="X17344" i="1"/>
  <c r="X17345" i="1"/>
  <c r="X17346" i="1"/>
  <c r="X17347" i="1"/>
  <c r="X17348" i="1"/>
  <c r="X17349" i="1"/>
  <c r="X17350" i="1"/>
  <c r="X17351" i="1"/>
  <c r="X17352" i="1"/>
  <c r="X17353" i="1"/>
  <c r="X17354" i="1"/>
  <c r="X17355" i="1"/>
  <c r="X17356" i="1"/>
  <c r="X17357" i="1"/>
  <c r="X17358" i="1"/>
  <c r="X17359" i="1"/>
  <c r="X17360" i="1"/>
  <c r="X17361" i="1"/>
  <c r="X17362" i="1"/>
  <c r="X17363" i="1"/>
  <c r="X17364" i="1"/>
  <c r="X17365" i="1"/>
  <c r="X17366" i="1"/>
  <c r="X17367" i="1"/>
  <c r="X17368" i="1"/>
  <c r="X17369" i="1"/>
  <c r="X17370" i="1"/>
  <c r="X17371" i="1"/>
  <c r="X17372" i="1"/>
  <c r="X17373" i="1"/>
  <c r="X17374" i="1"/>
  <c r="X17375" i="1"/>
  <c r="X17376" i="1"/>
  <c r="X17377" i="1"/>
  <c r="X17378" i="1"/>
  <c r="X17379" i="1"/>
  <c r="X17380" i="1"/>
  <c r="X17381" i="1"/>
  <c r="X17382" i="1"/>
  <c r="X17383" i="1"/>
  <c r="X17384" i="1"/>
  <c r="X17385" i="1"/>
  <c r="X17386" i="1"/>
  <c r="X17387" i="1"/>
  <c r="X17388" i="1"/>
  <c r="X17389" i="1"/>
  <c r="X17390" i="1"/>
  <c r="X17391" i="1"/>
  <c r="X17392" i="1"/>
  <c r="X17393" i="1"/>
  <c r="X17394" i="1"/>
  <c r="X17395" i="1"/>
  <c r="X17396" i="1"/>
  <c r="X17397" i="1"/>
  <c r="X17398" i="1"/>
  <c r="X17399" i="1"/>
  <c r="X17400" i="1"/>
  <c r="X17401" i="1"/>
  <c r="X17402" i="1"/>
  <c r="X17403" i="1"/>
  <c r="X17404" i="1"/>
  <c r="X17405" i="1"/>
  <c r="X17406" i="1"/>
  <c r="X17407" i="1"/>
  <c r="X17408" i="1"/>
  <c r="X17409" i="1"/>
  <c r="X17410" i="1"/>
  <c r="X17411" i="1"/>
  <c r="X17412" i="1"/>
  <c r="X17413" i="1"/>
  <c r="X17414" i="1"/>
  <c r="X17415" i="1"/>
  <c r="X17416" i="1"/>
  <c r="X17417" i="1"/>
  <c r="X17418" i="1"/>
  <c r="X17419" i="1"/>
  <c r="X17420" i="1"/>
  <c r="X17421" i="1"/>
  <c r="X17422" i="1"/>
  <c r="X17423" i="1"/>
  <c r="X17424" i="1"/>
  <c r="X17425" i="1"/>
  <c r="X17426" i="1"/>
  <c r="X17427" i="1"/>
  <c r="X17428" i="1"/>
  <c r="X17429" i="1"/>
  <c r="X17430" i="1"/>
  <c r="X17431" i="1"/>
  <c r="X17432" i="1"/>
  <c r="X17433" i="1"/>
  <c r="X17434" i="1"/>
  <c r="X17435" i="1"/>
  <c r="X17436" i="1"/>
  <c r="X17437" i="1"/>
  <c r="X17438" i="1"/>
  <c r="X17439" i="1"/>
  <c r="X17440" i="1"/>
  <c r="X17441" i="1"/>
  <c r="X17442" i="1"/>
  <c r="X17443" i="1"/>
  <c r="X17444" i="1"/>
  <c r="X17445" i="1"/>
  <c r="X17446" i="1"/>
  <c r="X17447" i="1"/>
  <c r="X17448" i="1"/>
  <c r="X17449" i="1"/>
  <c r="X17450" i="1"/>
  <c r="X17451" i="1"/>
  <c r="X17452" i="1"/>
  <c r="X17453" i="1"/>
  <c r="X17454" i="1"/>
  <c r="X17455" i="1"/>
  <c r="X17456" i="1"/>
  <c r="X17457" i="1"/>
  <c r="X17458" i="1"/>
  <c r="X17459" i="1"/>
  <c r="X17460" i="1"/>
  <c r="X17461" i="1"/>
  <c r="X17462" i="1"/>
  <c r="X17463" i="1"/>
  <c r="X17464" i="1"/>
  <c r="X17465" i="1"/>
  <c r="X17466" i="1"/>
  <c r="X17467" i="1"/>
  <c r="X17468" i="1"/>
  <c r="X17469" i="1"/>
  <c r="X17470" i="1"/>
  <c r="X17471" i="1"/>
  <c r="X17472" i="1"/>
  <c r="X17473" i="1"/>
  <c r="X17474" i="1"/>
  <c r="X17475" i="1"/>
  <c r="X17476" i="1"/>
  <c r="X17477" i="1"/>
  <c r="X17478" i="1"/>
  <c r="X17479" i="1"/>
  <c r="X17480" i="1"/>
  <c r="X17481" i="1"/>
  <c r="X17482" i="1"/>
  <c r="X17483" i="1"/>
  <c r="X17484" i="1"/>
  <c r="X17485" i="1"/>
  <c r="X17486" i="1"/>
  <c r="X17487" i="1"/>
  <c r="X17488" i="1"/>
  <c r="X17489" i="1"/>
  <c r="X17490" i="1"/>
  <c r="X17491" i="1"/>
  <c r="X17492" i="1"/>
  <c r="X17493" i="1"/>
  <c r="X17494" i="1"/>
  <c r="X17495" i="1"/>
  <c r="X17496" i="1"/>
  <c r="X17497" i="1"/>
  <c r="X17498" i="1"/>
  <c r="X17499" i="1"/>
  <c r="X17500" i="1"/>
  <c r="X17501" i="1"/>
  <c r="X17502" i="1"/>
  <c r="X17503" i="1"/>
  <c r="X17504" i="1"/>
  <c r="X17505" i="1"/>
  <c r="X17506" i="1"/>
  <c r="X17507" i="1"/>
  <c r="X17508" i="1"/>
  <c r="X17509" i="1"/>
  <c r="X17510" i="1"/>
  <c r="X17511" i="1"/>
  <c r="X17512" i="1"/>
  <c r="X17513" i="1"/>
  <c r="X17514" i="1"/>
  <c r="X17515" i="1"/>
  <c r="X17516" i="1"/>
  <c r="X17517" i="1"/>
  <c r="X17518" i="1"/>
  <c r="X17519" i="1"/>
  <c r="X17520" i="1"/>
  <c r="X17521" i="1"/>
  <c r="X17522" i="1"/>
  <c r="X17523" i="1"/>
  <c r="X17524" i="1"/>
  <c r="X17525" i="1"/>
  <c r="X17526" i="1"/>
  <c r="X17527" i="1"/>
  <c r="X17528" i="1"/>
  <c r="X17529" i="1"/>
  <c r="X17530" i="1"/>
  <c r="X17531" i="1"/>
  <c r="X17532" i="1"/>
  <c r="X17533" i="1"/>
  <c r="X17534" i="1"/>
  <c r="X17535" i="1"/>
  <c r="X17536" i="1"/>
  <c r="X17537" i="1"/>
  <c r="X17538" i="1"/>
  <c r="X17539" i="1"/>
  <c r="X17540" i="1"/>
  <c r="X17541" i="1"/>
  <c r="X17542" i="1"/>
  <c r="X17543" i="1"/>
  <c r="X17544" i="1"/>
  <c r="X17545" i="1"/>
  <c r="X17546" i="1"/>
  <c r="X17547" i="1"/>
  <c r="X17548" i="1"/>
  <c r="X17549" i="1"/>
  <c r="X17550" i="1"/>
  <c r="X17551" i="1"/>
  <c r="X17552" i="1"/>
  <c r="X17553" i="1"/>
  <c r="X17554" i="1"/>
  <c r="X17555" i="1"/>
  <c r="X17556" i="1"/>
  <c r="X17557" i="1"/>
  <c r="X17558" i="1"/>
  <c r="X17559" i="1"/>
  <c r="X17560" i="1"/>
  <c r="X17561" i="1"/>
  <c r="X17562" i="1"/>
  <c r="X17563" i="1"/>
  <c r="X17564" i="1"/>
  <c r="X17565" i="1"/>
  <c r="X17566" i="1"/>
  <c r="X17567" i="1"/>
  <c r="X17568" i="1"/>
  <c r="X17569" i="1"/>
  <c r="X17570" i="1"/>
  <c r="X17571" i="1"/>
  <c r="X17572" i="1"/>
  <c r="X17573" i="1"/>
  <c r="X17574" i="1"/>
  <c r="X17575" i="1"/>
  <c r="X17576" i="1"/>
  <c r="X17577" i="1"/>
  <c r="X17578" i="1"/>
  <c r="X17579" i="1"/>
  <c r="X17580" i="1"/>
  <c r="X17581" i="1"/>
  <c r="X17582" i="1"/>
  <c r="X17583" i="1"/>
  <c r="X17584" i="1"/>
  <c r="X17585" i="1"/>
  <c r="X17586" i="1"/>
  <c r="X17587" i="1"/>
  <c r="X17588" i="1"/>
  <c r="X17589" i="1"/>
  <c r="X17590" i="1"/>
  <c r="X17591" i="1"/>
  <c r="X17592" i="1"/>
  <c r="X17593" i="1"/>
  <c r="X17594" i="1"/>
  <c r="X17595" i="1"/>
  <c r="X17596" i="1"/>
  <c r="X17597" i="1"/>
  <c r="X17598" i="1"/>
  <c r="X17599" i="1"/>
  <c r="X17600" i="1"/>
  <c r="X17601" i="1"/>
  <c r="X17602" i="1"/>
  <c r="X17603" i="1"/>
  <c r="X17604" i="1"/>
  <c r="X17605" i="1"/>
  <c r="X17606" i="1"/>
  <c r="X17607" i="1"/>
  <c r="X17608" i="1"/>
  <c r="X17609" i="1"/>
  <c r="X17610" i="1"/>
  <c r="X17611" i="1"/>
  <c r="X17612" i="1"/>
  <c r="X17613" i="1"/>
  <c r="X17614" i="1"/>
  <c r="X17615" i="1"/>
  <c r="X17616" i="1"/>
  <c r="X17617" i="1"/>
  <c r="X17618" i="1"/>
  <c r="X17619" i="1"/>
  <c r="X17620" i="1"/>
  <c r="X17621" i="1"/>
  <c r="X17622" i="1"/>
  <c r="X17623" i="1"/>
  <c r="X17624" i="1"/>
  <c r="X17625" i="1"/>
  <c r="X17626" i="1"/>
  <c r="X17627" i="1"/>
  <c r="X17628" i="1"/>
  <c r="X17629" i="1"/>
  <c r="X17630" i="1"/>
  <c r="X17631" i="1"/>
  <c r="X17632" i="1"/>
  <c r="X17633" i="1"/>
  <c r="X17634" i="1"/>
  <c r="X17635" i="1"/>
  <c r="X17636" i="1"/>
  <c r="X17637" i="1"/>
  <c r="X17638" i="1"/>
  <c r="X17639" i="1"/>
  <c r="X17640" i="1"/>
  <c r="X17641" i="1"/>
  <c r="X17642" i="1"/>
  <c r="X17643" i="1"/>
  <c r="X17644" i="1"/>
  <c r="X17645" i="1"/>
  <c r="X17646" i="1"/>
  <c r="X17647" i="1"/>
  <c r="X17648" i="1"/>
  <c r="X17649" i="1"/>
  <c r="X17650" i="1"/>
  <c r="X17651" i="1"/>
  <c r="X17652" i="1"/>
  <c r="X17653" i="1"/>
  <c r="X17654" i="1"/>
  <c r="X17655" i="1"/>
  <c r="X17656" i="1"/>
  <c r="X17657" i="1"/>
  <c r="X17658" i="1"/>
  <c r="X17659" i="1"/>
  <c r="X17660" i="1"/>
  <c r="X17661" i="1"/>
  <c r="X17662" i="1"/>
  <c r="X17663" i="1"/>
  <c r="X17664" i="1"/>
  <c r="X17665" i="1"/>
  <c r="X17666" i="1"/>
  <c r="X17667" i="1"/>
  <c r="X17668" i="1"/>
  <c r="X17669" i="1"/>
  <c r="X17670" i="1"/>
  <c r="X17671" i="1"/>
  <c r="X17672" i="1"/>
  <c r="X17673" i="1"/>
  <c r="X17674" i="1"/>
  <c r="X17675" i="1"/>
  <c r="X17676" i="1"/>
  <c r="X17677" i="1"/>
  <c r="X17678" i="1"/>
  <c r="X17679" i="1"/>
  <c r="X17680" i="1"/>
  <c r="X17681" i="1"/>
  <c r="X17682" i="1"/>
  <c r="X17683" i="1"/>
  <c r="X17684" i="1"/>
  <c r="X17685" i="1"/>
  <c r="X17686" i="1"/>
  <c r="X17687" i="1"/>
  <c r="X17688" i="1"/>
  <c r="X17689" i="1"/>
  <c r="X17690" i="1"/>
  <c r="X17691" i="1"/>
  <c r="X17692" i="1"/>
  <c r="X17693" i="1"/>
  <c r="X17694" i="1"/>
  <c r="X17695" i="1"/>
  <c r="X17696" i="1"/>
  <c r="X17697" i="1"/>
  <c r="X17698" i="1"/>
  <c r="X17699" i="1"/>
  <c r="X17700" i="1"/>
  <c r="X17701" i="1"/>
  <c r="X17702" i="1"/>
  <c r="X17703" i="1"/>
  <c r="X17704" i="1"/>
  <c r="X17705" i="1"/>
  <c r="X17706" i="1"/>
  <c r="X17707" i="1"/>
  <c r="X17708" i="1"/>
  <c r="X17709" i="1"/>
  <c r="X17710" i="1"/>
  <c r="X17711" i="1"/>
  <c r="X17712" i="1"/>
  <c r="X17713" i="1"/>
  <c r="X17714" i="1"/>
  <c r="X17715" i="1"/>
  <c r="X17716" i="1"/>
  <c r="X17717" i="1"/>
  <c r="X17718" i="1"/>
  <c r="X17719" i="1"/>
  <c r="X17720" i="1"/>
  <c r="X17721" i="1"/>
  <c r="X17722" i="1"/>
  <c r="X17723" i="1"/>
  <c r="X17724" i="1"/>
  <c r="X17725" i="1"/>
  <c r="X17726" i="1"/>
  <c r="X17727" i="1"/>
  <c r="X17728" i="1"/>
  <c r="X17729" i="1"/>
  <c r="X17730" i="1"/>
  <c r="X17731" i="1"/>
  <c r="X17732" i="1"/>
  <c r="X17733" i="1"/>
  <c r="X17734" i="1"/>
  <c r="X17735" i="1"/>
  <c r="X17736" i="1"/>
  <c r="X17737" i="1"/>
  <c r="X17738" i="1"/>
  <c r="X17739" i="1"/>
  <c r="X17740" i="1"/>
  <c r="X17741" i="1"/>
  <c r="X17742" i="1"/>
  <c r="X17743" i="1"/>
  <c r="X17744" i="1"/>
  <c r="X17745" i="1"/>
  <c r="X17746" i="1"/>
  <c r="X17747" i="1"/>
  <c r="X17748" i="1"/>
  <c r="X17749" i="1"/>
  <c r="X17750" i="1"/>
  <c r="X17751" i="1"/>
  <c r="X17752" i="1"/>
  <c r="X17753" i="1"/>
  <c r="X17754" i="1"/>
  <c r="X17755" i="1"/>
  <c r="X17756" i="1"/>
  <c r="X17757" i="1"/>
  <c r="X17758" i="1"/>
  <c r="X17759" i="1"/>
  <c r="X17760" i="1"/>
  <c r="X17761" i="1"/>
  <c r="X17762" i="1"/>
  <c r="X17763" i="1"/>
  <c r="X17764" i="1"/>
  <c r="X17765" i="1"/>
  <c r="X17766" i="1"/>
  <c r="X17767" i="1"/>
  <c r="X17768" i="1"/>
  <c r="X17769" i="1"/>
  <c r="X17770" i="1"/>
  <c r="X17771" i="1"/>
  <c r="X17772" i="1"/>
  <c r="X17773" i="1"/>
  <c r="X17774" i="1"/>
  <c r="X17775" i="1"/>
  <c r="X17776" i="1"/>
  <c r="X17777" i="1"/>
  <c r="X17778" i="1"/>
  <c r="X17779" i="1"/>
  <c r="X17780" i="1"/>
  <c r="X17781" i="1"/>
  <c r="X17782" i="1"/>
  <c r="X17783" i="1"/>
  <c r="X17784" i="1"/>
  <c r="X17785" i="1"/>
  <c r="X17786" i="1"/>
  <c r="X17787" i="1"/>
  <c r="X17788" i="1"/>
  <c r="X17789" i="1"/>
  <c r="X17790" i="1"/>
  <c r="X17791" i="1"/>
  <c r="X17792" i="1"/>
  <c r="X17793" i="1"/>
  <c r="X17794" i="1"/>
  <c r="X17795" i="1"/>
  <c r="X17796" i="1"/>
  <c r="X17797" i="1"/>
  <c r="X17798" i="1"/>
  <c r="X17799" i="1"/>
  <c r="X17800" i="1"/>
  <c r="X17801" i="1"/>
  <c r="X17802" i="1"/>
  <c r="X17803" i="1"/>
  <c r="X17804" i="1"/>
  <c r="X17805" i="1"/>
  <c r="X17806" i="1"/>
  <c r="X17807" i="1"/>
  <c r="X17808" i="1"/>
  <c r="X17809" i="1"/>
  <c r="X17810" i="1"/>
  <c r="X17811" i="1"/>
  <c r="X17812" i="1"/>
  <c r="X17813" i="1"/>
  <c r="X17814" i="1"/>
  <c r="X17815" i="1"/>
  <c r="X17816" i="1"/>
  <c r="X17817" i="1"/>
  <c r="X17818" i="1"/>
  <c r="X17819" i="1"/>
  <c r="X17820" i="1"/>
  <c r="X17821" i="1"/>
  <c r="X17822" i="1"/>
  <c r="X17823" i="1"/>
  <c r="X17824" i="1"/>
  <c r="X17825" i="1"/>
  <c r="X17826" i="1"/>
  <c r="X17827" i="1"/>
  <c r="X17828" i="1"/>
  <c r="X17829" i="1"/>
  <c r="X17830" i="1"/>
  <c r="X17831" i="1"/>
  <c r="X17832" i="1"/>
  <c r="X17833" i="1"/>
  <c r="X17834" i="1"/>
  <c r="X17835" i="1"/>
  <c r="X17836" i="1"/>
  <c r="X17837" i="1"/>
  <c r="X17838" i="1"/>
  <c r="X17839" i="1"/>
  <c r="X17840" i="1"/>
  <c r="X17841" i="1"/>
  <c r="X17842" i="1"/>
  <c r="X17843" i="1"/>
  <c r="X17844" i="1"/>
  <c r="X17845" i="1"/>
  <c r="X17846" i="1"/>
  <c r="X17847" i="1"/>
  <c r="X17848" i="1"/>
  <c r="X17849" i="1"/>
  <c r="X17850" i="1"/>
  <c r="X17851" i="1"/>
  <c r="X17852" i="1"/>
  <c r="X17853" i="1"/>
  <c r="X17854" i="1"/>
  <c r="X17855" i="1"/>
  <c r="X17856" i="1"/>
  <c r="X17857" i="1"/>
  <c r="X17858" i="1"/>
  <c r="X17859" i="1"/>
  <c r="X17860" i="1"/>
  <c r="X17861" i="1"/>
  <c r="X17862" i="1"/>
  <c r="X17863" i="1"/>
  <c r="X17864" i="1"/>
  <c r="X17865" i="1"/>
  <c r="X17866" i="1"/>
  <c r="X17867" i="1"/>
  <c r="X17868" i="1"/>
  <c r="X17869" i="1"/>
  <c r="X17870" i="1"/>
  <c r="X17871" i="1"/>
  <c r="X17872" i="1"/>
  <c r="X17873" i="1"/>
  <c r="X17874" i="1"/>
  <c r="X17875" i="1"/>
  <c r="X17876" i="1"/>
  <c r="X17877" i="1"/>
  <c r="X17878" i="1"/>
  <c r="X17879" i="1"/>
  <c r="X17880" i="1"/>
  <c r="X17881" i="1"/>
  <c r="X17882" i="1"/>
  <c r="X17883" i="1"/>
  <c r="X17884" i="1"/>
  <c r="X17885" i="1"/>
  <c r="X17886" i="1"/>
  <c r="X17887" i="1"/>
  <c r="X17888" i="1"/>
  <c r="X17889" i="1"/>
  <c r="X17890" i="1"/>
  <c r="X17891" i="1"/>
  <c r="X17892" i="1"/>
  <c r="X17893" i="1"/>
  <c r="X17894" i="1"/>
  <c r="X17895" i="1"/>
  <c r="X17896" i="1"/>
  <c r="X17897" i="1"/>
  <c r="X17898" i="1"/>
  <c r="X17899" i="1"/>
  <c r="X17900" i="1"/>
  <c r="X17901" i="1"/>
  <c r="X17902" i="1"/>
  <c r="X17903" i="1"/>
  <c r="X17904" i="1"/>
  <c r="X17905" i="1"/>
  <c r="X17906" i="1"/>
  <c r="X17907" i="1"/>
  <c r="X17908" i="1"/>
  <c r="X17909" i="1"/>
  <c r="X17910" i="1"/>
  <c r="X17911" i="1"/>
  <c r="X17912" i="1"/>
  <c r="X17913" i="1"/>
  <c r="X17914" i="1"/>
  <c r="X17915" i="1"/>
  <c r="X17916" i="1"/>
  <c r="X17917" i="1"/>
  <c r="X17918" i="1"/>
  <c r="X17919" i="1"/>
  <c r="X17920" i="1"/>
  <c r="X17921" i="1"/>
  <c r="X17922" i="1"/>
  <c r="X17923" i="1"/>
  <c r="X17924" i="1"/>
  <c r="X17925" i="1"/>
  <c r="X17926" i="1"/>
  <c r="X17927" i="1"/>
  <c r="X17928" i="1"/>
  <c r="X17929" i="1"/>
  <c r="X17930" i="1"/>
  <c r="X17931" i="1"/>
  <c r="X17932" i="1"/>
  <c r="X17933" i="1"/>
  <c r="X17934" i="1"/>
  <c r="X17935" i="1"/>
  <c r="X17936" i="1"/>
  <c r="X17937" i="1"/>
  <c r="X17938" i="1"/>
  <c r="X17939" i="1"/>
  <c r="X17940" i="1"/>
  <c r="X17941" i="1"/>
  <c r="X17942" i="1"/>
  <c r="X17943" i="1"/>
  <c r="X17944" i="1"/>
  <c r="X17945" i="1"/>
  <c r="X17946" i="1"/>
  <c r="X17947" i="1"/>
  <c r="X17948" i="1"/>
  <c r="X17949" i="1"/>
  <c r="X17950" i="1"/>
  <c r="X17951" i="1"/>
  <c r="X17952" i="1"/>
  <c r="X17953" i="1"/>
  <c r="X17954" i="1"/>
  <c r="X17955" i="1"/>
  <c r="X17956" i="1"/>
  <c r="X17957" i="1"/>
  <c r="X17958" i="1"/>
  <c r="X17959" i="1"/>
  <c r="X17960" i="1"/>
  <c r="X17961" i="1"/>
  <c r="X17962" i="1"/>
  <c r="X17963" i="1"/>
  <c r="X17964" i="1"/>
  <c r="X17965" i="1"/>
  <c r="X17966" i="1"/>
  <c r="X17967" i="1"/>
  <c r="X17968" i="1"/>
  <c r="X17969" i="1"/>
  <c r="X17970" i="1"/>
  <c r="X17971" i="1"/>
  <c r="X17972" i="1"/>
  <c r="X17973" i="1"/>
  <c r="X17974" i="1"/>
  <c r="X17975" i="1"/>
  <c r="X17976" i="1"/>
  <c r="X17977" i="1"/>
  <c r="X17978" i="1"/>
  <c r="X17979" i="1"/>
  <c r="X17980" i="1"/>
  <c r="X17981" i="1"/>
  <c r="X17982" i="1"/>
  <c r="X17983" i="1"/>
  <c r="X17984" i="1"/>
  <c r="X17985" i="1"/>
  <c r="X17986" i="1"/>
  <c r="X17987" i="1"/>
  <c r="X17988" i="1"/>
  <c r="X17989" i="1"/>
  <c r="X17990" i="1"/>
  <c r="X17991" i="1"/>
  <c r="X17992" i="1"/>
  <c r="X17993" i="1"/>
  <c r="X17994" i="1"/>
  <c r="X17995" i="1"/>
  <c r="X17996" i="1"/>
  <c r="X17997" i="1"/>
  <c r="X17998" i="1"/>
  <c r="X17999" i="1"/>
  <c r="X18000" i="1"/>
  <c r="X18001" i="1"/>
  <c r="X18002" i="1"/>
  <c r="X18003" i="1"/>
  <c r="X18004" i="1"/>
  <c r="X18005" i="1"/>
  <c r="X18006" i="1"/>
  <c r="X18007" i="1"/>
  <c r="X18008" i="1"/>
  <c r="X18009" i="1"/>
  <c r="X18010" i="1"/>
  <c r="X18011" i="1"/>
  <c r="X18012" i="1"/>
  <c r="X18013" i="1"/>
  <c r="X18014" i="1"/>
  <c r="X18015" i="1"/>
  <c r="X18016" i="1"/>
  <c r="X18017" i="1"/>
  <c r="X18018" i="1"/>
  <c r="X18019" i="1"/>
  <c r="X18020" i="1"/>
  <c r="X18021" i="1"/>
  <c r="X18022" i="1"/>
  <c r="X18023" i="1"/>
  <c r="X18024" i="1"/>
  <c r="X18025" i="1"/>
  <c r="X18026" i="1"/>
  <c r="X18027" i="1"/>
  <c r="X18028" i="1"/>
  <c r="X18029" i="1"/>
  <c r="X18030" i="1"/>
  <c r="X18031" i="1"/>
  <c r="X18032" i="1"/>
  <c r="X18033" i="1"/>
  <c r="X18034" i="1"/>
  <c r="X18035" i="1"/>
  <c r="X18036" i="1"/>
  <c r="X18037" i="1"/>
  <c r="X18038" i="1"/>
  <c r="X18039" i="1"/>
  <c r="X18040" i="1"/>
  <c r="X18041" i="1"/>
  <c r="X18042" i="1"/>
  <c r="X18043" i="1"/>
  <c r="X18044" i="1"/>
  <c r="X18045" i="1"/>
  <c r="X18046" i="1"/>
  <c r="X18047" i="1"/>
  <c r="X18048" i="1"/>
  <c r="X18049" i="1"/>
  <c r="X18050" i="1"/>
  <c r="X18051" i="1"/>
  <c r="X18052" i="1"/>
  <c r="X18053" i="1"/>
  <c r="X18054" i="1"/>
  <c r="X18055" i="1"/>
  <c r="X18056" i="1"/>
  <c r="X18057" i="1"/>
  <c r="X18058" i="1"/>
  <c r="X18059" i="1"/>
  <c r="X18060" i="1"/>
  <c r="X18061" i="1"/>
  <c r="X18062" i="1"/>
  <c r="X18063" i="1"/>
  <c r="X18064" i="1"/>
  <c r="X18065" i="1"/>
  <c r="X18066" i="1"/>
  <c r="X18067" i="1"/>
  <c r="X18068" i="1"/>
  <c r="X18069" i="1"/>
  <c r="X18070" i="1"/>
  <c r="X18071" i="1"/>
  <c r="X18072" i="1"/>
  <c r="X18073" i="1"/>
  <c r="X18074" i="1"/>
  <c r="X18075" i="1"/>
  <c r="X18076" i="1"/>
  <c r="X18077" i="1"/>
  <c r="X18078" i="1"/>
  <c r="X18079" i="1"/>
  <c r="X18080" i="1"/>
  <c r="X18081" i="1"/>
  <c r="X18082" i="1"/>
  <c r="X18083" i="1"/>
  <c r="X18084" i="1"/>
  <c r="X18085" i="1"/>
  <c r="X18086" i="1"/>
  <c r="X18087" i="1"/>
  <c r="X18088" i="1"/>
  <c r="X18089" i="1"/>
  <c r="X18090" i="1"/>
  <c r="X18091" i="1"/>
  <c r="X18092" i="1"/>
  <c r="X18093" i="1"/>
  <c r="X18094" i="1"/>
  <c r="X18095" i="1"/>
  <c r="X18096" i="1"/>
  <c r="X18097" i="1"/>
  <c r="X18098" i="1"/>
  <c r="X18099" i="1"/>
  <c r="X18100" i="1"/>
  <c r="X18101" i="1"/>
  <c r="X18102" i="1"/>
  <c r="X18103" i="1"/>
  <c r="X18104" i="1"/>
  <c r="X18105" i="1"/>
  <c r="X18106" i="1"/>
  <c r="X18107" i="1"/>
  <c r="X18108" i="1"/>
  <c r="X18109" i="1"/>
  <c r="X18110" i="1"/>
  <c r="X18111" i="1"/>
  <c r="X18112" i="1"/>
  <c r="X18113" i="1"/>
  <c r="X18114" i="1"/>
  <c r="X18115" i="1"/>
  <c r="X18116" i="1"/>
  <c r="X18117" i="1"/>
  <c r="X18118" i="1"/>
  <c r="X18119" i="1"/>
  <c r="X18120" i="1"/>
  <c r="X18121" i="1"/>
  <c r="X18122" i="1"/>
  <c r="X18123" i="1"/>
  <c r="X18124" i="1"/>
  <c r="X18125" i="1"/>
  <c r="X18126" i="1"/>
  <c r="X18127" i="1"/>
  <c r="X18128" i="1"/>
  <c r="X18129" i="1"/>
  <c r="X18130" i="1"/>
  <c r="X18131" i="1"/>
  <c r="X18132" i="1"/>
  <c r="X18133" i="1"/>
  <c r="X18134" i="1"/>
  <c r="X18135" i="1"/>
  <c r="X18136" i="1"/>
  <c r="X18137" i="1"/>
  <c r="X18138" i="1"/>
  <c r="X18139" i="1"/>
  <c r="X18140" i="1"/>
  <c r="X18141" i="1"/>
  <c r="X18142" i="1"/>
  <c r="X18143" i="1"/>
  <c r="X18144" i="1"/>
  <c r="X18145" i="1"/>
  <c r="X18146" i="1"/>
  <c r="X18147" i="1"/>
  <c r="X18148" i="1"/>
  <c r="X18149" i="1"/>
  <c r="X18150" i="1"/>
  <c r="X18151" i="1"/>
  <c r="X18152" i="1"/>
  <c r="X18153" i="1"/>
  <c r="X18154" i="1"/>
  <c r="X18155" i="1"/>
  <c r="X18156" i="1"/>
  <c r="X18157" i="1"/>
  <c r="X18158" i="1"/>
  <c r="X18159" i="1"/>
  <c r="X18160" i="1"/>
  <c r="X18161" i="1"/>
  <c r="X18162" i="1"/>
  <c r="X18163" i="1"/>
  <c r="X18164" i="1"/>
  <c r="X18165" i="1"/>
  <c r="X18166" i="1"/>
  <c r="X18167" i="1"/>
  <c r="X18168" i="1"/>
  <c r="X18169" i="1"/>
  <c r="X18170" i="1"/>
  <c r="X18171" i="1"/>
  <c r="X18172" i="1"/>
  <c r="X18173" i="1"/>
  <c r="X18174" i="1"/>
  <c r="X18175" i="1"/>
  <c r="X18176" i="1"/>
  <c r="X18177" i="1"/>
  <c r="X18178" i="1"/>
  <c r="X18179" i="1"/>
  <c r="X18180" i="1"/>
  <c r="X18181" i="1"/>
  <c r="X18182" i="1"/>
  <c r="X18183" i="1"/>
  <c r="X18184" i="1"/>
  <c r="X18185" i="1"/>
  <c r="X18186" i="1"/>
  <c r="X18187" i="1"/>
  <c r="X18188" i="1"/>
  <c r="X18189" i="1"/>
  <c r="X18190" i="1"/>
  <c r="X18191" i="1"/>
  <c r="X18192" i="1"/>
  <c r="X18193" i="1"/>
  <c r="X18194" i="1"/>
  <c r="X18195" i="1"/>
  <c r="X18196" i="1"/>
  <c r="X18197" i="1"/>
  <c r="X18198" i="1"/>
  <c r="X18199" i="1"/>
  <c r="X18200" i="1"/>
  <c r="X18201" i="1"/>
  <c r="X18202" i="1"/>
  <c r="X18203" i="1"/>
  <c r="X18204" i="1"/>
  <c r="X18205" i="1"/>
  <c r="X18206" i="1"/>
  <c r="X18207" i="1"/>
  <c r="X18208" i="1"/>
  <c r="X18209" i="1"/>
  <c r="X18210" i="1"/>
  <c r="X18211" i="1"/>
  <c r="X18212" i="1"/>
  <c r="X18213" i="1"/>
  <c r="X18214" i="1"/>
  <c r="X18215" i="1"/>
  <c r="X18216" i="1"/>
  <c r="X18217" i="1"/>
  <c r="X18218" i="1"/>
  <c r="X18219" i="1"/>
  <c r="X18220" i="1"/>
  <c r="X18221" i="1"/>
  <c r="X18222" i="1"/>
  <c r="X18223" i="1"/>
  <c r="X18224" i="1"/>
  <c r="X18225" i="1"/>
  <c r="X18226" i="1"/>
  <c r="X18227" i="1"/>
  <c r="X18228" i="1"/>
  <c r="X18229" i="1"/>
  <c r="X18230" i="1"/>
  <c r="X18231" i="1"/>
  <c r="X18232" i="1"/>
  <c r="X18233" i="1"/>
  <c r="X18234" i="1"/>
  <c r="X18235" i="1"/>
  <c r="X18236" i="1"/>
  <c r="X18237" i="1"/>
  <c r="X18238" i="1"/>
  <c r="X18239" i="1"/>
  <c r="X18240" i="1"/>
  <c r="X18241" i="1"/>
  <c r="X18242" i="1"/>
  <c r="X18243" i="1"/>
  <c r="X18244" i="1"/>
  <c r="X18245" i="1"/>
  <c r="X18246" i="1"/>
  <c r="X18247" i="1"/>
  <c r="X18248" i="1"/>
  <c r="X18249" i="1"/>
  <c r="X18250" i="1"/>
  <c r="X18251" i="1"/>
  <c r="X18252" i="1"/>
  <c r="X18253" i="1"/>
  <c r="X18254" i="1"/>
  <c r="X18255" i="1"/>
  <c r="X18256" i="1"/>
  <c r="X18257" i="1"/>
  <c r="X18258" i="1"/>
  <c r="X18259" i="1"/>
  <c r="X18260" i="1"/>
  <c r="X18261" i="1"/>
  <c r="X18262" i="1"/>
  <c r="X18263" i="1"/>
  <c r="X18264" i="1"/>
  <c r="X18265" i="1"/>
  <c r="X18266" i="1"/>
  <c r="X18267" i="1"/>
  <c r="X18268" i="1"/>
  <c r="X18269" i="1"/>
  <c r="X18270" i="1"/>
  <c r="X18271" i="1"/>
  <c r="X18272" i="1"/>
  <c r="X18273" i="1"/>
  <c r="X18274" i="1"/>
  <c r="X18275" i="1"/>
  <c r="X18276" i="1"/>
  <c r="X18277" i="1"/>
  <c r="X18278" i="1"/>
  <c r="X18279" i="1"/>
  <c r="X18280" i="1"/>
  <c r="X18281" i="1"/>
  <c r="X18282" i="1"/>
  <c r="X18283" i="1"/>
  <c r="X18284" i="1"/>
  <c r="X18285" i="1"/>
  <c r="X18286" i="1"/>
  <c r="X18287" i="1"/>
  <c r="X18288" i="1"/>
  <c r="X18289" i="1"/>
  <c r="X18290" i="1"/>
  <c r="X18291" i="1"/>
  <c r="X18292" i="1"/>
  <c r="X18293" i="1"/>
  <c r="X18294" i="1"/>
  <c r="X18295" i="1"/>
  <c r="X18296" i="1"/>
  <c r="X18297" i="1"/>
  <c r="X18298" i="1"/>
  <c r="X18299" i="1"/>
  <c r="X18300" i="1"/>
  <c r="X18301" i="1"/>
  <c r="X18302" i="1"/>
  <c r="X18303" i="1"/>
  <c r="X18304" i="1"/>
  <c r="X18305" i="1"/>
  <c r="X18306" i="1"/>
  <c r="X18307" i="1"/>
  <c r="X18308" i="1"/>
  <c r="X18309" i="1"/>
  <c r="X18310" i="1"/>
  <c r="X18311" i="1"/>
  <c r="X18312" i="1"/>
  <c r="X18313" i="1"/>
  <c r="X18314" i="1"/>
  <c r="X18315" i="1"/>
  <c r="X18316" i="1"/>
  <c r="X18317" i="1"/>
  <c r="X18318" i="1"/>
  <c r="X18319" i="1"/>
  <c r="X18320" i="1"/>
  <c r="X18321" i="1"/>
  <c r="X18322" i="1"/>
  <c r="X18323" i="1"/>
  <c r="X18324" i="1"/>
  <c r="X18325" i="1"/>
  <c r="X18326" i="1"/>
  <c r="X18327" i="1"/>
  <c r="X18328" i="1"/>
  <c r="X18329" i="1"/>
  <c r="X18330" i="1"/>
  <c r="X18331" i="1"/>
  <c r="X18332" i="1"/>
  <c r="X18333" i="1"/>
  <c r="X18334" i="1"/>
  <c r="X18335" i="1"/>
  <c r="X18336" i="1"/>
  <c r="X18337" i="1"/>
  <c r="X18338" i="1"/>
  <c r="X18339" i="1"/>
  <c r="X18340" i="1"/>
  <c r="X18341" i="1"/>
  <c r="X18342" i="1"/>
  <c r="X18343" i="1"/>
  <c r="X18344" i="1"/>
  <c r="X18345" i="1"/>
  <c r="X18346" i="1"/>
  <c r="X18347" i="1"/>
  <c r="X18348" i="1"/>
  <c r="X18349" i="1"/>
  <c r="X18350" i="1"/>
  <c r="X18351" i="1"/>
  <c r="X18352" i="1"/>
  <c r="X18353" i="1"/>
  <c r="X18354" i="1"/>
  <c r="X18355" i="1"/>
  <c r="X18356" i="1"/>
  <c r="X18357" i="1"/>
  <c r="X18358" i="1"/>
  <c r="X18359" i="1"/>
  <c r="X18360" i="1"/>
  <c r="X18361" i="1"/>
  <c r="X18362" i="1"/>
  <c r="X18363" i="1"/>
  <c r="X18364" i="1"/>
  <c r="X18365" i="1"/>
  <c r="X18366" i="1"/>
  <c r="X18367" i="1"/>
  <c r="X18368" i="1"/>
  <c r="X18369" i="1"/>
  <c r="X18370" i="1"/>
  <c r="X18371" i="1"/>
  <c r="X18372" i="1"/>
  <c r="X18373" i="1"/>
  <c r="X18374" i="1"/>
  <c r="X18375" i="1"/>
  <c r="X18376" i="1"/>
  <c r="X18377" i="1"/>
  <c r="X18378" i="1"/>
  <c r="X18379" i="1"/>
  <c r="X18380" i="1"/>
  <c r="X18381" i="1"/>
  <c r="X18382" i="1"/>
  <c r="X18383" i="1"/>
  <c r="X18384" i="1"/>
  <c r="X18385" i="1"/>
  <c r="X18386" i="1"/>
  <c r="X18387" i="1"/>
  <c r="X18388" i="1"/>
  <c r="X18389" i="1"/>
  <c r="X18390" i="1"/>
  <c r="X18391" i="1"/>
  <c r="X18392" i="1"/>
  <c r="X18393" i="1"/>
  <c r="X18394" i="1"/>
  <c r="X18395" i="1"/>
  <c r="X18396" i="1"/>
  <c r="X18397" i="1"/>
  <c r="X18398" i="1"/>
  <c r="X18399" i="1"/>
  <c r="X18400" i="1"/>
  <c r="X18401" i="1"/>
  <c r="X18402" i="1"/>
  <c r="X18403" i="1"/>
  <c r="X18404" i="1"/>
  <c r="X18405" i="1"/>
  <c r="X18406" i="1"/>
  <c r="X18407" i="1"/>
  <c r="X18408" i="1"/>
  <c r="X18409" i="1"/>
  <c r="X18410" i="1"/>
  <c r="X18411" i="1"/>
  <c r="X18412" i="1"/>
  <c r="X18413" i="1"/>
  <c r="X18414" i="1"/>
  <c r="X18415" i="1"/>
  <c r="X18416" i="1"/>
  <c r="X18417" i="1"/>
  <c r="X18418" i="1"/>
  <c r="X18419" i="1"/>
  <c r="X18420" i="1"/>
  <c r="X18421" i="1"/>
  <c r="X18422" i="1"/>
  <c r="X18423" i="1"/>
  <c r="X18424" i="1"/>
  <c r="X18425" i="1"/>
  <c r="X18426" i="1"/>
  <c r="X18427" i="1"/>
  <c r="X18428" i="1"/>
  <c r="X18429" i="1"/>
  <c r="X18430" i="1"/>
  <c r="X18431" i="1"/>
  <c r="X18432" i="1"/>
  <c r="X18433" i="1"/>
  <c r="X18434" i="1"/>
  <c r="X18435" i="1"/>
  <c r="X18436" i="1"/>
  <c r="X18437" i="1"/>
  <c r="X18438" i="1"/>
  <c r="X18439" i="1"/>
  <c r="X18440" i="1"/>
  <c r="X18441" i="1"/>
  <c r="X18442" i="1"/>
  <c r="X18443" i="1"/>
  <c r="X18444" i="1"/>
  <c r="X18445" i="1"/>
  <c r="X18446" i="1"/>
  <c r="X18447" i="1"/>
  <c r="X18448" i="1"/>
  <c r="X18449" i="1"/>
  <c r="X18450" i="1"/>
  <c r="X18451" i="1"/>
  <c r="X18452" i="1"/>
  <c r="X18453" i="1"/>
  <c r="X18454" i="1"/>
  <c r="X18455" i="1"/>
  <c r="X18456" i="1"/>
  <c r="X18457" i="1"/>
  <c r="X18458" i="1"/>
  <c r="X18459" i="1"/>
  <c r="X18460" i="1"/>
  <c r="X18461" i="1"/>
  <c r="X18462" i="1"/>
  <c r="X18463" i="1"/>
  <c r="X18464" i="1"/>
  <c r="X18465" i="1"/>
  <c r="X18466" i="1"/>
  <c r="X18467" i="1"/>
  <c r="X18468" i="1"/>
  <c r="X18469" i="1"/>
  <c r="X18470" i="1"/>
  <c r="X18471" i="1"/>
  <c r="X18472" i="1"/>
  <c r="X18473" i="1"/>
  <c r="X18474" i="1"/>
  <c r="X18475" i="1"/>
  <c r="X18476" i="1"/>
  <c r="X18477" i="1"/>
  <c r="X18478" i="1"/>
  <c r="X18479" i="1"/>
  <c r="X18480" i="1"/>
  <c r="X18481" i="1"/>
  <c r="X18482" i="1"/>
  <c r="X18483" i="1"/>
  <c r="X18484" i="1"/>
  <c r="X18485" i="1"/>
  <c r="X18486" i="1"/>
  <c r="X18487" i="1"/>
  <c r="X18488" i="1"/>
  <c r="X18489" i="1"/>
  <c r="X18490" i="1"/>
  <c r="X18491" i="1"/>
  <c r="X18492" i="1"/>
  <c r="X18493" i="1"/>
  <c r="X18494" i="1"/>
  <c r="X18495" i="1"/>
  <c r="X18496" i="1"/>
  <c r="X18497" i="1"/>
  <c r="X18498" i="1"/>
  <c r="X18499" i="1"/>
  <c r="X18500" i="1"/>
  <c r="X18501" i="1"/>
  <c r="X18502" i="1"/>
  <c r="X18503" i="1"/>
  <c r="X18504" i="1"/>
  <c r="X18505" i="1"/>
  <c r="X18506" i="1"/>
  <c r="X18507" i="1"/>
  <c r="X18508" i="1"/>
  <c r="X18509" i="1"/>
  <c r="X18510" i="1"/>
  <c r="X18511" i="1"/>
  <c r="X18512" i="1"/>
  <c r="X18513" i="1"/>
  <c r="X18514" i="1"/>
  <c r="X18515" i="1"/>
  <c r="X18516" i="1"/>
  <c r="X18517" i="1"/>
  <c r="X18518" i="1"/>
  <c r="X18519" i="1"/>
  <c r="X18520" i="1"/>
  <c r="X18521" i="1"/>
  <c r="X18522" i="1"/>
  <c r="X18523" i="1"/>
  <c r="X18524" i="1"/>
  <c r="X18525" i="1"/>
  <c r="X18526" i="1"/>
  <c r="X18527" i="1"/>
  <c r="X18528" i="1"/>
  <c r="X18529" i="1"/>
  <c r="X18530" i="1"/>
  <c r="X18531" i="1"/>
  <c r="X18532" i="1"/>
  <c r="X18533" i="1"/>
  <c r="X18534" i="1"/>
  <c r="X18535" i="1"/>
  <c r="X18536" i="1"/>
  <c r="X18537" i="1"/>
  <c r="X18538" i="1"/>
  <c r="X18539" i="1"/>
  <c r="X18540" i="1"/>
  <c r="X18541" i="1"/>
  <c r="X18542" i="1"/>
  <c r="X18543" i="1"/>
  <c r="X18544" i="1"/>
  <c r="X18545" i="1"/>
  <c r="X18546" i="1"/>
  <c r="X18547" i="1"/>
  <c r="X18548" i="1"/>
  <c r="X18549" i="1"/>
  <c r="X18550" i="1"/>
  <c r="X18551" i="1"/>
  <c r="X18552" i="1"/>
  <c r="X18553" i="1"/>
  <c r="X18554" i="1"/>
  <c r="X18555" i="1"/>
  <c r="X18556" i="1"/>
  <c r="X18557" i="1"/>
  <c r="X18558" i="1"/>
  <c r="X18559" i="1"/>
  <c r="X18560" i="1"/>
  <c r="X18561" i="1"/>
  <c r="X18562" i="1"/>
  <c r="X18563" i="1"/>
  <c r="X18564" i="1"/>
  <c r="X18565" i="1"/>
  <c r="X18566" i="1"/>
  <c r="X18567" i="1"/>
  <c r="X18568" i="1"/>
  <c r="X18569" i="1"/>
  <c r="X18570" i="1"/>
  <c r="X18571" i="1"/>
  <c r="X18572" i="1"/>
  <c r="X18573" i="1"/>
  <c r="X18574" i="1"/>
  <c r="X18575" i="1"/>
  <c r="X18576" i="1"/>
  <c r="X18577" i="1"/>
  <c r="X18578" i="1"/>
  <c r="X18579" i="1"/>
  <c r="X18580" i="1"/>
  <c r="X18581" i="1"/>
  <c r="X18582" i="1"/>
  <c r="X18583" i="1"/>
  <c r="X18584" i="1"/>
  <c r="X18585" i="1"/>
  <c r="X18586" i="1"/>
  <c r="X18587" i="1"/>
  <c r="X18588" i="1"/>
  <c r="X18589" i="1"/>
  <c r="X18590" i="1"/>
  <c r="X18591" i="1"/>
  <c r="X18592" i="1"/>
  <c r="X18593" i="1"/>
  <c r="X18594" i="1"/>
  <c r="X18595" i="1"/>
  <c r="X18596" i="1"/>
  <c r="X18597" i="1"/>
  <c r="X18598" i="1"/>
  <c r="X18599" i="1"/>
  <c r="X18600" i="1"/>
  <c r="X18601" i="1"/>
  <c r="X18602" i="1"/>
  <c r="X18603" i="1"/>
  <c r="X18604" i="1"/>
  <c r="X18605" i="1"/>
  <c r="X18606" i="1"/>
  <c r="X18607" i="1"/>
  <c r="X18608" i="1"/>
  <c r="X18609" i="1"/>
  <c r="X18610" i="1"/>
  <c r="X18611" i="1"/>
  <c r="X18612" i="1"/>
  <c r="X18613" i="1"/>
  <c r="X18614" i="1"/>
  <c r="X18615" i="1"/>
  <c r="X18616" i="1"/>
  <c r="X18617" i="1"/>
  <c r="X18618" i="1"/>
  <c r="X18619" i="1"/>
  <c r="X18620" i="1"/>
  <c r="X18621" i="1"/>
  <c r="X18622" i="1"/>
  <c r="X18623" i="1"/>
  <c r="X18624" i="1"/>
  <c r="X18625" i="1"/>
  <c r="X18626" i="1"/>
  <c r="X18627" i="1"/>
  <c r="X18628" i="1"/>
  <c r="X18629" i="1"/>
  <c r="X18630" i="1"/>
  <c r="X18631" i="1"/>
  <c r="X18632" i="1"/>
  <c r="X18633" i="1"/>
  <c r="X18634" i="1"/>
  <c r="X18635" i="1"/>
  <c r="X18636" i="1"/>
  <c r="X18637" i="1"/>
  <c r="X18638" i="1"/>
  <c r="X18639" i="1"/>
  <c r="X18640" i="1"/>
  <c r="X18641" i="1"/>
  <c r="X18642" i="1"/>
  <c r="X18643" i="1"/>
  <c r="X18644" i="1"/>
  <c r="X18645" i="1"/>
  <c r="X18646" i="1"/>
  <c r="X18647" i="1"/>
  <c r="X18648" i="1"/>
  <c r="X18649" i="1"/>
  <c r="X18650" i="1"/>
  <c r="X18651" i="1"/>
  <c r="X18652" i="1"/>
  <c r="X18653" i="1"/>
  <c r="X18654" i="1"/>
  <c r="X18655" i="1"/>
  <c r="X18656" i="1"/>
  <c r="X18657" i="1"/>
  <c r="X18658" i="1"/>
  <c r="X18659" i="1"/>
  <c r="X18660" i="1"/>
  <c r="X18661" i="1"/>
  <c r="X18662" i="1"/>
  <c r="X18663" i="1"/>
  <c r="X18664" i="1"/>
  <c r="X18665" i="1"/>
  <c r="X18666" i="1"/>
  <c r="X18667" i="1"/>
  <c r="X18668" i="1"/>
  <c r="X18669" i="1"/>
  <c r="X18670" i="1"/>
  <c r="X18671" i="1"/>
  <c r="X18672" i="1"/>
  <c r="X18673" i="1"/>
  <c r="X18674" i="1"/>
  <c r="X18675" i="1"/>
  <c r="X18676" i="1"/>
  <c r="X18677" i="1"/>
  <c r="X18678" i="1"/>
  <c r="X18679" i="1"/>
  <c r="X18680" i="1"/>
  <c r="X18681" i="1"/>
  <c r="X18682" i="1"/>
  <c r="X18683" i="1"/>
  <c r="X18684" i="1"/>
  <c r="X18685" i="1"/>
  <c r="X18686" i="1"/>
  <c r="X18687" i="1"/>
  <c r="X18688" i="1"/>
  <c r="X18689" i="1"/>
  <c r="X18690" i="1"/>
  <c r="X18691" i="1"/>
  <c r="X18692" i="1"/>
  <c r="X18693" i="1"/>
  <c r="X18694" i="1"/>
  <c r="X18695" i="1"/>
  <c r="X18696" i="1"/>
  <c r="X18697" i="1"/>
  <c r="X18698" i="1"/>
  <c r="X18699" i="1"/>
  <c r="X18700" i="1"/>
  <c r="X18701" i="1"/>
  <c r="X18702" i="1"/>
  <c r="X18703" i="1"/>
  <c r="X18704" i="1"/>
  <c r="X18705" i="1"/>
  <c r="X18706" i="1"/>
  <c r="X18707" i="1"/>
  <c r="X18708" i="1"/>
  <c r="X18709" i="1"/>
  <c r="X18710" i="1"/>
  <c r="X18711" i="1"/>
  <c r="X18712" i="1"/>
  <c r="X18713" i="1"/>
  <c r="X18714" i="1"/>
  <c r="X18715" i="1"/>
  <c r="X18716" i="1"/>
  <c r="X18717" i="1"/>
  <c r="X18718" i="1"/>
  <c r="X18719" i="1"/>
  <c r="X18720" i="1"/>
  <c r="X18721" i="1"/>
  <c r="X18722" i="1"/>
  <c r="X18723" i="1"/>
  <c r="X18724" i="1"/>
  <c r="X18725" i="1"/>
  <c r="X18726" i="1"/>
  <c r="X18727" i="1"/>
  <c r="X18728" i="1"/>
  <c r="X18729" i="1"/>
  <c r="X18730" i="1"/>
  <c r="X18731" i="1"/>
  <c r="X18732" i="1"/>
  <c r="X18733" i="1"/>
  <c r="X18734" i="1"/>
  <c r="X18735" i="1"/>
  <c r="X18736" i="1"/>
  <c r="X18737" i="1"/>
  <c r="X18738" i="1"/>
  <c r="X18739" i="1"/>
  <c r="X18740" i="1"/>
  <c r="X18741" i="1"/>
  <c r="X18742" i="1"/>
  <c r="X18743" i="1"/>
  <c r="X18744" i="1"/>
  <c r="X18745" i="1"/>
  <c r="X18746" i="1"/>
  <c r="X18747" i="1"/>
  <c r="X18748" i="1"/>
  <c r="X18749" i="1"/>
  <c r="X18750" i="1"/>
  <c r="X18751" i="1"/>
  <c r="X18752" i="1"/>
  <c r="X18753" i="1"/>
  <c r="X18754" i="1"/>
  <c r="X18755" i="1"/>
  <c r="X18756" i="1"/>
  <c r="X18757" i="1"/>
  <c r="X18758" i="1"/>
  <c r="X18759" i="1"/>
  <c r="X18760" i="1"/>
  <c r="X18761" i="1"/>
  <c r="X18762" i="1"/>
  <c r="X18763" i="1"/>
  <c r="X18764" i="1"/>
  <c r="X18765" i="1"/>
  <c r="X18766" i="1"/>
  <c r="X18767" i="1"/>
  <c r="X18768" i="1"/>
  <c r="X18769" i="1"/>
  <c r="X18770" i="1"/>
  <c r="X18771" i="1"/>
  <c r="X18772" i="1"/>
  <c r="X18773" i="1"/>
  <c r="X18774" i="1"/>
  <c r="X18775" i="1"/>
  <c r="X18776" i="1"/>
  <c r="X18777" i="1"/>
  <c r="X18778" i="1"/>
  <c r="X18779" i="1"/>
  <c r="X18780" i="1"/>
  <c r="X18781" i="1"/>
  <c r="X18782" i="1"/>
  <c r="X18783" i="1"/>
  <c r="X18784" i="1"/>
  <c r="X18785" i="1"/>
  <c r="X18786" i="1"/>
  <c r="X18787" i="1"/>
  <c r="X18788" i="1"/>
  <c r="X18789" i="1"/>
  <c r="X18790" i="1"/>
  <c r="X18791" i="1"/>
  <c r="X18792" i="1"/>
  <c r="X18793" i="1"/>
  <c r="X18794" i="1"/>
  <c r="X18795" i="1"/>
  <c r="X18796" i="1"/>
  <c r="X18797" i="1"/>
  <c r="X18798" i="1"/>
  <c r="X18799" i="1"/>
  <c r="X18800" i="1"/>
  <c r="X18801" i="1"/>
  <c r="X18802" i="1"/>
  <c r="X18803" i="1"/>
  <c r="X18804" i="1"/>
  <c r="X18805" i="1"/>
  <c r="X18806" i="1"/>
  <c r="X18807" i="1"/>
  <c r="X18808" i="1"/>
  <c r="X18809" i="1"/>
  <c r="X18810" i="1"/>
  <c r="X18811" i="1"/>
  <c r="X18812" i="1"/>
  <c r="X18813" i="1"/>
  <c r="X18814" i="1"/>
  <c r="X18815" i="1"/>
  <c r="X18816" i="1"/>
  <c r="X18817" i="1"/>
  <c r="X18818" i="1"/>
  <c r="X18819" i="1"/>
  <c r="X18820" i="1"/>
  <c r="X18821" i="1"/>
  <c r="X18822" i="1"/>
  <c r="X18823" i="1"/>
  <c r="X18824" i="1"/>
  <c r="X18825" i="1"/>
  <c r="X18826" i="1"/>
  <c r="X18827" i="1"/>
  <c r="X18828" i="1"/>
  <c r="X18829" i="1"/>
  <c r="X18830" i="1"/>
  <c r="X18831" i="1"/>
  <c r="X18832" i="1"/>
  <c r="X18833" i="1"/>
  <c r="X18834" i="1"/>
  <c r="X18835" i="1"/>
  <c r="X18836" i="1"/>
  <c r="X18837" i="1"/>
  <c r="X18838" i="1"/>
  <c r="X18839" i="1"/>
  <c r="X18840" i="1"/>
  <c r="X18841" i="1"/>
  <c r="X18842" i="1"/>
  <c r="X18843" i="1"/>
  <c r="X18844" i="1"/>
  <c r="X18845" i="1"/>
  <c r="X18846" i="1"/>
  <c r="X18847" i="1"/>
  <c r="X18848" i="1"/>
  <c r="X18849" i="1"/>
  <c r="X18850" i="1"/>
  <c r="X18851" i="1"/>
  <c r="X18852" i="1"/>
  <c r="X18853" i="1"/>
  <c r="X18854" i="1"/>
  <c r="X18855" i="1"/>
  <c r="X18856" i="1"/>
  <c r="X18857" i="1"/>
  <c r="X18858" i="1"/>
  <c r="X18859" i="1"/>
  <c r="X18860" i="1"/>
  <c r="X18861" i="1"/>
  <c r="X18862" i="1"/>
  <c r="X18863" i="1"/>
  <c r="X18864" i="1"/>
  <c r="X18865" i="1"/>
  <c r="X18866" i="1"/>
  <c r="X18867" i="1"/>
  <c r="X18868" i="1"/>
  <c r="X18869" i="1"/>
  <c r="X18870" i="1"/>
  <c r="X18871" i="1"/>
  <c r="X18872" i="1"/>
  <c r="X18873" i="1"/>
  <c r="X18874" i="1"/>
  <c r="X18875" i="1"/>
  <c r="X18876" i="1"/>
  <c r="X18877" i="1"/>
  <c r="X18878" i="1"/>
  <c r="X18879" i="1"/>
  <c r="X18880" i="1"/>
  <c r="X18881" i="1"/>
  <c r="X18882" i="1"/>
  <c r="X18883" i="1"/>
  <c r="X18884" i="1"/>
  <c r="X18885" i="1"/>
  <c r="X18886" i="1"/>
  <c r="X18887" i="1"/>
  <c r="X18888" i="1"/>
  <c r="X18889" i="1"/>
  <c r="X18890" i="1"/>
  <c r="X18891" i="1"/>
  <c r="X18892" i="1"/>
  <c r="X18893" i="1"/>
  <c r="X18894" i="1"/>
  <c r="X18895" i="1"/>
  <c r="X18896" i="1"/>
  <c r="X18897" i="1"/>
  <c r="X18898" i="1"/>
  <c r="X18899" i="1"/>
  <c r="X18900" i="1"/>
  <c r="X18901" i="1"/>
  <c r="X18902" i="1"/>
  <c r="X18903" i="1"/>
  <c r="X18904" i="1"/>
  <c r="X18905" i="1"/>
  <c r="X18906" i="1"/>
  <c r="X18907" i="1"/>
  <c r="X18908" i="1"/>
  <c r="X18909" i="1"/>
  <c r="X18910" i="1"/>
  <c r="X18911" i="1"/>
  <c r="X18912" i="1"/>
  <c r="X18913" i="1"/>
  <c r="X18914" i="1"/>
  <c r="X18915" i="1"/>
  <c r="X18916" i="1"/>
  <c r="X18917" i="1"/>
  <c r="X18918" i="1"/>
  <c r="X18919" i="1"/>
  <c r="X18920" i="1"/>
  <c r="X18921" i="1"/>
  <c r="X18922" i="1"/>
  <c r="X18923" i="1"/>
  <c r="X18924" i="1"/>
  <c r="X18925" i="1"/>
  <c r="X18926" i="1"/>
  <c r="X18927" i="1"/>
  <c r="X18928" i="1"/>
  <c r="X18929" i="1"/>
  <c r="X18930" i="1"/>
  <c r="X18931" i="1"/>
  <c r="X18932" i="1"/>
  <c r="X18933" i="1"/>
  <c r="X18934" i="1"/>
  <c r="X18935" i="1"/>
  <c r="X18936" i="1"/>
  <c r="X18937" i="1"/>
  <c r="X18938" i="1"/>
  <c r="X18939" i="1"/>
  <c r="X18940" i="1"/>
  <c r="X18941" i="1"/>
  <c r="X18942" i="1"/>
  <c r="X18943" i="1"/>
  <c r="X18944" i="1"/>
  <c r="X18945" i="1"/>
  <c r="X18946" i="1"/>
  <c r="X18947" i="1"/>
  <c r="X18948" i="1"/>
  <c r="X18949" i="1"/>
  <c r="X18950" i="1"/>
  <c r="X18951" i="1"/>
  <c r="X18952" i="1"/>
  <c r="X18953" i="1"/>
  <c r="X18954" i="1"/>
  <c r="X18955" i="1"/>
  <c r="X18956" i="1"/>
  <c r="X18957" i="1"/>
  <c r="X18958" i="1"/>
  <c r="X18959" i="1"/>
  <c r="X18960" i="1"/>
  <c r="X18961" i="1"/>
  <c r="X18962" i="1"/>
  <c r="X18963" i="1"/>
  <c r="X18964" i="1"/>
  <c r="X18965" i="1"/>
  <c r="X18966" i="1"/>
  <c r="X18967" i="1"/>
  <c r="X18968" i="1"/>
  <c r="X18969" i="1"/>
  <c r="X18970" i="1"/>
  <c r="X18971" i="1"/>
  <c r="X18972" i="1"/>
  <c r="X18973" i="1"/>
  <c r="X18974" i="1"/>
  <c r="X18975" i="1"/>
  <c r="X18976" i="1"/>
  <c r="X18977" i="1"/>
  <c r="X18978" i="1"/>
  <c r="X18979" i="1"/>
  <c r="X18980" i="1"/>
  <c r="X18981" i="1"/>
  <c r="X18982" i="1"/>
  <c r="X18983" i="1"/>
  <c r="X18984" i="1"/>
  <c r="X18985" i="1"/>
  <c r="X18986" i="1"/>
  <c r="X18987" i="1"/>
  <c r="X18988" i="1"/>
  <c r="X18989" i="1"/>
  <c r="X18990" i="1"/>
  <c r="X18991" i="1"/>
  <c r="X18992" i="1"/>
  <c r="X18993" i="1"/>
  <c r="X18994" i="1"/>
  <c r="X18995" i="1"/>
  <c r="X18996" i="1"/>
  <c r="X18997" i="1"/>
  <c r="X18998" i="1"/>
  <c r="X18999" i="1"/>
  <c r="X19000" i="1"/>
  <c r="X19001" i="1"/>
  <c r="X19002" i="1"/>
  <c r="X19003" i="1"/>
  <c r="X19004" i="1"/>
  <c r="X19005" i="1"/>
  <c r="X19006" i="1"/>
  <c r="X19007" i="1"/>
  <c r="X19008" i="1"/>
  <c r="X19009" i="1"/>
  <c r="X19010" i="1"/>
  <c r="X19011" i="1"/>
  <c r="X19012" i="1"/>
  <c r="X19013" i="1"/>
  <c r="X19014" i="1"/>
  <c r="X19015" i="1"/>
  <c r="X19016" i="1"/>
  <c r="X19017" i="1"/>
  <c r="X19018" i="1"/>
  <c r="X19019" i="1"/>
  <c r="X19020" i="1"/>
  <c r="X19021" i="1"/>
  <c r="X19022" i="1"/>
  <c r="X19023" i="1"/>
  <c r="X19024" i="1"/>
  <c r="X19025" i="1"/>
  <c r="X19026" i="1"/>
  <c r="X19027" i="1"/>
  <c r="X19028" i="1"/>
  <c r="X19029" i="1"/>
  <c r="X19030" i="1"/>
  <c r="X19031" i="1"/>
  <c r="X19032" i="1"/>
  <c r="X19033" i="1"/>
  <c r="X19034" i="1"/>
  <c r="X19035" i="1"/>
  <c r="X19036" i="1"/>
  <c r="X19037" i="1"/>
  <c r="X19038" i="1"/>
  <c r="X19039" i="1"/>
  <c r="X19040" i="1"/>
  <c r="X19041" i="1"/>
  <c r="X19042" i="1"/>
  <c r="X19043" i="1"/>
  <c r="X19044" i="1"/>
  <c r="X19045" i="1"/>
  <c r="X19046" i="1"/>
  <c r="X19047" i="1"/>
  <c r="X19048" i="1"/>
  <c r="X19049" i="1"/>
  <c r="X19050" i="1"/>
  <c r="X19051" i="1"/>
  <c r="X19052" i="1"/>
  <c r="X19053" i="1"/>
  <c r="X19054" i="1"/>
  <c r="X19055" i="1"/>
  <c r="X19056" i="1"/>
  <c r="X19057" i="1"/>
  <c r="X19058" i="1"/>
  <c r="X19059" i="1"/>
  <c r="X19060" i="1"/>
  <c r="X19061" i="1"/>
  <c r="X19062" i="1"/>
  <c r="X19063" i="1"/>
  <c r="X19064" i="1"/>
  <c r="X19065" i="1"/>
  <c r="X19066" i="1"/>
  <c r="X19067" i="1"/>
  <c r="X19068" i="1"/>
  <c r="X19069" i="1"/>
  <c r="X19070" i="1"/>
  <c r="X19071" i="1"/>
  <c r="X19072" i="1"/>
  <c r="X19073" i="1"/>
  <c r="X19074" i="1"/>
  <c r="X19075" i="1"/>
  <c r="X19076" i="1"/>
  <c r="X19077" i="1"/>
  <c r="X19078" i="1"/>
  <c r="X19079" i="1"/>
  <c r="X19080" i="1"/>
  <c r="X19081" i="1"/>
  <c r="X19082" i="1"/>
  <c r="X19083" i="1"/>
  <c r="X19084" i="1"/>
  <c r="X19085" i="1"/>
  <c r="X19086" i="1"/>
  <c r="X19087" i="1"/>
  <c r="X19088" i="1"/>
  <c r="X19089" i="1"/>
  <c r="X19090" i="1"/>
  <c r="X19091" i="1"/>
  <c r="X19092" i="1"/>
  <c r="X19093" i="1"/>
  <c r="X19094" i="1"/>
  <c r="X19095" i="1"/>
  <c r="X19096" i="1"/>
  <c r="X19097" i="1"/>
  <c r="X19098" i="1"/>
  <c r="X19099" i="1"/>
  <c r="X19100" i="1"/>
  <c r="X19101" i="1"/>
  <c r="X19102" i="1"/>
  <c r="X19103" i="1"/>
  <c r="X19104" i="1"/>
  <c r="X19105" i="1"/>
  <c r="X19106" i="1"/>
  <c r="X19107" i="1"/>
  <c r="X19108" i="1"/>
  <c r="X19109" i="1"/>
  <c r="X19110" i="1"/>
  <c r="X19111" i="1"/>
  <c r="X19112" i="1"/>
  <c r="X19113" i="1"/>
  <c r="X19114" i="1"/>
  <c r="X19115" i="1"/>
  <c r="X19116" i="1"/>
  <c r="X19117" i="1"/>
  <c r="X19118" i="1"/>
  <c r="X19119" i="1"/>
  <c r="X19120" i="1"/>
  <c r="X19121" i="1"/>
  <c r="X19122" i="1"/>
  <c r="X19123" i="1"/>
  <c r="X19124" i="1"/>
  <c r="X19125" i="1"/>
  <c r="X19126" i="1"/>
  <c r="X19127" i="1"/>
  <c r="X19128" i="1"/>
  <c r="X19129" i="1"/>
  <c r="X19130" i="1"/>
  <c r="X19131" i="1"/>
  <c r="X19132" i="1"/>
  <c r="X19133" i="1"/>
  <c r="X19134" i="1"/>
  <c r="X19135" i="1"/>
  <c r="X19136" i="1"/>
  <c r="X19137" i="1"/>
  <c r="X19138" i="1"/>
  <c r="X19139" i="1"/>
  <c r="X19140" i="1"/>
  <c r="X19141" i="1"/>
  <c r="X19142" i="1"/>
  <c r="X19143" i="1"/>
  <c r="X19144" i="1"/>
  <c r="X19145" i="1"/>
  <c r="X19146" i="1"/>
  <c r="X19147" i="1"/>
  <c r="X19148" i="1"/>
  <c r="X19149" i="1"/>
  <c r="X19150" i="1"/>
  <c r="X19151" i="1"/>
  <c r="X19152" i="1"/>
  <c r="X19153" i="1"/>
  <c r="X19154" i="1"/>
  <c r="X19155" i="1"/>
  <c r="X19156" i="1"/>
  <c r="X19157" i="1"/>
  <c r="X19158" i="1"/>
  <c r="X19159" i="1"/>
  <c r="X19160" i="1"/>
  <c r="X19161" i="1"/>
  <c r="X19162" i="1"/>
  <c r="X19163" i="1"/>
  <c r="X19164" i="1"/>
  <c r="X19165" i="1"/>
  <c r="X19166" i="1"/>
  <c r="X19167" i="1"/>
  <c r="X19168" i="1"/>
  <c r="X19169" i="1"/>
  <c r="X19170" i="1"/>
  <c r="X19171" i="1"/>
  <c r="X19172" i="1"/>
  <c r="X19173" i="1"/>
  <c r="X19174" i="1"/>
  <c r="X19175" i="1"/>
  <c r="X19176" i="1"/>
  <c r="X19177" i="1"/>
  <c r="X19178" i="1"/>
  <c r="X19179" i="1"/>
  <c r="X19180" i="1"/>
  <c r="X19181" i="1"/>
  <c r="X19182" i="1"/>
  <c r="X19183" i="1"/>
  <c r="X19184" i="1"/>
  <c r="X19185" i="1"/>
  <c r="X19186" i="1"/>
  <c r="X19187" i="1"/>
  <c r="X19188" i="1"/>
  <c r="X19189" i="1"/>
  <c r="X19190" i="1"/>
  <c r="X19191" i="1"/>
  <c r="X19192" i="1"/>
  <c r="X19193" i="1"/>
  <c r="X19194" i="1"/>
  <c r="X19195" i="1"/>
  <c r="X19196" i="1"/>
  <c r="X19197" i="1"/>
  <c r="X19198" i="1"/>
  <c r="X19199" i="1"/>
  <c r="X19200" i="1"/>
  <c r="X19201" i="1"/>
  <c r="X19202" i="1"/>
  <c r="X19203" i="1"/>
  <c r="X19204" i="1"/>
  <c r="X19205" i="1"/>
  <c r="X19206" i="1"/>
  <c r="X19207" i="1"/>
  <c r="X19208" i="1"/>
  <c r="X19209" i="1"/>
  <c r="X19210" i="1"/>
  <c r="X19211" i="1"/>
  <c r="X19212" i="1"/>
  <c r="X19213" i="1"/>
  <c r="X19214" i="1"/>
  <c r="X19215" i="1"/>
  <c r="X19216" i="1"/>
  <c r="X19217" i="1"/>
  <c r="X19218" i="1"/>
  <c r="X19219" i="1"/>
  <c r="X19220" i="1"/>
  <c r="X19221" i="1"/>
  <c r="X19222" i="1"/>
  <c r="X19223" i="1"/>
  <c r="X19224" i="1"/>
  <c r="X19225" i="1"/>
  <c r="X19226" i="1"/>
  <c r="X19227" i="1"/>
  <c r="X19228" i="1"/>
  <c r="X19229" i="1"/>
  <c r="X19230" i="1"/>
  <c r="X19231" i="1"/>
  <c r="X19232" i="1"/>
  <c r="X19233" i="1"/>
  <c r="X19234" i="1"/>
  <c r="X19235" i="1"/>
  <c r="X19236" i="1"/>
  <c r="X19237" i="1"/>
  <c r="X19238" i="1"/>
  <c r="X19239" i="1"/>
  <c r="X19240" i="1"/>
  <c r="X19241" i="1"/>
  <c r="X19242" i="1"/>
  <c r="X19243" i="1"/>
  <c r="X19244" i="1"/>
  <c r="X19245" i="1"/>
  <c r="X19246" i="1"/>
  <c r="X19247" i="1"/>
  <c r="X19248" i="1"/>
  <c r="X19249" i="1"/>
  <c r="X19250" i="1"/>
  <c r="X19251" i="1"/>
  <c r="X19252" i="1"/>
  <c r="X19253" i="1"/>
  <c r="X19254" i="1"/>
  <c r="X19255" i="1"/>
  <c r="X19256" i="1"/>
  <c r="X19257" i="1"/>
  <c r="X19258" i="1"/>
  <c r="X19259" i="1"/>
  <c r="X19260" i="1"/>
  <c r="X19261" i="1"/>
  <c r="X19262" i="1"/>
  <c r="X19263" i="1"/>
  <c r="X19264" i="1"/>
  <c r="X19265" i="1"/>
  <c r="X19266" i="1"/>
  <c r="X19267" i="1"/>
  <c r="X19268" i="1"/>
  <c r="X19269" i="1"/>
  <c r="X19270" i="1"/>
  <c r="X19271" i="1"/>
  <c r="X19272" i="1"/>
  <c r="X19273" i="1"/>
  <c r="X19274" i="1"/>
  <c r="X19275" i="1"/>
  <c r="X19276" i="1"/>
  <c r="X19277" i="1"/>
  <c r="X19278" i="1"/>
  <c r="X19279" i="1"/>
  <c r="X19280" i="1"/>
  <c r="X19281" i="1"/>
  <c r="X19282" i="1"/>
  <c r="X19283" i="1"/>
  <c r="X19284" i="1"/>
  <c r="X19285" i="1"/>
  <c r="X19286" i="1"/>
  <c r="X19287" i="1"/>
  <c r="X19288" i="1"/>
  <c r="X19289" i="1"/>
  <c r="X19290" i="1"/>
  <c r="X19291" i="1"/>
  <c r="X19292" i="1"/>
  <c r="X19293" i="1"/>
  <c r="X19294" i="1"/>
  <c r="X19295" i="1"/>
  <c r="X19296" i="1"/>
  <c r="X19297" i="1"/>
  <c r="X19298" i="1"/>
  <c r="X19299" i="1"/>
  <c r="X19300" i="1"/>
  <c r="X19301" i="1"/>
  <c r="X19302" i="1"/>
  <c r="X19303" i="1"/>
  <c r="X19304" i="1"/>
  <c r="X19305" i="1"/>
  <c r="X19306" i="1"/>
  <c r="X19307" i="1"/>
  <c r="X19308" i="1"/>
  <c r="X19309" i="1"/>
  <c r="X19310" i="1"/>
  <c r="X19311" i="1"/>
  <c r="X19312" i="1"/>
  <c r="X19313" i="1"/>
  <c r="X19314" i="1"/>
  <c r="X19315" i="1"/>
  <c r="X19316" i="1"/>
  <c r="X19317" i="1"/>
  <c r="X19318" i="1"/>
  <c r="X19319" i="1"/>
  <c r="X19320" i="1"/>
  <c r="X19321" i="1"/>
  <c r="X19322" i="1"/>
  <c r="X19323" i="1"/>
  <c r="X19324" i="1"/>
  <c r="X19325" i="1"/>
  <c r="X19326" i="1"/>
  <c r="X19327" i="1"/>
  <c r="X19328" i="1"/>
  <c r="X19329" i="1"/>
  <c r="X19330" i="1"/>
  <c r="X19331" i="1"/>
  <c r="X19332" i="1"/>
  <c r="X19333" i="1"/>
  <c r="X19334" i="1"/>
  <c r="X19335" i="1"/>
  <c r="X19336" i="1"/>
  <c r="X19337" i="1"/>
  <c r="X19338" i="1"/>
  <c r="X19339" i="1"/>
  <c r="X19340" i="1"/>
  <c r="X19341" i="1"/>
  <c r="X19342" i="1"/>
  <c r="X19343" i="1"/>
  <c r="X19344" i="1"/>
  <c r="X19345" i="1"/>
  <c r="X19346" i="1"/>
  <c r="X19347" i="1"/>
  <c r="X19348" i="1"/>
  <c r="X19349" i="1"/>
  <c r="X19350" i="1"/>
  <c r="X19351" i="1"/>
  <c r="X19352" i="1"/>
  <c r="X19353" i="1"/>
  <c r="X19354" i="1"/>
  <c r="X19355" i="1"/>
  <c r="X19356" i="1"/>
  <c r="X19357" i="1"/>
  <c r="X19358" i="1"/>
  <c r="X19359" i="1"/>
  <c r="X19360" i="1"/>
  <c r="X19361" i="1"/>
  <c r="X19362" i="1"/>
  <c r="X19363" i="1"/>
  <c r="X19364" i="1"/>
  <c r="X19365" i="1"/>
  <c r="X19366" i="1"/>
  <c r="X19367" i="1"/>
  <c r="X19368" i="1"/>
  <c r="X19369" i="1"/>
  <c r="X19370" i="1"/>
  <c r="X19371" i="1"/>
  <c r="X19372" i="1"/>
  <c r="X19373" i="1"/>
  <c r="X19374" i="1"/>
  <c r="X19375" i="1"/>
  <c r="X19376" i="1"/>
  <c r="X19377" i="1"/>
  <c r="X19378" i="1"/>
  <c r="X19379" i="1"/>
  <c r="X19380" i="1"/>
  <c r="X19381" i="1"/>
  <c r="X19382" i="1"/>
  <c r="X19383" i="1"/>
  <c r="X19384" i="1"/>
  <c r="X19385" i="1"/>
  <c r="X19386" i="1"/>
  <c r="X19387" i="1"/>
  <c r="X19388" i="1"/>
  <c r="X19389" i="1"/>
  <c r="X19390" i="1"/>
  <c r="X19391" i="1"/>
  <c r="X19392" i="1"/>
  <c r="X19393" i="1"/>
  <c r="X19394" i="1"/>
  <c r="X19395" i="1"/>
  <c r="X19396" i="1"/>
  <c r="X19397" i="1"/>
  <c r="X19398" i="1"/>
  <c r="X19399" i="1"/>
  <c r="X19400" i="1"/>
  <c r="X19401" i="1"/>
  <c r="X19402" i="1"/>
  <c r="X19403" i="1"/>
  <c r="X19404" i="1"/>
  <c r="X19405" i="1"/>
  <c r="X19406" i="1"/>
  <c r="X19407" i="1"/>
  <c r="X19408" i="1"/>
  <c r="X19409" i="1"/>
  <c r="X19410" i="1"/>
  <c r="X19411" i="1"/>
  <c r="X19412" i="1"/>
  <c r="X19413" i="1"/>
  <c r="X19414" i="1"/>
  <c r="X19415" i="1"/>
  <c r="X19416" i="1"/>
  <c r="X19417" i="1"/>
  <c r="X19418" i="1"/>
  <c r="X19419" i="1"/>
  <c r="X19420" i="1"/>
  <c r="X19421" i="1"/>
  <c r="X19422" i="1"/>
  <c r="X19423" i="1"/>
  <c r="X19424" i="1"/>
  <c r="X19425" i="1"/>
  <c r="X19426" i="1"/>
  <c r="X19427" i="1"/>
  <c r="X19428" i="1"/>
  <c r="X19429" i="1"/>
  <c r="X19430" i="1"/>
  <c r="X19431" i="1"/>
  <c r="X19432" i="1"/>
  <c r="X19433" i="1"/>
  <c r="X19434" i="1"/>
  <c r="X19435" i="1"/>
  <c r="X19436" i="1"/>
  <c r="X19437" i="1"/>
  <c r="X19438" i="1"/>
  <c r="X19439" i="1"/>
  <c r="X19440" i="1"/>
  <c r="X19441" i="1"/>
  <c r="X19442" i="1"/>
  <c r="X19443" i="1"/>
  <c r="X19444" i="1"/>
  <c r="X19445" i="1"/>
  <c r="X19446" i="1"/>
  <c r="X19447" i="1"/>
  <c r="X19448" i="1"/>
  <c r="X19449" i="1"/>
  <c r="X19450" i="1"/>
  <c r="X19451" i="1"/>
  <c r="X19452" i="1"/>
  <c r="X19453" i="1"/>
  <c r="X19454" i="1"/>
  <c r="X19455" i="1"/>
  <c r="X19456" i="1"/>
  <c r="X19457" i="1"/>
  <c r="X19458" i="1"/>
  <c r="X19459" i="1"/>
  <c r="X19460" i="1"/>
  <c r="X19461" i="1"/>
  <c r="X19462" i="1"/>
  <c r="X19463" i="1"/>
  <c r="X19464" i="1"/>
  <c r="X19465" i="1"/>
  <c r="X19466" i="1"/>
  <c r="X19467" i="1"/>
  <c r="X19468" i="1"/>
  <c r="X19469" i="1"/>
  <c r="X19470" i="1"/>
  <c r="X19471" i="1"/>
  <c r="X19472" i="1"/>
  <c r="X19473" i="1"/>
  <c r="X19474" i="1"/>
  <c r="X19475" i="1"/>
  <c r="X19476" i="1"/>
  <c r="X19477" i="1"/>
  <c r="X19478" i="1"/>
  <c r="X19479" i="1"/>
  <c r="X19480" i="1"/>
  <c r="X19481" i="1"/>
  <c r="X19482" i="1"/>
  <c r="X19483" i="1"/>
  <c r="X19484" i="1"/>
  <c r="X19485" i="1"/>
  <c r="X19486" i="1"/>
  <c r="X19487" i="1"/>
  <c r="X19488" i="1"/>
  <c r="X19489" i="1"/>
  <c r="X19490" i="1"/>
  <c r="X19491" i="1"/>
  <c r="X19492" i="1"/>
  <c r="X19493" i="1"/>
  <c r="X19494" i="1"/>
  <c r="X19495" i="1"/>
  <c r="X19496" i="1"/>
  <c r="X19497" i="1"/>
  <c r="X19498" i="1"/>
  <c r="X19499" i="1"/>
  <c r="X19500" i="1"/>
  <c r="X19501" i="1"/>
  <c r="X19502" i="1"/>
  <c r="X19503" i="1"/>
  <c r="X19504" i="1"/>
  <c r="X19505" i="1"/>
  <c r="X19506" i="1"/>
  <c r="X19507" i="1"/>
  <c r="X19508" i="1"/>
  <c r="X19509" i="1"/>
  <c r="X19510" i="1"/>
  <c r="X19511" i="1"/>
  <c r="X19512" i="1"/>
  <c r="X19513" i="1"/>
  <c r="X19514" i="1"/>
  <c r="X19515" i="1"/>
  <c r="X19516" i="1"/>
  <c r="X19517" i="1"/>
  <c r="X19518" i="1"/>
  <c r="X19519" i="1"/>
  <c r="X19520" i="1"/>
  <c r="X19521" i="1"/>
  <c r="X19522" i="1"/>
  <c r="X19523" i="1"/>
  <c r="X19524" i="1"/>
  <c r="X19525" i="1"/>
  <c r="X19526" i="1"/>
  <c r="X19527" i="1"/>
  <c r="X19528" i="1"/>
  <c r="X19529" i="1"/>
  <c r="X19530" i="1"/>
  <c r="X19531" i="1"/>
  <c r="X19532" i="1"/>
  <c r="X19533" i="1"/>
  <c r="X19534" i="1"/>
  <c r="X19535" i="1"/>
  <c r="X19536" i="1"/>
  <c r="X19537" i="1"/>
  <c r="X19538" i="1"/>
  <c r="X19539" i="1"/>
  <c r="X19540" i="1"/>
  <c r="X19541" i="1"/>
  <c r="X19542" i="1"/>
  <c r="X19543" i="1"/>
  <c r="X19544" i="1"/>
  <c r="X19545" i="1"/>
  <c r="X19546" i="1"/>
  <c r="X19547" i="1"/>
  <c r="X19548" i="1"/>
  <c r="X19549" i="1"/>
  <c r="X19550" i="1"/>
  <c r="X19551" i="1"/>
  <c r="X19552" i="1"/>
  <c r="X19553" i="1"/>
  <c r="X19554" i="1"/>
  <c r="X19555" i="1"/>
  <c r="X19556" i="1"/>
  <c r="X19557" i="1"/>
  <c r="X19558" i="1"/>
  <c r="X19559" i="1"/>
  <c r="X19560" i="1"/>
  <c r="X19561" i="1"/>
  <c r="X19562" i="1"/>
  <c r="X19563" i="1"/>
  <c r="X19564" i="1"/>
  <c r="X19565" i="1"/>
  <c r="X19566" i="1"/>
  <c r="X19567" i="1"/>
  <c r="X19568" i="1"/>
  <c r="X19569" i="1"/>
  <c r="X19570" i="1"/>
  <c r="X19571" i="1"/>
  <c r="X19572" i="1"/>
  <c r="X19573" i="1"/>
  <c r="X19574" i="1"/>
  <c r="X19575" i="1"/>
  <c r="X19576" i="1"/>
  <c r="X19577" i="1"/>
  <c r="X19578" i="1"/>
  <c r="X19579" i="1"/>
  <c r="X19580" i="1"/>
  <c r="X19581" i="1"/>
  <c r="X19582" i="1"/>
  <c r="X19583" i="1"/>
  <c r="X19584" i="1"/>
  <c r="X19585" i="1"/>
  <c r="X19586" i="1"/>
  <c r="X19587" i="1"/>
  <c r="X19588" i="1"/>
  <c r="X19589" i="1"/>
  <c r="X19590" i="1"/>
  <c r="X19591" i="1"/>
  <c r="X19592" i="1"/>
  <c r="X19593" i="1"/>
  <c r="X19594" i="1"/>
  <c r="X19595" i="1"/>
  <c r="X19596" i="1"/>
  <c r="X19597" i="1"/>
  <c r="X19598" i="1"/>
  <c r="X19599" i="1"/>
  <c r="X19600" i="1"/>
  <c r="X19601" i="1"/>
  <c r="X19602" i="1"/>
  <c r="X19603" i="1"/>
  <c r="X19604" i="1"/>
  <c r="X19605" i="1"/>
  <c r="X19606" i="1"/>
  <c r="X19607" i="1"/>
  <c r="X19608" i="1"/>
  <c r="X19609" i="1"/>
  <c r="X19610" i="1"/>
  <c r="X19611" i="1"/>
  <c r="X19612" i="1"/>
  <c r="X19613" i="1"/>
  <c r="X19614" i="1"/>
  <c r="X19615" i="1"/>
  <c r="X19616" i="1"/>
  <c r="X19617" i="1"/>
  <c r="X19618" i="1"/>
  <c r="X19619" i="1"/>
  <c r="X19620" i="1"/>
  <c r="X19621" i="1"/>
  <c r="X19622" i="1"/>
  <c r="X19623" i="1"/>
  <c r="X19624" i="1"/>
  <c r="X19625" i="1"/>
  <c r="X19626" i="1"/>
  <c r="X19627" i="1"/>
  <c r="X19628" i="1"/>
  <c r="X19629" i="1"/>
  <c r="X19630" i="1"/>
  <c r="X19631" i="1"/>
  <c r="X19632" i="1"/>
  <c r="X19633" i="1"/>
  <c r="X19634" i="1"/>
  <c r="X19635" i="1"/>
  <c r="X19636" i="1"/>
  <c r="X19637" i="1"/>
  <c r="X19638" i="1"/>
  <c r="X19639" i="1"/>
  <c r="X19640" i="1"/>
  <c r="X19641" i="1"/>
  <c r="X19642" i="1"/>
  <c r="X19643" i="1"/>
  <c r="X19644" i="1"/>
  <c r="X19645" i="1"/>
  <c r="X19646" i="1"/>
  <c r="X19647" i="1"/>
  <c r="X19648" i="1"/>
  <c r="X19649" i="1"/>
  <c r="X19650" i="1"/>
  <c r="X19651" i="1"/>
  <c r="X19652" i="1"/>
  <c r="X19653" i="1"/>
  <c r="X19654" i="1"/>
  <c r="X19655" i="1"/>
  <c r="X19656" i="1"/>
  <c r="X19657" i="1"/>
  <c r="X19658" i="1"/>
  <c r="X19659" i="1"/>
  <c r="X19660" i="1"/>
  <c r="X19661" i="1"/>
  <c r="X19662" i="1"/>
  <c r="X19663" i="1"/>
  <c r="X19664" i="1"/>
  <c r="X19665" i="1"/>
  <c r="X19666" i="1"/>
  <c r="X19667" i="1"/>
  <c r="X19668" i="1"/>
  <c r="X19669" i="1"/>
  <c r="X19670" i="1"/>
  <c r="X19671" i="1"/>
  <c r="X19672" i="1"/>
  <c r="X19673" i="1"/>
  <c r="X19674" i="1"/>
  <c r="X19675" i="1"/>
  <c r="X19676" i="1"/>
  <c r="X19677" i="1"/>
  <c r="X19678" i="1"/>
  <c r="X19679" i="1"/>
  <c r="X19680" i="1"/>
  <c r="X19681" i="1"/>
  <c r="X19682" i="1"/>
  <c r="X19683" i="1"/>
  <c r="X19684" i="1"/>
  <c r="X19685" i="1"/>
  <c r="X19686" i="1"/>
  <c r="X19687" i="1"/>
  <c r="X19688" i="1"/>
  <c r="X19689" i="1"/>
  <c r="X19690" i="1"/>
  <c r="X19691" i="1"/>
  <c r="X19692" i="1"/>
  <c r="X19693" i="1"/>
  <c r="X19694" i="1"/>
  <c r="X19695" i="1"/>
  <c r="X19696" i="1"/>
  <c r="X19697" i="1"/>
  <c r="X19698" i="1"/>
  <c r="X19699" i="1"/>
  <c r="X19700" i="1"/>
  <c r="X19701" i="1"/>
  <c r="X19702" i="1"/>
  <c r="X19703" i="1"/>
  <c r="X19704" i="1"/>
  <c r="X19705" i="1"/>
  <c r="X19706" i="1"/>
  <c r="X19707" i="1"/>
  <c r="X19708" i="1"/>
  <c r="X19709" i="1"/>
  <c r="X19710" i="1"/>
  <c r="X19711" i="1"/>
  <c r="X19712" i="1"/>
  <c r="X19713" i="1"/>
  <c r="X19714" i="1"/>
  <c r="X19715" i="1"/>
  <c r="X19716" i="1"/>
  <c r="X19717" i="1"/>
  <c r="X19718" i="1"/>
  <c r="X19719" i="1"/>
  <c r="X19720" i="1"/>
  <c r="X19721" i="1"/>
  <c r="X19722" i="1"/>
  <c r="X19723" i="1"/>
  <c r="X19724" i="1"/>
  <c r="X19725" i="1"/>
  <c r="X19726" i="1"/>
  <c r="X19727" i="1"/>
  <c r="X19728" i="1"/>
  <c r="X19729" i="1"/>
  <c r="X19730" i="1"/>
  <c r="X19731" i="1"/>
  <c r="X19732" i="1"/>
  <c r="X19733" i="1"/>
  <c r="X19734" i="1"/>
  <c r="X19735" i="1"/>
  <c r="X19736" i="1"/>
  <c r="X19737" i="1"/>
  <c r="X19738" i="1"/>
  <c r="X19739" i="1"/>
  <c r="X19740" i="1"/>
  <c r="X19741" i="1"/>
  <c r="X19742" i="1"/>
  <c r="X19743" i="1"/>
  <c r="X19744" i="1"/>
  <c r="X19745" i="1"/>
  <c r="X19746" i="1"/>
  <c r="X19747" i="1"/>
  <c r="X19748" i="1"/>
  <c r="X19749" i="1"/>
  <c r="X19750" i="1"/>
  <c r="X19751" i="1"/>
  <c r="X19752" i="1"/>
  <c r="X19753" i="1"/>
  <c r="X19754" i="1"/>
  <c r="X19755" i="1"/>
  <c r="X19756" i="1"/>
  <c r="X19757" i="1"/>
  <c r="X19758" i="1"/>
  <c r="X19759" i="1"/>
  <c r="X19760" i="1"/>
  <c r="X19761" i="1"/>
  <c r="X19762" i="1"/>
  <c r="X19763" i="1"/>
  <c r="X19764" i="1"/>
  <c r="X19765" i="1"/>
  <c r="X19766" i="1"/>
  <c r="X19767" i="1"/>
  <c r="X19768" i="1"/>
  <c r="X19769" i="1"/>
  <c r="X19770" i="1"/>
  <c r="X19771" i="1"/>
  <c r="X19772" i="1"/>
  <c r="X19773" i="1"/>
  <c r="X19774" i="1"/>
  <c r="X19775" i="1"/>
  <c r="X19776" i="1"/>
  <c r="X19777" i="1"/>
  <c r="X19778" i="1"/>
  <c r="X19779" i="1"/>
  <c r="X19780" i="1"/>
  <c r="X19781" i="1"/>
  <c r="X19782" i="1"/>
  <c r="X19783" i="1"/>
  <c r="X19784" i="1"/>
  <c r="X19785" i="1"/>
  <c r="X19786" i="1"/>
  <c r="X19787" i="1"/>
  <c r="X19788" i="1"/>
  <c r="X19789" i="1"/>
  <c r="X19790" i="1"/>
  <c r="X19791" i="1"/>
  <c r="X19792" i="1"/>
  <c r="X19793" i="1"/>
  <c r="X19794" i="1"/>
  <c r="X19795" i="1"/>
  <c r="X19796" i="1"/>
  <c r="X19797" i="1"/>
  <c r="X19798" i="1"/>
  <c r="X19799" i="1"/>
  <c r="X19800" i="1"/>
  <c r="X19801" i="1"/>
  <c r="X19802" i="1"/>
  <c r="X19803" i="1"/>
  <c r="X19804" i="1"/>
  <c r="X19805" i="1"/>
  <c r="X19806" i="1"/>
  <c r="X19807" i="1"/>
  <c r="X19808" i="1"/>
  <c r="X19809" i="1"/>
  <c r="X19810" i="1"/>
  <c r="X19811" i="1"/>
  <c r="X19812" i="1"/>
  <c r="X19813" i="1"/>
  <c r="X19814" i="1"/>
  <c r="X19815" i="1"/>
  <c r="X19816" i="1"/>
  <c r="X19817" i="1"/>
  <c r="X19818" i="1"/>
  <c r="X19819" i="1"/>
  <c r="X19820" i="1"/>
  <c r="X19821" i="1"/>
  <c r="X19822" i="1"/>
  <c r="X19823" i="1"/>
  <c r="X19824" i="1"/>
  <c r="X19825" i="1"/>
  <c r="X19826" i="1"/>
  <c r="X19827" i="1"/>
  <c r="X19828" i="1"/>
  <c r="X19829" i="1"/>
  <c r="X19830" i="1"/>
  <c r="X19831" i="1"/>
  <c r="X19832" i="1"/>
  <c r="X19833" i="1"/>
  <c r="X19834" i="1"/>
  <c r="X19835" i="1"/>
  <c r="X19836" i="1"/>
  <c r="X19837" i="1"/>
  <c r="X19838" i="1"/>
  <c r="X19839" i="1"/>
  <c r="X19840" i="1"/>
  <c r="X19841" i="1"/>
  <c r="X19842" i="1"/>
  <c r="X19843" i="1"/>
  <c r="X19844" i="1"/>
  <c r="X19845" i="1"/>
  <c r="X19846" i="1"/>
  <c r="X19847" i="1"/>
  <c r="X19848" i="1"/>
  <c r="X19849" i="1"/>
  <c r="X19850" i="1"/>
  <c r="X19851" i="1"/>
  <c r="X19852" i="1"/>
  <c r="X19853" i="1"/>
  <c r="X19854" i="1"/>
  <c r="X19855" i="1"/>
  <c r="X19856" i="1"/>
  <c r="X19857" i="1"/>
  <c r="X19858" i="1"/>
  <c r="X19859" i="1"/>
  <c r="X19860" i="1"/>
  <c r="X19861" i="1"/>
  <c r="X19862" i="1"/>
  <c r="X19863" i="1"/>
  <c r="X19864" i="1"/>
  <c r="X19865" i="1"/>
  <c r="X19866" i="1"/>
  <c r="X19867" i="1"/>
  <c r="X19868" i="1"/>
  <c r="X19869" i="1"/>
  <c r="X19870" i="1"/>
  <c r="X19871" i="1"/>
  <c r="X19872" i="1"/>
  <c r="X19873" i="1"/>
  <c r="X19874" i="1"/>
  <c r="X19875" i="1"/>
  <c r="X19876" i="1"/>
  <c r="X19877" i="1"/>
  <c r="X19878" i="1"/>
  <c r="X19879" i="1"/>
  <c r="X19880" i="1"/>
  <c r="X19881" i="1"/>
  <c r="X19882" i="1"/>
  <c r="X19883" i="1"/>
  <c r="X19884" i="1"/>
  <c r="X19885" i="1"/>
  <c r="X19886" i="1"/>
  <c r="X19887" i="1"/>
  <c r="X19888" i="1"/>
  <c r="X19889" i="1"/>
  <c r="X19890" i="1"/>
  <c r="X19891" i="1"/>
  <c r="X19892" i="1"/>
  <c r="X19893" i="1"/>
  <c r="X19894" i="1"/>
  <c r="X19895" i="1"/>
  <c r="X19896" i="1"/>
  <c r="X19897" i="1"/>
  <c r="X19898" i="1"/>
  <c r="X19899" i="1"/>
  <c r="X19900" i="1"/>
  <c r="X19901" i="1"/>
  <c r="X19902" i="1"/>
  <c r="X19903" i="1"/>
  <c r="X19904" i="1"/>
  <c r="X19905" i="1"/>
  <c r="X19906" i="1"/>
  <c r="X19907" i="1"/>
  <c r="X19908" i="1"/>
  <c r="X19909" i="1"/>
  <c r="X19910" i="1"/>
  <c r="X19911" i="1"/>
  <c r="X19912" i="1"/>
  <c r="X19913" i="1"/>
  <c r="X19914" i="1"/>
  <c r="X19915" i="1"/>
  <c r="X19916" i="1"/>
  <c r="X19917" i="1"/>
  <c r="X19918" i="1"/>
  <c r="X19919" i="1"/>
  <c r="X19920" i="1"/>
  <c r="X19921" i="1"/>
  <c r="X19922" i="1"/>
  <c r="X19923" i="1"/>
  <c r="X19924" i="1"/>
  <c r="X19925" i="1"/>
  <c r="X19926" i="1"/>
  <c r="X19927" i="1"/>
  <c r="X19928" i="1"/>
  <c r="X19929" i="1"/>
  <c r="X19930" i="1"/>
  <c r="X19931" i="1"/>
  <c r="X19932" i="1"/>
  <c r="X19933" i="1"/>
  <c r="X19934" i="1"/>
  <c r="X19935" i="1"/>
  <c r="X19936" i="1"/>
  <c r="X19937" i="1"/>
  <c r="X19938" i="1"/>
  <c r="X19939" i="1"/>
  <c r="X19940" i="1"/>
  <c r="X19941" i="1"/>
  <c r="X19942" i="1"/>
  <c r="X19943" i="1"/>
  <c r="X19944" i="1"/>
  <c r="X19945" i="1"/>
  <c r="X19946" i="1"/>
  <c r="X19947" i="1"/>
  <c r="X19948" i="1"/>
  <c r="X19949" i="1"/>
  <c r="X19950" i="1"/>
  <c r="X19951" i="1"/>
  <c r="X19952" i="1"/>
  <c r="X19953" i="1"/>
  <c r="X19954" i="1"/>
  <c r="X19955" i="1"/>
  <c r="X19956" i="1"/>
  <c r="X19957" i="1"/>
  <c r="X19958" i="1"/>
  <c r="X19959" i="1"/>
  <c r="X19960" i="1"/>
  <c r="X19961" i="1"/>
  <c r="X19962" i="1"/>
  <c r="X19963" i="1"/>
  <c r="X19964" i="1"/>
  <c r="X19965" i="1"/>
  <c r="X19966" i="1"/>
  <c r="X19967" i="1"/>
  <c r="X19968" i="1"/>
  <c r="X19969" i="1"/>
  <c r="X19970" i="1"/>
  <c r="X19971" i="1"/>
  <c r="X19972" i="1"/>
  <c r="X19973" i="1"/>
  <c r="X19974" i="1"/>
  <c r="X19975" i="1"/>
  <c r="X19976" i="1"/>
  <c r="X19977" i="1"/>
  <c r="X19978" i="1"/>
  <c r="X19979" i="1"/>
  <c r="X19980" i="1"/>
  <c r="X19981" i="1"/>
  <c r="X19982" i="1"/>
  <c r="X19983" i="1"/>
  <c r="X19984" i="1"/>
  <c r="X19985" i="1"/>
  <c r="X19986" i="1"/>
  <c r="X19987" i="1"/>
  <c r="X19988" i="1"/>
  <c r="X19989" i="1"/>
  <c r="X19990" i="1"/>
  <c r="X19991" i="1"/>
  <c r="X19992" i="1"/>
  <c r="X19993" i="1"/>
  <c r="X19994" i="1"/>
  <c r="X19995" i="1"/>
  <c r="X19996" i="1"/>
  <c r="X19997" i="1"/>
  <c r="X19998" i="1"/>
  <c r="X19999" i="1"/>
  <c r="X20000" i="1"/>
  <c r="X20001" i="1"/>
  <c r="X20002" i="1"/>
  <c r="X20003" i="1"/>
  <c r="X20004" i="1"/>
  <c r="X20005" i="1"/>
  <c r="X20006" i="1"/>
  <c r="X20007" i="1"/>
  <c r="X20008" i="1"/>
  <c r="X20009" i="1"/>
  <c r="X20010" i="1"/>
  <c r="X20011" i="1"/>
  <c r="X20012" i="1"/>
  <c r="X20013" i="1"/>
  <c r="X20014" i="1"/>
  <c r="X20015" i="1"/>
  <c r="X20016" i="1"/>
  <c r="X20017" i="1"/>
  <c r="X20018" i="1"/>
  <c r="X20019" i="1"/>
  <c r="X20020" i="1"/>
  <c r="X20021" i="1"/>
  <c r="X20022" i="1"/>
  <c r="X20023" i="1"/>
  <c r="X20024" i="1"/>
  <c r="X20025" i="1"/>
  <c r="X20026" i="1"/>
  <c r="X20027" i="1"/>
  <c r="X20028" i="1"/>
  <c r="X20029" i="1"/>
  <c r="X20030" i="1"/>
  <c r="X20031" i="1"/>
  <c r="X20032" i="1"/>
  <c r="X20033" i="1"/>
  <c r="X20034" i="1"/>
  <c r="X20035" i="1"/>
  <c r="X20036" i="1"/>
  <c r="X20037" i="1"/>
  <c r="X20038" i="1"/>
  <c r="X20039" i="1"/>
  <c r="X20040" i="1"/>
  <c r="X20041" i="1"/>
  <c r="X20042" i="1"/>
  <c r="X20043" i="1"/>
  <c r="X20044" i="1"/>
  <c r="X20045" i="1"/>
  <c r="X20046" i="1"/>
  <c r="X20047" i="1"/>
  <c r="X20048" i="1"/>
  <c r="X20049" i="1"/>
  <c r="X20050" i="1"/>
  <c r="X20051" i="1"/>
  <c r="X20052" i="1"/>
  <c r="X20053" i="1"/>
  <c r="X20054" i="1"/>
  <c r="X20055" i="1"/>
  <c r="X20056" i="1"/>
  <c r="X20057" i="1"/>
  <c r="X20058" i="1"/>
  <c r="X20059" i="1"/>
  <c r="X20060" i="1"/>
  <c r="X20061" i="1"/>
  <c r="X20062" i="1"/>
  <c r="X20063" i="1"/>
  <c r="X20064" i="1"/>
  <c r="X20065" i="1"/>
  <c r="X20066" i="1"/>
  <c r="X20067" i="1"/>
  <c r="X20068" i="1"/>
  <c r="X20069" i="1"/>
  <c r="X20070" i="1"/>
  <c r="X20071" i="1"/>
  <c r="X20072" i="1"/>
  <c r="X20073" i="1"/>
  <c r="X20074" i="1"/>
  <c r="X20075" i="1"/>
  <c r="X20076" i="1"/>
  <c r="X20077" i="1"/>
  <c r="X20078" i="1"/>
  <c r="X20079" i="1"/>
  <c r="X20080" i="1"/>
  <c r="X20081" i="1"/>
  <c r="X20082" i="1"/>
  <c r="X20083" i="1"/>
  <c r="X20084" i="1"/>
  <c r="X20085" i="1"/>
  <c r="X20086" i="1"/>
  <c r="X20087" i="1"/>
  <c r="X20088" i="1"/>
  <c r="X20089" i="1"/>
  <c r="X20090" i="1"/>
  <c r="X20091" i="1"/>
  <c r="X20092" i="1"/>
  <c r="X20093" i="1"/>
  <c r="X20094" i="1"/>
  <c r="X20095" i="1"/>
  <c r="X20096" i="1"/>
  <c r="X20097" i="1"/>
  <c r="X20098" i="1"/>
  <c r="X20099" i="1"/>
  <c r="X20100" i="1"/>
  <c r="X20101" i="1"/>
  <c r="X20102" i="1"/>
  <c r="X20103" i="1"/>
  <c r="X20104" i="1"/>
  <c r="X20105" i="1"/>
  <c r="X20106" i="1"/>
  <c r="X20107" i="1"/>
  <c r="X20108" i="1"/>
  <c r="X20109" i="1"/>
  <c r="X20110" i="1"/>
  <c r="X20111" i="1"/>
  <c r="X20112" i="1"/>
  <c r="X20113" i="1"/>
  <c r="X20114" i="1"/>
  <c r="X20115" i="1"/>
  <c r="X20116" i="1"/>
  <c r="X20117" i="1"/>
  <c r="X20118" i="1"/>
  <c r="X20119" i="1"/>
  <c r="X20120" i="1"/>
  <c r="X20121" i="1"/>
  <c r="X20122" i="1"/>
  <c r="X20123" i="1"/>
  <c r="X20124" i="1"/>
  <c r="X20125" i="1"/>
  <c r="X20126" i="1"/>
  <c r="X20127" i="1"/>
  <c r="X20128" i="1"/>
  <c r="X20129" i="1"/>
  <c r="X20130" i="1"/>
  <c r="X20131" i="1"/>
  <c r="X20132" i="1"/>
  <c r="X20133" i="1"/>
  <c r="X20134" i="1"/>
  <c r="X20135" i="1"/>
  <c r="X20136" i="1"/>
  <c r="X20137" i="1"/>
  <c r="X20138" i="1"/>
  <c r="X20139" i="1"/>
  <c r="X20140" i="1"/>
  <c r="X20141" i="1"/>
  <c r="X20142" i="1"/>
  <c r="X20143" i="1"/>
  <c r="X20144" i="1"/>
  <c r="X20145" i="1"/>
  <c r="X20146" i="1"/>
  <c r="X20147" i="1"/>
  <c r="X20148" i="1"/>
  <c r="X20149" i="1"/>
  <c r="X20150" i="1"/>
  <c r="X20151" i="1"/>
  <c r="X20152" i="1"/>
  <c r="X20153" i="1"/>
  <c r="X20154" i="1"/>
  <c r="X20155" i="1"/>
  <c r="X20156" i="1"/>
  <c r="X20157" i="1"/>
  <c r="X20158" i="1"/>
  <c r="X20159" i="1"/>
  <c r="X20160" i="1"/>
  <c r="X20161" i="1"/>
  <c r="X20162" i="1"/>
  <c r="X20163" i="1"/>
  <c r="X20164" i="1"/>
  <c r="X20165" i="1"/>
  <c r="X20166" i="1"/>
  <c r="X20167" i="1"/>
  <c r="X20168" i="1"/>
  <c r="X20169" i="1"/>
  <c r="X20170" i="1"/>
  <c r="X20171" i="1"/>
  <c r="X20172" i="1"/>
  <c r="X20173" i="1"/>
  <c r="X20174" i="1"/>
  <c r="X20175" i="1"/>
  <c r="X20176" i="1"/>
  <c r="X20177" i="1"/>
  <c r="X20178" i="1"/>
  <c r="X20179" i="1"/>
  <c r="X20180" i="1"/>
  <c r="X20181" i="1"/>
  <c r="X20182" i="1"/>
  <c r="X20183" i="1"/>
  <c r="X20184" i="1"/>
  <c r="X20185" i="1"/>
  <c r="X20186" i="1"/>
  <c r="X20187" i="1"/>
  <c r="X20188" i="1"/>
  <c r="X20189" i="1"/>
  <c r="X20190" i="1"/>
  <c r="X20191" i="1"/>
  <c r="X20192" i="1"/>
  <c r="X20193" i="1"/>
  <c r="X20194" i="1"/>
  <c r="X20195" i="1"/>
  <c r="X20196" i="1"/>
  <c r="X20197" i="1"/>
  <c r="X20198" i="1"/>
  <c r="X20199" i="1"/>
  <c r="X20200" i="1"/>
  <c r="X20201" i="1"/>
  <c r="X20202" i="1"/>
  <c r="X20203" i="1"/>
  <c r="X20204" i="1"/>
  <c r="X20205" i="1"/>
  <c r="X20206" i="1"/>
  <c r="X20207" i="1"/>
  <c r="X20208" i="1"/>
  <c r="X20209" i="1"/>
  <c r="X20210" i="1"/>
  <c r="X20211" i="1"/>
  <c r="X20212" i="1"/>
  <c r="X20213" i="1"/>
  <c r="X20214" i="1"/>
  <c r="X20215" i="1"/>
  <c r="X20216" i="1"/>
  <c r="X20217" i="1"/>
  <c r="X20218" i="1"/>
  <c r="X20219" i="1"/>
  <c r="X20220" i="1"/>
  <c r="X20221" i="1"/>
  <c r="X20222" i="1"/>
  <c r="X20223" i="1"/>
  <c r="X20224" i="1"/>
  <c r="X20225" i="1"/>
  <c r="X20226" i="1"/>
  <c r="X20227" i="1"/>
  <c r="X20228" i="1"/>
  <c r="X20229" i="1"/>
  <c r="X20230" i="1"/>
  <c r="X20231" i="1"/>
  <c r="X20232" i="1"/>
  <c r="X20233" i="1"/>
  <c r="X20234" i="1"/>
  <c r="X20235" i="1"/>
  <c r="X20236" i="1"/>
  <c r="X20237" i="1"/>
  <c r="X20238" i="1"/>
  <c r="X20239" i="1"/>
  <c r="X20240" i="1"/>
  <c r="X20241" i="1"/>
  <c r="X20242" i="1"/>
  <c r="X20243" i="1"/>
  <c r="X20244" i="1"/>
  <c r="X20245" i="1"/>
  <c r="X20246" i="1"/>
  <c r="X20247" i="1"/>
  <c r="X20248" i="1"/>
  <c r="X20249" i="1"/>
  <c r="X20250" i="1"/>
  <c r="X20251" i="1"/>
  <c r="X20252" i="1"/>
  <c r="X20253" i="1"/>
  <c r="X20254" i="1"/>
  <c r="X20255" i="1"/>
  <c r="X20256" i="1"/>
  <c r="X20257" i="1"/>
  <c r="X20258" i="1"/>
  <c r="X20259" i="1"/>
  <c r="X20260" i="1"/>
  <c r="X20261" i="1"/>
  <c r="X20262" i="1"/>
  <c r="X20263" i="1"/>
  <c r="X20264" i="1"/>
  <c r="X20265" i="1"/>
  <c r="X20266" i="1"/>
  <c r="X20267" i="1"/>
  <c r="X20268" i="1"/>
  <c r="X20269" i="1"/>
  <c r="X20270" i="1"/>
  <c r="X20271" i="1"/>
  <c r="X20272" i="1"/>
  <c r="X20273" i="1"/>
  <c r="X20274" i="1"/>
  <c r="X20275" i="1"/>
  <c r="X20276" i="1"/>
  <c r="X20277" i="1"/>
  <c r="X20278" i="1"/>
  <c r="X20279" i="1"/>
  <c r="X20280" i="1"/>
  <c r="X20281" i="1"/>
  <c r="X20282" i="1"/>
  <c r="X20283" i="1"/>
  <c r="X20284" i="1"/>
  <c r="X20285" i="1"/>
  <c r="X20286" i="1"/>
  <c r="X20287" i="1"/>
  <c r="X20288" i="1"/>
  <c r="X20289" i="1"/>
  <c r="X20290" i="1"/>
  <c r="X20291" i="1"/>
  <c r="X20292" i="1"/>
  <c r="X20293" i="1"/>
  <c r="X20294" i="1"/>
  <c r="X20295" i="1"/>
  <c r="X20296" i="1"/>
  <c r="X20297" i="1"/>
  <c r="X20298" i="1"/>
  <c r="X20299" i="1"/>
  <c r="X20300" i="1"/>
  <c r="X20301" i="1"/>
  <c r="X20302" i="1"/>
  <c r="X20303" i="1"/>
  <c r="X20304" i="1"/>
  <c r="X20305" i="1"/>
  <c r="X20306" i="1"/>
  <c r="X20307" i="1"/>
  <c r="X20308" i="1"/>
  <c r="X20309" i="1"/>
  <c r="X20310" i="1"/>
  <c r="X20311" i="1"/>
  <c r="X20312" i="1"/>
  <c r="X20313" i="1"/>
  <c r="X20314" i="1"/>
  <c r="X20315" i="1"/>
  <c r="X20316" i="1"/>
  <c r="X20317" i="1"/>
  <c r="X20318" i="1"/>
  <c r="X20319" i="1"/>
  <c r="X20320" i="1"/>
  <c r="X20321" i="1"/>
  <c r="X20322" i="1"/>
  <c r="X20323" i="1"/>
  <c r="X20324" i="1"/>
  <c r="X20325" i="1"/>
  <c r="X20326" i="1"/>
  <c r="X20327" i="1"/>
  <c r="X20328" i="1"/>
  <c r="X20329" i="1"/>
  <c r="X20330" i="1"/>
  <c r="X20331" i="1"/>
  <c r="X20332" i="1"/>
  <c r="X20333" i="1"/>
  <c r="X20334" i="1"/>
  <c r="X20335" i="1"/>
  <c r="X20336" i="1"/>
  <c r="X20337" i="1"/>
  <c r="X20338" i="1"/>
  <c r="X20339" i="1"/>
  <c r="X20340" i="1"/>
  <c r="X20341" i="1"/>
  <c r="X20342" i="1"/>
  <c r="X20343" i="1"/>
  <c r="X20344" i="1"/>
  <c r="X20345" i="1"/>
  <c r="X20346" i="1"/>
  <c r="X20347" i="1"/>
  <c r="X20348" i="1"/>
  <c r="X20349" i="1"/>
  <c r="X20350" i="1"/>
  <c r="X20351" i="1"/>
  <c r="X20352" i="1"/>
  <c r="X20353" i="1"/>
  <c r="X20354" i="1"/>
  <c r="X20355" i="1"/>
  <c r="X20356" i="1"/>
  <c r="X20357" i="1"/>
  <c r="X20358" i="1"/>
  <c r="X20359" i="1"/>
  <c r="X20360" i="1"/>
  <c r="X20361" i="1"/>
  <c r="X20362" i="1"/>
  <c r="X20363" i="1"/>
  <c r="X20364" i="1"/>
  <c r="X20365" i="1"/>
  <c r="X20366" i="1"/>
  <c r="X20367" i="1"/>
  <c r="X20368" i="1"/>
  <c r="X20369" i="1"/>
  <c r="X20370" i="1"/>
  <c r="X20371" i="1"/>
  <c r="X20372" i="1"/>
  <c r="X20373" i="1"/>
  <c r="X20374" i="1"/>
  <c r="X20375" i="1"/>
  <c r="X20376" i="1"/>
  <c r="X20377" i="1"/>
  <c r="X20378" i="1"/>
  <c r="X20379" i="1"/>
  <c r="X20380" i="1"/>
  <c r="X20381" i="1"/>
  <c r="X20382" i="1"/>
  <c r="X20383" i="1"/>
  <c r="X20384" i="1"/>
  <c r="X20385" i="1"/>
  <c r="X20386" i="1"/>
  <c r="X20387" i="1"/>
  <c r="X20388" i="1"/>
  <c r="X20389" i="1"/>
  <c r="X20390" i="1"/>
  <c r="X20391" i="1"/>
  <c r="X20392" i="1"/>
  <c r="X20393" i="1"/>
  <c r="X20394" i="1"/>
  <c r="X20395" i="1"/>
  <c r="X20396" i="1"/>
  <c r="X20397" i="1"/>
  <c r="X20398" i="1"/>
  <c r="X20399" i="1"/>
  <c r="X20400" i="1"/>
  <c r="X20401" i="1"/>
  <c r="X20402" i="1"/>
  <c r="X20403" i="1"/>
  <c r="X20404" i="1"/>
  <c r="X20405" i="1"/>
  <c r="X20406" i="1"/>
  <c r="X20407" i="1"/>
  <c r="X20408" i="1"/>
  <c r="X20409" i="1"/>
  <c r="X20410" i="1"/>
  <c r="X20411" i="1"/>
  <c r="X20412" i="1"/>
  <c r="X20413" i="1"/>
  <c r="X20414" i="1"/>
  <c r="X20415" i="1"/>
  <c r="X20416" i="1"/>
  <c r="X20417" i="1"/>
  <c r="X20418" i="1"/>
  <c r="X20419" i="1"/>
  <c r="X20420" i="1"/>
  <c r="X20421" i="1"/>
  <c r="X20422" i="1"/>
  <c r="X20423" i="1"/>
  <c r="X20424" i="1"/>
  <c r="X20425" i="1"/>
  <c r="X20426" i="1"/>
  <c r="X20427" i="1"/>
  <c r="X20428" i="1"/>
  <c r="X20429" i="1"/>
  <c r="X20430" i="1"/>
  <c r="X20431" i="1"/>
  <c r="X20432" i="1"/>
  <c r="X20433" i="1"/>
  <c r="X20434" i="1"/>
  <c r="X20435" i="1"/>
  <c r="X20436" i="1"/>
  <c r="X20437" i="1"/>
  <c r="X20438" i="1"/>
  <c r="X20439" i="1"/>
  <c r="X20440" i="1"/>
  <c r="X20441" i="1"/>
  <c r="X20442" i="1"/>
  <c r="X20443" i="1"/>
  <c r="X20444" i="1"/>
  <c r="X20445" i="1"/>
  <c r="X20446" i="1"/>
  <c r="X20447" i="1"/>
  <c r="X20448" i="1"/>
  <c r="X20449" i="1"/>
  <c r="X20450" i="1"/>
  <c r="X20451" i="1"/>
  <c r="X20452" i="1"/>
  <c r="X20453" i="1"/>
  <c r="X20454" i="1"/>
  <c r="X20455" i="1"/>
  <c r="X20456" i="1"/>
  <c r="X20457" i="1"/>
  <c r="X20458" i="1"/>
  <c r="X20459" i="1"/>
  <c r="X20460" i="1"/>
  <c r="X20461" i="1"/>
  <c r="X20462" i="1"/>
  <c r="X20463" i="1"/>
  <c r="X20464" i="1"/>
  <c r="X20465" i="1"/>
  <c r="X20466" i="1"/>
  <c r="X20467" i="1"/>
  <c r="X20468" i="1"/>
  <c r="X20469" i="1"/>
  <c r="X20470" i="1"/>
  <c r="X20471" i="1"/>
  <c r="X20472" i="1"/>
  <c r="X20473" i="1"/>
  <c r="X20474" i="1"/>
  <c r="X20475" i="1"/>
  <c r="X20476" i="1"/>
  <c r="X20477" i="1"/>
  <c r="X20478" i="1"/>
  <c r="X20479" i="1"/>
  <c r="X20480" i="1"/>
  <c r="X20481" i="1"/>
  <c r="X20482" i="1"/>
  <c r="X20483" i="1"/>
  <c r="X20484" i="1"/>
  <c r="X20485" i="1"/>
  <c r="X20486" i="1"/>
  <c r="X20487" i="1"/>
  <c r="X20488" i="1"/>
  <c r="X20489" i="1"/>
  <c r="X20490" i="1"/>
  <c r="X20491" i="1"/>
  <c r="X20492" i="1"/>
  <c r="X20493" i="1"/>
  <c r="X20494" i="1"/>
  <c r="X20495" i="1"/>
  <c r="X20496" i="1"/>
  <c r="X20497" i="1"/>
  <c r="X20498" i="1"/>
  <c r="X20499" i="1"/>
  <c r="X20500" i="1"/>
  <c r="X20501" i="1"/>
  <c r="X20502" i="1"/>
  <c r="X20503" i="1"/>
  <c r="X20504" i="1"/>
  <c r="X20505" i="1"/>
  <c r="X20506" i="1"/>
  <c r="X20507" i="1"/>
  <c r="X20508" i="1"/>
  <c r="X20509" i="1"/>
  <c r="X20510" i="1"/>
  <c r="X20511" i="1"/>
  <c r="X20512" i="1"/>
  <c r="X20513" i="1"/>
  <c r="X20514" i="1"/>
  <c r="X20515" i="1"/>
  <c r="X20516" i="1"/>
  <c r="X20517" i="1"/>
  <c r="X20518" i="1"/>
  <c r="X20519" i="1"/>
  <c r="X20520" i="1"/>
  <c r="X20521" i="1"/>
  <c r="X20522" i="1"/>
  <c r="X20523" i="1"/>
  <c r="X20524" i="1"/>
  <c r="X20525" i="1"/>
  <c r="X20526" i="1"/>
  <c r="X20527" i="1"/>
  <c r="X20528" i="1"/>
  <c r="X20529" i="1"/>
  <c r="X20530" i="1"/>
  <c r="X20531" i="1"/>
  <c r="X20532" i="1"/>
  <c r="X20533" i="1"/>
  <c r="X20534" i="1"/>
  <c r="X20535" i="1"/>
  <c r="X20536" i="1"/>
  <c r="X20537" i="1"/>
  <c r="X20538" i="1"/>
  <c r="X20539" i="1"/>
  <c r="X20540" i="1"/>
  <c r="X20541" i="1"/>
  <c r="X20542" i="1"/>
  <c r="X20543" i="1"/>
  <c r="X20544" i="1"/>
  <c r="X20545" i="1"/>
  <c r="X20546" i="1"/>
  <c r="X20547" i="1"/>
  <c r="X20548" i="1"/>
  <c r="X20549" i="1"/>
  <c r="X20550" i="1"/>
  <c r="X20551" i="1"/>
  <c r="X20552" i="1"/>
  <c r="X20553" i="1"/>
  <c r="X20554" i="1"/>
  <c r="X20555" i="1"/>
  <c r="X20556" i="1"/>
  <c r="X20557" i="1"/>
  <c r="X20558" i="1"/>
  <c r="X20559" i="1"/>
  <c r="X20560" i="1"/>
  <c r="X20561" i="1"/>
  <c r="X20562" i="1"/>
  <c r="X20563" i="1"/>
  <c r="X20564" i="1"/>
  <c r="X20565" i="1"/>
  <c r="X20566" i="1"/>
  <c r="X20567" i="1"/>
  <c r="X20568" i="1"/>
  <c r="X20569" i="1"/>
  <c r="X20570" i="1"/>
  <c r="X20571" i="1"/>
  <c r="X20572" i="1"/>
  <c r="X20573" i="1"/>
  <c r="X20574" i="1"/>
  <c r="X20575" i="1"/>
  <c r="X20576" i="1"/>
  <c r="X20577" i="1"/>
  <c r="X20578" i="1"/>
  <c r="X20579" i="1"/>
  <c r="X20580" i="1"/>
  <c r="X20581" i="1"/>
  <c r="X20582" i="1"/>
  <c r="X20583" i="1"/>
  <c r="X20584" i="1"/>
  <c r="X20585" i="1"/>
  <c r="X20586" i="1"/>
  <c r="X20587" i="1"/>
  <c r="X20588" i="1"/>
  <c r="X20589" i="1"/>
  <c r="X20590" i="1"/>
  <c r="X20591" i="1"/>
  <c r="X20592" i="1"/>
  <c r="X20593" i="1"/>
  <c r="X20594" i="1"/>
  <c r="X20595" i="1"/>
  <c r="X20596" i="1"/>
  <c r="X20597" i="1"/>
  <c r="X20598" i="1"/>
  <c r="X20599" i="1"/>
  <c r="X20600" i="1"/>
  <c r="X20601" i="1"/>
  <c r="X20602" i="1"/>
  <c r="X20603" i="1"/>
  <c r="X20604" i="1"/>
  <c r="X20605" i="1"/>
  <c r="X20606" i="1"/>
  <c r="X20607" i="1"/>
  <c r="X20608" i="1"/>
  <c r="X20609" i="1"/>
  <c r="X20610" i="1"/>
  <c r="X20611" i="1"/>
  <c r="X20612" i="1"/>
  <c r="X20613" i="1"/>
  <c r="X20614" i="1"/>
  <c r="X20615" i="1"/>
  <c r="X20616" i="1"/>
  <c r="X20617" i="1"/>
  <c r="X20618" i="1"/>
  <c r="X20619" i="1"/>
  <c r="X20620" i="1"/>
  <c r="X20621" i="1"/>
  <c r="X20622" i="1"/>
  <c r="X20623" i="1"/>
  <c r="X20624" i="1"/>
  <c r="X20625" i="1"/>
  <c r="X20626" i="1"/>
  <c r="X20627" i="1"/>
  <c r="X20628" i="1"/>
  <c r="X20629" i="1"/>
  <c r="X20630" i="1"/>
  <c r="X20631" i="1"/>
  <c r="X20632" i="1"/>
  <c r="X20633" i="1"/>
  <c r="X20634" i="1"/>
  <c r="X20635" i="1"/>
  <c r="X20636" i="1"/>
  <c r="X20637" i="1"/>
  <c r="X20638" i="1"/>
  <c r="X20639" i="1"/>
  <c r="X20640" i="1"/>
  <c r="X20641" i="1"/>
  <c r="X20642" i="1"/>
  <c r="X20643" i="1"/>
  <c r="X20644" i="1"/>
  <c r="X20645" i="1"/>
  <c r="X20646" i="1"/>
  <c r="X20647" i="1"/>
  <c r="X20648" i="1"/>
  <c r="X20649" i="1"/>
  <c r="X20650" i="1"/>
  <c r="X20651" i="1"/>
  <c r="X20652" i="1"/>
  <c r="X20653" i="1"/>
  <c r="X20654" i="1"/>
  <c r="X20655" i="1"/>
  <c r="X20656" i="1"/>
  <c r="X20657" i="1"/>
  <c r="X20658" i="1"/>
  <c r="X20659" i="1"/>
  <c r="X20660" i="1"/>
  <c r="X20661" i="1"/>
  <c r="X20662" i="1"/>
  <c r="X20663" i="1"/>
  <c r="X20664" i="1"/>
  <c r="X20665" i="1"/>
  <c r="X20666" i="1"/>
  <c r="X20667" i="1"/>
  <c r="X20668" i="1"/>
  <c r="X20669" i="1"/>
  <c r="X20670" i="1"/>
  <c r="X20671" i="1"/>
  <c r="X20672" i="1"/>
  <c r="X20673" i="1"/>
  <c r="X20674" i="1"/>
  <c r="X20675" i="1"/>
  <c r="X20676" i="1"/>
  <c r="X20677" i="1"/>
  <c r="X20678" i="1"/>
  <c r="X20679" i="1"/>
  <c r="X20680" i="1"/>
  <c r="X20681" i="1"/>
  <c r="X20682" i="1"/>
  <c r="X20683" i="1"/>
  <c r="X20684" i="1"/>
  <c r="X20685" i="1"/>
  <c r="X20686" i="1"/>
  <c r="X20687" i="1"/>
  <c r="X20688" i="1"/>
  <c r="X20689" i="1"/>
  <c r="X20690" i="1"/>
  <c r="X20691" i="1"/>
  <c r="X20692" i="1"/>
  <c r="X20693" i="1"/>
  <c r="X20694" i="1"/>
  <c r="X20695" i="1"/>
  <c r="X20696" i="1"/>
  <c r="X20697" i="1"/>
  <c r="X20698" i="1"/>
  <c r="X20699" i="1"/>
  <c r="X20700" i="1"/>
  <c r="X20701" i="1"/>
  <c r="X20702" i="1"/>
  <c r="X20703" i="1"/>
  <c r="X20704" i="1"/>
  <c r="X20705" i="1"/>
  <c r="X20706" i="1"/>
  <c r="X20707" i="1"/>
  <c r="X20708" i="1"/>
  <c r="X20709" i="1"/>
  <c r="X20710" i="1"/>
  <c r="X20711" i="1"/>
  <c r="X20712" i="1"/>
  <c r="X20713" i="1"/>
  <c r="X20714" i="1"/>
  <c r="X20715" i="1"/>
  <c r="X20716" i="1"/>
  <c r="X20717" i="1"/>
  <c r="X20718" i="1"/>
  <c r="X20719" i="1"/>
  <c r="X20720" i="1"/>
  <c r="X20721" i="1"/>
  <c r="X20722" i="1"/>
  <c r="X20723" i="1"/>
  <c r="X20724" i="1"/>
  <c r="X20725" i="1"/>
  <c r="X20726" i="1"/>
  <c r="X20727" i="1"/>
  <c r="X20728" i="1"/>
  <c r="X20729" i="1"/>
  <c r="X20730" i="1"/>
  <c r="X20731" i="1"/>
  <c r="X20732" i="1"/>
  <c r="X20733" i="1"/>
  <c r="X20734" i="1"/>
  <c r="X20735" i="1"/>
  <c r="X20736" i="1"/>
  <c r="X20737" i="1"/>
  <c r="X20738" i="1"/>
  <c r="X20739" i="1"/>
  <c r="X20740" i="1"/>
  <c r="X20741" i="1"/>
  <c r="X20742" i="1"/>
  <c r="X20743" i="1"/>
  <c r="X20744" i="1"/>
  <c r="X20745" i="1"/>
  <c r="X20746" i="1"/>
  <c r="X20747" i="1"/>
  <c r="X20748" i="1"/>
  <c r="X20749" i="1"/>
  <c r="X20750" i="1"/>
  <c r="X20751" i="1"/>
  <c r="X20752" i="1"/>
  <c r="X20753" i="1"/>
  <c r="X20754" i="1"/>
  <c r="X20755" i="1"/>
  <c r="X20756" i="1"/>
  <c r="X20757" i="1"/>
  <c r="X20758" i="1"/>
  <c r="X20759" i="1"/>
  <c r="X20760" i="1"/>
  <c r="X20761" i="1"/>
  <c r="X20762" i="1"/>
  <c r="X20763" i="1"/>
  <c r="X20764" i="1"/>
  <c r="X20765" i="1"/>
  <c r="X20766" i="1"/>
  <c r="X20767" i="1"/>
  <c r="X20768" i="1"/>
  <c r="X20769" i="1"/>
  <c r="X20770" i="1"/>
  <c r="X20771" i="1"/>
  <c r="X20772" i="1"/>
  <c r="X20773" i="1"/>
  <c r="X20774" i="1"/>
  <c r="X20775" i="1"/>
  <c r="X20776" i="1"/>
  <c r="X20777" i="1"/>
  <c r="X20778" i="1"/>
  <c r="X20779" i="1"/>
  <c r="X20780" i="1"/>
  <c r="X20781" i="1"/>
  <c r="X20782" i="1"/>
  <c r="X20783" i="1"/>
  <c r="X20784" i="1"/>
  <c r="X20785" i="1"/>
  <c r="X20786" i="1"/>
  <c r="X20787" i="1"/>
  <c r="X20788" i="1"/>
  <c r="X20789" i="1"/>
  <c r="X20790" i="1"/>
  <c r="X20791" i="1"/>
  <c r="X20792" i="1"/>
  <c r="X20793" i="1"/>
  <c r="X20794" i="1"/>
  <c r="X20795" i="1"/>
  <c r="X20796" i="1"/>
  <c r="X20797" i="1"/>
  <c r="X20798" i="1"/>
  <c r="X20799" i="1"/>
  <c r="X20800" i="1"/>
  <c r="X20801" i="1"/>
  <c r="X20802" i="1"/>
  <c r="X20803" i="1"/>
  <c r="X20804" i="1"/>
  <c r="X20805" i="1"/>
  <c r="X20806" i="1"/>
  <c r="X20807" i="1"/>
  <c r="X20808" i="1"/>
  <c r="X20809" i="1"/>
  <c r="X20810" i="1"/>
  <c r="X20811" i="1"/>
  <c r="X20812" i="1"/>
  <c r="X20813" i="1"/>
  <c r="X20814" i="1"/>
  <c r="X20815" i="1"/>
  <c r="X20816" i="1"/>
  <c r="X20817" i="1"/>
  <c r="X20818" i="1"/>
  <c r="X20819" i="1"/>
  <c r="X20820" i="1"/>
  <c r="X20821" i="1"/>
  <c r="X20822" i="1"/>
  <c r="X20823" i="1"/>
  <c r="X20824" i="1"/>
  <c r="X20825" i="1"/>
  <c r="X20826" i="1"/>
  <c r="X20827" i="1"/>
  <c r="X20828" i="1"/>
  <c r="X20829" i="1"/>
  <c r="X20830" i="1"/>
  <c r="X20831" i="1"/>
  <c r="X20832" i="1"/>
  <c r="X20833" i="1"/>
  <c r="X20834" i="1"/>
  <c r="X20835" i="1"/>
  <c r="X20836" i="1"/>
  <c r="X20837" i="1"/>
  <c r="X20838" i="1"/>
  <c r="X20839" i="1"/>
  <c r="X20840" i="1"/>
  <c r="X20841" i="1"/>
  <c r="X20842" i="1"/>
  <c r="X20843" i="1"/>
  <c r="X20844" i="1"/>
  <c r="X20845" i="1"/>
  <c r="X20846" i="1"/>
  <c r="X20847" i="1"/>
  <c r="X20848" i="1"/>
  <c r="X20849" i="1"/>
  <c r="X20850" i="1"/>
  <c r="X20851" i="1"/>
  <c r="X20852" i="1"/>
  <c r="X20853" i="1"/>
  <c r="X20854" i="1"/>
  <c r="X20855" i="1"/>
  <c r="X20856" i="1"/>
  <c r="X20857" i="1"/>
  <c r="X20858" i="1"/>
  <c r="X20859" i="1"/>
  <c r="X20860" i="1"/>
  <c r="X20861" i="1"/>
  <c r="X20862" i="1"/>
  <c r="X20863" i="1"/>
  <c r="X20864" i="1"/>
  <c r="X20865" i="1"/>
  <c r="X20866" i="1"/>
  <c r="X20867" i="1"/>
  <c r="X20868" i="1"/>
  <c r="X20869" i="1"/>
  <c r="X20870" i="1"/>
  <c r="X20871" i="1"/>
  <c r="X20872" i="1"/>
  <c r="X20873" i="1"/>
  <c r="X20874" i="1"/>
  <c r="X20875" i="1"/>
  <c r="X20876" i="1"/>
  <c r="X20877" i="1"/>
  <c r="X20878" i="1"/>
  <c r="X20879" i="1"/>
  <c r="X20880" i="1"/>
  <c r="X20881" i="1"/>
  <c r="X20882" i="1"/>
  <c r="X20883" i="1"/>
  <c r="X20884" i="1"/>
  <c r="X20885" i="1"/>
  <c r="X20886" i="1"/>
  <c r="X20887" i="1"/>
  <c r="X20888" i="1"/>
  <c r="X20889" i="1"/>
  <c r="X20890" i="1"/>
  <c r="X20891" i="1"/>
  <c r="X20892" i="1"/>
  <c r="X20893" i="1"/>
  <c r="X20894" i="1"/>
  <c r="X20895" i="1"/>
  <c r="X20896" i="1"/>
  <c r="X20897" i="1"/>
  <c r="X20898" i="1"/>
  <c r="X20899" i="1"/>
  <c r="X20900" i="1"/>
  <c r="X20901" i="1"/>
  <c r="X20902" i="1"/>
  <c r="X20903" i="1"/>
  <c r="X20904" i="1"/>
  <c r="X20905" i="1"/>
  <c r="X20906" i="1"/>
  <c r="X20907" i="1"/>
  <c r="X20908" i="1"/>
  <c r="X20909" i="1"/>
  <c r="X20910" i="1"/>
  <c r="X20911" i="1"/>
  <c r="X20912" i="1"/>
  <c r="X20913" i="1"/>
  <c r="X20914" i="1"/>
  <c r="X20915" i="1"/>
  <c r="X20916" i="1"/>
  <c r="X20917" i="1"/>
  <c r="X20918" i="1"/>
  <c r="X20919" i="1"/>
  <c r="X20920" i="1"/>
  <c r="X20921" i="1"/>
  <c r="X20922" i="1"/>
  <c r="X20923" i="1"/>
  <c r="X20924" i="1"/>
  <c r="X20925" i="1"/>
  <c r="X20926" i="1"/>
  <c r="X20927" i="1"/>
  <c r="X20928" i="1"/>
  <c r="X20929" i="1"/>
  <c r="X20930" i="1"/>
  <c r="X20931" i="1"/>
  <c r="X20932" i="1"/>
  <c r="X20933" i="1"/>
  <c r="X20934" i="1"/>
  <c r="X20935" i="1"/>
  <c r="X20936" i="1"/>
  <c r="X20937" i="1"/>
  <c r="X20938" i="1"/>
  <c r="X20939" i="1"/>
  <c r="X20940" i="1"/>
  <c r="X20941" i="1"/>
  <c r="X20942" i="1"/>
  <c r="X20943" i="1"/>
  <c r="X20944" i="1"/>
  <c r="X20945" i="1"/>
  <c r="X20946" i="1"/>
  <c r="X20947" i="1"/>
  <c r="X20948" i="1"/>
  <c r="X20949" i="1"/>
  <c r="X20950" i="1"/>
  <c r="X20951" i="1"/>
  <c r="X20952" i="1"/>
  <c r="X20953" i="1"/>
  <c r="X20954" i="1"/>
  <c r="X20955" i="1"/>
  <c r="X20956" i="1"/>
  <c r="X20957" i="1"/>
  <c r="X20958" i="1"/>
  <c r="X20959" i="1"/>
  <c r="X20960" i="1"/>
  <c r="X20961" i="1"/>
  <c r="X20962" i="1"/>
  <c r="X20963" i="1"/>
  <c r="X20964" i="1"/>
  <c r="X20965" i="1"/>
  <c r="X20966" i="1"/>
  <c r="X20967" i="1"/>
  <c r="X20968" i="1"/>
  <c r="X20969" i="1"/>
  <c r="X20970" i="1"/>
  <c r="X20971" i="1"/>
  <c r="X20972" i="1"/>
  <c r="X20973" i="1"/>
  <c r="X20974" i="1"/>
  <c r="X20975" i="1"/>
  <c r="X20976" i="1"/>
  <c r="X20977" i="1"/>
  <c r="X20978" i="1"/>
  <c r="X20979" i="1"/>
  <c r="X20980" i="1"/>
  <c r="X20981" i="1"/>
  <c r="X20982" i="1"/>
  <c r="X20983" i="1"/>
  <c r="X20984" i="1"/>
  <c r="X20985" i="1"/>
  <c r="X20986" i="1"/>
  <c r="X20987" i="1"/>
  <c r="X20988" i="1"/>
  <c r="X20989" i="1"/>
  <c r="X20990" i="1"/>
  <c r="X20991" i="1"/>
  <c r="X20992" i="1"/>
  <c r="X20993" i="1"/>
  <c r="X20994" i="1"/>
  <c r="X20995" i="1"/>
  <c r="X20996" i="1"/>
  <c r="X20997" i="1"/>
  <c r="X20998" i="1"/>
  <c r="X20999" i="1"/>
  <c r="X21000" i="1"/>
  <c r="X21001" i="1"/>
  <c r="X21002" i="1"/>
  <c r="X21003" i="1"/>
  <c r="X21004" i="1"/>
  <c r="X21005" i="1"/>
  <c r="X21006" i="1"/>
  <c r="X21007" i="1"/>
  <c r="X21008" i="1"/>
  <c r="X21009" i="1"/>
  <c r="X21010" i="1"/>
  <c r="X21011" i="1"/>
  <c r="X21012" i="1"/>
  <c r="X21013" i="1"/>
  <c r="X21014" i="1"/>
  <c r="X21015" i="1"/>
  <c r="X21016" i="1"/>
  <c r="X21017" i="1"/>
  <c r="X21018" i="1"/>
  <c r="X21019" i="1"/>
  <c r="X21020" i="1"/>
  <c r="X21021" i="1"/>
  <c r="X21022" i="1"/>
  <c r="X21023" i="1"/>
  <c r="X21024" i="1"/>
  <c r="X21025" i="1"/>
  <c r="X21026" i="1"/>
  <c r="X21027" i="1"/>
  <c r="X21028" i="1"/>
  <c r="X21029" i="1"/>
  <c r="X21030" i="1"/>
  <c r="X21031" i="1"/>
  <c r="X21032" i="1"/>
  <c r="X21033" i="1"/>
  <c r="X21034" i="1"/>
  <c r="X21035" i="1"/>
  <c r="X21036" i="1"/>
  <c r="X21037" i="1"/>
  <c r="X21038" i="1"/>
  <c r="X21039" i="1"/>
  <c r="X21040" i="1"/>
  <c r="X21041" i="1"/>
  <c r="X21042" i="1"/>
  <c r="X21043" i="1"/>
  <c r="X21044" i="1"/>
  <c r="X21045" i="1"/>
  <c r="X21046" i="1"/>
  <c r="X21047" i="1"/>
  <c r="X21048" i="1"/>
  <c r="X21049" i="1"/>
  <c r="X21050" i="1"/>
  <c r="X21051" i="1"/>
  <c r="X21052" i="1"/>
  <c r="X21053" i="1"/>
  <c r="X21054" i="1"/>
  <c r="X21055" i="1"/>
  <c r="X21056" i="1"/>
  <c r="X21057" i="1"/>
  <c r="X21058" i="1"/>
  <c r="X21059" i="1"/>
  <c r="X21060" i="1"/>
  <c r="X21061" i="1"/>
  <c r="X21062" i="1"/>
  <c r="X21063" i="1"/>
  <c r="X21064" i="1"/>
  <c r="X21065" i="1"/>
  <c r="X21066" i="1"/>
  <c r="X21067" i="1"/>
  <c r="X21068" i="1"/>
  <c r="X21069" i="1"/>
  <c r="X21070" i="1"/>
  <c r="X21071" i="1"/>
  <c r="X21072" i="1"/>
  <c r="X21073" i="1"/>
  <c r="X21074" i="1"/>
  <c r="X21075" i="1"/>
  <c r="X21076" i="1"/>
  <c r="X21077" i="1"/>
  <c r="X21078" i="1"/>
  <c r="X21079" i="1"/>
  <c r="X21080" i="1"/>
  <c r="X21081" i="1"/>
  <c r="X21082" i="1"/>
  <c r="X21083" i="1"/>
  <c r="X21084" i="1"/>
  <c r="X21085" i="1"/>
  <c r="X21086" i="1"/>
  <c r="X21087" i="1"/>
  <c r="X21088" i="1"/>
  <c r="X21089" i="1"/>
  <c r="X21090" i="1"/>
  <c r="X21091" i="1"/>
  <c r="X21092" i="1"/>
  <c r="X21093" i="1"/>
  <c r="X21094" i="1"/>
  <c r="X21095" i="1"/>
  <c r="X21096" i="1"/>
  <c r="X21097" i="1"/>
  <c r="X21098" i="1"/>
  <c r="X21099" i="1"/>
  <c r="X21100" i="1"/>
  <c r="X21101" i="1"/>
  <c r="X21102" i="1"/>
  <c r="X21103" i="1"/>
  <c r="X21104" i="1"/>
  <c r="X21105" i="1"/>
  <c r="X21106" i="1"/>
  <c r="X21107" i="1"/>
  <c r="X21108" i="1"/>
  <c r="X21109" i="1"/>
  <c r="X21110" i="1"/>
  <c r="X21111" i="1"/>
  <c r="X21112" i="1"/>
  <c r="X21113" i="1"/>
  <c r="X21114" i="1"/>
  <c r="X21115" i="1"/>
  <c r="X21116" i="1"/>
  <c r="X21117" i="1"/>
  <c r="X21118" i="1"/>
  <c r="X21119" i="1"/>
  <c r="X21120" i="1"/>
  <c r="X21121" i="1"/>
  <c r="X21122" i="1"/>
  <c r="X21123" i="1"/>
  <c r="X21124" i="1"/>
  <c r="X21125" i="1"/>
  <c r="X21126" i="1"/>
  <c r="X21127" i="1"/>
  <c r="X21128" i="1"/>
  <c r="X21129" i="1"/>
  <c r="X21130" i="1"/>
  <c r="X21131" i="1"/>
  <c r="X21132" i="1"/>
  <c r="X21133" i="1"/>
  <c r="X21134" i="1"/>
  <c r="X21135" i="1"/>
  <c r="X21136" i="1"/>
  <c r="X21137" i="1"/>
  <c r="X21138" i="1"/>
  <c r="X21139" i="1"/>
  <c r="X21140" i="1"/>
  <c r="X21141" i="1"/>
  <c r="X21142" i="1"/>
  <c r="X21143" i="1"/>
  <c r="X21144" i="1"/>
  <c r="X21145" i="1"/>
  <c r="X21146" i="1"/>
  <c r="X21147" i="1"/>
  <c r="X21148" i="1"/>
  <c r="X21149" i="1"/>
  <c r="X21150" i="1"/>
  <c r="X21151" i="1"/>
  <c r="X21152" i="1"/>
  <c r="X21153" i="1"/>
  <c r="X21154" i="1"/>
  <c r="X21155" i="1"/>
  <c r="X21156" i="1"/>
  <c r="X21157" i="1"/>
  <c r="X21158" i="1"/>
  <c r="X21159" i="1"/>
  <c r="X21160" i="1"/>
  <c r="X21161" i="1"/>
  <c r="X21162" i="1"/>
  <c r="X21163" i="1"/>
  <c r="X21164" i="1"/>
  <c r="X21165" i="1"/>
  <c r="X21166" i="1"/>
  <c r="X21167" i="1"/>
  <c r="X21168" i="1"/>
  <c r="X21169" i="1"/>
  <c r="X21170" i="1"/>
  <c r="X21171" i="1"/>
  <c r="X21172" i="1"/>
  <c r="X21173" i="1"/>
  <c r="X21174" i="1"/>
  <c r="X21175" i="1"/>
  <c r="X21176" i="1"/>
  <c r="X21177" i="1"/>
  <c r="X21178" i="1"/>
  <c r="X21179" i="1"/>
  <c r="X21180" i="1"/>
  <c r="X21181" i="1"/>
  <c r="X21182" i="1"/>
  <c r="X21183" i="1"/>
  <c r="X21184" i="1"/>
  <c r="X21185" i="1"/>
  <c r="X21186" i="1"/>
  <c r="X21187" i="1"/>
  <c r="X21188" i="1"/>
  <c r="X21189" i="1"/>
  <c r="X21190" i="1"/>
  <c r="X21191" i="1"/>
  <c r="X21192" i="1"/>
  <c r="X21193" i="1"/>
  <c r="X21194" i="1"/>
  <c r="X21195" i="1"/>
  <c r="X21196" i="1"/>
  <c r="X21197" i="1"/>
  <c r="X21198" i="1"/>
  <c r="X21199" i="1"/>
  <c r="X21200" i="1"/>
  <c r="X21201" i="1"/>
  <c r="X21202" i="1"/>
  <c r="X21203" i="1"/>
  <c r="X21204" i="1"/>
  <c r="X21205" i="1"/>
  <c r="X21206" i="1"/>
  <c r="X21207" i="1"/>
  <c r="X21208" i="1"/>
  <c r="X21209" i="1"/>
  <c r="X21210" i="1"/>
  <c r="X21211" i="1"/>
  <c r="X21212" i="1"/>
  <c r="X21213" i="1"/>
  <c r="X21214" i="1"/>
  <c r="X21215" i="1"/>
  <c r="X21216" i="1"/>
  <c r="X21217" i="1"/>
  <c r="X21218" i="1"/>
  <c r="X21219" i="1"/>
  <c r="X21220" i="1"/>
  <c r="X21221" i="1"/>
  <c r="X21222" i="1"/>
  <c r="X21223" i="1"/>
  <c r="X21224" i="1"/>
  <c r="X21225" i="1"/>
  <c r="X21226" i="1"/>
  <c r="X21227" i="1"/>
  <c r="X21228" i="1"/>
  <c r="X21229" i="1"/>
  <c r="X21230" i="1"/>
  <c r="X21231" i="1"/>
  <c r="X21232" i="1"/>
  <c r="X21233" i="1"/>
  <c r="X21234" i="1"/>
  <c r="X21235" i="1"/>
  <c r="X21236" i="1"/>
  <c r="X21237" i="1"/>
  <c r="X21238" i="1"/>
  <c r="X21239" i="1"/>
  <c r="X21240" i="1"/>
  <c r="X21241" i="1"/>
  <c r="X21242" i="1"/>
  <c r="X21243" i="1"/>
  <c r="X21244" i="1"/>
  <c r="X21245" i="1"/>
  <c r="X21246" i="1"/>
  <c r="X21247" i="1"/>
  <c r="X21248" i="1"/>
  <c r="X21249" i="1"/>
  <c r="X21250" i="1"/>
  <c r="X21251" i="1"/>
  <c r="X21252" i="1"/>
  <c r="X21253" i="1"/>
  <c r="X21254" i="1"/>
  <c r="X21255" i="1"/>
  <c r="X21256" i="1"/>
  <c r="X21257" i="1"/>
  <c r="X21258" i="1"/>
  <c r="X21259" i="1"/>
  <c r="X21260" i="1"/>
  <c r="X21261" i="1"/>
  <c r="X21262" i="1"/>
  <c r="X21263" i="1"/>
  <c r="X21264" i="1"/>
  <c r="X21265" i="1"/>
  <c r="X21266" i="1"/>
  <c r="X21267" i="1"/>
  <c r="X21268" i="1"/>
  <c r="X21269" i="1"/>
  <c r="X21270" i="1"/>
  <c r="X21271" i="1"/>
  <c r="X21272" i="1"/>
  <c r="X21273" i="1"/>
  <c r="X21274" i="1"/>
  <c r="X21275" i="1"/>
  <c r="X21276" i="1"/>
  <c r="X21277" i="1"/>
  <c r="X21278" i="1"/>
  <c r="X21279" i="1"/>
  <c r="X21280" i="1"/>
  <c r="X21281" i="1"/>
  <c r="X21282" i="1"/>
  <c r="X21283" i="1"/>
  <c r="X21284" i="1"/>
  <c r="X21285" i="1"/>
  <c r="X21286" i="1"/>
  <c r="X21287" i="1"/>
  <c r="X21288" i="1"/>
  <c r="X21289" i="1"/>
  <c r="X21290" i="1"/>
  <c r="X21291" i="1"/>
  <c r="X21292" i="1"/>
  <c r="X21293" i="1"/>
  <c r="X21294" i="1"/>
  <c r="X21295" i="1"/>
  <c r="X21296" i="1"/>
  <c r="X21297" i="1"/>
  <c r="X21298" i="1"/>
  <c r="X21299" i="1"/>
  <c r="X21300" i="1"/>
  <c r="X21301" i="1"/>
  <c r="X21302" i="1"/>
  <c r="X21303" i="1"/>
  <c r="X21304" i="1"/>
  <c r="X21305" i="1"/>
  <c r="X21306" i="1"/>
  <c r="X21307" i="1"/>
  <c r="X21308" i="1"/>
  <c r="X21309" i="1"/>
  <c r="X21310" i="1"/>
  <c r="X21311" i="1"/>
  <c r="X21312" i="1"/>
  <c r="X21313" i="1"/>
  <c r="X21314" i="1"/>
  <c r="X21315" i="1"/>
  <c r="X21316" i="1"/>
  <c r="X21317" i="1"/>
  <c r="X21318" i="1"/>
  <c r="X21319" i="1"/>
  <c r="X21320" i="1"/>
  <c r="X21321" i="1"/>
  <c r="X21322" i="1"/>
  <c r="X21323" i="1"/>
  <c r="X21324" i="1"/>
  <c r="X21325" i="1"/>
  <c r="X21326" i="1"/>
  <c r="X21327" i="1"/>
  <c r="X21328" i="1"/>
  <c r="X21329" i="1"/>
  <c r="X21330" i="1"/>
  <c r="X21331" i="1"/>
  <c r="X21332" i="1"/>
  <c r="X21333" i="1"/>
  <c r="X21334" i="1"/>
  <c r="X21335" i="1"/>
  <c r="X21336" i="1"/>
  <c r="X21337" i="1"/>
  <c r="X21338" i="1"/>
  <c r="X21339" i="1"/>
  <c r="X21340" i="1"/>
  <c r="X21341" i="1"/>
  <c r="X21342" i="1"/>
  <c r="X21343" i="1"/>
  <c r="X21344" i="1"/>
  <c r="X21345" i="1"/>
  <c r="X21346" i="1"/>
  <c r="X21347" i="1"/>
  <c r="X21348" i="1"/>
  <c r="X21349" i="1"/>
  <c r="X21350" i="1"/>
  <c r="X21351" i="1"/>
  <c r="X21352" i="1"/>
  <c r="X21353" i="1"/>
  <c r="X21354" i="1"/>
  <c r="X21355" i="1"/>
  <c r="X21356" i="1"/>
  <c r="X21357" i="1"/>
  <c r="X21358" i="1"/>
  <c r="X21359" i="1"/>
  <c r="X21360" i="1"/>
  <c r="X21361" i="1"/>
  <c r="X21362" i="1"/>
  <c r="X21363" i="1"/>
  <c r="X21364" i="1"/>
  <c r="X21365" i="1"/>
  <c r="X21366" i="1"/>
  <c r="X21367" i="1"/>
  <c r="X21368" i="1"/>
  <c r="X21369" i="1"/>
  <c r="X21370" i="1"/>
  <c r="X21371" i="1"/>
  <c r="X21372" i="1"/>
  <c r="X21373" i="1"/>
  <c r="X21374" i="1"/>
  <c r="X21375" i="1"/>
  <c r="X21376" i="1"/>
  <c r="X21377" i="1"/>
  <c r="X21378" i="1"/>
  <c r="X21379" i="1"/>
  <c r="X21380" i="1"/>
  <c r="X21381" i="1"/>
  <c r="X21382" i="1"/>
  <c r="X21383" i="1"/>
  <c r="X21384" i="1"/>
  <c r="X21385" i="1"/>
  <c r="X21386" i="1"/>
  <c r="X21387" i="1"/>
  <c r="X21388" i="1"/>
  <c r="X21389" i="1"/>
  <c r="X21390" i="1"/>
  <c r="X21391" i="1"/>
  <c r="X21392" i="1"/>
  <c r="X21393" i="1"/>
  <c r="X21394" i="1"/>
  <c r="X21395" i="1"/>
  <c r="X21396" i="1"/>
  <c r="X21397" i="1"/>
  <c r="X21398" i="1"/>
  <c r="X21399" i="1"/>
  <c r="X21400" i="1"/>
  <c r="X21401" i="1"/>
  <c r="X21402" i="1"/>
  <c r="X21403" i="1"/>
  <c r="X21404" i="1"/>
  <c r="X21405" i="1"/>
  <c r="X21406" i="1"/>
  <c r="X21407" i="1"/>
  <c r="X21408" i="1"/>
  <c r="X21409" i="1"/>
  <c r="X21410" i="1"/>
  <c r="X21411" i="1"/>
  <c r="X21412" i="1"/>
  <c r="X21413" i="1"/>
  <c r="X21414" i="1"/>
  <c r="X21415" i="1"/>
  <c r="X21416" i="1"/>
  <c r="X21417" i="1"/>
  <c r="X21418" i="1"/>
  <c r="X21419" i="1"/>
  <c r="X21420" i="1"/>
  <c r="X21421" i="1"/>
  <c r="X21422" i="1"/>
  <c r="X21423" i="1"/>
  <c r="X21424" i="1"/>
  <c r="X21425" i="1"/>
  <c r="X21426" i="1"/>
  <c r="X21427" i="1"/>
  <c r="X21428" i="1"/>
  <c r="X21429" i="1"/>
  <c r="X21430" i="1"/>
  <c r="X21431" i="1"/>
  <c r="X21432" i="1"/>
  <c r="X21433" i="1"/>
  <c r="X21434" i="1"/>
  <c r="X21435" i="1"/>
  <c r="X21436" i="1"/>
  <c r="X21437" i="1"/>
  <c r="X21438" i="1"/>
  <c r="X21439" i="1"/>
  <c r="X21440" i="1"/>
  <c r="X21441" i="1"/>
  <c r="X21442" i="1"/>
  <c r="X21443" i="1"/>
  <c r="X21444" i="1"/>
  <c r="X21445" i="1"/>
  <c r="X21446" i="1"/>
  <c r="X21447" i="1"/>
  <c r="X21448" i="1"/>
  <c r="X21449" i="1"/>
  <c r="X21450" i="1"/>
  <c r="X21451" i="1"/>
  <c r="X21452" i="1"/>
  <c r="X21453" i="1"/>
  <c r="X21454" i="1"/>
  <c r="X21455" i="1"/>
  <c r="X21456" i="1"/>
  <c r="X21457" i="1"/>
  <c r="X21458" i="1"/>
  <c r="X21459" i="1"/>
  <c r="X21460" i="1"/>
  <c r="X21461" i="1"/>
  <c r="X21462" i="1"/>
  <c r="X21463" i="1"/>
  <c r="X21464" i="1"/>
  <c r="X21465" i="1"/>
  <c r="X21466" i="1"/>
  <c r="X21467" i="1"/>
  <c r="X21468" i="1"/>
  <c r="X21469" i="1"/>
  <c r="X21470" i="1"/>
  <c r="X21471" i="1"/>
  <c r="X21472" i="1"/>
  <c r="X21473" i="1"/>
  <c r="X21474" i="1"/>
  <c r="X21475" i="1"/>
  <c r="X21476" i="1"/>
  <c r="X21477" i="1"/>
  <c r="X21478" i="1"/>
  <c r="X21479" i="1"/>
  <c r="X21480" i="1"/>
  <c r="X21481" i="1"/>
  <c r="X21482" i="1"/>
  <c r="X21483" i="1"/>
  <c r="X21484" i="1"/>
  <c r="X21485" i="1"/>
  <c r="X21486" i="1"/>
  <c r="X21487" i="1"/>
  <c r="X21488" i="1"/>
  <c r="X21489" i="1"/>
  <c r="X21490" i="1"/>
  <c r="X21491" i="1"/>
  <c r="X21492" i="1"/>
  <c r="X21493" i="1"/>
  <c r="X21494" i="1"/>
  <c r="X21495" i="1"/>
  <c r="X21496" i="1"/>
  <c r="X21497" i="1"/>
  <c r="X21498" i="1"/>
  <c r="X21499" i="1"/>
  <c r="X21500" i="1"/>
  <c r="X21501" i="1"/>
  <c r="X21502" i="1"/>
  <c r="X21503" i="1"/>
  <c r="X21504" i="1"/>
  <c r="X21505" i="1"/>
  <c r="X21506" i="1"/>
  <c r="X21507" i="1"/>
  <c r="X21508" i="1"/>
  <c r="X21509" i="1"/>
  <c r="X21510" i="1"/>
  <c r="X21511" i="1"/>
  <c r="X21512" i="1"/>
  <c r="X21513" i="1"/>
  <c r="X21514" i="1"/>
  <c r="X21515" i="1"/>
  <c r="X21516" i="1"/>
  <c r="X21517" i="1"/>
  <c r="X21518" i="1"/>
  <c r="X21519" i="1"/>
  <c r="X21520" i="1"/>
  <c r="X21521" i="1"/>
  <c r="X21522" i="1"/>
  <c r="X21523" i="1"/>
  <c r="X21524" i="1"/>
  <c r="X21525" i="1"/>
  <c r="X21526" i="1"/>
  <c r="X21527" i="1"/>
  <c r="X21528" i="1"/>
  <c r="X21529" i="1"/>
  <c r="X21530" i="1"/>
  <c r="X21531" i="1"/>
  <c r="X21532" i="1"/>
  <c r="X21533" i="1"/>
  <c r="X21534" i="1"/>
  <c r="X21535" i="1"/>
  <c r="X21536" i="1"/>
  <c r="X21537" i="1"/>
  <c r="X21538" i="1"/>
  <c r="X21539" i="1"/>
  <c r="X21540" i="1"/>
  <c r="X21541" i="1"/>
  <c r="X21542" i="1"/>
  <c r="X21543" i="1"/>
  <c r="X21544" i="1"/>
  <c r="X21545" i="1"/>
  <c r="X21546" i="1"/>
  <c r="X21547" i="1"/>
  <c r="X21548" i="1"/>
  <c r="X21549" i="1"/>
  <c r="X21550" i="1"/>
  <c r="X21551" i="1"/>
  <c r="X21552" i="1"/>
  <c r="X21553" i="1"/>
  <c r="X21554" i="1"/>
  <c r="X21555" i="1"/>
  <c r="X21556" i="1"/>
  <c r="X21557" i="1"/>
  <c r="X21558" i="1"/>
  <c r="X21559" i="1"/>
  <c r="X21560" i="1"/>
  <c r="X21561" i="1"/>
  <c r="X21562" i="1"/>
  <c r="X21563" i="1"/>
  <c r="X21564" i="1"/>
  <c r="X21565" i="1"/>
  <c r="X21566" i="1"/>
  <c r="X21567" i="1"/>
  <c r="X21568" i="1"/>
  <c r="X21569" i="1"/>
  <c r="X21570" i="1"/>
  <c r="X21571" i="1"/>
  <c r="X21572" i="1"/>
  <c r="X21573" i="1"/>
  <c r="X21574" i="1"/>
  <c r="X21575" i="1"/>
  <c r="X21576" i="1"/>
  <c r="X21577" i="1"/>
  <c r="X21578" i="1"/>
  <c r="X21579" i="1"/>
  <c r="X21580" i="1"/>
  <c r="X21581" i="1"/>
  <c r="X21582" i="1"/>
  <c r="X21583" i="1"/>
  <c r="X21584" i="1"/>
  <c r="X21585" i="1"/>
  <c r="X21586" i="1"/>
  <c r="X21587" i="1"/>
  <c r="X21588" i="1"/>
  <c r="X21589" i="1"/>
  <c r="X21590" i="1"/>
  <c r="X21591" i="1"/>
  <c r="X21592" i="1"/>
  <c r="X21593" i="1"/>
  <c r="X21594" i="1"/>
  <c r="X21595" i="1"/>
  <c r="X21596" i="1"/>
  <c r="X21597" i="1"/>
  <c r="X21598" i="1"/>
  <c r="X21599" i="1"/>
  <c r="X21600" i="1"/>
  <c r="X21601" i="1"/>
  <c r="X21602" i="1"/>
  <c r="X21603" i="1"/>
  <c r="X21604" i="1"/>
  <c r="X21605" i="1"/>
  <c r="X21606" i="1"/>
  <c r="X21607" i="1"/>
  <c r="X21608" i="1"/>
  <c r="X21609" i="1"/>
  <c r="X21610" i="1"/>
  <c r="X21611" i="1"/>
  <c r="X21612" i="1"/>
  <c r="X21613" i="1"/>
  <c r="X21614" i="1"/>
  <c r="X21615" i="1"/>
  <c r="X21616" i="1"/>
  <c r="X21617" i="1"/>
  <c r="X21618" i="1"/>
  <c r="X21619" i="1"/>
  <c r="X21620" i="1"/>
  <c r="X21621" i="1"/>
  <c r="X21622" i="1"/>
  <c r="X21623" i="1"/>
  <c r="X21624" i="1"/>
  <c r="X21625" i="1"/>
  <c r="X21626" i="1"/>
  <c r="X21627" i="1"/>
  <c r="X21628" i="1"/>
  <c r="X21629" i="1"/>
  <c r="X21630" i="1"/>
  <c r="X21631" i="1"/>
  <c r="X21632" i="1"/>
  <c r="X21633" i="1"/>
  <c r="X21634" i="1"/>
  <c r="X21635" i="1"/>
  <c r="X21636" i="1"/>
  <c r="X21637" i="1"/>
  <c r="X21638" i="1"/>
  <c r="X21639" i="1"/>
  <c r="X21640" i="1"/>
  <c r="X21641" i="1"/>
  <c r="X21642" i="1"/>
  <c r="X21643" i="1"/>
  <c r="X21644" i="1"/>
  <c r="X21645" i="1"/>
  <c r="X21646" i="1"/>
  <c r="X21647" i="1"/>
  <c r="X21648" i="1"/>
  <c r="X21649" i="1"/>
  <c r="X21650" i="1"/>
  <c r="X21651" i="1"/>
  <c r="X21652" i="1"/>
  <c r="X21653" i="1"/>
  <c r="X21654" i="1"/>
  <c r="X21655" i="1"/>
  <c r="X21656" i="1"/>
  <c r="X21657" i="1"/>
  <c r="X21658" i="1"/>
  <c r="X21659" i="1"/>
  <c r="X21660" i="1"/>
  <c r="X21661" i="1"/>
  <c r="X21662" i="1"/>
  <c r="X21663" i="1"/>
  <c r="X21664" i="1"/>
  <c r="X21665" i="1"/>
  <c r="X21666" i="1"/>
  <c r="X21667" i="1"/>
  <c r="X21668" i="1"/>
  <c r="X21669" i="1"/>
  <c r="X21670" i="1"/>
  <c r="X21671" i="1"/>
  <c r="X21672" i="1"/>
  <c r="X21673" i="1"/>
  <c r="X21674" i="1"/>
  <c r="X21675" i="1"/>
  <c r="X21676" i="1"/>
  <c r="X21677" i="1"/>
  <c r="X21678" i="1"/>
  <c r="X21679" i="1"/>
  <c r="X21680" i="1"/>
  <c r="X21681" i="1"/>
  <c r="X21682" i="1"/>
  <c r="X21683" i="1"/>
  <c r="X21684" i="1"/>
  <c r="X21685" i="1"/>
  <c r="X21686" i="1"/>
  <c r="X21687" i="1"/>
  <c r="X21688" i="1"/>
  <c r="X21689" i="1"/>
  <c r="X21690" i="1"/>
  <c r="X21691" i="1"/>
  <c r="X21692" i="1"/>
  <c r="X21693" i="1"/>
  <c r="X21694" i="1"/>
  <c r="X21695" i="1"/>
  <c r="X21696" i="1"/>
  <c r="X21697" i="1"/>
  <c r="X21698" i="1"/>
  <c r="X21699" i="1"/>
  <c r="X21700" i="1"/>
  <c r="X21701" i="1"/>
  <c r="X21702" i="1"/>
  <c r="X21703" i="1"/>
  <c r="X21704" i="1"/>
  <c r="X21705" i="1"/>
  <c r="X21706" i="1"/>
  <c r="X21707" i="1"/>
  <c r="X21708" i="1"/>
  <c r="X21709" i="1"/>
  <c r="X21710" i="1"/>
  <c r="X21711" i="1"/>
  <c r="X21712" i="1"/>
  <c r="X21713" i="1"/>
  <c r="X21714" i="1"/>
  <c r="X21715" i="1"/>
  <c r="X21716" i="1"/>
  <c r="X21717" i="1"/>
  <c r="X21718" i="1"/>
  <c r="X21719" i="1"/>
  <c r="X21720" i="1"/>
  <c r="X21721" i="1"/>
  <c r="X21722" i="1"/>
  <c r="X21723" i="1"/>
  <c r="X21724" i="1"/>
  <c r="X21725" i="1"/>
  <c r="X21726" i="1"/>
  <c r="X21727" i="1"/>
  <c r="X21728" i="1"/>
  <c r="X21729" i="1"/>
  <c r="X21730" i="1"/>
  <c r="X21731" i="1"/>
  <c r="X21732" i="1"/>
  <c r="X21733" i="1"/>
  <c r="X21734" i="1"/>
  <c r="X21735" i="1"/>
  <c r="X21736" i="1"/>
  <c r="X21737" i="1"/>
  <c r="X21738" i="1"/>
  <c r="X21739" i="1"/>
  <c r="X21740" i="1"/>
  <c r="X21741" i="1"/>
  <c r="X21742" i="1"/>
  <c r="X21743" i="1"/>
  <c r="X21744" i="1"/>
  <c r="X21745" i="1"/>
  <c r="X21746" i="1"/>
  <c r="X21747" i="1"/>
  <c r="X21748" i="1"/>
  <c r="X21749" i="1"/>
  <c r="X21750" i="1"/>
  <c r="X21751" i="1"/>
  <c r="X21752" i="1"/>
  <c r="X21753" i="1"/>
  <c r="X21754" i="1"/>
  <c r="X21755" i="1"/>
  <c r="X21756" i="1"/>
  <c r="X21757" i="1"/>
  <c r="X21758" i="1"/>
  <c r="X21759" i="1"/>
  <c r="X21760" i="1"/>
  <c r="X21761" i="1"/>
  <c r="X21762" i="1"/>
  <c r="X21763" i="1"/>
  <c r="X21764" i="1"/>
  <c r="X21765" i="1"/>
  <c r="X21766" i="1"/>
  <c r="X21767" i="1"/>
  <c r="X21768" i="1"/>
  <c r="X21769" i="1"/>
  <c r="X21770" i="1"/>
  <c r="X21771" i="1"/>
  <c r="X21772" i="1"/>
  <c r="X21773" i="1"/>
  <c r="X21774" i="1"/>
  <c r="X21775" i="1"/>
  <c r="X21776" i="1"/>
  <c r="X21777" i="1"/>
  <c r="X21778" i="1"/>
  <c r="X21779" i="1"/>
  <c r="X21780" i="1"/>
  <c r="X21781" i="1"/>
  <c r="X21782" i="1"/>
  <c r="X21783" i="1"/>
  <c r="X21784" i="1"/>
  <c r="X21785" i="1"/>
  <c r="X21786" i="1"/>
  <c r="X21787" i="1"/>
  <c r="X21788" i="1"/>
  <c r="X21789" i="1"/>
  <c r="X21790" i="1"/>
  <c r="X21791" i="1"/>
  <c r="X21792" i="1"/>
  <c r="X21793" i="1"/>
  <c r="X21794" i="1"/>
  <c r="X21795" i="1"/>
  <c r="X21796" i="1"/>
  <c r="X21797" i="1"/>
  <c r="X21798" i="1"/>
  <c r="X21799" i="1"/>
  <c r="X21800" i="1"/>
  <c r="X21801" i="1"/>
  <c r="X21802" i="1"/>
  <c r="X21803" i="1"/>
  <c r="X21804" i="1"/>
  <c r="X21805" i="1"/>
  <c r="X21806" i="1"/>
  <c r="X21807" i="1"/>
  <c r="X21808" i="1"/>
  <c r="X21809" i="1"/>
  <c r="X21810" i="1"/>
  <c r="X21811" i="1"/>
  <c r="X21812" i="1"/>
  <c r="X21813" i="1"/>
  <c r="X21814" i="1"/>
  <c r="X21815" i="1"/>
  <c r="X21816" i="1"/>
  <c r="X21817" i="1"/>
  <c r="X21818" i="1"/>
  <c r="X21819" i="1"/>
  <c r="X21820" i="1"/>
  <c r="X21821" i="1"/>
  <c r="X21822" i="1"/>
  <c r="X21823" i="1"/>
  <c r="X21824" i="1"/>
  <c r="X21825" i="1"/>
  <c r="X21826" i="1"/>
  <c r="X21827" i="1"/>
  <c r="X21828" i="1"/>
  <c r="X21829" i="1"/>
  <c r="X21830" i="1"/>
  <c r="X21831" i="1"/>
  <c r="X21832" i="1"/>
  <c r="X21833" i="1"/>
  <c r="X21834" i="1"/>
  <c r="X21835" i="1"/>
  <c r="X21836" i="1"/>
  <c r="X21837" i="1"/>
  <c r="X21838" i="1"/>
  <c r="X21839" i="1"/>
  <c r="X21840" i="1"/>
  <c r="X21841" i="1"/>
  <c r="X21842" i="1"/>
  <c r="X21843" i="1"/>
  <c r="X21844" i="1"/>
  <c r="X21845" i="1"/>
  <c r="X21846" i="1"/>
  <c r="X21847" i="1"/>
  <c r="X21848" i="1"/>
  <c r="X21849" i="1"/>
  <c r="X21850" i="1"/>
  <c r="X21851" i="1"/>
  <c r="X21852" i="1"/>
  <c r="X21853" i="1"/>
  <c r="X21854" i="1"/>
  <c r="X21855" i="1"/>
  <c r="X21856" i="1"/>
  <c r="X21857" i="1"/>
  <c r="X21858" i="1"/>
  <c r="X21859" i="1"/>
  <c r="X21860" i="1"/>
  <c r="X21861" i="1"/>
  <c r="X21862" i="1"/>
  <c r="X21863" i="1"/>
  <c r="X21864" i="1"/>
  <c r="X21865" i="1"/>
  <c r="X21866" i="1"/>
  <c r="X21867" i="1"/>
  <c r="X21868" i="1"/>
  <c r="X21869" i="1"/>
  <c r="X21870" i="1"/>
  <c r="X21871" i="1"/>
  <c r="X21872" i="1"/>
  <c r="X21873" i="1"/>
  <c r="X21874" i="1"/>
  <c r="X21875" i="1"/>
  <c r="X21876" i="1"/>
  <c r="X21877" i="1"/>
  <c r="X21878" i="1"/>
  <c r="X21879" i="1"/>
  <c r="X21880" i="1"/>
  <c r="X21881" i="1"/>
  <c r="X21882" i="1"/>
  <c r="X21883" i="1"/>
  <c r="X21884" i="1"/>
  <c r="X21885" i="1"/>
  <c r="X21886" i="1"/>
  <c r="X21887" i="1"/>
  <c r="X21888" i="1"/>
  <c r="X21889" i="1"/>
  <c r="X21890" i="1"/>
  <c r="X21891" i="1"/>
  <c r="X21892" i="1"/>
  <c r="X21893" i="1"/>
  <c r="X21894" i="1"/>
  <c r="X21895" i="1"/>
  <c r="X21896" i="1"/>
  <c r="X21897" i="1"/>
  <c r="X21898" i="1"/>
  <c r="X21899" i="1"/>
  <c r="X21900" i="1"/>
  <c r="X21901" i="1"/>
  <c r="X21902" i="1"/>
  <c r="X21903" i="1"/>
  <c r="X21904" i="1"/>
  <c r="X21905" i="1"/>
  <c r="X21906" i="1"/>
  <c r="X21907" i="1"/>
  <c r="X21908" i="1"/>
  <c r="X21909" i="1"/>
  <c r="X21910" i="1"/>
  <c r="X21911" i="1"/>
  <c r="X21912" i="1"/>
  <c r="X21913" i="1"/>
  <c r="X21914" i="1"/>
  <c r="X21915" i="1"/>
  <c r="X21916" i="1"/>
  <c r="X21917" i="1"/>
  <c r="X21918" i="1"/>
  <c r="X21919" i="1"/>
  <c r="X21920" i="1"/>
  <c r="X21921" i="1"/>
  <c r="X21922" i="1"/>
  <c r="X21923" i="1"/>
  <c r="X21924" i="1"/>
  <c r="X21925" i="1"/>
  <c r="X21926" i="1"/>
  <c r="X21927" i="1"/>
  <c r="X21928" i="1"/>
  <c r="X21929" i="1"/>
  <c r="X21930" i="1"/>
  <c r="X21931" i="1"/>
  <c r="X21932" i="1"/>
  <c r="X21933" i="1"/>
  <c r="X21934" i="1"/>
  <c r="X21935" i="1"/>
  <c r="X21936" i="1"/>
  <c r="X21937" i="1"/>
  <c r="X21938" i="1"/>
  <c r="X21939" i="1"/>
  <c r="X21940" i="1"/>
  <c r="X21941" i="1"/>
  <c r="X21942" i="1"/>
  <c r="X21943" i="1"/>
  <c r="X21944" i="1"/>
  <c r="X21945" i="1"/>
  <c r="X21946" i="1"/>
  <c r="X21947" i="1"/>
  <c r="X21948" i="1"/>
  <c r="X21949" i="1"/>
  <c r="X21950" i="1"/>
  <c r="X21951" i="1"/>
  <c r="X21952" i="1"/>
  <c r="X21953" i="1"/>
  <c r="X21954" i="1"/>
  <c r="X21955" i="1"/>
  <c r="X21956" i="1"/>
  <c r="X21957" i="1"/>
  <c r="X21958" i="1"/>
  <c r="X21959" i="1"/>
  <c r="X21960" i="1"/>
  <c r="X21961" i="1"/>
  <c r="X21962" i="1"/>
  <c r="X21963" i="1"/>
  <c r="X21964" i="1"/>
  <c r="X21965" i="1"/>
  <c r="X21966" i="1"/>
  <c r="X21967" i="1"/>
  <c r="X21968" i="1"/>
  <c r="X21969" i="1"/>
  <c r="X21970" i="1"/>
  <c r="X21971" i="1"/>
  <c r="X21972" i="1"/>
  <c r="X21973" i="1"/>
  <c r="X21974" i="1"/>
  <c r="X21975" i="1"/>
  <c r="X21976" i="1"/>
  <c r="X21977" i="1"/>
  <c r="X21978" i="1"/>
  <c r="X21979" i="1"/>
  <c r="X21980" i="1"/>
  <c r="X21981" i="1"/>
  <c r="X21982" i="1"/>
  <c r="X21983" i="1"/>
  <c r="X21984" i="1"/>
  <c r="X21985" i="1"/>
  <c r="X21986" i="1"/>
  <c r="X21987" i="1"/>
  <c r="X21988" i="1"/>
  <c r="X21989" i="1"/>
  <c r="X21990" i="1"/>
  <c r="X21991" i="1"/>
  <c r="X21992" i="1"/>
  <c r="X21993" i="1"/>
  <c r="X21994" i="1"/>
  <c r="X21995" i="1"/>
  <c r="X21996" i="1"/>
  <c r="X21997" i="1"/>
  <c r="X21998" i="1"/>
  <c r="X21999" i="1"/>
  <c r="X22000" i="1"/>
  <c r="X22001" i="1"/>
  <c r="X22002" i="1"/>
  <c r="X22003" i="1"/>
  <c r="X22004" i="1"/>
  <c r="X22005" i="1"/>
  <c r="X22006" i="1"/>
  <c r="X22007" i="1"/>
  <c r="X22008" i="1"/>
  <c r="X22009" i="1"/>
  <c r="X22010" i="1"/>
  <c r="X22011" i="1"/>
  <c r="X22012" i="1"/>
  <c r="X22013" i="1"/>
  <c r="X22014" i="1"/>
  <c r="X22015" i="1"/>
  <c r="X22016" i="1"/>
  <c r="X22017" i="1"/>
  <c r="X22018" i="1"/>
  <c r="X22019" i="1"/>
  <c r="X22020" i="1"/>
  <c r="X22021" i="1"/>
  <c r="X22022" i="1"/>
  <c r="X22023" i="1"/>
  <c r="X22024" i="1"/>
  <c r="X22025" i="1"/>
  <c r="X22026" i="1"/>
  <c r="X22027" i="1"/>
  <c r="X22028" i="1"/>
  <c r="X22029" i="1"/>
  <c r="X22030" i="1"/>
  <c r="X22031" i="1"/>
  <c r="X22032" i="1"/>
  <c r="X22033" i="1"/>
  <c r="X22034" i="1"/>
  <c r="X22035" i="1"/>
  <c r="X22036" i="1"/>
  <c r="X22037" i="1"/>
  <c r="X22038" i="1"/>
  <c r="X22039" i="1"/>
  <c r="X22040" i="1"/>
  <c r="X22041" i="1"/>
  <c r="X22042" i="1"/>
  <c r="X22043" i="1"/>
  <c r="X22044" i="1"/>
  <c r="X22045" i="1"/>
  <c r="X22046" i="1"/>
  <c r="X22047" i="1"/>
  <c r="X22048" i="1"/>
  <c r="X22049" i="1"/>
  <c r="X22050" i="1"/>
  <c r="X22051" i="1"/>
  <c r="X22052" i="1"/>
  <c r="X22053" i="1"/>
  <c r="X22054" i="1"/>
  <c r="X22055" i="1"/>
  <c r="X22056" i="1"/>
  <c r="X22057" i="1"/>
  <c r="X22058" i="1"/>
  <c r="X22059" i="1"/>
  <c r="X22060" i="1"/>
  <c r="X22061" i="1"/>
  <c r="X22062" i="1"/>
  <c r="X22063" i="1"/>
  <c r="X22064" i="1"/>
  <c r="X22065" i="1"/>
  <c r="X22066" i="1"/>
  <c r="X22067" i="1"/>
  <c r="X22068" i="1"/>
  <c r="X22069" i="1"/>
  <c r="X22070" i="1"/>
  <c r="X22071" i="1"/>
  <c r="X22072" i="1"/>
  <c r="X22073" i="1"/>
  <c r="X22074" i="1"/>
  <c r="X22075" i="1"/>
  <c r="X22076" i="1"/>
  <c r="X22077" i="1"/>
  <c r="X22078" i="1"/>
  <c r="X22079" i="1"/>
  <c r="X22080" i="1"/>
  <c r="X22081" i="1"/>
  <c r="X22082" i="1"/>
  <c r="X22083" i="1"/>
  <c r="X22084" i="1"/>
  <c r="X22085" i="1"/>
  <c r="X22086" i="1"/>
  <c r="X22087" i="1"/>
  <c r="X22088" i="1"/>
  <c r="X22089" i="1"/>
  <c r="X22090" i="1"/>
  <c r="X22091" i="1"/>
  <c r="X22092" i="1"/>
  <c r="X22093" i="1"/>
  <c r="X22094" i="1"/>
  <c r="X22095" i="1"/>
  <c r="X22096" i="1"/>
  <c r="X22097" i="1"/>
  <c r="X22098" i="1"/>
  <c r="X22099" i="1"/>
  <c r="X22100" i="1"/>
  <c r="X22101" i="1"/>
  <c r="X22102" i="1"/>
  <c r="X22103" i="1"/>
  <c r="X22104" i="1"/>
  <c r="X22105" i="1"/>
  <c r="X22106" i="1"/>
  <c r="X22107" i="1"/>
  <c r="X22108" i="1"/>
  <c r="X22109" i="1"/>
  <c r="X22110" i="1"/>
  <c r="X22111" i="1"/>
  <c r="X22112" i="1"/>
  <c r="X22113" i="1"/>
  <c r="X22114" i="1"/>
  <c r="X22115" i="1"/>
  <c r="X22116" i="1"/>
  <c r="X22117" i="1"/>
  <c r="X22118" i="1"/>
  <c r="X22119" i="1"/>
  <c r="X22120" i="1"/>
  <c r="X22121" i="1"/>
  <c r="X22122" i="1"/>
  <c r="X22123" i="1"/>
  <c r="X22124" i="1"/>
  <c r="X22125" i="1"/>
  <c r="X22126" i="1"/>
  <c r="X22127" i="1"/>
  <c r="X22128" i="1"/>
  <c r="X22129" i="1"/>
  <c r="X22130" i="1"/>
  <c r="X22131" i="1"/>
  <c r="X22132" i="1"/>
  <c r="X22133" i="1"/>
  <c r="X22134" i="1"/>
  <c r="X22135" i="1"/>
  <c r="X22136" i="1"/>
  <c r="X22137" i="1"/>
  <c r="X22138" i="1"/>
  <c r="X22139" i="1"/>
  <c r="X22140" i="1"/>
  <c r="X22141" i="1"/>
  <c r="X22142" i="1"/>
  <c r="X22143" i="1"/>
  <c r="X22144" i="1"/>
  <c r="X22145" i="1"/>
  <c r="X22146" i="1"/>
  <c r="X22147" i="1"/>
  <c r="X22148" i="1"/>
  <c r="X22149" i="1"/>
  <c r="X22150" i="1"/>
  <c r="X22151" i="1"/>
  <c r="X22152" i="1"/>
  <c r="X22153" i="1"/>
  <c r="X22154" i="1"/>
  <c r="X22155" i="1"/>
  <c r="X22156" i="1"/>
  <c r="X22157" i="1"/>
  <c r="X22158" i="1"/>
  <c r="X22159" i="1"/>
  <c r="X22160" i="1"/>
  <c r="X22161" i="1"/>
  <c r="X22162" i="1"/>
  <c r="X22163" i="1"/>
  <c r="X22164" i="1"/>
  <c r="X22165" i="1"/>
  <c r="X22166" i="1"/>
  <c r="X22167" i="1"/>
  <c r="X22168" i="1"/>
  <c r="X22169" i="1"/>
  <c r="X22170" i="1"/>
  <c r="X22171" i="1"/>
  <c r="X22172" i="1"/>
  <c r="X22173" i="1"/>
  <c r="X22174" i="1"/>
  <c r="X22175" i="1"/>
  <c r="X22176" i="1"/>
  <c r="X22177" i="1"/>
  <c r="X22178" i="1"/>
  <c r="X22179" i="1"/>
  <c r="X22180" i="1"/>
  <c r="X22181" i="1"/>
  <c r="X22182" i="1"/>
  <c r="X22183" i="1"/>
  <c r="X22184" i="1"/>
  <c r="X22185" i="1"/>
  <c r="X22186" i="1"/>
  <c r="X22187" i="1"/>
  <c r="X22188" i="1"/>
  <c r="X22189" i="1"/>
  <c r="X22190" i="1"/>
  <c r="X22191" i="1"/>
  <c r="X22192" i="1"/>
  <c r="X22193" i="1"/>
  <c r="X22194" i="1"/>
  <c r="X22195" i="1"/>
  <c r="X22196" i="1"/>
  <c r="X22197" i="1"/>
  <c r="X22198" i="1"/>
  <c r="X22199" i="1"/>
  <c r="X22200" i="1"/>
  <c r="X22201" i="1"/>
  <c r="X22202" i="1"/>
  <c r="X22203" i="1"/>
  <c r="X22204" i="1"/>
  <c r="X22205" i="1"/>
  <c r="X22206" i="1"/>
  <c r="X22207" i="1"/>
  <c r="X22208" i="1"/>
  <c r="X22209" i="1"/>
  <c r="X22210" i="1"/>
  <c r="X22211" i="1"/>
  <c r="X22212" i="1"/>
  <c r="X22213" i="1"/>
  <c r="X22214" i="1"/>
  <c r="X22215" i="1"/>
  <c r="X22216" i="1"/>
  <c r="X22217" i="1"/>
  <c r="X22218" i="1"/>
  <c r="X22219" i="1"/>
  <c r="X22220" i="1"/>
  <c r="X22221" i="1"/>
  <c r="X22222" i="1"/>
  <c r="X22223" i="1"/>
  <c r="X22224" i="1"/>
  <c r="X22225" i="1"/>
  <c r="X22226" i="1"/>
  <c r="X22227" i="1"/>
  <c r="X22228" i="1"/>
  <c r="X22229" i="1"/>
  <c r="X22230" i="1"/>
  <c r="X22231" i="1"/>
  <c r="X22232" i="1"/>
  <c r="X22233" i="1"/>
  <c r="X22234" i="1"/>
  <c r="X22235" i="1"/>
  <c r="X22236" i="1"/>
  <c r="X22237" i="1"/>
  <c r="X22238" i="1"/>
  <c r="X22239" i="1"/>
  <c r="X22240" i="1"/>
  <c r="X22241" i="1"/>
  <c r="X22242" i="1"/>
  <c r="X22243" i="1"/>
  <c r="X22244" i="1"/>
  <c r="X22245" i="1"/>
  <c r="X22246" i="1"/>
  <c r="X22247" i="1"/>
  <c r="X22248" i="1"/>
  <c r="X22249" i="1"/>
  <c r="X22250" i="1"/>
  <c r="X22251" i="1"/>
  <c r="X22252" i="1"/>
  <c r="X22253" i="1"/>
  <c r="X22254" i="1"/>
  <c r="X22255" i="1"/>
  <c r="X22256" i="1"/>
  <c r="X22257" i="1"/>
  <c r="X22258" i="1"/>
  <c r="X22259" i="1"/>
  <c r="X22260" i="1"/>
  <c r="X22261" i="1"/>
  <c r="X22262" i="1"/>
  <c r="X22263" i="1"/>
  <c r="X22264" i="1"/>
  <c r="X22265" i="1"/>
  <c r="X22266" i="1"/>
  <c r="X22267" i="1"/>
  <c r="X22268" i="1"/>
  <c r="X22269" i="1"/>
  <c r="X22270" i="1"/>
  <c r="X22271" i="1"/>
  <c r="X22272" i="1"/>
  <c r="X22273" i="1"/>
  <c r="X22274" i="1"/>
  <c r="X22275" i="1"/>
  <c r="X22276" i="1"/>
  <c r="X22277" i="1"/>
  <c r="X22278" i="1"/>
  <c r="X22279" i="1"/>
  <c r="X22280" i="1"/>
  <c r="X22281" i="1"/>
  <c r="X22282" i="1"/>
  <c r="X22283" i="1"/>
  <c r="X22284" i="1"/>
  <c r="X22285" i="1"/>
  <c r="X22286" i="1"/>
  <c r="X22287" i="1"/>
  <c r="X22288" i="1"/>
  <c r="X22289" i="1"/>
  <c r="X22290" i="1"/>
  <c r="X22291" i="1"/>
  <c r="X22292" i="1"/>
  <c r="X22293" i="1"/>
  <c r="X22294" i="1"/>
  <c r="X22295" i="1"/>
  <c r="X22296" i="1"/>
  <c r="X22297" i="1"/>
  <c r="X22298" i="1"/>
  <c r="X22299" i="1"/>
  <c r="X22300" i="1"/>
  <c r="X22301" i="1"/>
  <c r="X22302" i="1"/>
  <c r="X22303" i="1"/>
  <c r="X22304" i="1"/>
  <c r="X22305" i="1"/>
  <c r="X22306" i="1"/>
  <c r="X22307" i="1"/>
  <c r="X22308" i="1"/>
  <c r="X22309" i="1"/>
  <c r="X22310" i="1"/>
  <c r="X22311" i="1"/>
  <c r="X22312" i="1"/>
  <c r="X22313" i="1"/>
  <c r="X22314" i="1"/>
  <c r="X22315" i="1"/>
  <c r="X22316" i="1"/>
  <c r="X22317" i="1"/>
  <c r="X22318" i="1"/>
  <c r="X22319" i="1"/>
  <c r="X22320" i="1"/>
  <c r="X22321" i="1"/>
  <c r="X22322" i="1"/>
  <c r="X22323" i="1"/>
  <c r="X22324" i="1"/>
  <c r="X22325" i="1"/>
  <c r="X22326" i="1"/>
  <c r="X22327" i="1"/>
  <c r="X22328" i="1"/>
  <c r="X22329" i="1"/>
  <c r="X22330" i="1"/>
  <c r="X22331" i="1"/>
  <c r="X22332" i="1"/>
  <c r="X22333" i="1"/>
  <c r="X22334" i="1"/>
  <c r="X22335" i="1"/>
  <c r="X22336" i="1"/>
  <c r="X22337" i="1"/>
  <c r="X22338" i="1"/>
  <c r="X22339" i="1"/>
  <c r="X22340" i="1"/>
  <c r="X22341" i="1"/>
  <c r="X22342" i="1"/>
  <c r="X22343" i="1"/>
  <c r="X22344" i="1"/>
  <c r="X22345" i="1"/>
  <c r="X22346" i="1"/>
  <c r="X22347" i="1"/>
  <c r="X22348" i="1"/>
  <c r="X22349" i="1"/>
  <c r="X22350" i="1"/>
  <c r="X22351" i="1"/>
  <c r="X22352" i="1"/>
  <c r="X22353" i="1"/>
  <c r="X22354" i="1"/>
  <c r="X22355" i="1"/>
  <c r="X22356" i="1"/>
  <c r="X22357" i="1"/>
  <c r="X22358" i="1"/>
  <c r="X22359" i="1"/>
  <c r="X22360" i="1"/>
  <c r="X22361" i="1"/>
  <c r="X22362" i="1"/>
  <c r="X22363" i="1"/>
  <c r="X22364" i="1"/>
  <c r="X22365" i="1"/>
  <c r="X22366" i="1"/>
  <c r="X22367" i="1"/>
  <c r="X22368" i="1"/>
  <c r="X22369" i="1"/>
  <c r="X22370" i="1"/>
  <c r="X22371" i="1"/>
  <c r="X22372" i="1"/>
  <c r="X22373" i="1"/>
  <c r="X22374" i="1"/>
  <c r="X22375" i="1"/>
  <c r="X22376" i="1"/>
  <c r="X22377" i="1"/>
  <c r="X22378" i="1"/>
  <c r="X22379" i="1"/>
  <c r="X22380" i="1"/>
  <c r="X22381" i="1"/>
  <c r="X22382" i="1"/>
  <c r="X22383" i="1"/>
  <c r="X22384" i="1"/>
  <c r="X22385" i="1"/>
  <c r="X22386" i="1"/>
  <c r="X22387" i="1"/>
  <c r="X22388" i="1"/>
  <c r="X22389" i="1"/>
  <c r="X22390" i="1"/>
  <c r="X22391" i="1"/>
  <c r="X22392" i="1"/>
  <c r="X22393" i="1"/>
  <c r="X22394" i="1"/>
  <c r="X22395" i="1"/>
  <c r="X22396" i="1"/>
  <c r="X22397" i="1"/>
  <c r="X22398" i="1"/>
  <c r="X22399" i="1"/>
  <c r="X22400" i="1"/>
  <c r="X22401" i="1"/>
  <c r="X22402" i="1"/>
  <c r="X22403" i="1"/>
  <c r="X22404" i="1"/>
  <c r="X22405" i="1"/>
  <c r="X22406" i="1"/>
  <c r="X22407" i="1"/>
  <c r="X22408" i="1"/>
  <c r="X22409" i="1"/>
  <c r="X22410" i="1"/>
  <c r="X22411" i="1"/>
  <c r="X22412" i="1"/>
  <c r="X22413" i="1"/>
  <c r="X22414" i="1"/>
  <c r="X22415" i="1"/>
  <c r="X22416" i="1"/>
  <c r="X22417" i="1"/>
  <c r="X22418" i="1"/>
  <c r="X22419" i="1"/>
  <c r="X22420" i="1"/>
  <c r="X22421" i="1"/>
  <c r="X22422" i="1"/>
  <c r="X22423" i="1"/>
  <c r="X22424" i="1"/>
  <c r="X22425" i="1"/>
  <c r="X22426" i="1"/>
  <c r="X22427" i="1"/>
  <c r="X22428" i="1"/>
  <c r="X22429" i="1"/>
  <c r="X22430" i="1"/>
  <c r="X22431" i="1"/>
  <c r="X22432" i="1"/>
  <c r="X22433" i="1"/>
  <c r="X22434" i="1"/>
  <c r="X22435" i="1"/>
  <c r="X22436" i="1"/>
  <c r="X22437" i="1"/>
  <c r="X22438" i="1"/>
  <c r="X22439" i="1"/>
  <c r="X22440" i="1"/>
  <c r="X22441" i="1"/>
  <c r="X22442" i="1"/>
  <c r="X22443" i="1"/>
  <c r="X22444" i="1"/>
  <c r="X22445" i="1"/>
  <c r="X22446" i="1"/>
  <c r="X22447" i="1"/>
  <c r="X22448" i="1"/>
  <c r="X22449" i="1"/>
  <c r="X22450" i="1"/>
  <c r="X22451" i="1"/>
  <c r="X22452" i="1"/>
  <c r="X22453" i="1"/>
  <c r="X22454" i="1"/>
  <c r="X22455" i="1"/>
  <c r="X22456" i="1"/>
  <c r="X22457" i="1"/>
  <c r="X22458" i="1"/>
  <c r="X22459" i="1"/>
  <c r="X22460" i="1"/>
  <c r="X22461" i="1"/>
  <c r="X22462" i="1"/>
  <c r="X22463" i="1"/>
  <c r="X22464" i="1"/>
  <c r="X22465" i="1"/>
  <c r="X22466" i="1"/>
  <c r="X22467" i="1"/>
  <c r="X22468" i="1"/>
  <c r="X22469" i="1"/>
  <c r="X22470" i="1"/>
  <c r="X22471" i="1"/>
  <c r="X22472" i="1"/>
  <c r="X22473" i="1"/>
  <c r="X22474" i="1"/>
  <c r="X22475" i="1"/>
  <c r="X22476" i="1"/>
  <c r="X22477" i="1"/>
  <c r="X22478" i="1"/>
  <c r="X22479" i="1"/>
  <c r="X22480" i="1"/>
  <c r="X22481" i="1"/>
  <c r="X22482" i="1"/>
  <c r="X22483" i="1"/>
  <c r="X22484" i="1"/>
  <c r="X22485" i="1"/>
  <c r="X22486" i="1"/>
  <c r="X22487" i="1"/>
  <c r="X22488" i="1"/>
  <c r="X22489" i="1"/>
  <c r="X22490" i="1"/>
  <c r="X22491" i="1"/>
  <c r="X22492" i="1"/>
  <c r="X22493" i="1"/>
  <c r="X22494" i="1"/>
  <c r="X22495" i="1"/>
  <c r="X22496" i="1"/>
  <c r="X22497" i="1"/>
  <c r="X22498" i="1"/>
  <c r="X22499" i="1"/>
  <c r="X22500" i="1"/>
  <c r="X22501" i="1"/>
  <c r="X22502" i="1"/>
  <c r="X22503" i="1"/>
  <c r="X22504" i="1"/>
  <c r="X22505" i="1"/>
  <c r="X22506" i="1"/>
  <c r="X22507" i="1"/>
  <c r="X22508" i="1"/>
  <c r="X22509" i="1"/>
  <c r="X22510" i="1"/>
  <c r="X22511" i="1"/>
  <c r="X22512" i="1"/>
  <c r="X22513" i="1"/>
  <c r="X22514" i="1"/>
  <c r="X22515" i="1"/>
  <c r="X22516" i="1"/>
  <c r="X22517" i="1"/>
  <c r="X22518" i="1"/>
  <c r="X22519" i="1"/>
  <c r="X22520" i="1"/>
  <c r="X22521" i="1"/>
  <c r="X22522" i="1"/>
  <c r="X22523" i="1"/>
  <c r="X22524" i="1"/>
  <c r="X22525" i="1"/>
  <c r="X22526" i="1"/>
  <c r="X22527" i="1"/>
  <c r="X22528" i="1"/>
  <c r="X22529" i="1"/>
  <c r="X22530" i="1"/>
  <c r="X22531" i="1"/>
  <c r="X22532" i="1"/>
  <c r="X22533" i="1"/>
  <c r="X22534" i="1"/>
  <c r="X22535" i="1"/>
  <c r="X22536" i="1"/>
  <c r="X22537" i="1"/>
  <c r="X22538" i="1"/>
  <c r="X22539" i="1"/>
  <c r="X22540" i="1"/>
  <c r="X22541" i="1"/>
  <c r="X22542" i="1"/>
  <c r="X22543" i="1"/>
  <c r="X22544" i="1"/>
  <c r="X22545" i="1"/>
  <c r="X22546" i="1"/>
  <c r="X22547" i="1"/>
  <c r="X22548" i="1"/>
  <c r="X22549" i="1"/>
  <c r="X22550" i="1"/>
  <c r="X22551" i="1"/>
  <c r="X22552" i="1"/>
  <c r="X22553" i="1"/>
  <c r="X22554" i="1"/>
  <c r="X22555" i="1"/>
  <c r="X22556" i="1"/>
  <c r="X22557" i="1"/>
  <c r="X22558" i="1"/>
  <c r="X22559" i="1"/>
  <c r="X22560" i="1"/>
  <c r="X22561" i="1"/>
  <c r="X22562" i="1"/>
  <c r="X22563" i="1"/>
  <c r="X22564" i="1"/>
  <c r="X22565" i="1"/>
  <c r="X22566" i="1"/>
  <c r="X22567" i="1"/>
  <c r="X22568" i="1"/>
  <c r="X22569" i="1"/>
  <c r="X22570" i="1"/>
  <c r="X22571" i="1"/>
  <c r="X22572" i="1"/>
  <c r="X22573" i="1"/>
  <c r="X22574" i="1"/>
  <c r="X22575" i="1"/>
  <c r="X22576" i="1"/>
  <c r="X22577" i="1"/>
  <c r="X22578" i="1"/>
  <c r="X22579" i="1"/>
  <c r="X22580" i="1"/>
  <c r="X22581" i="1"/>
  <c r="X22582" i="1"/>
  <c r="X22583" i="1"/>
  <c r="X22584" i="1"/>
  <c r="X22585" i="1"/>
  <c r="X22586" i="1"/>
  <c r="X22587" i="1"/>
  <c r="X22588" i="1"/>
  <c r="X22589" i="1"/>
  <c r="X22590" i="1"/>
  <c r="X22591" i="1"/>
  <c r="X22592" i="1"/>
  <c r="X22593" i="1"/>
  <c r="X22594" i="1"/>
  <c r="X22595" i="1"/>
  <c r="X22596" i="1"/>
  <c r="X22597" i="1"/>
  <c r="X22598" i="1"/>
  <c r="X22599" i="1"/>
  <c r="X22600" i="1"/>
  <c r="X22601" i="1"/>
  <c r="X22602" i="1"/>
  <c r="X22603" i="1"/>
  <c r="X22604" i="1"/>
  <c r="X22605" i="1"/>
  <c r="X22606" i="1"/>
  <c r="X22607" i="1"/>
  <c r="X22608" i="1"/>
  <c r="X22609" i="1"/>
  <c r="X22610" i="1"/>
  <c r="X22611" i="1"/>
  <c r="X22612" i="1"/>
  <c r="X22613" i="1"/>
  <c r="X22614" i="1"/>
  <c r="X22615" i="1"/>
  <c r="X22616" i="1"/>
  <c r="X22617" i="1"/>
  <c r="X22618" i="1"/>
  <c r="X22619" i="1"/>
  <c r="X22620" i="1"/>
  <c r="X22621" i="1"/>
  <c r="X22622" i="1"/>
  <c r="X22623" i="1"/>
  <c r="X22624" i="1"/>
  <c r="X22625" i="1"/>
  <c r="X22626" i="1"/>
  <c r="X22627" i="1"/>
  <c r="X22628" i="1"/>
  <c r="X22629" i="1"/>
  <c r="X22630" i="1"/>
  <c r="X22631" i="1"/>
  <c r="X22632" i="1"/>
  <c r="X22633" i="1"/>
  <c r="X22634" i="1"/>
  <c r="X22635" i="1"/>
  <c r="X22636" i="1"/>
  <c r="X22637" i="1"/>
  <c r="X22638" i="1"/>
  <c r="X22639" i="1"/>
  <c r="X22640" i="1"/>
  <c r="X22641" i="1"/>
  <c r="X22642" i="1"/>
  <c r="X22643" i="1"/>
  <c r="X22644" i="1"/>
  <c r="X22645" i="1"/>
  <c r="X22646" i="1"/>
  <c r="X22647" i="1"/>
  <c r="X22648" i="1"/>
  <c r="X22649" i="1"/>
  <c r="X22650" i="1"/>
  <c r="X22651" i="1"/>
  <c r="X22652" i="1"/>
  <c r="X22653" i="1"/>
  <c r="X22654" i="1"/>
  <c r="X22655" i="1"/>
  <c r="X22656" i="1"/>
  <c r="X22657" i="1"/>
  <c r="X22658" i="1"/>
  <c r="X22659" i="1"/>
  <c r="X22660" i="1"/>
  <c r="X22661" i="1"/>
  <c r="X22662" i="1"/>
  <c r="X22663" i="1"/>
  <c r="X22664" i="1"/>
  <c r="X22665" i="1"/>
  <c r="X22666" i="1"/>
  <c r="X22667" i="1"/>
  <c r="X22668" i="1"/>
  <c r="X22669" i="1"/>
  <c r="X22670" i="1"/>
  <c r="X22671" i="1"/>
  <c r="X22672" i="1"/>
  <c r="X22673" i="1"/>
  <c r="X22674" i="1"/>
  <c r="X22675" i="1"/>
  <c r="X22676" i="1"/>
  <c r="X22677" i="1"/>
  <c r="X22678" i="1"/>
  <c r="X22679" i="1"/>
  <c r="X22680" i="1"/>
  <c r="X22681" i="1"/>
  <c r="X22682" i="1"/>
  <c r="X22683" i="1"/>
  <c r="X22684" i="1"/>
  <c r="X22685" i="1"/>
  <c r="X22686" i="1"/>
  <c r="X22687" i="1"/>
  <c r="X22688" i="1"/>
  <c r="X22689" i="1"/>
  <c r="X22690" i="1"/>
  <c r="X22691" i="1"/>
  <c r="X22692" i="1"/>
  <c r="X22693" i="1"/>
  <c r="X22694" i="1"/>
  <c r="X22695" i="1"/>
  <c r="X22696" i="1"/>
  <c r="X22697" i="1"/>
  <c r="X22698" i="1"/>
  <c r="X22699" i="1"/>
  <c r="X22700" i="1"/>
  <c r="X22701" i="1"/>
  <c r="X22702" i="1"/>
  <c r="X22703" i="1"/>
  <c r="X22704" i="1"/>
  <c r="X22705" i="1"/>
  <c r="X22706" i="1"/>
  <c r="X22707" i="1"/>
  <c r="X22708" i="1"/>
  <c r="X22709" i="1"/>
  <c r="X22710" i="1"/>
  <c r="X22711" i="1"/>
  <c r="X22712" i="1"/>
  <c r="X22713" i="1"/>
  <c r="X22714" i="1"/>
  <c r="X22715" i="1"/>
  <c r="X22716" i="1"/>
  <c r="X22717" i="1"/>
  <c r="X22718" i="1"/>
  <c r="X22719" i="1"/>
  <c r="X22720" i="1"/>
  <c r="X22721" i="1"/>
  <c r="X22722" i="1"/>
  <c r="X22723" i="1"/>
  <c r="X22724" i="1"/>
  <c r="X22725" i="1"/>
  <c r="X22726" i="1"/>
  <c r="X22727" i="1"/>
  <c r="X22728" i="1"/>
  <c r="X22729" i="1"/>
  <c r="X22730" i="1"/>
  <c r="X22731" i="1"/>
  <c r="X22732" i="1"/>
  <c r="X22733" i="1"/>
  <c r="X22734" i="1"/>
  <c r="X22735" i="1"/>
  <c r="X22736" i="1"/>
  <c r="X22737" i="1"/>
  <c r="X22738" i="1"/>
  <c r="X22739" i="1"/>
  <c r="X22740" i="1"/>
  <c r="X22741" i="1"/>
  <c r="X22742" i="1"/>
  <c r="X22743" i="1"/>
  <c r="X22744" i="1"/>
  <c r="X22745" i="1"/>
  <c r="X22746" i="1"/>
  <c r="X22747" i="1"/>
  <c r="X22748" i="1"/>
  <c r="X22749" i="1"/>
  <c r="X22750" i="1"/>
  <c r="X22751" i="1"/>
  <c r="X22752" i="1"/>
  <c r="X22753" i="1"/>
  <c r="X22754" i="1"/>
  <c r="X22755" i="1"/>
  <c r="X22756" i="1"/>
  <c r="X22757" i="1"/>
  <c r="X22758" i="1"/>
  <c r="X22759" i="1"/>
  <c r="X22760" i="1"/>
  <c r="X22761" i="1"/>
  <c r="X22762" i="1"/>
  <c r="X22763" i="1"/>
  <c r="X22764" i="1"/>
  <c r="X22765" i="1"/>
  <c r="X22766" i="1"/>
  <c r="X22767" i="1"/>
  <c r="X22768" i="1"/>
  <c r="X22769" i="1"/>
  <c r="X22770" i="1"/>
  <c r="X22771" i="1"/>
  <c r="X22772" i="1"/>
  <c r="X22773" i="1"/>
  <c r="X22774" i="1"/>
  <c r="X22775" i="1"/>
  <c r="X22776" i="1"/>
  <c r="X22777" i="1"/>
  <c r="X22778" i="1"/>
  <c r="X22779" i="1"/>
  <c r="X22780" i="1"/>
  <c r="X22781" i="1"/>
  <c r="X22782" i="1"/>
  <c r="X22783" i="1"/>
  <c r="X22784" i="1"/>
  <c r="X22785" i="1"/>
  <c r="X22786" i="1"/>
  <c r="X22787" i="1"/>
  <c r="X22788" i="1"/>
  <c r="X22789" i="1"/>
  <c r="X22790" i="1"/>
  <c r="X22791" i="1"/>
  <c r="X22792" i="1"/>
  <c r="X22793" i="1"/>
  <c r="X22794" i="1"/>
  <c r="X22795" i="1"/>
  <c r="X22796" i="1"/>
  <c r="X22797" i="1"/>
  <c r="X22798" i="1"/>
  <c r="X22799" i="1"/>
  <c r="X22800" i="1"/>
  <c r="X22801" i="1"/>
  <c r="X22802" i="1"/>
  <c r="X22803" i="1"/>
  <c r="X22804" i="1"/>
  <c r="X22805" i="1"/>
  <c r="X22806" i="1"/>
  <c r="X22807" i="1"/>
  <c r="X22808" i="1"/>
  <c r="X22809" i="1"/>
  <c r="X22810" i="1"/>
  <c r="X22811" i="1"/>
  <c r="X22812" i="1"/>
  <c r="X22813" i="1"/>
  <c r="X22814" i="1"/>
  <c r="X22815" i="1"/>
  <c r="X22816" i="1"/>
  <c r="X22817" i="1"/>
  <c r="X22818" i="1"/>
  <c r="X22819" i="1"/>
  <c r="X22820" i="1"/>
  <c r="X22821" i="1"/>
  <c r="X22822" i="1"/>
  <c r="X22823" i="1"/>
  <c r="X22824" i="1"/>
  <c r="X22825" i="1"/>
  <c r="X22826" i="1"/>
  <c r="X22827" i="1"/>
  <c r="X22828" i="1"/>
  <c r="X22829" i="1"/>
  <c r="X22830" i="1"/>
  <c r="X22831" i="1"/>
  <c r="X22832" i="1"/>
  <c r="X22833" i="1"/>
  <c r="X22834" i="1"/>
  <c r="X22835" i="1"/>
  <c r="X22836" i="1"/>
  <c r="X22837" i="1"/>
  <c r="X22838" i="1"/>
  <c r="X22839" i="1"/>
  <c r="X22840" i="1"/>
  <c r="X22841" i="1"/>
  <c r="X22842" i="1"/>
  <c r="X22843" i="1"/>
  <c r="X22844" i="1"/>
  <c r="X22845" i="1"/>
  <c r="X22846" i="1"/>
  <c r="X22847" i="1"/>
  <c r="X22848" i="1"/>
  <c r="X22849" i="1"/>
  <c r="X22850" i="1"/>
  <c r="X22851" i="1"/>
  <c r="X22852" i="1"/>
  <c r="X22853" i="1"/>
  <c r="X22854" i="1"/>
  <c r="X22855" i="1"/>
  <c r="X22856" i="1"/>
  <c r="X22857" i="1"/>
  <c r="X22858" i="1"/>
  <c r="X22859" i="1"/>
  <c r="X22860" i="1"/>
  <c r="X22861" i="1"/>
  <c r="X22862" i="1"/>
  <c r="X22863" i="1"/>
  <c r="X22864" i="1"/>
  <c r="X22865" i="1"/>
  <c r="X22866" i="1"/>
  <c r="X22867" i="1"/>
  <c r="X22868" i="1"/>
  <c r="X22869" i="1"/>
  <c r="X22870" i="1"/>
  <c r="X22871" i="1"/>
  <c r="X22872" i="1"/>
  <c r="X22873" i="1"/>
  <c r="X22874" i="1"/>
  <c r="X22875" i="1"/>
  <c r="X22876" i="1"/>
  <c r="X22877" i="1"/>
  <c r="X22878" i="1"/>
  <c r="X22879" i="1"/>
  <c r="X22880" i="1"/>
  <c r="X22881" i="1"/>
  <c r="X22882" i="1"/>
  <c r="X22883" i="1"/>
  <c r="X22884" i="1"/>
  <c r="X22885" i="1"/>
  <c r="X22886" i="1"/>
  <c r="X22887" i="1"/>
  <c r="X22888" i="1"/>
  <c r="X22889" i="1"/>
  <c r="X22890" i="1"/>
  <c r="X22891" i="1"/>
  <c r="X22892" i="1"/>
  <c r="X22893" i="1"/>
  <c r="X22894" i="1"/>
  <c r="X22895" i="1"/>
  <c r="X22896" i="1"/>
  <c r="X22897" i="1"/>
  <c r="X22898" i="1"/>
  <c r="X22899" i="1"/>
  <c r="X22900" i="1"/>
  <c r="X22901" i="1"/>
  <c r="X22902" i="1"/>
  <c r="X22903" i="1"/>
  <c r="X22904" i="1"/>
  <c r="X22905" i="1"/>
  <c r="X22906" i="1"/>
  <c r="X22907" i="1"/>
  <c r="X22908" i="1"/>
  <c r="X22909" i="1"/>
  <c r="X22910" i="1"/>
  <c r="X22911" i="1"/>
  <c r="X22912" i="1"/>
  <c r="X22913" i="1"/>
  <c r="X22914" i="1"/>
  <c r="X22915" i="1"/>
  <c r="X22916" i="1"/>
  <c r="X22917" i="1"/>
  <c r="X22918" i="1"/>
  <c r="X22919" i="1"/>
  <c r="X22920" i="1"/>
  <c r="X22921" i="1"/>
  <c r="X22922" i="1"/>
  <c r="X22923" i="1"/>
  <c r="X22924" i="1"/>
  <c r="X22925" i="1"/>
  <c r="X22926" i="1"/>
  <c r="X22927" i="1"/>
  <c r="X22928" i="1"/>
  <c r="X22929" i="1"/>
  <c r="X22930" i="1"/>
  <c r="X22931" i="1"/>
  <c r="X22932" i="1"/>
  <c r="X22933" i="1"/>
  <c r="X22934" i="1"/>
  <c r="X22935" i="1"/>
  <c r="X22936" i="1"/>
  <c r="X22937" i="1"/>
  <c r="X22938" i="1"/>
  <c r="X22939" i="1"/>
  <c r="X22940" i="1"/>
  <c r="X22941" i="1"/>
  <c r="X22942" i="1"/>
  <c r="X22943" i="1"/>
  <c r="X22944" i="1"/>
  <c r="X22945" i="1"/>
  <c r="X22946" i="1"/>
  <c r="X22947" i="1"/>
  <c r="X22948" i="1"/>
  <c r="X22949" i="1"/>
  <c r="X22950" i="1"/>
  <c r="X22951" i="1"/>
  <c r="X22952" i="1"/>
  <c r="X22953" i="1"/>
  <c r="X22954" i="1"/>
  <c r="X22955" i="1"/>
  <c r="X22956" i="1"/>
  <c r="X22957" i="1"/>
  <c r="X22958" i="1"/>
  <c r="X22959" i="1"/>
  <c r="X22960" i="1"/>
  <c r="X22961" i="1"/>
  <c r="X22962" i="1"/>
  <c r="X22963" i="1"/>
  <c r="X22964" i="1"/>
  <c r="X22965" i="1"/>
  <c r="X22966" i="1"/>
  <c r="X22967" i="1"/>
  <c r="X22968" i="1"/>
  <c r="X22969" i="1"/>
  <c r="X22970" i="1"/>
  <c r="X22971" i="1"/>
  <c r="X22972" i="1"/>
  <c r="X22973" i="1"/>
  <c r="X22974" i="1"/>
  <c r="X22975" i="1"/>
  <c r="X22976" i="1"/>
  <c r="X22977" i="1"/>
  <c r="X22978" i="1"/>
  <c r="X22979" i="1"/>
  <c r="X22980" i="1"/>
  <c r="X22981" i="1"/>
  <c r="X22982" i="1"/>
  <c r="X22983" i="1"/>
  <c r="X22984" i="1"/>
  <c r="X22985" i="1"/>
  <c r="X22986" i="1"/>
  <c r="X22987" i="1"/>
  <c r="X22988" i="1"/>
  <c r="X22989" i="1"/>
  <c r="X22990" i="1"/>
  <c r="X22991" i="1"/>
  <c r="X22992" i="1"/>
  <c r="X22993" i="1"/>
  <c r="X22994" i="1"/>
  <c r="X22995" i="1"/>
  <c r="X22996" i="1"/>
  <c r="X22997" i="1"/>
  <c r="X22998" i="1"/>
  <c r="X22999" i="1"/>
  <c r="X23000" i="1"/>
  <c r="X23001" i="1"/>
  <c r="X23002" i="1"/>
  <c r="X23003" i="1"/>
  <c r="X23004" i="1"/>
  <c r="X23005" i="1"/>
  <c r="X23006" i="1"/>
  <c r="X23007" i="1"/>
  <c r="X23008" i="1"/>
  <c r="X23009" i="1"/>
  <c r="X23010" i="1"/>
  <c r="X23011" i="1"/>
  <c r="X23012" i="1"/>
  <c r="X23013" i="1"/>
  <c r="X23014" i="1"/>
  <c r="X23015" i="1"/>
  <c r="X23016" i="1"/>
  <c r="X23017" i="1"/>
  <c r="X23018" i="1"/>
  <c r="X23019" i="1"/>
  <c r="X23020" i="1"/>
  <c r="X23021" i="1"/>
  <c r="X23022" i="1"/>
  <c r="X23023" i="1"/>
  <c r="X23024" i="1"/>
  <c r="X23025" i="1"/>
  <c r="X23026" i="1"/>
  <c r="X23027" i="1"/>
  <c r="X23028" i="1"/>
  <c r="X23029" i="1"/>
  <c r="X23030" i="1"/>
  <c r="X23031" i="1"/>
  <c r="X23032" i="1"/>
  <c r="X23033" i="1"/>
  <c r="X23034" i="1"/>
  <c r="X23035" i="1"/>
  <c r="X23036" i="1"/>
  <c r="X23037" i="1"/>
  <c r="X23038" i="1"/>
  <c r="X23039" i="1"/>
  <c r="X23040" i="1"/>
  <c r="X23041" i="1"/>
  <c r="X23042" i="1"/>
  <c r="X23043" i="1"/>
  <c r="X23044" i="1"/>
  <c r="X23045" i="1"/>
  <c r="X23046" i="1"/>
  <c r="X23047" i="1"/>
  <c r="X23048" i="1"/>
  <c r="X23049" i="1"/>
  <c r="X23050" i="1"/>
  <c r="X23051" i="1"/>
  <c r="X23052" i="1"/>
  <c r="X23053" i="1"/>
  <c r="X23054" i="1"/>
  <c r="X23055" i="1"/>
  <c r="X23056" i="1"/>
  <c r="X23057" i="1"/>
  <c r="X23058" i="1"/>
  <c r="X23059" i="1"/>
  <c r="X23060" i="1"/>
  <c r="X23061" i="1"/>
  <c r="X23062" i="1"/>
  <c r="X23063" i="1"/>
  <c r="X23064" i="1"/>
  <c r="X23065" i="1"/>
  <c r="X23066" i="1"/>
  <c r="X23067" i="1"/>
  <c r="X23068" i="1"/>
  <c r="X23069" i="1"/>
  <c r="X23070" i="1"/>
  <c r="X23071" i="1"/>
  <c r="X23072" i="1"/>
  <c r="X23073" i="1"/>
  <c r="X23074" i="1"/>
  <c r="X23075" i="1"/>
  <c r="X23076" i="1"/>
  <c r="X23077" i="1"/>
  <c r="X23078" i="1"/>
  <c r="X23079" i="1"/>
  <c r="X23080" i="1"/>
  <c r="X23081" i="1"/>
  <c r="X23082" i="1"/>
  <c r="X23083" i="1"/>
  <c r="X23084" i="1"/>
  <c r="X23085" i="1"/>
  <c r="X23086" i="1"/>
  <c r="X23087" i="1"/>
  <c r="X23088" i="1"/>
  <c r="X23089" i="1"/>
  <c r="X23090" i="1"/>
  <c r="X23091" i="1"/>
  <c r="X23092" i="1"/>
  <c r="X23093" i="1"/>
  <c r="X23094" i="1"/>
  <c r="X23095" i="1"/>
  <c r="X23096" i="1"/>
  <c r="X23097" i="1"/>
  <c r="X23098" i="1"/>
  <c r="X23099" i="1"/>
  <c r="X23100" i="1"/>
  <c r="X23101" i="1"/>
  <c r="X23102" i="1"/>
  <c r="X23103" i="1"/>
  <c r="X23104" i="1"/>
  <c r="X23105" i="1"/>
  <c r="X23106" i="1"/>
  <c r="X23107" i="1"/>
  <c r="X23108" i="1"/>
  <c r="X23109" i="1"/>
  <c r="X23110" i="1"/>
  <c r="X23111" i="1"/>
  <c r="X23112" i="1"/>
  <c r="X23113" i="1"/>
  <c r="X23114" i="1"/>
  <c r="X23115" i="1"/>
  <c r="X23116" i="1"/>
  <c r="X23117" i="1"/>
  <c r="X23118" i="1"/>
  <c r="X23119" i="1"/>
  <c r="X23120" i="1"/>
  <c r="X23121" i="1"/>
  <c r="X23122" i="1"/>
  <c r="X23123" i="1"/>
  <c r="X23124" i="1"/>
  <c r="X23125" i="1"/>
  <c r="X23126" i="1"/>
  <c r="X23127" i="1"/>
  <c r="X23128" i="1"/>
  <c r="X23129" i="1"/>
  <c r="X23130" i="1"/>
  <c r="X23131" i="1"/>
  <c r="X23132" i="1"/>
  <c r="X23133" i="1"/>
  <c r="X23134" i="1"/>
  <c r="X23135" i="1"/>
  <c r="X23136" i="1"/>
  <c r="X23137" i="1"/>
  <c r="X23138" i="1"/>
  <c r="X23139" i="1"/>
  <c r="X23140" i="1"/>
  <c r="X23141" i="1"/>
  <c r="X23142" i="1"/>
  <c r="X23143" i="1"/>
  <c r="X23144" i="1"/>
  <c r="X23145" i="1"/>
  <c r="X23146" i="1"/>
  <c r="X23147" i="1"/>
  <c r="X23148" i="1"/>
  <c r="X23149" i="1"/>
  <c r="X23150" i="1"/>
  <c r="X23151" i="1"/>
  <c r="X23152" i="1"/>
  <c r="X23153" i="1"/>
  <c r="X23154" i="1"/>
  <c r="X23155" i="1"/>
  <c r="X23156" i="1"/>
  <c r="X23157" i="1"/>
  <c r="X23158" i="1"/>
  <c r="X23159" i="1"/>
  <c r="X23160" i="1"/>
  <c r="X23161" i="1"/>
  <c r="X23162" i="1"/>
  <c r="X23163" i="1"/>
  <c r="X23164" i="1"/>
  <c r="X23165" i="1"/>
  <c r="X23166" i="1"/>
  <c r="X23167" i="1"/>
  <c r="X23168" i="1"/>
  <c r="X23169" i="1"/>
  <c r="X23170" i="1"/>
  <c r="X23171" i="1"/>
  <c r="X23172" i="1"/>
  <c r="X23173" i="1"/>
  <c r="X23174" i="1"/>
  <c r="X23175" i="1"/>
  <c r="X23176" i="1"/>
  <c r="X23177" i="1"/>
  <c r="X23178" i="1"/>
  <c r="X23179" i="1"/>
  <c r="X23180" i="1"/>
  <c r="X23181" i="1"/>
  <c r="X23182" i="1"/>
  <c r="X23183" i="1"/>
  <c r="X23184" i="1"/>
  <c r="X23185" i="1"/>
  <c r="X23186" i="1"/>
  <c r="X23187" i="1"/>
  <c r="X23188" i="1"/>
  <c r="X23189" i="1"/>
  <c r="X23190" i="1"/>
  <c r="X23191" i="1"/>
  <c r="X23192" i="1"/>
  <c r="X23193" i="1"/>
  <c r="X23194" i="1"/>
  <c r="X23195" i="1"/>
  <c r="X23196" i="1"/>
  <c r="X23197" i="1"/>
  <c r="X23198" i="1"/>
  <c r="X23199" i="1"/>
  <c r="X23200" i="1"/>
  <c r="X23201" i="1"/>
  <c r="X23202" i="1"/>
  <c r="X23203" i="1"/>
  <c r="X23204" i="1"/>
  <c r="X23205" i="1"/>
  <c r="X23206" i="1"/>
  <c r="X23207" i="1"/>
  <c r="X23208" i="1"/>
  <c r="X23209" i="1"/>
  <c r="X23210" i="1"/>
  <c r="X23211" i="1"/>
  <c r="X23212" i="1"/>
  <c r="X23213" i="1"/>
  <c r="X23214" i="1"/>
  <c r="X23215" i="1"/>
  <c r="X23216" i="1"/>
  <c r="X23217" i="1"/>
  <c r="X23218" i="1"/>
  <c r="X23219" i="1"/>
  <c r="X23220" i="1"/>
  <c r="X23221" i="1"/>
  <c r="X23222" i="1"/>
  <c r="X23223" i="1"/>
  <c r="X23224" i="1"/>
  <c r="X23225" i="1"/>
  <c r="X23226" i="1"/>
  <c r="X23227" i="1"/>
  <c r="X23228" i="1"/>
  <c r="X23229" i="1"/>
  <c r="X23230" i="1"/>
  <c r="X23231" i="1"/>
  <c r="X23232" i="1"/>
  <c r="X23233" i="1"/>
  <c r="X23234" i="1"/>
  <c r="X23235" i="1"/>
  <c r="X23236" i="1"/>
  <c r="X23237" i="1"/>
  <c r="X23238" i="1"/>
  <c r="X23239" i="1"/>
  <c r="X23240" i="1"/>
  <c r="X23241" i="1"/>
  <c r="X23242" i="1"/>
  <c r="X23243" i="1"/>
  <c r="X23244" i="1"/>
  <c r="X23245" i="1"/>
  <c r="X23246" i="1"/>
  <c r="X23247" i="1"/>
  <c r="X23248" i="1"/>
  <c r="X23249" i="1"/>
  <c r="X23250" i="1"/>
  <c r="X23251" i="1"/>
  <c r="X23252" i="1"/>
  <c r="X23253" i="1"/>
  <c r="X23254" i="1"/>
  <c r="X23255" i="1"/>
  <c r="X23256" i="1"/>
  <c r="X23257" i="1"/>
  <c r="X23258" i="1"/>
  <c r="X23259" i="1"/>
  <c r="X23260" i="1"/>
  <c r="X23261" i="1"/>
  <c r="X23262" i="1"/>
  <c r="X23263" i="1"/>
  <c r="X23264" i="1"/>
  <c r="X23265" i="1"/>
  <c r="X23266" i="1"/>
  <c r="X23267" i="1"/>
  <c r="X23268" i="1"/>
  <c r="X23269" i="1"/>
  <c r="X23270" i="1"/>
  <c r="X23271" i="1"/>
  <c r="X23272" i="1"/>
  <c r="X23273" i="1"/>
  <c r="X23274" i="1"/>
  <c r="X23275" i="1"/>
  <c r="X23276" i="1"/>
  <c r="X23277" i="1"/>
  <c r="X23278" i="1"/>
  <c r="X23279" i="1"/>
  <c r="X23280" i="1"/>
  <c r="X23281" i="1"/>
  <c r="X23282" i="1"/>
  <c r="X23283" i="1"/>
  <c r="X23284" i="1"/>
  <c r="X23285" i="1"/>
  <c r="X23286" i="1"/>
  <c r="X23287" i="1"/>
  <c r="X23288" i="1"/>
  <c r="X23289" i="1"/>
  <c r="X23290" i="1"/>
  <c r="X23291" i="1"/>
  <c r="X23292" i="1"/>
  <c r="X23293" i="1"/>
  <c r="X23294" i="1"/>
  <c r="X23295" i="1"/>
  <c r="X23296" i="1"/>
  <c r="X23297" i="1"/>
  <c r="X23298" i="1"/>
  <c r="X23299" i="1"/>
  <c r="X23300" i="1"/>
  <c r="X23301" i="1"/>
  <c r="X23302" i="1"/>
  <c r="X23303" i="1"/>
  <c r="X23304" i="1"/>
  <c r="X23305" i="1"/>
  <c r="X23306" i="1"/>
  <c r="X23307" i="1"/>
  <c r="X23308" i="1"/>
  <c r="X23309" i="1"/>
  <c r="X23310" i="1"/>
  <c r="X23311" i="1"/>
  <c r="X23312" i="1"/>
  <c r="X23313" i="1"/>
  <c r="X23314" i="1"/>
  <c r="X23315" i="1"/>
  <c r="X23316" i="1"/>
  <c r="X23317" i="1"/>
  <c r="X23318" i="1"/>
  <c r="X23319" i="1"/>
  <c r="X23320" i="1"/>
  <c r="X23321" i="1"/>
  <c r="X23322" i="1"/>
  <c r="X23323" i="1"/>
  <c r="X23324" i="1"/>
  <c r="X23325" i="1"/>
  <c r="X23326" i="1"/>
  <c r="X23327" i="1"/>
  <c r="X23328" i="1"/>
  <c r="X23329" i="1"/>
  <c r="X23330" i="1"/>
  <c r="X23331" i="1"/>
  <c r="X23332" i="1"/>
  <c r="X23333" i="1"/>
  <c r="X23334" i="1"/>
  <c r="X23335" i="1"/>
  <c r="X23336" i="1"/>
  <c r="X23337" i="1"/>
  <c r="X23338" i="1"/>
  <c r="X23339" i="1"/>
  <c r="X23340" i="1"/>
  <c r="X23341" i="1"/>
  <c r="X23342" i="1"/>
  <c r="X23343" i="1"/>
  <c r="X23344" i="1"/>
  <c r="X23345" i="1"/>
  <c r="X23346" i="1"/>
  <c r="X23347" i="1"/>
  <c r="X23348" i="1"/>
  <c r="X23349" i="1"/>
  <c r="X23350" i="1"/>
  <c r="X23351" i="1"/>
  <c r="X23352" i="1"/>
  <c r="X23353" i="1"/>
  <c r="X23354" i="1"/>
  <c r="X23355" i="1"/>
  <c r="X23356" i="1"/>
  <c r="X23357" i="1"/>
  <c r="X23358" i="1"/>
  <c r="X23359" i="1"/>
  <c r="X23360" i="1"/>
  <c r="X23361" i="1"/>
  <c r="X23362" i="1"/>
  <c r="X23363" i="1"/>
  <c r="X23364" i="1"/>
  <c r="X23365" i="1"/>
  <c r="X23366" i="1"/>
  <c r="X23367" i="1"/>
  <c r="X23368" i="1"/>
  <c r="X23369" i="1"/>
  <c r="X23370" i="1"/>
  <c r="X23371" i="1"/>
  <c r="X23372" i="1"/>
  <c r="X23373" i="1"/>
  <c r="X23374" i="1"/>
  <c r="X23375" i="1"/>
  <c r="X23376" i="1"/>
  <c r="X23377" i="1"/>
  <c r="X23378" i="1"/>
  <c r="X23379" i="1"/>
  <c r="X23380" i="1"/>
  <c r="X23381" i="1"/>
  <c r="X23382" i="1"/>
  <c r="X23383" i="1"/>
  <c r="X23384" i="1"/>
  <c r="X23385" i="1"/>
  <c r="X23386" i="1"/>
  <c r="X23387" i="1"/>
  <c r="X23388" i="1"/>
  <c r="X23389" i="1"/>
  <c r="X23390" i="1"/>
  <c r="X23391" i="1"/>
  <c r="X23392" i="1"/>
  <c r="X23393" i="1"/>
  <c r="X23394" i="1"/>
  <c r="X23395" i="1"/>
  <c r="X23396" i="1"/>
  <c r="X23397" i="1"/>
  <c r="X23398" i="1"/>
  <c r="X23399" i="1"/>
  <c r="X23400" i="1"/>
  <c r="X23401" i="1"/>
  <c r="X23402" i="1"/>
  <c r="X23403" i="1"/>
  <c r="X23404" i="1"/>
  <c r="X23405" i="1"/>
  <c r="X23406" i="1"/>
  <c r="X23407" i="1"/>
  <c r="X23408" i="1"/>
  <c r="X23409" i="1"/>
  <c r="X23410" i="1"/>
  <c r="X23411" i="1"/>
  <c r="X23412" i="1"/>
  <c r="X23413" i="1"/>
  <c r="X23414" i="1"/>
  <c r="X23415" i="1"/>
  <c r="X23416" i="1"/>
  <c r="X23417" i="1"/>
  <c r="X23418" i="1"/>
  <c r="X23419" i="1"/>
  <c r="X23420" i="1"/>
  <c r="X23421" i="1"/>
  <c r="X23422" i="1"/>
  <c r="X23423" i="1"/>
  <c r="X23424" i="1"/>
  <c r="X23425" i="1"/>
  <c r="X23426" i="1"/>
  <c r="X23427" i="1"/>
  <c r="X23428" i="1"/>
  <c r="X23429" i="1"/>
  <c r="X23430" i="1"/>
  <c r="X23431" i="1"/>
  <c r="X23432" i="1"/>
  <c r="X23433" i="1"/>
  <c r="X23434" i="1"/>
  <c r="X23435" i="1"/>
  <c r="X23436" i="1"/>
  <c r="X23437" i="1"/>
  <c r="X23438" i="1"/>
  <c r="X23439" i="1"/>
  <c r="X23440" i="1"/>
  <c r="X23441" i="1"/>
  <c r="X23442" i="1"/>
  <c r="X23443" i="1"/>
  <c r="X23444" i="1"/>
  <c r="X23445" i="1"/>
  <c r="X23446" i="1"/>
  <c r="X23447" i="1"/>
  <c r="X23448" i="1"/>
  <c r="X23449" i="1"/>
  <c r="X23450" i="1"/>
  <c r="X23451" i="1"/>
  <c r="X23452" i="1"/>
  <c r="X23453" i="1"/>
  <c r="X23454" i="1"/>
  <c r="X23455" i="1"/>
  <c r="X23456" i="1"/>
  <c r="X23457" i="1"/>
  <c r="X23458" i="1"/>
  <c r="X23459" i="1"/>
  <c r="X23460" i="1"/>
  <c r="X23461" i="1"/>
  <c r="X23462" i="1"/>
  <c r="X23463" i="1"/>
  <c r="X23464" i="1"/>
  <c r="X23465" i="1"/>
  <c r="X23466" i="1"/>
  <c r="X23467" i="1"/>
  <c r="X23468" i="1"/>
  <c r="X23469" i="1"/>
  <c r="X23470" i="1"/>
  <c r="X23471" i="1"/>
  <c r="X23472" i="1"/>
  <c r="X23473" i="1"/>
  <c r="X23474" i="1"/>
  <c r="X23475" i="1"/>
  <c r="X23476" i="1"/>
  <c r="X23477" i="1"/>
  <c r="X23478" i="1"/>
  <c r="X23479" i="1"/>
  <c r="X23480" i="1"/>
  <c r="X23481" i="1"/>
  <c r="X23482" i="1"/>
  <c r="X23483" i="1"/>
  <c r="X23484" i="1"/>
  <c r="X23485" i="1"/>
  <c r="X23486" i="1"/>
  <c r="X23487" i="1"/>
  <c r="X23488" i="1"/>
  <c r="X23489" i="1"/>
  <c r="X23490" i="1"/>
  <c r="X23491" i="1"/>
  <c r="X23492" i="1"/>
  <c r="X23493" i="1"/>
  <c r="X23494" i="1"/>
  <c r="X23495" i="1"/>
  <c r="X23496" i="1"/>
  <c r="X23497" i="1"/>
  <c r="X23498" i="1"/>
  <c r="X23499" i="1"/>
  <c r="X23500" i="1"/>
  <c r="X23501" i="1"/>
  <c r="X23502" i="1"/>
  <c r="X23503" i="1"/>
  <c r="X23504" i="1"/>
  <c r="X23505" i="1"/>
  <c r="X23506" i="1"/>
  <c r="X23507" i="1"/>
  <c r="X23508" i="1"/>
  <c r="X23509" i="1"/>
  <c r="X23510" i="1"/>
  <c r="X23511" i="1"/>
  <c r="X23512" i="1"/>
  <c r="X23513" i="1"/>
  <c r="X23514" i="1"/>
  <c r="X23515" i="1"/>
  <c r="X23516" i="1"/>
  <c r="X23517" i="1"/>
  <c r="X23518" i="1"/>
  <c r="X23519" i="1"/>
  <c r="X23520" i="1"/>
  <c r="X23521" i="1"/>
  <c r="X23522" i="1"/>
  <c r="X23523" i="1"/>
  <c r="X23524" i="1"/>
  <c r="X23525" i="1"/>
  <c r="X23526" i="1"/>
  <c r="X23527" i="1"/>
  <c r="X23528" i="1"/>
  <c r="X23529" i="1"/>
  <c r="X23530" i="1"/>
  <c r="X23531" i="1"/>
  <c r="X23532" i="1"/>
  <c r="X23533" i="1"/>
  <c r="X23534" i="1"/>
  <c r="X23535" i="1"/>
  <c r="X23536" i="1"/>
  <c r="X23537" i="1"/>
  <c r="X23538" i="1"/>
  <c r="X23539" i="1"/>
  <c r="X23540" i="1"/>
  <c r="X23541" i="1"/>
  <c r="X23542" i="1"/>
  <c r="X23543" i="1"/>
  <c r="X23544" i="1"/>
  <c r="X23545" i="1"/>
  <c r="X23546" i="1"/>
  <c r="X23547" i="1"/>
  <c r="X23548" i="1"/>
  <c r="X23549" i="1"/>
  <c r="X23550" i="1"/>
  <c r="X23551" i="1"/>
  <c r="X23552" i="1"/>
  <c r="X23553" i="1"/>
  <c r="X23554" i="1"/>
  <c r="X23555" i="1"/>
  <c r="X23556" i="1"/>
  <c r="X23557" i="1"/>
  <c r="X23558" i="1"/>
  <c r="X23559" i="1"/>
  <c r="X23560" i="1"/>
  <c r="X23561" i="1"/>
  <c r="X23562" i="1"/>
  <c r="X23563" i="1"/>
  <c r="X23564" i="1"/>
  <c r="X23565" i="1"/>
  <c r="X23566" i="1"/>
  <c r="X23567" i="1"/>
  <c r="X23568" i="1"/>
  <c r="X23569" i="1"/>
  <c r="X23570" i="1"/>
  <c r="X23571" i="1"/>
  <c r="X23572" i="1"/>
  <c r="X23573" i="1"/>
  <c r="X23574" i="1"/>
  <c r="X23575" i="1"/>
  <c r="X23576" i="1"/>
  <c r="X23577" i="1"/>
  <c r="X23578" i="1"/>
  <c r="X23579" i="1"/>
  <c r="X23580" i="1"/>
  <c r="X23581" i="1"/>
  <c r="X23582" i="1"/>
  <c r="X23583" i="1"/>
  <c r="X23584" i="1"/>
  <c r="X23585" i="1"/>
  <c r="X23586" i="1"/>
  <c r="X23587" i="1"/>
  <c r="X23588" i="1"/>
  <c r="X23589" i="1"/>
  <c r="X23590" i="1"/>
  <c r="X23591" i="1"/>
  <c r="X23592" i="1"/>
  <c r="X23593" i="1"/>
  <c r="X23594" i="1"/>
  <c r="X23595" i="1"/>
  <c r="X23596" i="1"/>
  <c r="X23597" i="1"/>
  <c r="X23598" i="1"/>
  <c r="X23599" i="1"/>
  <c r="X23600" i="1"/>
  <c r="X23601" i="1"/>
  <c r="X23602" i="1"/>
  <c r="X23603" i="1"/>
  <c r="X23604" i="1"/>
  <c r="X23605" i="1"/>
  <c r="X23606" i="1"/>
  <c r="X23607" i="1"/>
  <c r="X23608" i="1"/>
  <c r="X23609" i="1"/>
  <c r="X23610" i="1"/>
  <c r="X23611" i="1"/>
  <c r="X23612" i="1"/>
  <c r="X23613" i="1"/>
  <c r="X23614" i="1"/>
  <c r="X23615" i="1"/>
  <c r="X23616" i="1"/>
  <c r="X23617" i="1"/>
  <c r="X23618" i="1"/>
  <c r="X23619" i="1"/>
  <c r="X23620" i="1"/>
  <c r="X23621" i="1"/>
  <c r="X23622" i="1"/>
  <c r="X23623" i="1"/>
  <c r="X23624" i="1"/>
  <c r="X23625" i="1"/>
  <c r="X23626" i="1"/>
  <c r="X23627" i="1"/>
  <c r="X23628" i="1"/>
  <c r="X23629" i="1"/>
  <c r="X23630" i="1"/>
  <c r="X23631" i="1"/>
  <c r="X23632" i="1"/>
  <c r="X23633" i="1"/>
  <c r="X23634" i="1"/>
  <c r="X23635" i="1"/>
  <c r="X23636" i="1"/>
  <c r="X23637" i="1"/>
  <c r="X23638" i="1"/>
  <c r="X23639" i="1"/>
  <c r="X23640" i="1"/>
  <c r="X23641" i="1"/>
  <c r="X23642" i="1"/>
  <c r="X23643" i="1"/>
  <c r="X23644" i="1"/>
  <c r="X23645" i="1"/>
  <c r="X23646" i="1"/>
  <c r="X23647" i="1"/>
  <c r="X23648" i="1"/>
  <c r="X23649" i="1"/>
  <c r="X23650" i="1"/>
  <c r="X23651" i="1"/>
  <c r="X23652" i="1"/>
  <c r="X23653" i="1"/>
  <c r="X23654" i="1"/>
  <c r="X23655" i="1"/>
  <c r="X23656" i="1"/>
  <c r="X23657" i="1"/>
  <c r="X23658" i="1"/>
  <c r="X23659" i="1"/>
  <c r="X23660" i="1"/>
  <c r="X23661" i="1"/>
  <c r="X23662" i="1"/>
  <c r="X23663" i="1"/>
  <c r="X23664" i="1"/>
  <c r="X23665" i="1"/>
  <c r="X23666" i="1"/>
  <c r="X23667" i="1"/>
  <c r="X23668" i="1"/>
  <c r="X23669" i="1"/>
  <c r="X23670" i="1"/>
  <c r="X23671" i="1"/>
  <c r="X23672" i="1"/>
  <c r="X23673" i="1"/>
  <c r="X23674" i="1"/>
  <c r="X23675" i="1"/>
  <c r="X23676" i="1"/>
  <c r="X23677" i="1"/>
  <c r="X23678" i="1"/>
  <c r="X23679" i="1"/>
  <c r="X23680" i="1"/>
  <c r="X23681" i="1"/>
  <c r="X23682" i="1"/>
  <c r="X23683" i="1"/>
  <c r="X23684" i="1"/>
  <c r="X23685" i="1"/>
  <c r="X23686" i="1"/>
  <c r="X23687" i="1"/>
  <c r="X23688" i="1"/>
  <c r="X23689" i="1"/>
  <c r="X23690" i="1"/>
  <c r="X23691" i="1"/>
  <c r="X23692" i="1"/>
  <c r="X23693" i="1"/>
  <c r="X23694" i="1"/>
  <c r="X23695" i="1"/>
  <c r="X23696" i="1"/>
  <c r="X23697" i="1"/>
  <c r="X23698" i="1"/>
  <c r="X23699" i="1"/>
  <c r="X23700" i="1"/>
  <c r="X23701" i="1"/>
  <c r="X23702" i="1"/>
  <c r="X23703" i="1"/>
  <c r="X23704" i="1"/>
  <c r="X23705" i="1"/>
  <c r="X23706" i="1"/>
  <c r="X23707" i="1"/>
  <c r="X23708" i="1"/>
  <c r="X23709" i="1"/>
  <c r="X23710" i="1"/>
  <c r="X23711" i="1"/>
  <c r="X23712" i="1"/>
  <c r="X23713" i="1"/>
  <c r="X23714" i="1"/>
  <c r="X23715" i="1"/>
  <c r="X23716" i="1"/>
  <c r="X23717" i="1"/>
  <c r="X23718" i="1"/>
  <c r="X23719" i="1"/>
  <c r="X23720" i="1"/>
  <c r="X23721" i="1"/>
  <c r="X23722" i="1"/>
  <c r="X23723" i="1"/>
  <c r="X23724" i="1"/>
  <c r="X23725" i="1"/>
  <c r="X23726" i="1"/>
  <c r="X23727" i="1"/>
  <c r="X23728" i="1"/>
  <c r="X23729" i="1"/>
  <c r="X23730" i="1"/>
  <c r="X23731" i="1"/>
  <c r="X23732" i="1"/>
  <c r="X23733" i="1"/>
  <c r="X23734" i="1"/>
  <c r="X23735" i="1"/>
  <c r="X23736" i="1"/>
  <c r="X23737" i="1"/>
  <c r="X23738" i="1"/>
  <c r="X23739" i="1"/>
  <c r="X23740" i="1"/>
  <c r="X23741" i="1"/>
  <c r="X23742" i="1"/>
  <c r="X23743" i="1"/>
  <c r="X23744" i="1"/>
  <c r="X23745" i="1"/>
  <c r="X23746" i="1"/>
  <c r="X23747" i="1"/>
  <c r="X23748" i="1"/>
  <c r="X23749" i="1"/>
  <c r="X23750" i="1"/>
  <c r="X23751" i="1"/>
  <c r="X23752" i="1"/>
  <c r="X23753" i="1"/>
  <c r="X23754" i="1"/>
  <c r="X23755" i="1"/>
  <c r="X23756" i="1"/>
  <c r="X23757" i="1"/>
  <c r="X23758" i="1"/>
  <c r="X23759" i="1"/>
  <c r="X23760" i="1"/>
  <c r="X23761" i="1"/>
  <c r="X23762" i="1"/>
  <c r="X23763" i="1"/>
  <c r="X23764" i="1"/>
  <c r="X23765" i="1"/>
  <c r="X23766" i="1"/>
  <c r="X23767" i="1"/>
  <c r="X23768" i="1"/>
  <c r="X23769" i="1"/>
  <c r="X23770" i="1"/>
  <c r="X23771" i="1"/>
  <c r="X23772" i="1"/>
  <c r="X23773" i="1"/>
  <c r="X23774" i="1"/>
  <c r="X23775" i="1"/>
  <c r="X23776" i="1"/>
  <c r="X23777" i="1"/>
  <c r="X23778" i="1"/>
  <c r="X23779" i="1"/>
  <c r="X23780" i="1"/>
  <c r="X23781" i="1"/>
  <c r="X23782" i="1"/>
  <c r="X23783" i="1"/>
  <c r="X23784" i="1"/>
  <c r="X23785" i="1"/>
  <c r="X23786" i="1"/>
  <c r="X23787" i="1"/>
  <c r="X23788" i="1"/>
  <c r="X23789" i="1"/>
  <c r="X23790" i="1"/>
  <c r="X23791" i="1"/>
  <c r="X23792" i="1"/>
  <c r="X23793" i="1"/>
  <c r="X23794" i="1"/>
  <c r="X23795" i="1"/>
  <c r="X23796" i="1"/>
  <c r="X23797" i="1"/>
  <c r="X23798" i="1"/>
  <c r="X23799" i="1"/>
  <c r="X23800" i="1"/>
  <c r="X23801" i="1"/>
  <c r="X23802" i="1"/>
  <c r="X23803" i="1"/>
  <c r="X23804" i="1"/>
  <c r="X23805" i="1"/>
  <c r="X23806" i="1"/>
  <c r="X23807" i="1"/>
  <c r="X23808" i="1"/>
  <c r="X23809" i="1"/>
  <c r="X23810" i="1"/>
  <c r="X23811" i="1"/>
  <c r="X23812" i="1"/>
  <c r="X23813" i="1"/>
  <c r="X23814" i="1"/>
  <c r="X23815" i="1"/>
  <c r="X23816" i="1"/>
  <c r="X23817" i="1"/>
  <c r="X23818" i="1"/>
  <c r="X23819" i="1"/>
  <c r="X23820" i="1"/>
  <c r="X23821" i="1"/>
  <c r="X23822" i="1"/>
  <c r="X23823" i="1"/>
  <c r="X23824" i="1"/>
  <c r="X23825" i="1"/>
  <c r="X23826" i="1"/>
  <c r="X23827" i="1"/>
  <c r="X23828" i="1"/>
  <c r="X23829" i="1"/>
  <c r="X23830" i="1"/>
  <c r="X23831" i="1"/>
  <c r="X23832" i="1"/>
  <c r="X23833" i="1"/>
  <c r="X23834" i="1"/>
  <c r="X23835" i="1"/>
  <c r="X23836" i="1"/>
  <c r="X23837" i="1"/>
  <c r="X23838" i="1"/>
  <c r="X23839" i="1"/>
  <c r="X23840" i="1"/>
  <c r="X23841" i="1"/>
  <c r="X23842" i="1"/>
  <c r="X23843" i="1"/>
  <c r="X23844" i="1"/>
  <c r="X23845" i="1"/>
  <c r="X23846" i="1"/>
  <c r="X23847" i="1"/>
  <c r="X23848" i="1"/>
  <c r="X23849" i="1"/>
  <c r="X23850" i="1"/>
  <c r="X23851" i="1"/>
  <c r="X23852" i="1"/>
  <c r="X23853" i="1"/>
  <c r="X23854" i="1"/>
  <c r="X23855" i="1"/>
  <c r="X23856" i="1"/>
  <c r="X23857" i="1"/>
  <c r="X23858" i="1"/>
  <c r="X23859" i="1"/>
  <c r="X23860" i="1"/>
  <c r="X23861" i="1"/>
  <c r="X23862" i="1"/>
  <c r="X23863" i="1"/>
  <c r="X23864" i="1"/>
  <c r="X23865" i="1"/>
  <c r="X23866" i="1"/>
  <c r="X23867" i="1"/>
  <c r="X23868" i="1"/>
  <c r="X23869" i="1"/>
  <c r="X23870" i="1"/>
  <c r="X23871" i="1"/>
  <c r="X23872" i="1"/>
  <c r="X23873" i="1"/>
  <c r="X23874" i="1"/>
  <c r="X23875" i="1"/>
  <c r="X23876" i="1"/>
  <c r="X23877" i="1"/>
  <c r="X23878" i="1"/>
  <c r="X23879" i="1"/>
  <c r="X23880" i="1"/>
  <c r="X23881" i="1"/>
  <c r="X23882" i="1"/>
  <c r="X23883" i="1"/>
  <c r="X23884" i="1"/>
  <c r="X23885" i="1"/>
  <c r="X23886" i="1"/>
  <c r="X23887" i="1"/>
  <c r="X23888" i="1"/>
  <c r="X23889" i="1"/>
  <c r="X23890" i="1"/>
  <c r="X23891" i="1"/>
  <c r="X23892" i="1"/>
  <c r="X23893" i="1"/>
  <c r="X23894" i="1"/>
  <c r="X23895" i="1"/>
  <c r="X23896" i="1"/>
  <c r="X23897" i="1"/>
  <c r="X23898" i="1"/>
  <c r="X23899" i="1"/>
  <c r="X23900" i="1"/>
  <c r="X23901" i="1"/>
  <c r="X23902" i="1"/>
  <c r="X23903" i="1"/>
  <c r="X23904" i="1"/>
  <c r="X23905" i="1"/>
  <c r="X23906" i="1"/>
  <c r="X23907" i="1"/>
  <c r="X23908" i="1"/>
  <c r="X23909" i="1"/>
  <c r="X23910" i="1"/>
  <c r="X23911" i="1"/>
  <c r="X23912" i="1"/>
  <c r="X23913" i="1"/>
  <c r="X23914" i="1"/>
  <c r="X23915" i="1"/>
  <c r="X23916" i="1"/>
  <c r="X23917" i="1"/>
  <c r="X23918" i="1"/>
  <c r="X23919" i="1"/>
  <c r="X23920" i="1"/>
  <c r="X23921" i="1"/>
  <c r="X23922" i="1"/>
  <c r="X23923" i="1"/>
  <c r="X23924" i="1"/>
  <c r="X23925" i="1"/>
  <c r="X23926" i="1"/>
  <c r="X23927" i="1"/>
  <c r="X23928" i="1"/>
  <c r="X23929" i="1"/>
  <c r="X23930" i="1"/>
  <c r="X23931" i="1"/>
  <c r="X23932" i="1"/>
  <c r="X23933" i="1"/>
  <c r="X23934" i="1"/>
  <c r="X23935" i="1"/>
  <c r="X23936" i="1"/>
  <c r="X23937" i="1"/>
  <c r="X23938" i="1"/>
  <c r="X23939" i="1"/>
  <c r="X23940" i="1"/>
  <c r="X23941" i="1"/>
  <c r="X23942" i="1"/>
  <c r="X23943" i="1"/>
  <c r="X23944" i="1"/>
  <c r="X23945" i="1"/>
  <c r="X23946" i="1"/>
  <c r="X23947" i="1"/>
  <c r="X23948" i="1"/>
  <c r="X23949" i="1"/>
  <c r="X23950" i="1"/>
  <c r="X23951" i="1"/>
  <c r="X23952" i="1"/>
  <c r="X23953" i="1"/>
  <c r="X23954" i="1"/>
  <c r="X23955" i="1"/>
  <c r="X23956" i="1"/>
  <c r="X23957" i="1"/>
  <c r="X23958" i="1"/>
  <c r="X23959" i="1"/>
  <c r="X23960" i="1"/>
  <c r="X23961" i="1"/>
  <c r="X23962" i="1"/>
  <c r="X23963" i="1"/>
  <c r="X23964" i="1"/>
  <c r="X23965" i="1"/>
  <c r="X23966" i="1"/>
  <c r="X23967" i="1"/>
  <c r="X23968" i="1"/>
  <c r="X23969" i="1"/>
  <c r="X23970" i="1"/>
  <c r="X23971" i="1"/>
  <c r="X23972" i="1"/>
  <c r="X23973" i="1"/>
  <c r="X23974" i="1"/>
  <c r="X23975" i="1"/>
  <c r="X23976" i="1"/>
  <c r="X23977" i="1"/>
  <c r="X23978" i="1"/>
  <c r="X23979" i="1"/>
  <c r="X23980" i="1"/>
  <c r="X23981" i="1"/>
  <c r="X23982" i="1"/>
  <c r="X23983" i="1"/>
  <c r="X23984" i="1"/>
  <c r="X23985" i="1"/>
  <c r="X23986" i="1"/>
  <c r="X23987" i="1"/>
  <c r="X23988" i="1"/>
  <c r="X23989" i="1"/>
  <c r="X23990" i="1"/>
  <c r="X23991" i="1"/>
  <c r="X23992" i="1"/>
  <c r="X23993" i="1"/>
  <c r="X23994" i="1"/>
  <c r="X23995" i="1"/>
  <c r="X23996" i="1"/>
  <c r="X23997" i="1"/>
  <c r="X23998" i="1"/>
  <c r="X23999" i="1"/>
  <c r="X24000" i="1"/>
  <c r="X24001" i="1"/>
  <c r="X24002" i="1"/>
  <c r="X24003" i="1"/>
  <c r="X24004" i="1"/>
  <c r="X24005" i="1"/>
  <c r="X24006" i="1"/>
  <c r="X24007" i="1"/>
  <c r="X24008" i="1"/>
  <c r="X24009" i="1"/>
  <c r="X24010" i="1"/>
  <c r="X24011" i="1"/>
  <c r="X24012" i="1"/>
  <c r="X24013" i="1"/>
  <c r="X24014" i="1"/>
  <c r="X24015" i="1"/>
  <c r="X24016" i="1"/>
  <c r="X24017" i="1"/>
  <c r="X24018" i="1"/>
  <c r="X24019" i="1"/>
  <c r="X24020" i="1"/>
  <c r="X24021" i="1"/>
  <c r="X24022" i="1"/>
  <c r="X24023" i="1"/>
  <c r="X24024" i="1"/>
  <c r="X24025" i="1"/>
  <c r="X24026" i="1"/>
  <c r="X24027" i="1"/>
  <c r="X24028" i="1"/>
  <c r="X24029" i="1"/>
  <c r="X24030" i="1"/>
  <c r="X24031" i="1"/>
  <c r="X24032" i="1"/>
  <c r="X24033" i="1"/>
  <c r="X24034" i="1"/>
  <c r="X24035" i="1"/>
  <c r="X24036" i="1"/>
  <c r="X24037" i="1"/>
  <c r="X24038" i="1"/>
  <c r="X24039" i="1"/>
  <c r="X24040" i="1"/>
  <c r="X24041" i="1"/>
  <c r="X24042" i="1"/>
  <c r="X24043" i="1"/>
  <c r="X24044" i="1"/>
  <c r="X24045" i="1"/>
  <c r="X24046" i="1"/>
  <c r="X24047" i="1"/>
  <c r="X24048" i="1"/>
  <c r="X24049" i="1"/>
  <c r="X24050" i="1"/>
  <c r="X24051" i="1"/>
  <c r="X24052" i="1"/>
  <c r="X24053" i="1"/>
  <c r="X24054" i="1"/>
  <c r="X24055" i="1"/>
  <c r="X24056" i="1"/>
  <c r="X24057" i="1"/>
  <c r="X24058" i="1"/>
  <c r="X24059" i="1"/>
  <c r="X24060" i="1"/>
  <c r="X24061" i="1"/>
  <c r="X24062" i="1"/>
  <c r="X24063" i="1"/>
  <c r="X24064" i="1"/>
  <c r="X24065" i="1"/>
  <c r="X24066" i="1"/>
  <c r="X24067" i="1"/>
  <c r="X24068" i="1"/>
  <c r="X24069" i="1"/>
  <c r="X24070" i="1"/>
  <c r="X24071" i="1"/>
  <c r="X24072" i="1"/>
  <c r="X24073" i="1"/>
  <c r="X24074" i="1"/>
  <c r="X24075" i="1"/>
  <c r="X24076" i="1"/>
  <c r="X24077" i="1"/>
  <c r="X24078" i="1"/>
  <c r="X24079" i="1"/>
  <c r="X24080" i="1"/>
  <c r="X24081" i="1"/>
  <c r="X24082" i="1"/>
  <c r="X24083" i="1"/>
  <c r="X24084" i="1"/>
  <c r="X24085" i="1"/>
  <c r="X24086" i="1"/>
  <c r="X24087" i="1"/>
  <c r="X24088" i="1"/>
  <c r="X24089" i="1"/>
  <c r="X24090" i="1"/>
  <c r="X24091" i="1"/>
  <c r="X24092" i="1"/>
  <c r="X24093" i="1"/>
  <c r="X24094" i="1"/>
  <c r="X24095" i="1"/>
  <c r="X24096" i="1"/>
  <c r="X24097" i="1"/>
  <c r="X24098" i="1"/>
  <c r="X24099" i="1"/>
  <c r="X24100" i="1"/>
  <c r="X24101" i="1"/>
  <c r="X24102" i="1"/>
  <c r="X24103" i="1"/>
  <c r="X24104" i="1"/>
  <c r="X24105" i="1"/>
  <c r="X24106" i="1"/>
  <c r="X24107" i="1"/>
  <c r="X24108" i="1"/>
  <c r="X24109" i="1"/>
  <c r="X24110" i="1"/>
  <c r="X24111" i="1"/>
  <c r="X24112" i="1"/>
  <c r="X24113" i="1"/>
  <c r="X24114" i="1"/>
  <c r="X24115" i="1"/>
  <c r="X24116" i="1"/>
  <c r="X24117" i="1"/>
  <c r="X24118" i="1"/>
  <c r="X24119" i="1"/>
  <c r="X24120" i="1"/>
  <c r="X24121" i="1"/>
  <c r="X24122" i="1"/>
  <c r="X24123" i="1"/>
  <c r="X24124" i="1"/>
  <c r="X24125" i="1"/>
  <c r="X24126" i="1"/>
  <c r="X24127" i="1"/>
  <c r="X24128" i="1"/>
  <c r="X24129" i="1"/>
  <c r="X24130" i="1"/>
  <c r="X24131" i="1"/>
  <c r="X24132" i="1"/>
  <c r="X24133" i="1"/>
  <c r="X24134" i="1"/>
  <c r="X24135" i="1"/>
  <c r="X24136" i="1"/>
  <c r="X24137" i="1"/>
  <c r="X24138" i="1"/>
  <c r="X24139" i="1"/>
  <c r="X24140" i="1"/>
  <c r="X24141" i="1"/>
  <c r="X24142" i="1"/>
  <c r="X24143" i="1"/>
  <c r="X24144" i="1"/>
  <c r="X24145" i="1"/>
  <c r="X24146" i="1"/>
  <c r="X24147" i="1"/>
  <c r="X24148" i="1"/>
  <c r="X24149" i="1"/>
  <c r="X24150" i="1"/>
  <c r="X24151" i="1"/>
  <c r="X24152" i="1"/>
  <c r="X24153" i="1"/>
  <c r="X24154" i="1"/>
  <c r="X24155" i="1"/>
  <c r="X24156" i="1"/>
  <c r="X24157" i="1"/>
  <c r="X24158" i="1"/>
  <c r="X24159" i="1"/>
  <c r="X24160" i="1"/>
  <c r="X24161" i="1"/>
  <c r="X24162" i="1"/>
  <c r="X24163" i="1"/>
  <c r="X24164" i="1"/>
  <c r="X24165" i="1"/>
  <c r="X24166" i="1"/>
  <c r="X24167" i="1"/>
  <c r="X24168" i="1"/>
  <c r="X24169" i="1"/>
  <c r="X24170" i="1"/>
  <c r="X24171" i="1"/>
  <c r="X24172" i="1"/>
  <c r="X24173" i="1"/>
  <c r="X24174" i="1"/>
  <c r="X24175" i="1"/>
  <c r="X24176" i="1"/>
  <c r="X24177" i="1"/>
  <c r="X24178" i="1"/>
  <c r="X24179" i="1"/>
  <c r="X24180" i="1"/>
  <c r="X24181" i="1"/>
  <c r="X24182" i="1"/>
  <c r="X24183" i="1"/>
  <c r="X24184" i="1"/>
  <c r="X24185" i="1"/>
  <c r="X24186" i="1"/>
  <c r="X24187" i="1"/>
  <c r="X24188" i="1"/>
  <c r="X24189" i="1"/>
  <c r="X24190" i="1"/>
  <c r="X24191" i="1"/>
  <c r="X24192" i="1"/>
  <c r="X24193" i="1"/>
  <c r="X24194" i="1"/>
  <c r="X24195" i="1"/>
  <c r="X24196" i="1"/>
  <c r="X24197" i="1"/>
  <c r="X24198" i="1"/>
  <c r="X24199" i="1"/>
  <c r="X24200" i="1"/>
  <c r="X24201" i="1"/>
  <c r="X24202" i="1"/>
  <c r="X24203" i="1"/>
  <c r="X24204" i="1"/>
  <c r="X24205" i="1"/>
  <c r="X24206" i="1"/>
  <c r="X24207" i="1"/>
  <c r="X24208" i="1"/>
  <c r="X24209" i="1"/>
  <c r="X24210" i="1"/>
  <c r="X24211" i="1"/>
  <c r="X24212" i="1"/>
  <c r="X24213" i="1"/>
  <c r="X24214" i="1"/>
  <c r="X24215" i="1"/>
  <c r="X24216" i="1"/>
  <c r="X24217" i="1"/>
  <c r="X24218" i="1"/>
  <c r="X24219" i="1"/>
  <c r="X24220" i="1"/>
  <c r="X24221" i="1"/>
  <c r="X24222" i="1"/>
  <c r="X24223" i="1"/>
  <c r="X24224" i="1"/>
  <c r="X24225" i="1"/>
  <c r="X24226" i="1"/>
  <c r="X24227" i="1"/>
  <c r="X24228" i="1"/>
  <c r="X24229" i="1"/>
  <c r="X24230" i="1"/>
  <c r="X24231" i="1"/>
  <c r="X24232" i="1"/>
  <c r="X24233" i="1"/>
  <c r="X24234" i="1"/>
  <c r="X24235" i="1"/>
  <c r="X24236" i="1"/>
  <c r="X24237" i="1"/>
  <c r="X24238" i="1"/>
  <c r="X24239" i="1"/>
  <c r="X24240" i="1"/>
  <c r="X24241" i="1"/>
  <c r="X24242" i="1"/>
  <c r="X24243" i="1"/>
  <c r="X24244" i="1"/>
  <c r="X24245" i="1"/>
  <c r="X24246" i="1"/>
  <c r="X24247" i="1"/>
  <c r="X24248" i="1"/>
  <c r="X24249" i="1"/>
  <c r="X24250" i="1"/>
  <c r="X24251" i="1"/>
  <c r="X24252" i="1"/>
  <c r="X24253" i="1"/>
  <c r="X24254" i="1"/>
  <c r="X24255" i="1"/>
  <c r="X24256" i="1"/>
  <c r="X24257" i="1"/>
  <c r="X24258" i="1"/>
  <c r="X24259" i="1"/>
  <c r="X24260" i="1"/>
  <c r="X24261" i="1"/>
  <c r="X24262" i="1"/>
  <c r="X24263" i="1"/>
  <c r="X24264" i="1"/>
  <c r="X24265" i="1"/>
  <c r="X24266" i="1"/>
  <c r="X24267" i="1"/>
  <c r="X24268" i="1"/>
  <c r="X24269" i="1"/>
  <c r="X24270" i="1"/>
  <c r="X24271" i="1"/>
  <c r="X24272" i="1"/>
  <c r="X24273" i="1"/>
  <c r="X24274" i="1"/>
  <c r="X24275" i="1"/>
  <c r="X24276" i="1"/>
  <c r="X24277" i="1"/>
  <c r="X24278" i="1"/>
  <c r="X24279" i="1"/>
  <c r="X24280" i="1"/>
  <c r="X24281" i="1"/>
  <c r="X24282" i="1"/>
  <c r="X24283" i="1"/>
  <c r="X24284" i="1"/>
  <c r="X24285" i="1"/>
  <c r="X24286" i="1"/>
  <c r="X24287" i="1"/>
  <c r="X24288" i="1"/>
  <c r="X24289" i="1"/>
  <c r="X24290" i="1"/>
  <c r="X24291" i="1"/>
  <c r="X24292" i="1"/>
  <c r="X24293" i="1"/>
  <c r="X24294" i="1"/>
  <c r="X24295" i="1"/>
  <c r="X24296" i="1"/>
  <c r="X24297" i="1"/>
  <c r="X24298" i="1"/>
  <c r="X24299" i="1"/>
  <c r="X24300" i="1"/>
  <c r="X24301" i="1"/>
  <c r="X24302" i="1"/>
  <c r="X24303" i="1"/>
  <c r="X24304" i="1"/>
  <c r="X24305" i="1"/>
  <c r="X24306" i="1"/>
  <c r="X24307" i="1"/>
  <c r="X24308" i="1"/>
  <c r="X24309" i="1"/>
  <c r="X24310" i="1"/>
  <c r="X24311" i="1"/>
  <c r="X24312" i="1"/>
  <c r="X24313" i="1"/>
  <c r="X24314" i="1"/>
  <c r="X24315" i="1"/>
  <c r="X24316" i="1"/>
  <c r="X24317" i="1"/>
  <c r="X24318" i="1"/>
  <c r="X24319" i="1"/>
  <c r="X24320" i="1"/>
  <c r="X24321" i="1"/>
  <c r="X24322" i="1"/>
  <c r="X24323" i="1"/>
  <c r="X24324" i="1"/>
  <c r="X24325" i="1"/>
  <c r="X24326" i="1"/>
  <c r="X24327" i="1"/>
  <c r="X24328" i="1"/>
  <c r="X24329" i="1"/>
  <c r="X24330" i="1"/>
  <c r="X24331" i="1"/>
  <c r="X24332" i="1"/>
  <c r="X24333" i="1"/>
  <c r="X24334" i="1"/>
  <c r="X24335" i="1"/>
  <c r="X24336" i="1"/>
  <c r="X24337" i="1"/>
  <c r="X24338" i="1"/>
  <c r="X24339" i="1"/>
  <c r="X24340" i="1"/>
  <c r="X24341" i="1"/>
  <c r="X24342" i="1"/>
  <c r="X24343" i="1"/>
  <c r="X24344" i="1"/>
  <c r="X24345" i="1"/>
  <c r="X24346" i="1"/>
  <c r="X24347" i="1"/>
  <c r="X24348" i="1"/>
  <c r="X24349" i="1"/>
  <c r="X24350" i="1"/>
  <c r="X24351" i="1"/>
  <c r="X24352" i="1"/>
  <c r="X24353" i="1"/>
  <c r="X24354" i="1"/>
  <c r="X24355" i="1"/>
  <c r="X24356" i="1"/>
  <c r="X24357" i="1"/>
  <c r="X24358" i="1"/>
  <c r="X24359" i="1"/>
  <c r="X24360" i="1"/>
  <c r="X24361" i="1"/>
  <c r="X24362" i="1"/>
  <c r="X24363" i="1"/>
  <c r="X24364" i="1"/>
  <c r="X24365" i="1"/>
  <c r="X24366" i="1"/>
  <c r="X24367" i="1"/>
  <c r="X24368" i="1"/>
  <c r="X24369" i="1"/>
  <c r="X24370" i="1"/>
  <c r="X24371" i="1"/>
  <c r="X24372" i="1"/>
  <c r="X24373" i="1"/>
  <c r="X24374" i="1"/>
  <c r="X24375" i="1"/>
  <c r="X24376" i="1"/>
  <c r="X24377" i="1"/>
  <c r="X24378" i="1"/>
  <c r="X24379" i="1"/>
  <c r="X24380" i="1"/>
  <c r="X24381" i="1"/>
  <c r="X24382" i="1"/>
  <c r="X24383" i="1"/>
  <c r="X24384" i="1"/>
  <c r="X24385" i="1"/>
  <c r="X24386" i="1"/>
  <c r="X24387" i="1"/>
  <c r="X24388" i="1"/>
  <c r="X24389" i="1"/>
  <c r="X24390" i="1"/>
  <c r="X24391" i="1"/>
  <c r="X24392" i="1"/>
  <c r="X24393" i="1"/>
  <c r="X24394" i="1"/>
  <c r="X24395" i="1"/>
  <c r="X24396" i="1"/>
  <c r="X24397" i="1"/>
  <c r="X24398" i="1"/>
  <c r="X24399" i="1"/>
  <c r="X24400" i="1"/>
  <c r="X24401" i="1"/>
  <c r="X24402" i="1"/>
  <c r="X24403" i="1"/>
  <c r="X24404" i="1"/>
  <c r="X24405" i="1"/>
  <c r="X24406" i="1"/>
  <c r="X24407" i="1"/>
  <c r="X24408" i="1"/>
  <c r="X24409" i="1"/>
  <c r="X24410" i="1"/>
  <c r="X24411" i="1"/>
  <c r="X24412" i="1"/>
  <c r="X24413" i="1"/>
  <c r="X24414" i="1"/>
  <c r="X24415" i="1"/>
  <c r="X24416" i="1"/>
  <c r="X24417" i="1"/>
  <c r="X24418" i="1"/>
  <c r="X24419" i="1"/>
  <c r="X24420" i="1"/>
  <c r="X24421" i="1"/>
  <c r="X24422" i="1"/>
  <c r="X24423" i="1"/>
  <c r="X24424" i="1"/>
  <c r="X24425" i="1"/>
  <c r="X24426" i="1"/>
  <c r="X24427" i="1"/>
  <c r="X24428" i="1"/>
  <c r="X24429" i="1"/>
  <c r="X24430" i="1"/>
  <c r="X24431" i="1"/>
  <c r="X24432" i="1"/>
  <c r="X24433" i="1"/>
  <c r="X24434" i="1"/>
  <c r="X24435" i="1"/>
  <c r="X24436" i="1"/>
  <c r="X24437" i="1"/>
  <c r="X24438" i="1"/>
  <c r="X24439" i="1"/>
  <c r="X24440" i="1"/>
  <c r="X24441" i="1"/>
  <c r="X24442" i="1"/>
  <c r="X24443" i="1"/>
  <c r="X24444" i="1"/>
  <c r="X24445" i="1"/>
  <c r="X24446" i="1"/>
  <c r="X24447" i="1"/>
  <c r="X24448" i="1"/>
  <c r="X24449" i="1"/>
  <c r="X24450" i="1"/>
  <c r="X24451" i="1"/>
  <c r="X24452" i="1"/>
  <c r="X24453" i="1"/>
  <c r="X24454" i="1"/>
  <c r="X24455" i="1"/>
  <c r="X24456" i="1"/>
  <c r="X24457" i="1"/>
  <c r="X24458" i="1"/>
  <c r="X24459" i="1"/>
  <c r="X24460" i="1"/>
  <c r="X24461" i="1"/>
  <c r="X24462" i="1"/>
  <c r="X24463" i="1"/>
  <c r="X24464" i="1"/>
  <c r="X24465" i="1"/>
  <c r="X24466" i="1"/>
  <c r="X24467" i="1"/>
  <c r="X24468" i="1"/>
  <c r="X24469" i="1"/>
  <c r="X24470" i="1"/>
  <c r="X24471" i="1"/>
  <c r="X24472" i="1"/>
  <c r="X24473" i="1"/>
  <c r="X24474" i="1"/>
  <c r="X24475" i="1"/>
  <c r="X24476" i="1"/>
  <c r="X24477" i="1"/>
  <c r="X24478" i="1"/>
  <c r="X24479" i="1"/>
  <c r="X24480" i="1"/>
  <c r="X24481" i="1"/>
  <c r="X24482" i="1"/>
  <c r="X24483" i="1"/>
  <c r="X24484" i="1"/>
  <c r="X24485" i="1"/>
  <c r="X24486" i="1"/>
  <c r="X24487" i="1"/>
  <c r="X24488" i="1"/>
  <c r="X24489" i="1"/>
  <c r="X24490" i="1"/>
  <c r="X24491" i="1"/>
  <c r="X24492" i="1"/>
  <c r="X24493" i="1"/>
  <c r="X24494" i="1"/>
  <c r="X24495" i="1"/>
  <c r="X24496" i="1"/>
  <c r="X24497" i="1"/>
  <c r="X24498" i="1"/>
  <c r="X24499" i="1"/>
  <c r="X24500" i="1"/>
  <c r="X24501" i="1"/>
  <c r="X24502" i="1"/>
  <c r="X24503" i="1"/>
  <c r="X24504" i="1"/>
  <c r="X24505" i="1"/>
  <c r="X24506" i="1"/>
  <c r="X24507" i="1"/>
  <c r="X24508" i="1"/>
  <c r="X24509" i="1"/>
  <c r="X24510" i="1"/>
  <c r="X24511" i="1"/>
  <c r="X24512" i="1"/>
  <c r="X24513" i="1"/>
  <c r="X24514" i="1"/>
  <c r="X24515" i="1"/>
  <c r="X24516" i="1"/>
  <c r="X24517" i="1"/>
  <c r="X24518" i="1"/>
  <c r="X24519" i="1"/>
  <c r="X24520" i="1"/>
  <c r="X24521" i="1"/>
  <c r="X24522" i="1"/>
  <c r="X24523" i="1"/>
  <c r="X24524" i="1"/>
  <c r="X24525" i="1"/>
  <c r="X24526" i="1"/>
  <c r="X24527" i="1"/>
  <c r="X24528" i="1"/>
  <c r="X24529" i="1"/>
  <c r="X24530" i="1"/>
  <c r="X24531" i="1"/>
  <c r="X24532" i="1"/>
  <c r="X24533" i="1"/>
  <c r="X24534" i="1"/>
  <c r="X24535" i="1"/>
  <c r="X24536" i="1"/>
  <c r="X24537" i="1"/>
  <c r="X24538" i="1"/>
  <c r="X24539" i="1"/>
  <c r="X24540" i="1"/>
  <c r="X24541" i="1"/>
  <c r="X24542" i="1"/>
  <c r="X24543" i="1"/>
  <c r="X24544" i="1"/>
  <c r="X24545" i="1"/>
  <c r="X24546" i="1"/>
  <c r="X24547" i="1"/>
  <c r="X24548" i="1"/>
  <c r="X24549" i="1"/>
  <c r="X24550" i="1"/>
  <c r="X24551" i="1"/>
  <c r="X24552" i="1"/>
  <c r="X24553" i="1"/>
  <c r="X24554" i="1"/>
  <c r="X24555" i="1"/>
  <c r="X24556" i="1"/>
  <c r="X24557" i="1"/>
  <c r="X24558" i="1"/>
  <c r="X24559" i="1"/>
  <c r="X24560" i="1"/>
  <c r="X24561" i="1"/>
  <c r="X24562" i="1"/>
  <c r="X24563" i="1"/>
  <c r="X24564" i="1"/>
  <c r="X24565" i="1"/>
  <c r="X24566" i="1"/>
  <c r="X24567" i="1"/>
  <c r="X24568" i="1"/>
  <c r="X24569" i="1"/>
  <c r="X24570" i="1"/>
  <c r="X24571" i="1"/>
  <c r="X24572" i="1"/>
  <c r="X24573" i="1"/>
  <c r="X24574" i="1"/>
  <c r="X24575" i="1"/>
  <c r="X24576" i="1"/>
  <c r="X24577" i="1"/>
  <c r="X24578" i="1"/>
  <c r="X24579" i="1"/>
  <c r="X24580" i="1"/>
  <c r="X24581" i="1"/>
  <c r="X24582" i="1"/>
  <c r="X24583" i="1"/>
  <c r="X24584" i="1"/>
  <c r="X24585" i="1"/>
  <c r="X24586" i="1"/>
  <c r="X24587" i="1"/>
  <c r="X24588" i="1"/>
  <c r="X24589" i="1"/>
  <c r="X24590" i="1"/>
  <c r="X24591" i="1"/>
  <c r="X24592" i="1"/>
  <c r="X24593" i="1"/>
  <c r="X24594" i="1"/>
  <c r="X24595" i="1"/>
  <c r="X24596" i="1"/>
  <c r="X24597" i="1"/>
  <c r="X24598" i="1"/>
  <c r="X24599" i="1"/>
  <c r="X24600" i="1"/>
  <c r="X24601" i="1"/>
  <c r="X24602" i="1"/>
  <c r="X24603" i="1"/>
  <c r="X24604" i="1"/>
  <c r="X24605" i="1"/>
  <c r="X24606" i="1"/>
  <c r="X24607" i="1"/>
  <c r="X24608" i="1"/>
  <c r="X24609" i="1"/>
  <c r="X24610" i="1"/>
  <c r="X24611" i="1"/>
  <c r="X24612" i="1"/>
  <c r="X24613" i="1"/>
  <c r="X24614" i="1"/>
  <c r="X24615" i="1"/>
  <c r="X24616" i="1"/>
  <c r="X24617" i="1"/>
  <c r="X24618" i="1"/>
  <c r="X24619" i="1"/>
  <c r="X24620" i="1"/>
  <c r="X24621" i="1"/>
  <c r="X24622" i="1"/>
  <c r="X24623" i="1"/>
  <c r="X24624" i="1"/>
  <c r="X24625" i="1"/>
  <c r="X24626" i="1"/>
  <c r="X24627" i="1"/>
  <c r="X24628" i="1"/>
  <c r="X24629" i="1"/>
  <c r="X24630" i="1"/>
  <c r="X24631" i="1"/>
  <c r="X24632" i="1"/>
  <c r="X24633" i="1"/>
  <c r="X24634" i="1"/>
  <c r="X24635" i="1"/>
  <c r="X24636" i="1"/>
  <c r="X24637" i="1"/>
  <c r="X24638" i="1"/>
  <c r="X24639" i="1"/>
  <c r="X24640" i="1"/>
  <c r="X24641" i="1"/>
  <c r="X24642" i="1"/>
  <c r="X24643" i="1"/>
  <c r="X24644" i="1"/>
  <c r="X24645" i="1"/>
  <c r="X24646" i="1"/>
  <c r="X24647" i="1"/>
  <c r="X24648" i="1"/>
  <c r="X24649" i="1"/>
  <c r="X24650" i="1"/>
  <c r="X24651" i="1"/>
  <c r="X24652" i="1"/>
  <c r="X24653" i="1"/>
  <c r="X24654" i="1"/>
  <c r="X24655" i="1"/>
  <c r="X24656" i="1"/>
  <c r="X24657" i="1"/>
  <c r="X24658" i="1"/>
  <c r="X24659" i="1"/>
  <c r="X24660" i="1"/>
  <c r="X24661" i="1"/>
  <c r="X24662" i="1"/>
  <c r="X24663" i="1"/>
  <c r="X24664" i="1"/>
  <c r="X24665" i="1"/>
  <c r="X24666" i="1"/>
  <c r="X24667" i="1"/>
  <c r="X24668" i="1"/>
  <c r="X24669" i="1"/>
  <c r="X24670" i="1"/>
  <c r="X24671" i="1"/>
  <c r="X24672" i="1"/>
  <c r="X24673" i="1"/>
  <c r="X24674" i="1"/>
  <c r="X24675" i="1"/>
  <c r="X24676" i="1"/>
  <c r="X24677" i="1"/>
  <c r="X24678" i="1"/>
  <c r="X24679" i="1"/>
  <c r="X24680" i="1"/>
  <c r="X24681" i="1"/>
  <c r="X24682" i="1"/>
  <c r="X24683" i="1"/>
  <c r="X24684" i="1"/>
  <c r="X24685" i="1"/>
  <c r="X24686" i="1"/>
  <c r="X24687" i="1"/>
  <c r="X24688" i="1"/>
  <c r="X24689" i="1"/>
  <c r="X24690" i="1"/>
  <c r="X24691" i="1"/>
  <c r="X24692" i="1"/>
  <c r="X24693" i="1"/>
  <c r="X24694" i="1"/>
  <c r="X24695" i="1"/>
  <c r="X24696" i="1"/>
  <c r="X24697" i="1"/>
  <c r="X24698" i="1"/>
  <c r="X24699" i="1"/>
  <c r="X24700" i="1"/>
  <c r="X24701" i="1"/>
  <c r="X24702" i="1"/>
  <c r="X24703" i="1"/>
  <c r="X24704" i="1"/>
  <c r="X24705" i="1"/>
  <c r="X24706" i="1"/>
  <c r="X24707" i="1"/>
  <c r="X24708" i="1"/>
  <c r="X24709" i="1"/>
  <c r="X24710" i="1"/>
  <c r="X24711" i="1"/>
  <c r="X24712" i="1"/>
  <c r="X24713" i="1"/>
  <c r="X24714" i="1"/>
  <c r="X24715" i="1"/>
  <c r="X24716" i="1"/>
  <c r="X24717" i="1"/>
  <c r="X24718" i="1"/>
  <c r="X24719" i="1"/>
  <c r="X24720" i="1"/>
  <c r="X24721" i="1"/>
  <c r="X24722" i="1"/>
  <c r="X24723" i="1"/>
  <c r="X24724" i="1"/>
  <c r="X24725" i="1"/>
  <c r="X24726" i="1"/>
  <c r="X24727" i="1"/>
  <c r="X24728" i="1"/>
  <c r="X24729" i="1"/>
  <c r="X24730" i="1"/>
  <c r="X24731" i="1"/>
  <c r="X24732" i="1"/>
  <c r="X24733" i="1"/>
  <c r="X24734" i="1"/>
  <c r="X24735" i="1"/>
  <c r="X24736" i="1"/>
  <c r="X24737" i="1"/>
  <c r="X24738" i="1"/>
  <c r="X24739" i="1"/>
  <c r="X24740" i="1"/>
  <c r="X24741" i="1"/>
  <c r="X24742" i="1"/>
  <c r="X24743" i="1"/>
  <c r="X24744" i="1"/>
  <c r="X24745" i="1"/>
  <c r="X24746" i="1"/>
  <c r="X24747" i="1"/>
  <c r="X24748" i="1"/>
  <c r="X24749" i="1"/>
  <c r="X24750" i="1"/>
  <c r="X24751" i="1"/>
  <c r="X24752" i="1"/>
  <c r="X24753" i="1"/>
  <c r="X24754" i="1"/>
  <c r="X24755" i="1"/>
  <c r="X24756" i="1"/>
  <c r="X24757" i="1"/>
  <c r="X24758" i="1"/>
  <c r="X24759" i="1"/>
  <c r="X24760" i="1"/>
  <c r="X24761" i="1"/>
  <c r="X24762" i="1"/>
  <c r="X24763" i="1"/>
  <c r="X24764" i="1"/>
  <c r="X24765" i="1"/>
  <c r="X24766" i="1"/>
  <c r="X24767" i="1"/>
  <c r="X24768" i="1"/>
  <c r="X24769" i="1"/>
  <c r="X24770" i="1"/>
  <c r="X24771" i="1"/>
  <c r="X24772" i="1"/>
  <c r="X24773" i="1"/>
  <c r="X24774" i="1"/>
  <c r="X24775" i="1"/>
  <c r="X24776" i="1"/>
  <c r="X24777" i="1"/>
  <c r="X24778" i="1"/>
  <c r="X24779" i="1"/>
  <c r="X24780" i="1"/>
  <c r="X24781" i="1"/>
  <c r="X24782" i="1"/>
  <c r="X24783" i="1"/>
  <c r="X24784" i="1"/>
  <c r="X24785" i="1"/>
  <c r="X24786" i="1"/>
  <c r="X24787" i="1"/>
  <c r="X24788" i="1"/>
  <c r="X24789" i="1"/>
  <c r="X24790" i="1"/>
  <c r="X24791" i="1"/>
  <c r="X24792" i="1"/>
  <c r="X24793" i="1"/>
  <c r="X24794" i="1"/>
  <c r="X24795" i="1"/>
  <c r="X24796" i="1"/>
  <c r="X24797" i="1"/>
  <c r="X24798" i="1"/>
  <c r="X24799" i="1"/>
  <c r="X24800" i="1"/>
  <c r="X24801" i="1"/>
  <c r="X24802" i="1"/>
  <c r="X24803" i="1"/>
  <c r="X24804" i="1"/>
  <c r="X24805" i="1"/>
  <c r="X24806" i="1"/>
  <c r="X24807" i="1"/>
  <c r="X24808" i="1"/>
  <c r="X24809" i="1"/>
  <c r="X24810" i="1"/>
  <c r="X24811" i="1"/>
  <c r="X24812" i="1"/>
  <c r="X24813" i="1"/>
  <c r="X24814" i="1"/>
  <c r="X24815" i="1"/>
  <c r="X24816" i="1"/>
  <c r="X24817" i="1"/>
  <c r="X24818" i="1"/>
  <c r="X24819" i="1"/>
  <c r="X24820" i="1"/>
  <c r="X24821" i="1"/>
  <c r="X24822" i="1"/>
  <c r="X24823" i="1"/>
  <c r="X24824" i="1"/>
  <c r="X24825" i="1"/>
  <c r="X24826" i="1"/>
  <c r="X24827" i="1"/>
  <c r="X24828" i="1"/>
  <c r="X24829" i="1"/>
  <c r="X24830" i="1"/>
  <c r="X24831" i="1"/>
  <c r="X24832" i="1"/>
  <c r="X24833" i="1"/>
  <c r="X24834" i="1"/>
  <c r="X24835" i="1"/>
  <c r="X24836" i="1"/>
  <c r="X24837" i="1"/>
  <c r="X24838" i="1"/>
  <c r="X24839" i="1"/>
  <c r="X24840" i="1"/>
  <c r="X24841" i="1"/>
  <c r="X24842" i="1"/>
  <c r="X24843" i="1"/>
  <c r="X24844" i="1"/>
  <c r="X24845" i="1"/>
  <c r="X24846" i="1"/>
  <c r="X24847" i="1"/>
  <c r="X24848" i="1"/>
  <c r="X24849" i="1"/>
  <c r="X24850" i="1"/>
  <c r="X24851" i="1"/>
  <c r="X24852" i="1"/>
  <c r="X24853" i="1"/>
  <c r="X24854" i="1"/>
  <c r="X24855" i="1"/>
  <c r="X24856" i="1"/>
  <c r="X24857" i="1"/>
  <c r="X24858" i="1"/>
  <c r="X24859" i="1"/>
  <c r="X24860" i="1"/>
  <c r="X24861" i="1"/>
  <c r="X24862" i="1"/>
  <c r="X24863" i="1"/>
  <c r="X24864" i="1"/>
  <c r="X24865" i="1"/>
  <c r="X24866" i="1"/>
  <c r="X24867" i="1"/>
  <c r="X24868" i="1"/>
  <c r="X24869" i="1"/>
  <c r="X24870" i="1"/>
  <c r="X24871" i="1"/>
  <c r="X24872" i="1"/>
  <c r="X24873" i="1"/>
  <c r="X24874" i="1"/>
  <c r="X24875" i="1"/>
  <c r="X24876" i="1"/>
  <c r="X24877" i="1"/>
  <c r="X24878" i="1"/>
  <c r="X24879" i="1"/>
  <c r="X24880" i="1"/>
  <c r="X24881" i="1"/>
  <c r="X24882" i="1"/>
  <c r="X24883" i="1"/>
  <c r="X24884" i="1"/>
  <c r="X24885" i="1"/>
  <c r="X24886" i="1"/>
  <c r="X24887" i="1"/>
  <c r="X24888" i="1"/>
  <c r="X24889" i="1"/>
  <c r="X24890" i="1"/>
  <c r="X24891" i="1"/>
  <c r="X24892" i="1"/>
  <c r="X24893" i="1"/>
  <c r="X24894" i="1"/>
  <c r="X24895" i="1"/>
  <c r="X24896" i="1"/>
  <c r="X24897" i="1"/>
  <c r="X24898" i="1"/>
  <c r="X24899" i="1"/>
  <c r="X24900" i="1"/>
  <c r="X24901" i="1"/>
  <c r="X24902" i="1"/>
  <c r="X24903" i="1"/>
  <c r="X24904" i="1"/>
  <c r="X24905" i="1"/>
  <c r="X24906" i="1"/>
  <c r="X24907" i="1"/>
  <c r="X24908" i="1"/>
  <c r="X24909" i="1"/>
  <c r="X24910" i="1"/>
  <c r="X24911" i="1"/>
  <c r="X24912" i="1"/>
  <c r="X24913" i="1"/>
  <c r="X24914" i="1"/>
  <c r="X24915" i="1"/>
  <c r="X24916" i="1"/>
  <c r="X24917" i="1"/>
  <c r="X24918" i="1"/>
  <c r="X24919" i="1"/>
  <c r="X24920" i="1"/>
  <c r="X24921" i="1"/>
  <c r="X24922" i="1"/>
  <c r="X24923" i="1"/>
  <c r="X24924" i="1"/>
  <c r="X24925" i="1"/>
  <c r="X24926" i="1"/>
  <c r="X24927" i="1"/>
  <c r="X24928" i="1"/>
  <c r="X24929" i="1"/>
  <c r="X24930" i="1"/>
  <c r="X24931" i="1"/>
  <c r="X24932" i="1"/>
  <c r="X24933" i="1"/>
  <c r="X24934" i="1"/>
  <c r="X24935" i="1"/>
  <c r="X24936" i="1"/>
  <c r="X24937" i="1"/>
  <c r="X24938" i="1"/>
  <c r="X24939" i="1"/>
  <c r="X24940" i="1"/>
  <c r="X24941" i="1"/>
  <c r="X24942" i="1"/>
  <c r="X24943" i="1"/>
  <c r="X24944" i="1"/>
  <c r="X24945" i="1"/>
  <c r="X24946" i="1"/>
  <c r="X24947" i="1"/>
  <c r="X24948" i="1"/>
  <c r="X24949" i="1"/>
  <c r="X24950" i="1"/>
  <c r="X24951" i="1"/>
  <c r="X24952" i="1"/>
  <c r="X24953" i="1"/>
  <c r="X24954" i="1"/>
  <c r="X24955" i="1"/>
  <c r="X24956" i="1"/>
  <c r="X24957" i="1"/>
  <c r="X24958" i="1"/>
  <c r="X24959" i="1"/>
  <c r="X24960" i="1"/>
  <c r="X24961" i="1"/>
  <c r="X24962" i="1"/>
  <c r="X24963" i="1"/>
  <c r="X24964" i="1"/>
  <c r="X24965" i="1"/>
  <c r="X24966" i="1"/>
  <c r="X24967" i="1"/>
  <c r="X24968" i="1"/>
  <c r="X24969" i="1"/>
  <c r="X24970" i="1"/>
  <c r="X24971" i="1"/>
  <c r="X24972" i="1"/>
  <c r="X24973" i="1"/>
  <c r="X24974" i="1"/>
  <c r="X24975" i="1"/>
  <c r="X24976" i="1"/>
  <c r="X24977" i="1"/>
  <c r="X24978" i="1"/>
  <c r="X24979" i="1"/>
  <c r="X24980" i="1"/>
  <c r="X24981" i="1"/>
  <c r="X24982" i="1"/>
  <c r="X24983" i="1"/>
  <c r="X24984" i="1"/>
  <c r="X24985" i="1"/>
  <c r="X24986" i="1"/>
  <c r="X24987" i="1"/>
  <c r="X24988" i="1"/>
  <c r="X24989" i="1"/>
  <c r="X24990" i="1"/>
  <c r="X24991" i="1"/>
  <c r="X24992" i="1"/>
  <c r="X24993" i="1"/>
  <c r="X24994" i="1"/>
  <c r="X24995" i="1"/>
  <c r="X24996" i="1"/>
  <c r="X24997" i="1"/>
  <c r="X24998" i="1"/>
  <c r="X24999" i="1"/>
  <c r="X25000" i="1"/>
  <c r="X25001" i="1"/>
  <c r="X25002" i="1"/>
  <c r="X25003" i="1"/>
  <c r="X25004" i="1"/>
  <c r="X25005" i="1"/>
  <c r="X25006" i="1"/>
  <c r="X25007" i="1"/>
  <c r="X25008" i="1"/>
  <c r="X25009" i="1"/>
  <c r="X25010" i="1"/>
  <c r="X25011" i="1"/>
  <c r="X25012" i="1"/>
  <c r="X25013" i="1"/>
  <c r="X25014" i="1"/>
  <c r="X25015" i="1"/>
  <c r="X25016" i="1"/>
  <c r="X25017" i="1"/>
  <c r="X25018" i="1"/>
  <c r="X25019" i="1"/>
  <c r="X25020" i="1"/>
  <c r="X25021" i="1"/>
  <c r="X25022" i="1"/>
  <c r="X25023" i="1"/>
  <c r="X25024" i="1"/>
  <c r="X25025" i="1"/>
  <c r="X25026" i="1"/>
  <c r="X25027" i="1"/>
  <c r="X25028" i="1"/>
  <c r="X25029" i="1"/>
  <c r="X25030" i="1"/>
  <c r="X25031" i="1"/>
  <c r="X25032" i="1"/>
  <c r="X25033" i="1"/>
  <c r="X25034" i="1"/>
  <c r="X25035" i="1"/>
  <c r="X25036" i="1"/>
  <c r="X25037" i="1"/>
  <c r="X25038" i="1"/>
  <c r="X25039" i="1"/>
  <c r="X25040" i="1"/>
  <c r="X25041" i="1"/>
  <c r="X25042" i="1"/>
  <c r="X25043" i="1"/>
  <c r="X25044" i="1"/>
  <c r="X25045" i="1"/>
  <c r="X25046" i="1"/>
  <c r="X25047" i="1"/>
  <c r="X25048" i="1"/>
  <c r="X25049" i="1"/>
  <c r="X25050" i="1"/>
  <c r="X25051" i="1"/>
  <c r="X25052" i="1"/>
  <c r="X25053" i="1"/>
  <c r="X25054" i="1"/>
  <c r="X25055" i="1"/>
  <c r="X25056" i="1"/>
  <c r="X25057" i="1"/>
  <c r="X25058" i="1"/>
  <c r="X25059" i="1"/>
  <c r="X25060" i="1"/>
  <c r="X25061" i="1"/>
  <c r="X25062" i="1"/>
  <c r="X25063" i="1"/>
  <c r="X25064" i="1"/>
  <c r="X25065" i="1"/>
  <c r="X25066" i="1"/>
  <c r="X25067" i="1"/>
  <c r="X25068" i="1"/>
  <c r="X25069" i="1"/>
  <c r="X25070" i="1"/>
  <c r="X25071" i="1"/>
  <c r="X25072" i="1"/>
  <c r="X25073" i="1"/>
  <c r="X25074" i="1"/>
  <c r="X25075" i="1"/>
  <c r="X25076" i="1"/>
  <c r="X25077" i="1"/>
  <c r="X25078" i="1"/>
  <c r="X25079" i="1"/>
  <c r="X25080" i="1"/>
  <c r="X25081" i="1"/>
  <c r="X25082" i="1"/>
  <c r="X25083" i="1"/>
  <c r="X25084" i="1"/>
  <c r="X25085" i="1"/>
  <c r="X25086" i="1"/>
  <c r="X25087" i="1"/>
  <c r="X25088" i="1"/>
  <c r="X25089" i="1"/>
  <c r="X25090" i="1"/>
  <c r="X25091" i="1"/>
  <c r="X25092" i="1"/>
  <c r="X25093" i="1"/>
  <c r="X25094" i="1"/>
  <c r="X25095" i="1"/>
  <c r="X25096" i="1"/>
  <c r="X25097" i="1"/>
  <c r="X25098" i="1"/>
  <c r="X25099" i="1"/>
  <c r="X25100" i="1"/>
  <c r="X25101" i="1"/>
  <c r="X25102" i="1"/>
  <c r="X25103" i="1"/>
  <c r="X25104" i="1"/>
  <c r="X25105" i="1"/>
  <c r="X25106" i="1"/>
  <c r="X25107" i="1"/>
  <c r="X25108" i="1"/>
  <c r="X25109" i="1"/>
  <c r="X25110" i="1"/>
  <c r="X25111" i="1"/>
  <c r="X25112" i="1"/>
  <c r="X25113" i="1"/>
  <c r="X25114" i="1"/>
  <c r="X25115" i="1"/>
  <c r="X25116" i="1"/>
  <c r="X25117" i="1"/>
  <c r="X25118" i="1"/>
  <c r="X25119" i="1"/>
  <c r="X25120" i="1"/>
  <c r="X25121" i="1"/>
  <c r="X25122" i="1"/>
  <c r="X25123" i="1"/>
  <c r="X25124" i="1"/>
  <c r="X25125" i="1"/>
  <c r="X25126" i="1"/>
  <c r="X25127" i="1"/>
  <c r="X25128" i="1"/>
  <c r="X25129" i="1"/>
  <c r="X25130" i="1"/>
  <c r="X25131" i="1"/>
  <c r="X25132" i="1"/>
  <c r="X25133" i="1"/>
  <c r="X25134" i="1"/>
  <c r="X25135" i="1"/>
  <c r="X25136" i="1"/>
  <c r="X25137" i="1"/>
  <c r="X25138" i="1"/>
  <c r="X25139" i="1"/>
  <c r="X25140" i="1"/>
  <c r="X25141" i="1"/>
  <c r="X25142" i="1"/>
  <c r="X25143" i="1"/>
  <c r="X25144" i="1"/>
  <c r="X25145" i="1"/>
  <c r="X25146" i="1"/>
  <c r="X25147" i="1"/>
  <c r="X25148" i="1"/>
  <c r="X25149" i="1"/>
  <c r="X25150" i="1"/>
  <c r="X25151" i="1"/>
  <c r="X25152" i="1"/>
  <c r="X25153" i="1"/>
  <c r="X25154" i="1"/>
  <c r="X25155" i="1"/>
  <c r="X25156" i="1"/>
  <c r="X25157" i="1"/>
  <c r="X25158" i="1"/>
  <c r="X25159" i="1"/>
  <c r="X25160" i="1"/>
  <c r="X25161" i="1"/>
  <c r="X25162" i="1"/>
  <c r="X25163" i="1"/>
  <c r="X25164" i="1"/>
  <c r="X25165" i="1"/>
  <c r="X25166" i="1"/>
  <c r="X25167" i="1"/>
  <c r="X25168" i="1"/>
  <c r="X25169" i="1"/>
  <c r="X25170" i="1"/>
  <c r="X25171" i="1"/>
  <c r="X25172" i="1"/>
  <c r="X25173" i="1"/>
  <c r="X25174" i="1"/>
  <c r="X25175" i="1"/>
  <c r="X25176" i="1"/>
  <c r="X25177" i="1"/>
  <c r="X25178" i="1"/>
  <c r="X25179" i="1"/>
  <c r="X25180" i="1"/>
  <c r="X25181" i="1"/>
  <c r="X25182" i="1"/>
  <c r="X25183" i="1"/>
  <c r="X25184" i="1"/>
  <c r="X25185" i="1"/>
  <c r="X25186" i="1"/>
  <c r="X25187" i="1"/>
  <c r="X25188" i="1"/>
  <c r="X25189" i="1"/>
  <c r="X25190" i="1"/>
  <c r="X25191" i="1"/>
  <c r="X25192" i="1"/>
  <c r="X25193" i="1"/>
  <c r="X25194" i="1"/>
  <c r="X25195" i="1"/>
  <c r="X25196" i="1"/>
  <c r="X25197" i="1"/>
  <c r="X25198" i="1"/>
  <c r="X25199" i="1"/>
  <c r="X25200" i="1"/>
  <c r="X25201" i="1"/>
  <c r="X25202" i="1"/>
  <c r="X25203" i="1"/>
  <c r="X25204" i="1"/>
  <c r="X25205" i="1"/>
  <c r="X25206" i="1"/>
  <c r="X25207" i="1"/>
  <c r="X25208" i="1"/>
  <c r="X25209" i="1"/>
  <c r="X25210" i="1"/>
  <c r="X25211" i="1"/>
  <c r="X25212" i="1"/>
  <c r="X25213" i="1"/>
  <c r="X25214" i="1"/>
  <c r="X25215" i="1"/>
  <c r="X25216" i="1"/>
  <c r="X25217" i="1"/>
  <c r="X25218" i="1"/>
  <c r="X25219" i="1"/>
  <c r="X25220" i="1"/>
  <c r="X25221" i="1"/>
  <c r="X25222" i="1"/>
  <c r="X25223" i="1"/>
  <c r="X25224" i="1"/>
  <c r="X25225" i="1"/>
  <c r="X25226" i="1"/>
  <c r="X25227" i="1"/>
  <c r="X25228" i="1"/>
  <c r="X25229" i="1"/>
  <c r="X25230" i="1"/>
  <c r="X25231" i="1"/>
  <c r="X25232" i="1"/>
  <c r="X25233" i="1"/>
  <c r="X25234" i="1"/>
  <c r="X25235" i="1"/>
  <c r="X25236" i="1"/>
  <c r="X25237" i="1"/>
  <c r="X25238" i="1"/>
  <c r="X25239" i="1"/>
  <c r="X25240" i="1"/>
  <c r="X25241" i="1"/>
  <c r="X25242" i="1"/>
  <c r="X25243" i="1"/>
  <c r="X25244" i="1"/>
  <c r="X25245" i="1"/>
  <c r="X25246" i="1"/>
  <c r="X25247" i="1"/>
  <c r="X25248" i="1"/>
  <c r="X25249" i="1"/>
  <c r="X25250" i="1"/>
  <c r="X25251" i="1"/>
  <c r="X25252" i="1"/>
  <c r="X25253" i="1"/>
  <c r="X25254" i="1"/>
  <c r="X25255" i="1"/>
  <c r="X25256" i="1"/>
  <c r="X25257" i="1"/>
  <c r="X25258" i="1"/>
  <c r="X25259" i="1"/>
  <c r="X25260" i="1"/>
  <c r="X25261" i="1"/>
  <c r="X25262" i="1"/>
  <c r="X25263" i="1"/>
  <c r="X25264" i="1"/>
  <c r="X25265" i="1"/>
  <c r="X25266" i="1"/>
  <c r="X25267" i="1"/>
  <c r="X25268" i="1"/>
  <c r="X25269" i="1"/>
  <c r="X25270" i="1"/>
  <c r="X25271" i="1"/>
  <c r="X25272" i="1"/>
  <c r="X25273" i="1"/>
  <c r="X25274" i="1"/>
  <c r="X25275" i="1"/>
  <c r="X25276" i="1"/>
  <c r="X25277" i="1"/>
  <c r="X25278" i="1"/>
  <c r="X25279" i="1"/>
  <c r="X25280" i="1"/>
  <c r="X25281" i="1"/>
  <c r="X25282" i="1"/>
  <c r="X25283" i="1"/>
  <c r="X25284" i="1"/>
  <c r="X25285" i="1"/>
  <c r="X25286" i="1"/>
  <c r="X25287" i="1"/>
  <c r="X25288" i="1"/>
  <c r="X25289" i="1"/>
  <c r="X25290" i="1"/>
  <c r="X25291" i="1"/>
  <c r="X25292" i="1"/>
  <c r="X25293" i="1"/>
  <c r="X25294" i="1"/>
  <c r="X25295" i="1"/>
  <c r="X25296" i="1"/>
  <c r="X25297" i="1"/>
  <c r="X25298" i="1"/>
  <c r="X25299" i="1"/>
  <c r="X25300" i="1"/>
  <c r="X25301" i="1"/>
  <c r="X25302" i="1"/>
  <c r="X25303" i="1"/>
  <c r="X25304" i="1"/>
  <c r="X25305" i="1"/>
  <c r="X25306" i="1"/>
  <c r="X25307" i="1"/>
  <c r="X25308" i="1"/>
  <c r="X25309" i="1"/>
  <c r="X25310" i="1"/>
  <c r="X25311" i="1"/>
  <c r="X25312" i="1"/>
  <c r="X25313" i="1"/>
  <c r="X25314" i="1"/>
  <c r="X25315" i="1"/>
  <c r="X25316" i="1"/>
  <c r="X25317" i="1"/>
  <c r="X25318" i="1"/>
  <c r="X25319" i="1"/>
  <c r="X25320" i="1"/>
  <c r="X25321" i="1"/>
  <c r="X25322" i="1"/>
  <c r="X25323" i="1"/>
  <c r="X25324" i="1"/>
  <c r="X25325" i="1"/>
  <c r="X25326" i="1"/>
  <c r="X25327" i="1"/>
  <c r="X25328" i="1"/>
  <c r="X25329" i="1"/>
  <c r="X25330" i="1"/>
  <c r="X25331" i="1"/>
  <c r="X25332" i="1"/>
  <c r="X25333" i="1"/>
  <c r="X25334" i="1"/>
  <c r="X25335" i="1"/>
  <c r="X25336" i="1"/>
  <c r="X25337" i="1"/>
  <c r="X25338" i="1"/>
  <c r="X25339" i="1"/>
  <c r="X25340" i="1"/>
  <c r="X25341" i="1"/>
  <c r="X25342" i="1"/>
  <c r="X25343" i="1"/>
  <c r="X25344" i="1"/>
  <c r="X25345" i="1"/>
  <c r="X25346" i="1"/>
  <c r="X25347" i="1"/>
  <c r="X25348" i="1"/>
  <c r="X25349" i="1"/>
  <c r="X25350" i="1"/>
  <c r="X25351" i="1"/>
  <c r="X25352" i="1"/>
  <c r="X25353" i="1"/>
  <c r="X25354" i="1"/>
  <c r="X25355" i="1"/>
  <c r="X25356" i="1"/>
  <c r="X25357" i="1"/>
  <c r="X25358" i="1"/>
  <c r="X25359" i="1"/>
  <c r="X25360" i="1"/>
  <c r="X25361" i="1"/>
  <c r="X25362" i="1"/>
  <c r="X25363" i="1"/>
  <c r="X25364" i="1"/>
  <c r="X25365" i="1"/>
  <c r="X25366" i="1"/>
  <c r="X25367" i="1"/>
  <c r="X25368" i="1"/>
  <c r="X25369" i="1"/>
  <c r="X25370" i="1"/>
  <c r="X25371" i="1"/>
  <c r="X25372" i="1"/>
  <c r="X25373" i="1"/>
  <c r="X25374" i="1"/>
  <c r="X25375" i="1"/>
  <c r="X25376" i="1"/>
  <c r="X25377" i="1"/>
  <c r="X25378" i="1"/>
  <c r="X25379" i="1"/>
  <c r="X25380" i="1"/>
  <c r="X25381" i="1"/>
  <c r="X25382" i="1"/>
  <c r="X25383" i="1"/>
  <c r="X25384" i="1"/>
  <c r="X25385" i="1"/>
  <c r="X25386" i="1"/>
  <c r="X25387" i="1"/>
  <c r="X25388" i="1"/>
  <c r="X25389" i="1"/>
  <c r="X25390" i="1"/>
  <c r="X25391" i="1"/>
  <c r="X25392" i="1"/>
  <c r="X25393" i="1"/>
  <c r="X25394" i="1"/>
  <c r="X25395" i="1"/>
  <c r="X25396" i="1"/>
  <c r="X25397" i="1"/>
  <c r="X25398" i="1"/>
  <c r="X25399" i="1"/>
  <c r="X25400" i="1"/>
  <c r="X25401" i="1"/>
  <c r="X25402" i="1"/>
  <c r="X25403" i="1"/>
  <c r="X25404" i="1"/>
  <c r="X25405" i="1"/>
  <c r="X25406" i="1"/>
  <c r="X25407" i="1"/>
  <c r="X25408" i="1"/>
  <c r="X25409" i="1"/>
  <c r="X25410" i="1"/>
  <c r="X25411" i="1"/>
  <c r="X25412" i="1"/>
  <c r="X25413" i="1"/>
  <c r="X25414" i="1"/>
  <c r="X25415" i="1"/>
  <c r="X25416" i="1"/>
  <c r="X25417" i="1"/>
  <c r="X25418" i="1"/>
  <c r="X25419" i="1"/>
  <c r="X25420" i="1"/>
  <c r="X25421" i="1"/>
  <c r="X25422" i="1"/>
  <c r="X25423" i="1"/>
  <c r="X25424" i="1"/>
  <c r="X25425" i="1"/>
  <c r="X25426" i="1"/>
  <c r="X25427" i="1"/>
  <c r="X25428" i="1"/>
  <c r="X25429" i="1"/>
  <c r="X25430" i="1"/>
  <c r="X25431" i="1"/>
  <c r="X25432" i="1"/>
  <c r="X25433" i="1"/>
  <c r="X25434" i="1"/>
  <c r="X25435" i="1"/>
  <c r="X25436" i="1"/>
  <c r="X25437" i="1"/>
  <c r="X25438" i="1"/>
  <c r="X25439" i="1"/>
  <c r="X25440" i="1"/>
  <c r="X25441" i="1"/>
  <c r="X25442" i="1"/>
  <c r="X25443" i="1"/>
  <c r="X25444" i="1"/>
  <c r="X25445" i="1"/>
  <c r="X25446" i="1"/>
  <c r="X25447" i="1"/>
  <c r="X25448" i="1"/>
  <c r="X25449" i="1"/>
  <c r="X25450" i="1"/>
  <c r="X25451" i="1"/>
  <c r="X25452" i="1"/>
  <c r="X25453" i="1"/>
  <c r="X25454" i="1"/>
  <c r="X25455" i="1"/>
  <c r="X25456" i="1"/>
  <c r="X25457" i="1"/>
  <c r="X25458" i="1"/>
  <c r="X25459" i="1"/>
  <c r="X25460" i="1"/>
  <c r="X25461" i="1"/>
  <c r="X25462" i="1"/>
  <c r="X25463" i="1"/>
  <c r="X25464" i="1"/>
  <c r="X25465" i="1"/>
  <c r="X25466" i="1"/>
  <c r="X25467" i="1"/>
  <c r="X25468" i="1"/>
  <c r="X25469" i="1"/>
  <c r="X25470" i="1"/>
  <c r="X25471" i="1"/>
  <c r="X25472" i="1"/>
  <c r="X25473" i="1"/>
  <c r="X25474" i="1"/>
  <c r="X25475" i="1"/>
  <c r="X25476" i="1"/>
  <c r="X25477" i="1"/>
  <c r="X25478" i="1"/>
  <c r="X25479" i="1"/>
  <c r="X25480" i="1"/>
  <c r="X25481" i="1"/>
  <c r="X25482" i="1"/>
  <c r="X25483" i="1"/>
  <c r="X25484" i="1"/>
  <c r="X25485" i="1"/>
  <c r="X25486" i="1"/>
  <c r="X25487" i="1"/>
  <c r="X25488" i="1"/>
  <c r="X25489" i="1"/>
  <c r="X25490" i="1"/>
  <c r="X25491" i="1"/>
  <c r="X25492" i="1"/>
  <c r="X25493" i="1"/>
  <c r="X25494" i="1"/>
  <c r="X25495" i="1"/>
  <c r="X25496" i="1"/>
  <c r="X25497" i="1"/>
  <c r="X25498" i="1"/>
  <c r="X25499" i="1"/>
  <c r="X25500" i="1"/>
  <c r="X25501" i="1"/>
  <c r="X25502" i="1"/>
  <c r="X25503" i="1"/>
  <c r="X25504" i="1"/>
  <c r="X25505" i="1"/>
  <c r="X25506" i="1"/>
  <c r="X25507" i="1"/>
  <c r="X25508" i="1"/>
  <c r="X25509" i="1"/>
  <c r="X25510" i="1"/>
  <c r="X25511" i="1"/>
  <c r="X25512" i="1"/>
  <c r="X25513" i="1"/>
  <c r="X25514" i="1"/>
  <c r="X25515" i="1"/>
  <c r="X25516" i="1"/>
  <c r="X25517" i="1"/>
  <c r="X25518" i="1"/>
  <c r="X25519" i="1"/>
  <c r="X25520" i="1"/>
  <c r="X25521" i="1"/>
  <c r="X25522" i="1"/>
  <c r="X25523" i="1"/>
  <c r="X25524" i="1"/>
  <c r="X25525" i="1"/>
  <c r="X25526" i="1"/>
  <c r="X25527" i="1"/>
  <c r="X25528" i="1"/>
  <c r="X25529" i="1"/>
  <c r="X25530" i="1"/>
  <c r="X25531" i="1"/>
  <c r="X25532" i="1"/>
  <c r="X25533" i="1"/>
  <c r="X25534" i="1"/>
  <c r="X25535" i="1"/>
  <c r="X25536" i="1"/>
  <c r="X25537" i="1"/>
  <c r="X25538" i="1"/>
  <c r="X25539" i="1"/>
  <c r="X25540" i="1"/>
  <c r="X25541" i="1"/>
  <c r="X25542" i="1"/>
  <c r="X25543" i="1"/>
  <c r="X25544" i="1"/>
  <c r="X25545" i="1"/>
  <c r="X25546" i="1"/>
  <c r="X25547" i="1"/>
  <c r="X25548" i="1"/>
  <c r="X25549" i="1"/>
  <c r="X25550" i="1"/>
  <c r="X25551" i="1"/>
  <c r="X25552" i="1"/>
  <c r="X25553" i="1"/>
  <c r="X25554" i="1"/>
  <c r="X25555" i="1"/>
  <c r="X25556" i="1"/>
  <c r="X25557" i="1"/>
  <c r="X25558" i="1"/>
  <c r="X25559" i="1"/>
  <c r="X25560" i="1"/>
  <c r="X25561" i="1"/>
  <c r="X25562" i="1"/>
  <c r="X25563" i="1"/>
  <c r="X25564" i="1"/>
  <c r="X25565" i="1"/>
  <c r="X25566" i="1"/>
  <c r="X25567" i="1"/>
  <c r="X25568" i="1"/>
  <c r="X25569" i="1"/>
  <c r="X25570" i="1"/>
  <c r="X25571" i="1"/>
  <c r="X25572" i="1"/>
  <c r="X25573" i="1"/>
  <c r="X25574" i="1"/>
  <c r="X25575" i="1"/>
  <c r="X25576" i="1"/>
  <c r="X25577" i="1"/>
  <c r="X25578" i="1"/>
  <c r="X25579" i="1"/>
  <c r="X25580" i="1"/>
  <c r="X25581" i="1"/>
  <c r="X25582" i="1"/>
  <c r="X25583" i="1"/>
  <c r="X25584" i="1"/>
  <c r="X25585" i="1"/>
  <c r="X25586" i="1"/>
  <c r="X25587" i="1"/>
  <c r="X25588" i="1"/>
  <c r="X25589" i="1"/>
  <c r="X25590" i="1"/>
  <c r="X25591" i="1"/>
  <c r="X25592" i="1"/>
  <c r="X25593" i="1"/>
  <c r="X25594" i="1"/>
  <c r="X25595" i="1"/>
  <c r="X25596" i="1"/>
  <c r="X25597" i="1"/>
  <c r="X25598" i="1"/>
  <c r="X25599" i="1"/>
  <c r="X25600" i="1"/>
  <c r="X25601" i="1"/>
  <c r="X25602" i="1"/>
  <c r="X25603" i="1"/>
  <c r="X25604" i="1"/>
  <c r="X25605" i="1"/>
  <c r="X25606" i="1"/>
  <c r="X25607" i="1"/>
  <c r="X25608" i="1"/>
  <c r="X25609" i="1"/>
  <c r="X25610" i="1"/>
  <c r="X25611" i="1"/>
  <c r="X25612" i="1"/>
  <c r="X25613" i="1"/>
  <c r="X25614" i="1"/>
  <c r="X25615" i="1"/>
  <c r="X25616" i="1"/>
  <c r="X25617" i="1"/>
  <c r="X25618" i="1"/>
  <c r="X25619" i="1"/>
  <c r="X25620" i="1"/>
  <c r="X25621" i="1"/>
  <c r="X25622" i="1"/>
  <c r="X25623" i="1"/>
  <c r="X25624" i="1"/>
  <c r="X25625" i="1"/>
  <c r="X25626" i="1"/>
  <c r="X25627" i="1"/>
  <c r="X25628" i="1"/>
  <c r="X25629" i="1"/>
  <c r="X25630" i="1"/>
  <c r="X25631" i="1"/>
  <c r="X25632" i="1"/>
  <c r="X25633" i="1"/>
  <c r="X25634" i="1"/>
  <c r="X25635" i="1"/>
  <c r="X25636" i="1"/>
  <c r="X25637" i="1"/>
  <c r="X25638" i="1"/>
  <c r="X25639" i="1"/>
  <c r="X25640" i="1"/>
  <c r="X25641" i="1"/>
  <c r="X25642" i="1"/>
  <c r="X25643" i="1"/>
  <c r="X25644" i="1"/>
  <c r="X25645" i="1"/>
  <c r="X25646" i="1"/>
  <c r="X25647" i="1"/>
  <c r="X25648" i="1"/>
  <c r="X25649" i="1"/>
  <c r="X25650" i="1"/>
  <c r="X25651" i="1"/>
  <c r="X25652" i="1"/>
  <c r="X25653" i="1"/>
  <c r="X25654" i="1"/>
  <c r="X25655" i="1"/>
  <c r="X25656" i="1"/>
  <c r="X25657" i="1"/>
  <c r="X25658" i="1"/>
  <c r="X25659" i="1"/>
  <c r="X25660" i="1"/>
  <c r="X25661" i="1"/>
  <c r="X25662" i="1"/>
  <c r="X25663" i="1"/>
  <c r="X25664" i="1"/>
  <c r="X25665" i="1"/>
  <c r="X25666" i="1"/>
  <c r="X25667" i="1"/>
  <c r="X25668" i="1"/>
  <c r="X25669" i="1"/>
  <c r="X25670" i="1"/>
  <c r="X25671" i="1"/>
  <c r="X25672" i="1"/>
  <c r="X25673" i="1"/>
  <c r="X25674" i="1"/>
  <c r="X25675" i="1"/>
  <c r="X25676" i="1"/>
  <c r="X25677" i="1"/>
  <c r="X25678" i="1"/>
  <c r="X25679" i="1"/>
  <c r="X25680" i="1"/>
  <c r="X25681" i="1"/>
  <c r="X25682" i="1"/>
  <c r="X25683" i="1"/>
  <c r="X25684" i="1"/>
  <c r="X25685" i="1"/>
  <c r="X25686" i="1"/>
  <c r="X25687" i="1"/>
  <c r="X25688" i="1"/>
  <c r="X25689" i="1"/>
  <c r="X25690" i="1"/>
  <c r="X25691" i="1"/>
  <c r="X25692" i="1"/>
  <c r="X25693" i="1"/>
  <c r="X25694" i="1"/>
  <c r="X25695" i="1"/>
  <c r="X25696" i="1"/>
  <c r="X25697" i="1"/>
  <c r="X25698" i="1"/>
  <c r="X25699" i="1"/>
  <c r="X25700" i="1"/>
  <c r="X25701" i="1"/>
  <c r="X25702" i="1"/>
  <c r="X25703" i="1"/>
  <c r="X25704" i="1"/>
  <c r="X25705" i="1"/>
  <c r="X25706" i="1"/>
  <c r="X25707" i="1"/>
  <c r="X25708" i="1"/>
  <c r="X25709" i="1"/>
  <c r="X25710" i="1"/>
  <c r="X25711" i="1"/>
  <c r="X25712" i="1"/>
  <c r="X25713" i="1"/>
  <c r="X25714" i="1"/>
  <c r="X25715" i="1"/>
  <c r="X25716" i="1"/>
  <c r="X25717" i="1"/>
  <c r="X25718" i="1"/>
  <c r="X25719" i="1"/>
  <c r="X25720" i="1"/>
  <c r="X25721" i="1"/>
  <c r="X25722" i="1"/>
  <c r="X25723" i="1"/>
  <c r="X25724" i="1"/>
  <c r="X25725" i="1"/>
  <c r="X25726" i="1"/>
  <c r="X25727" i="1"/>
  <c r="X25728" i="1"/>
  <c r="X25729" i="1"/>
  <c r="X25730" i="1"/>
  <c r="X25731" i="1"/>
  <c r="X25732" i="1"/>
  <c r="X25733" i="1"/>
  <c r="X25734" i="1"/>
  <c r="X25735" i="1"/>
  <c r="X25736" i="1"/>
  <c r="X25737" i="1"/>
  <c r="X25738" i="1"/>
  <c r="X25739" i="1"/>
  <c r="X25740" i="1"/>
  <c r="X25741" i="1"/>
  <c r="X25742" i="1"/>
  <c r="X25743" i="1"/>
  <c r="X25744" i="1"/>
  <c r="X25745" i="1"/>
  <c r="X25746" i="1"/>
  <c r="X25747" i="1"/>
  <c r="X25748" i="1"/>
  <c r="X25749" i="1"/>
  <c r="X25750" i="1"/>
  <c r="X25751" i="1"/>
  <c r="X25752" i="1"/>
  <c r="X25753" i="1"/>
  <c r="X25754" i="1"/>
  <c r="X25755" i="1"/>
  <c r="X25756" i="1"/>
  <c r="X25757" i="1"/>
  <c r="X25758" i="1"/>
  <c r="X25759" i="1"/>
  <c r="X25760" i="1"/>
  <c r="X25761" i="1"/>
  <c r="X25762" i="1"/>
  <c r="X25763" i="1"/>
  <c r="X25764" i="1"/>
  <c r="X25765" i="1"/>
  <c r="X25766" i="1"/>
  <c r="X25767" i="1"/>
  <c r="X25768" i="1"/>
  <c r="X25769" i="1"/>
  <c r="X25770" i="1"/>
  <c r="X25771" i="1"/>
  <c r="X25772" i="1"/>
  <c r="X25773" i="1"/>
  <c r="X25774" i="1"/>
  <c r="X25775" i="1"/>
  <c r="X25776" i="1"/>
  <c r="X25777" i="1"/>
  <c r="X25778" i="1"/>
  <c r="X25779" i="1"/>
  <c r="X25780" i="1"/>
  <c r="X25781" i="1"/>
  <c r="X25782" i="1"/>
  <c r="X25783" i="1"/>
  <c r="X25784" i="1"/>
  <c r="X25785" i="1"/>
  <c r="X25786" i="1"/>
  <c r="X25787" i="1"/>
  <c r="X25788" i="1"/>
  <c r="X25789" i="1"/>
  <c r="X25790" i="1"/>
  <c r="X25791" i="1"/>
  <c r="X25792" i="1"/>
  <c r="X25793" i="1"/>
  <c r="X25794" i="1"/>
  <c r="X25795" i="1"/>
  <c r="X25796" i="1"/>
  <c r="X25797" i="1"/>
  <c r="X25798" i="1"/>
  <c r="X25799" i="1"/>
  <c r="X25800" i="1"/>
  <c r="X25801" i="1"/>
  <c r="X25802" i="1"/>
  <c r="X25803" i="1"/>
  <c r="X25804" i="1"/>
  <c r="X25805" i="1"/>
  <c r="X25806" i="1"/>
  <c r="X25807" i="1"/>
  <c r="X25808" i="1"/>
  <c r="X25809" i="1"/>
  <c r="X25810" i="1"/>
  <c r="X25811" i="1"/>
  <c r="X25812" i="1"/>
  <c r="X25813" i="1"/>
  <c r="X25814" i="1"/>
  <c r="X25815" i="1"/>
  <c r="X25816" i="1"/>
  <c r="X25817" i="1"/>
  <c r="X25818" i="1"/>
  <c r="X25819" i="1"/>
  <c r="X25820" i="1"/>
  <c r="X25821" i="1"/>
  <c r="X25822" i="1"/>
  <c r="X25823" i="1"/>
  <c r="X25824" i="1"/>
  <c r="X25825" i="1"/>
  <c r="X25826" i="1"/>
  <c r="X25827" i="1"/>
  <c r="X25828" i="1"/>
  <c r="X25829" i="1"/>
  <c r="X25830" i="1"/>
  <c r="X25831" i="1"/>
  <c r="X25832" i="1"/>
  <c r="X25833" i="1"/>
  <c r="X25834" i="1"/>
  <c r="X25835" i="1"/>
  <c r="X25836" i="1"/>
  <c r="X25837" i="1"/>
  <c r="X25838" i="1"/>
  <c r="X25839" i="1"/>
  <c r="X25840" i="1"/>
  <c r="X25841" i="1"/>
  <c r="X25842" i="1"/>
  <c r="X25843" i="1"/>
  <c r="X25844" i="1"/>
  <c r="X25845" i="1"/>
  <c r="X25846" i="1"/>
  <c r="X25847" i="1"/>
  <c r="X25848" i="1"/>
  <c r="X25849" i="1"/>
  <c r="X25850" i="1"/>
  <c r="X25851" i="1"/>
  <c r="X25852" i="1"/>
  <c r="X25853" i="1"/>
  <c r="X25854" i="1"/>
  <c r="X25855" i="1"/>
  <c r="X25856" i="1"/>
  <c r="X25857" i="1"/>
  <c r="X25858" i="1"/>
  <c r="X25859" i="1"/>
  <c r="X25860" i="1"/>
  <c r="X25861" i="1"/>
  <c r="X25862" i="1"/>
  <c r="X25863" i="1"/>
  <c r="X25864" i="1"/>
  <c r="X25865" i="1"/>
  <c r="X25866" i="1"/>
  <c r="X25867" i="1"/>
  <c r="X25868" i="1"/>
  <c r="X25869" i="1"/>
  <c r="X25870" i="1"/>
  <c r="X25871" i="1"/>
  <c r="X25872" i="1"/>
  <c r="X25873" i="1"/>
  <c r="X25874" i="1"/>
  <c r="X25875" i="1"/>
  <c r="X25876" i="1"/>
  <c r="X25877" i="1"/>
  <c r="X25878" i="1"/>
  <c r="X25879" i="1"/>
  <c r="X25880" i="1"/>
  <c r="X25881" i="1"/>
  <c r="X25882" i="1"/>
  <c r="X25883" i="1"/>
  <c r="X25884" i="1"/>
  <c r="X25885" i="1"/>
  <c r="X25886" i="1"/>
  <c r="X25887" i="1"/>
  <c r="X25888" i="1"/>
  <c r="X25889" i="1"/>
  <c r="X25890" i="1"/>
  <c r="X25891" i="1"/>
  <c r="X25892" i="1"/>
  <c r="X25893" i="1"/>
  <c r="X25894" i="1"/>
  <c r="X25895" i="1"/>
  <c r="X25896" i="1"/>
  <c r="X25897" i="1"/>
  <c r="X25898" i="1"/>
  <c r="X25899" i="1"/>
  <c r="X25900" i="1"/>
  <c r="X25901" i="1"/>
  <c r="X25902" i="1"/>
  <c r="X25903" i="1"/>
  <c r="X25904" i="1"/>
  <c r="X25905" i="1"/>
  <c r="X25906" i="1"/>
  <c r="X25907" i="1"/>
  <c r="X25908" i="1"/>
  <c r="X25909" i="1"/>
  <c r="X25910" i="1"/>
  <c r="X25911" i="1"/>
  <c r="X25912" i="1"/>
  <c r="X25913" i="1"/>
  <c r="X25914" i="1"/>
  <c r="X25915" i="1"/>
  <c r="X25916" i="1"/>
  <c r="X25917" i="1"/>
  <c r="X25918" i="1"/>
  <c r="X25919" i="1"/>
  <c r="X25920" i="1"/>
  <c r="X25921" i="1"/>
  <c r="X25922" i="1"/>
  <c r="X25923" i="1"/>
  <c r="X25924" i="1"/>
  <c r="X25925" i="1"/>
  <c r="X25926" i="1"/>
  <c r="X25927" i="1"/>
  <c r="X25928" i="1"/>
  <c r="X25929" i="1"/>
  <c r="X25930" i="1"/>
  <c r="X25931" i="1"/>
  <c r="X25932" i="1"/>
  <c r="X25933" i="1"/>
  <c r="X25934" i="1"/>
  <c r="X25935" i="1"/>
  <c r="X25936" i="1"/>
  <c r="X25937" i="1"/>
  <c r="X25938" i="1"/>
  <c r="X25939" i="1"/>
  <c r="X25940" i="1"/>
  <c r="X25941" i="1"/>
  <c r="X25942" i="1"/>
  <c r="X25943" i="1"/>
  <c r="X25944" i="1"/>
  <c r="X25945" i="1"/>
  <c r="X25946" i="1"/>
  <c r="X25947" i="1"/>
  <c r="X25948" i="1"/>
  <c r="X25949" i="1"/>
  <c r="X25950" i="1"/>
  <c r="X25951" i="1"/>
  <c r="X25952" i="1"/>
  <c r="X25953" i="1"/>
  <c r="X25954" i="1"/>
  <c r="X25955" i="1"/>
  <c r="X25956" i="1"/>
  <c r="X25957" i="1"/>
  <c r="X25958" i="1"/>
  <c r="X25959" i="1"/>
  <c r="X25960" i="1"/>
  <c r="X25961" i="1"/>
  <c r="X25962" i="1"/>
  <c r="X25963" i="1"/>
  <c r="X25964" i="1"/>
  <c r="X25965" i="1"/>
  <c r="X25966" i="1"/>
  <c r="X25967" i="1"/>
  <c r="X25968" i="1"/>
  <c r="X25969" i="1"/>
  <c r="X25970" i="1"/>
  <c r="X25971" i="1"/>
  <c r="X25972" i="1"/>
  <c r="X25973" i="1"/>
  <c r="X25974" i="1"/>
  <c r="X25975" i="1"/>
  <c r="X25976" i="1"/>
  <c r="X25977" i="1"/>
  <c r="X25978" i="1"/>
  <c r="X25979" i="1"/>
  <c r="X25980" i="1"/>
  <c r="X25981" i="1"/>
  <c r="X25982" i="1"/>
  <c r="X25983" i="1"/>
  <c r="X25984" i="1"/>
  <c r="X25985" i="1"/>
  <c r="X25986" i="1"/>
  <c r="X25987" i="1"/>
  <c r="X25988" i="1"/>
  <c r="X25989" i="1"/>
  <c r="X25990" i="1"/>
  <c r="X25991" i="1"/>
  <c r="X25992" i="1"/>
  <c r="X25993" i="1"/>
  <c r="X25994" i="1"/>
  <c r="X25995" i="1"/>
  <c r="X25996" i="1"/>
  <c r="X25997" i="1"/>
  <c r="X25998" i="1"/>
  <c r="X25999" i="1"/>
  <c r="X26000" i="1"/>
  <c r="X26001" i="1"/>
  <c r="X26002" i="1"/>
  <c r="X26003" i="1"/>
  <c r="X26004" i="1"/>
  <c r="X26005" i="1"/>
  <c r="X26006" i="1"/>
  <c r="X26007" i="1"/>
  <c r="X26008" i="1"/>
  <c r="X26009" i="1"/>
  <c r="X26010" i="1"/>
  <c r="X26011" i="1"/>
  <c r="X26012" i="1"/>
  <c r="X26013" i="1"/>
  <c r="X26014" i="1"/>
  <c r="X26015" i="1"/>
  <c r="X26016" i="1"/>
  <c r="X26017" i="1"/>
  <c r="X26018" i="1"/>
  <c r="X26019" i="1"/>
  <c r="X26020" i="1"/>
  <c r="X26021" i="1"/>
  <c r="X26022" i="1"/>
  <c r="X26023" i="1"/>
  <c r="X26024" i="1"/>
  <c r="X26025" i="1"/>
  <c r="X26026" i="1"/>
  <c r="X26027" i="1"/>
  <c r="X26028" i="1"/>
  <c r="X26029" i="1"/>
  <c r="X26030" i="1"/>
  <c r="X26031" i="1"/>
  <c r="X26032" i="1"/>
  <c r="X26033" i="1"/>
  <c r="X26034" i="1"/>
  <c r="X26035" i="1"/>
  <c r="X26036" i="1"/>
  <c r="X26037" i="1"/>
  <c r="X26038" i="1"/>
  <c r="X26039" i="1"/>
  <c r="X26040" i="1"/>
  <c r="X26041" i="1"/>
  <c r="X26042" i="1"/>
  <c r="X26043" i="1"/>
  <c r="X26044" i="1"/>
  <c r="X26045" i="1"/>
  <c r="X26046" i="1"/>
  <c r="X26047" i="1"/>
  <c r="X26048" i="1"/>
  <c r="X26049" i="1"/>
  <c r="X26050" i="1"/>
  <c r="X26051" i="1"/>
  <c r="X26052" i="1"/>
  <c r="X26053" i="1"/>
  <c r="X26054" i="1"/>
  <c r="X26055" i="1"/>
  <c r="X26056" i="1"/>
  <c r="X26057" i="1"/>
  <c r="X26058" i="1"/>
  <c r="X26059" i="1"/>
  <c r="X26060" i="1"/>
  <c r="X26061" i="1"/>
  <c r="X26062" i="1"/>
  <c r="X26063" i="1"/>
  <c r="X26064" i="1"/>
  <c r="X26065" i="1"/>
  <c r="X26066" i="1"/>
  <c r="X26067" i="1"/>
  <c r="X26068" i="1"/>
  <c r="X26069" i="1"/>
  <c r="X26070" i="1"/>
  <c r="X26071" i="1"/>
  <c r="X26072" i="1"/>
  <c r="X26073" i="1"/>
  <c r="X26074" i="1"/>
  <c r="X26075" i="1"/>
  <c r="X26076" i="1"/>
  <c r="X26077" i="1"/>
  <c r="X26078" i="1"/>
  <c r="X26079" i="1"/>
  <c r="X26080" i="1"/>
  <c r="X26081" i="1"/>
  <c r="X26082" i="1"/>
  <c r="X26083" i="1"/>
  <c r="X26084" i="1"/>
  <c r="X26085" i="1"/>
  <c r="X26086" i="1"/>
  <c r="X26087" i="1"/>
  <c r="X26088" i="1"/>
  <c r="X26089" i="1"/>
  <c r="X26090" i="1"/>
  <c r="X26091" i="1"/>
  <c r="X26092" i="1"/>
  <c r="X26093" i="1"/>
  <c r="X26094" i="1"/>
  <c r="X26095" i="1"/>
  <c r="X26096" i="1"/>
  <c r="X26097" i="1"/>
  <c r="X26098" i="1"/>
  <c r="X26099" i="1"/>
  <c r="X26100" i="1"/>
  <c r="X26101" i="1"/>
  <c r="X26102" i="1"/>
  <c r="X26103" i="1"/>
  <c r="X26104" i="1"/>
  <c r="X26105" i="1"/>
  <c r="X26106" i="1"/>
  <c r="X26107" i="1"/>
  <c r="X26108" i="1"/>
  <c r="X26109" i="1"/>
  <c r="X26110" i="1"/>
  <c r="X26111" i="1"/>
  <c r="X26112" i="1"/>
  <c r="X26113" i="1"/>
  <c r="X26114" i="1"/>
  <c r="X26115" i="1"/>
  <c r="X26116" i="1"/>
  <c r="X26117" i="1"/>
  <c r="X26118" i="1"/>
  <c r="X26119" i="1"/>
  <c r="X26120" i="1"/>
  <c r="X26121" i="1"/>
  <c r="X26122" i="1"/>
  <c r="X26123" i="1"/>
  <c r="X26124" i="1"/>
  <c r="X26125" i="1"/>
  <c r="X26126" i="1"/>
  <c r="X26127" i="1"/>
  <c r="X26128" i="1"/>
  <c r="X26129" i="1"/>
  <c r="X26130" i="1"/>
  <c r="X26131" i="1"/>
  <c r="X26132" i="1"/>
  <c r="X26133" i="1"/>
  <c r="X26134" i="1"/>
  <c r="X26135" i="1"/>
  <c r="X26136" i="1"/>
  <c r="X26137" i="1"/>
  <c r="X26138" i="1"/>
  <c r="X26139" i="1"/>
  <c r="X26140" i="1"/>
  <c r="X26141" i="1"/>
  <c r="X26142" i="1"/>
  <c r="X26143" i="1"/>
  <c r="X26144" i="1"/>
  <c r="X26145" i="1"/>
  <c r="X26146" i="1"/>
  <c r="X26147" i="1"/>
  <c r="X26148" i="1"/>
  <c r="X26149" i="1"/>
  <c r="X26150" i="1"/>
  <c r="X26151" i="1"/>
  <c r="X26152" i="1"/>
  <c r="X26153" i="1"/>
  <c r="X26154" i="1"/>
  <c r="X26155" i="1"/>
  <c r="X26156" i="1"/>
  <c r="X26157" i="1"/>
  <c r="X26158" i="1"/>
  <c r="X26159" i="1"/>
  <c r="X26160" i="1"/>
  <c r="X26161" i="1"/>
  <c r="X26162" i="1"/>
  <c r="X26163" i="1"/>
  <c r="X26164" i="1"/>
  <c r="X26165" i="1"/>
  <c r="X26166" i="1"/>
  <c r="X26167" i="1"/>
  <c r="X26168" i="1"/>
  <c r="X26169" i="1"/>
  <c r="X26170" i="1"/>
  <c r="X26171" i="1"/>
  <c r="X26172" i="1"/>
  <c r="X26173" i="1"/>
  <c r="X26174" i="1"/>
  <c r="X26175" i="1"/>
  <c r="X26176" i="1"/>
  <c r="X26177" i="1"/>
  <c r="X26178" i="1"/>
  <c r="X26179" i="1"/>
  <c r="X26180" i="1"/>
  <c r="X26181" i="1"/>
  <c r="X26182" i="1"/>
  <c r="X26183" i="1"/>
  <c r="X26184" i="1"/>
  <c r="X26185" i="1"/>
  <c r="X26186" i="1"/>
  <c r="X26187" i="1"/>
  <c r="X26188" i="1"/>
  <c r="X26189" i="1"/>
  <c r="X26190" i="1"/>
  <c r="X26191" i="1"/>
  <c r="X26192" i="1"/>
  <c r="X26193" i="1"/>
  <c r="X26194" i="1"/>
  <c r="X26195" i="1"/>
  <c r="X26196" i="1"/>
  <c r="X26197" i="1"/>
  <c r="X26198" i="1"/>
  <c r="X26199" i="1"/>
  <c r="X26200" i="1"/>
  <c r="X26201" i="1"/>
  <c r="X26202" i="1"/>
  <c r="X26203" i="1"/>
  <c r="X26204" i="1"/>
  <c r="X26205" i="1"/>
  <c r="X26206" i="1"/>
  <c r="X26207" i="1"/>
  <c r="X26208" i="1"/>
  <c r="X26209" i="1"/>
  <c r="X26210" i="1"/>
  <c r="X26211" i="1"/>
  <c r="X26212" i="1"/>
  <c r="X26213" i="1"/>
  <c r="X26214" i="1"/>
  <c r="X26215" i="1"/>
  <c r="X26216" i="1"/>
  <c r="X26217" i="1"/>
  <c r="X26218" i="1"/>
  <c r="X26219" i="1"/>
  <c r="X26220" i="1"/>
  <c r="X26221" i="1"/>
  <c r="X26222" i="1"/>
  <c r="X26223" i="1"/>
  <c r="X26224" i="1"/>
  <c r="X26225" i="1"/>
  <c r="X26226" i="1"/>
  <c r="X26227" i="1"/>
  <c r="X26228" i="1"/>
  <c r="X26229" i="1"/>
  <c r="X26230" i="1"/>
  <c r="X26231" i="1"/>
  <c r="X26232" i="1"/>
  <c r="X26233" i="1"/>
  <c r="X26234" i="1"/>
  <c r="X26235" i="1"/>
  <c r="X26236" i="1"/>
  <c r="X26237" i="1"/>
  <c r="X26238" i="1"/>
  <c r="X26239" i="1"/>
  <c r="X26240" i="1"/>
  <c r="X26241" i="1"/>
  <c r="X26242" i="1"/>
  <c r="X26243" i="1"/>
  <c r="X26244" i="1"/>
  <c r="X26245" i="1"/>
  <c r="X26246" i="1"/>
  <c r="X26247" i="1"/>
  <c r="X26248" i="1"/>
  <c r="X26249" i="1"/>
  <c r="X26250" i="1"/>
  <c r="X26251" i="1"/>
  <c r="X26252" i="1"/>
  <c r="X26253" i="1"/>
  <c r="X26254" i="1"/>
  <c r="X26255" i="1"/>
  <c r="X26256" i="1"/>
  <c r="X26257" i="1"/>
  <c r="X26258" i="1"/>
  <c r="X26259" i="1"/>
  <c r="X26260" i="1"/>
  <c r="X26261" i="1"/>
  <c r="X26262" i="1"/>
  <c r="X26263" i="1"/>
  <c r="X26264" i="1"/>
  <c r="X26265" i="1"/>
  <c r="X26266" i="1"/>
  <c r="X26267" i="1"/>
  <c r="X26268" i="1"/>
  <c r="X26269" i="1"/>
  <c r="X26270" i="1"/>
  <c r="X26271" i="1"/>
  <c r="X26272" i="1"/>
  <c r="X26273" i="1"/>
  <c r="X26274" i="1"/>
  <c r="X26275" i="1"/>
  <c r="X26276" i="1"/>
  <c r="X26277" i="1"/>
  <c r="X26278" i="1"/>
  <c r="X26279" i="1"/>
  <c r="X26280" i="1"/>
  <c r="X26281" i="1"/>
  <c r="X26282" i="1"/>
  <c r="X26283" i="1"/>
  <c r="X26284" i="1"/>
  <c r="X26285" i="1"/>
  <c r="X26286" i="1"/>
  <c r="X26287" i="1"/>
  <c r="X26288" i="1"/>
  <c r="X26289" i="1"/>
  <c r="X26290" i="1"/>
  <c r="X26291" i="1"/>
  <c r="X26292" i="1"/>
  <c r="X26293" i="1"/>
  <c r="X26294" i="1"/>
  <c r="X26295" i="1"/>
  <c r="X26296" i="1"/>
  <c r="X26297" i="1"/>
  <c r="X26298" i="1"/>
  <c r="X26299" i="1"/>
  <c r="X26300" i="1"/>
  <c r="X26301" i="1"/>
  <c r="X26302" i="1"/>
  <c r="X26303" i="1"/>
  <c r="X26304" i="1"/>
  <c r="X26305" i="1"/>
  <c r="X26306" i="1"/>
  <c r="X26307" i="1"/>
  <c r="X26308" i="1"/>
  <c r="X26309" i="1"/>
  <c r="X26310" i="1"/>
  <c r="X26311" i="1"/>
  <c r="X26312" i="1"/>
  <c r="X26313" i="1"/>
  <c r="X26314" i="1"/>
  <c r="X26315" i="1"/>
  <c r="X26316" i="1"/>
  <c r="X26317" i="1"/>
  <c r="X26318" i="1"/>
  <c r="X26319" i="1"/>
  <c r="X26320" i="1"/>
  <c r="X26321" i="1"/>
  <c r="X26322" i="1"/>
  <c r="X26323" i="1"/>
  <c r="X26324" i="1"/>
  <c r="X26325" i="1"/>
  <c r="X26326" i="1"/>
  <c r="X26327" i="1"/>
  <c r="X26328" i="1"/>
  <c r="X26329" i="1"/>
  <c r="X26330" i="1"/>
  <c r="X26331" i="1"/>
  <c r="X26332" i="1"/>
  <c r="X26333" i="1"/>
  <c r="X26334" i="1"/>
  <c r="X26335" i="1"/>
  <c r="X26336" i="1"/>
  <c r="X26337" i="1"/>
  <c r="X26338" i="1"/>
  <c r="X26339" i="1"/>
  <c r="X26340" i="1"/>
  <c r="X26341" i="1"/>
  <c r="X26342" i="1"/>
  <c r="X26343" i="1"/>
  <c r="X26344" i="1"/>
  <c r="X26345" i="1"/>
  <c r="X26346" i="1"/>
  <c r="X26347" i="1"/>
  <c r="X26348" i="1"/>
  <c r="X26349" i="1"/>
  <c r="X26350" i="1"/>
  <c r="X26351" i="1"/>
  <c r="X26352" i="1"/>
  <c r="X26353" i="1"/>
  <c r="X26354" i="1"/>
  <c r="X26355" i="1"/>
  <c r="X26356" i="1"/>
  <c r="X26357" i="1"/>
  <c r="X26358" i="1"/>
  <c r="X26359" i="1"/>
  <c r="X26360" i="1"/>
  <c r="X26361" i="1"/>
  <c r="X26362" i="1"/>
  <c r="X26363" i="1"/>
  <c r="X26364" i="1"/>
  <c r="X26365" i="1"/>
  <c r="X26366" i="1"/>
  <c r="X26367" i="1"/>
  <c r="X26368" i="1"/>
  <c r="X26369" i="1"/>
  <c r="X26370" i="1"/>
  <c r="X26371" i="1"/>
  <c r="X26372" i="1"/>
  <c r="X26373" i="1"/>
  <c r="X26374" i="1"/>
  <c r="X26375" i="1"/>
  <c r="X26376" i="1"/>
  <c r="X26377" i="1"/>
  <c r="X26378" i="1"/>
  <c r="X26379" i="1"/>
  <c r="X26380" i="1"/>
  <c r="X26381" i="1"/>
  <c r="X26382" i="1"/>
  <c r="X26383" i="1"/>
  <c r="X26384" i="1"/>
  <c r="X26385" i="1"/>
  <c r="X26386" i="1"/>
  <c r="X26387" i="1"/>
  <c r="X26388" i="1"/>
  <c r="X26389" i="1"/>
  <c r="X26390" i="1"/>
  <c r="X26391" i="1"/>
  <c r="X26392" i="1"/>
  <c r="X26393" i="1"/>
  <c r="X26394" i="1"/>
  <c r="X26395" i="1"/>
  <c r="X26396" i="1"/>
  <c r="X26397" i="1"/>
  <c r="X26398" i="1"/>
  <c r="X26399" i="1"/>
  <c r="X26400" i="1"/>
  <c r="X26401" i="1"/>
  <c r="X26402" i="1"/>
  <c r="X26403" i="1"/>
  <c r="X26404" i="1"/>
  <c r="X26405" i="1"/>
  <c r="X26406" i="1"/>
  <c r="X26407" i="1"/>
  <c r="X26408" i="1"/>
  <c r="X26409" i="1"/>
  <c r="X26410" i="1"/>
  <c r="X26411" i="1"/>
  <c r="X26412" i="1"/>
  <c r="X26413" i="1"/>
  <c r="X26414" i="1"/>
  <c r="X26415" i="1"/>
  <c r="X26416" i="1"/>
  <c r="X26417" i="1"/>
  <c r="X26418" i="1"/>
  <c r="X26419" i="1"/>
  <c r="X26420" i="1"/>
  <c r="X26421" i="1"/>
  <c r="X26422" i="1"/>
  <c r="X26423" i="1"/>
  <c r="X26424" i="1"/>
  <c r="X26425" i="1"/>
  <c r="X26426" i="1"/>
  <c r="X26427" i="1"/>
  <c r="X26428" i="1"/>
  <c r="X26429" i="1"/>
  <c r="X26430" i="1"/>
  <c r="X26431" i="1"/>
  <c r="X26432" i="1"/>
  <c r="X26433" i="1"/>
  <c r="X26434" i="1"/>
  <c r="X26435" i="1"/>
  <c r="X26436" i="1"/>
  <c r="X26437" i="1"/>
  <c r="X26438" i="1"/>
  <c r="X26439" i="1"/>
  <c r="X26440" i="1"/>
  <c r="X26441" i="1"/>
  <c r="X26442" i="1"/>
  <c r="X26443" i="1"/>
  <c r="X26444" i="1"/>
  <c r="X26445" i="1"/>
  <c r="X26446" i="1"/>
  <c r="X26447" i="1"/>
  <c r="X26448" i="1"/>
  <c r="X26449" i="1"/>
  <c r="X26450" i="1"/>
  <c r="X26451" i="1"/>
  <c r="X26452" i="1"/>
  <c r="X26453" i="1"/>
  <c r="X26454" i="1"/>
  <c r="X26455" i="1"/>
  <c r="X26456" i="1"/>
  <c r="X26457" i="1"/>
  <c r="X26458" i="1"/>
  <c r="X26459" i="1"/>
  <c r="X26460" i="1"/>
  <c r="X26461" i="1"/>
  <c r="X26462" i="1"/>
  <c r="X26463" i="1"/>
  <c r="X26464" i="1"/>
  <c r="X26465" i="1"/>
  <c r="X26466" i="1"/>
  <c r="X26467" i="1"/>
  <c r="X26468" i="1"/>
  <c r="X26469" i="1"/>
  <c r="X26470" i="1"/>
  <c r="X26471" i="1"/>
  <c r="X26472" i="1"/>
  <c r="X26473" i="1"/>
  <c r="X26474" i="1"/>
  <c r="X26475" i="1"/>
  <c r="X26476" i="1"/>
  <c r="X26477" i="1"/>
  <c r="X26478" i="1"/>
  <c r="X26479" i="1"/>
  <c r="X26480" i="1"/>
  <c r="X26481" i="1"/>
  <c r="X26482" i="1"/>
  <c r="X26483" i="1"/>
  <c r="X26484" i="1"/>
  <c r="X26485" i="1"/>
  <c r="X26486" i="1"/>
  <c r="X26487" i="1"/>
  <c r="X26488" i="1"/>
  <c r="X26489" i="1"/>
  <c r="X26490" i="1"/>
  <c r="X26491" i="1"/>
  <c r="X26492" i="1"/>
  <c r="X26493" i="1"/>
  <c r="X26494" i="1"/>
  <c r="X26495" i="1"/>
  <c r="X26496" i="1"/>
  <c r="X26497" i="1"/>
  <c r="X26498" i="1"/>
  <c r="X26499" i="1"/>
  <c r="X26500" i="1"/>
  <c r="X26501" i="1"/>
  <c r="X26502" i="1"/>
  <c r="X26503" i="1"/>
  <c r="X26504" i="1"/>
  <c r="X26505" i="1"/>
  <c r="X26506" i="1"/>
  <c r="X26507" i="1"/>
  <c r="X26508" i="1"/>
  <c r="X26509" i="1"/>
  <c r="X26510" i="1"/>
  <c r="X26511" i="1"/>
  <c r="X26512" i="1"/>
  <c r="X26513" i="1"/>
  <c r="X26514" i="1"/>
  <c r="X26515" i="1"/>
  <c r="X26516" i="1"/>
  <c r="X26517" i="1"/>
  <c r="X26518" i="1"/>
  <c r="X26519" i="1"/>
  <c r="X26520" i="1"/>
  <c r="X26521" i="1"/>
  <c r="X26522" i="1"/>
  <c r="X26523" i="1"/>
  <c r="X26524" i="1"/>
  <c r="X26525" i="1"/>
  <c r="X26526" i="1"/>
  <c r="X26527" i="1"/>
  <c r="X26528" i="1"/>
  <c r="X26529" i="1"/>
  <c r="X26530" i="1"/>
  <c r="X26531" i="1"/>
  <c r="X26532" i="1"/>
  <c r="X26533" i="1"/>
  <c r="X26534" i="1"/>
  <c r="X26535" i="1"/>
  <c r="X26536" i="1"/>
  <c r="X26537" i="1"/>
  <c r="X26538" i="1"/>
  <c r="X26539" i="1"/>
  <c r="X26540" i="1"/>
  <c r="X26541" i="1"/>
  <c r="X26542" i="1"/>
  <c r="X26543" i="1"/>
  <c r="X26544" i="1"/>
  <c r="X26545" i="1"/>
  <c r="X26546" i="1"/>
  <c r="X26547" i="1"/>
  <c r="X26548" i="1"/>
  <c r="X26549" i="1"/>
  <c r="X26550" i="1"/>
  <c r="X26551" i="1"/>
  <c r="X26552" i="1"/>
  <c r="X26553" i="1"/>
  <c r="X26554" i="1"/>
  <c r="X26555" i="1"/>
  <c r="X26556" i="1"/>
  <c r="X26557" i="1"/>
  <c r="X26558" i="1"/>
  <c r="X26559" i="1"/>
  <c r="X26560" i="1"/>
  <c r="X26561" i="1"/>
  <c r="X26562" i="1"/>
  <c r="X26563" i="1"/>
  <c r="X26564" i="1"/>
  <c r="X26565" i="1"/>
  <c r="X26566" i="1"/>
  <c r="X26567" i="1"/>
  <c r="X26568" i="1"/>
  <c r="X26569" i="1"/>
  <c r="X26570" i="1"/>
  <c r="X26571" i="1"/>
  <c r="X26572" i="1"/>
  <c r="X26573" i="1"/>
  <c r="X26574" i="1"/>
  <c r="X26575" i="1"/>
  <c r="X26576" i="1"/>
  <c r="X26577" i="1"/>
  <c r="X26578" i="1"/>
  <c r="X26579" i="1"/>
  <c r="X26580" i="1"/>
  <c r="X26581" i="1"/>
  <c r="X26582" i="1"/>
  <c r="X26583" i="1"/>
  <c r="X26584" i="1"/>
  <c r="X26585" i="1"/>
  <c r="X26586" i="1"/>
  <c r="X26587" i="1"/>
  <c r="X26588" i="1"/>
  <c r="X26589" i="1"/>
  <c r="X26590" i="1"/>
  <c r="X26591" i="1"/>
  <c r="X26592" i="1"/>
  <c r="X26593" i="1"/>
  <c r="X26594" i="1"/>
  <c r="X26595" i="1"/>
  <c r="X26596" i="1"/>
  <c r="X26597" i="1"/>
  <c r="X26598" i="1"/>
  <c r="X26599" i="1"/>
  <c r="X26600" i="1"/>
  <c r="X26601" i="1"/>
  <c r="X26602" i="1"/>
  <c r="X26603" i="1"/>
  <c r="X26604" i="1"/>
  <c r="X26605" i="1"/>
  <c r="X26606" i="1"/>
  <c r="X26607" i="1"/>
  <c r="X26608" i="1"/>
  <c r="X26609" i="1"/>
  <c r="X26610" i="1"/>
  <c r="X26611" i="1"/>
  <c r="X26612" i="1"/>
  <c r="X26613" i="1"/>
  <c r="X26614" i="1"/>
  <c r="X26615" i="1"/>
  <c r="X26616" i="1"/>
  <c r="X26617" i="1"/>
  <c r="X26618" i="1"/>
  <c r="X26619" i="1"/>
  <c r="X26620" i="1"/>
  <c r="X26621" i="1"/>
  <c r="X26622" i="1"/>
  <c r="X26623" i="1"/>
  <c r="X26624" i="1"/>
  <c r="X26625" i="1"/>
  <c r="X26626" i="1"/>
  <c r="X26627" i="1"/>
  <c r="X26628" i="1"/>
  <c r="X26629" i="1"/>
  <c r="X26630" i="1"/>
  <c r="X26631" i="1"/>
  <c r="X26632" i="1"/>
  <c r="X26633" i="1"/>
  <c r="X26634" i="1"/>
  <c r="X26635" i="1"/>
  <c r="X26636" i="1"/>
  <c r="X26637" i="1"/>
  <c r="X26638" i="1"/>
  <c r="X26639" i="1"/>
  <c r="X26640" i="1"/>
  <c r="X26641" i="1"/>
  <c r="X26642" i="1"/>
  <c r="X26643" i="1"/>
  <c r="X26644" i="1"/>
  <c r="X26645" i="1"/>
  <c r="X26646" i="1"/>
  <c r="X26647" i="1"/>
  <c r="X26648" i="1"/>
  <c r="X26649" i="1"/>
  <c r="X26650" i="1"/>
  <c r="X26651" i="1"/>
  <c r="X26652" i="1"/>
  <c r="X26653" i="1"/>
  <c r="X26654" i="1"/>
  <c r="X26655" i="1"/>
  <c r="X26656" i="1"/>
  <c r="X26657" i="1"/>
  <c r="X26658" i="1"/>
  <c r="X26659" i="1"/>
  <c r="X26660" i="1"/>
  <c r="X26661" i="1"/>
  <c r="X26662" i="1"/>
  <c r="X26663" i="1"/>
  <c r="X26664" i="1"/>
  <c r="X26665" i="1"/>
  <c r="X26666" i="1"/>
  <c r="X26667" i="1"/>
  <c r="X26668" i="1"/>
  <c r="X26669" i="1"/>
  <c r="X26670" i="1"/>
  <c r="X26671" i="1"/>
  <c r="X26672" i="1"/>
  <c r="X26673" i="1"/>
  <c r="X26674" i="1"/>
  <c r="X26675" i="1"/>
  <c r="X26676" i="1"/>
  <c r="X26677" i="1"/>
  <c r="X26678" i="1"/>
  <c r="X26679" i="1"/>
  <c r="X26680" i="1"/>
  <c r="X26681" i="1"/>
  <c r="X26682" i="1"/>
  <c r="X26683" i="1"/>
  <c r="X26684" i="1"/>
  <c r="X26685" i="1"/>
  <c r="X26686" i="1"/>
  <c r="X26687" i="1"/>
  <c r="X26688" i="1"/>
  <c r="X26689" i="1"/>
  <c r="X26690" i="1"/>
  <c r="X26691" i="1"/>
  <c r="X26692" i="1"/>
  <c r="X26693" i="1"/>
  <c r="X26694" i="1"/>
  <c r="X26695" i="1"/>
  <c r="X26696" i="1"/>
  <c r="X26697" i="1"/>
  <c r="X26698" i="1"/>
  <c r="X26699" i="1"/>
  <c r="X26700" i="1"/>
  <c r="X26701" i="1"/>
  <c r="X26702" i="1"/>
  <c r="X26703" i="1"/>
  <c r="X26704" i="1"/>
  <c r="X26705" i="1"/>
  <c r="X26706" i="1"/>
  <c r="X26707" i="1"/>
  <c r="X26708" i="1"/>
  <c r="X26709" i="1"/>
  <c r="X26710" i="1"/>
  <c r="X26711" i="1"/>
  <c r="X26712" i="1"/>
  <c r="X26713" i="1"/>
  <c r="X26714" i="1"/>
  <c r="X26715" i="1"/>
  <c r="X26716" i="1"/>
  <c r="X26717" i="1"/>
  <c r="X26718" i="1"/>
  <c r="X26719" i="1"/>
  <c r="X26720" i="1"/>
  <c r="X26721" i="1"/>
  <c r="X26722" i="1"/>
  <c r="X26723" i="1"/>
  <c r="X26724" i="1"/>
  <c r="X26725" i="1"/>
  <c r="X26726" i="1"/>
  <c r="X26727" i="1"/>
  <c r="X26728" i="1"/>
  <c r="X26729" i="1"/>
  <c r="X26730" i="1"/>
  <c r="X26731" i="1"/>
  <c r="X26732" i="1"/>
  <c r="X26733" i="1"/>
  <c r="X26734" i="1"/>
  <c r="X26735" i="1"/>
  <c r="X26736" i="1"/>
  <c r="X26737" i="1"/>
  <c r="X26738" i="1"/>
  <c r="X26739" i="1"/>
  <c r="X26740" i="1"/>
  <c r="X26741" i="1"/>
  <c r="X26742" i="1"/>
  <c r="X26743" i="1"/>
  <c r="X26744" i="1"/>
  <c r="X26745" i="1"/>
  <c r="X26746" i="1"/>
  <c r="X26747" i="1"/>
  <c r="X26748" i="1"/>
  <c r="X26749" i="1"/>
  <c r="X26750" i="1"/>
  <c r="X26751" i="1"/>
  <c r="X26752" i="1"/>
  <c r="X26753" i="1"/>
  <c r="X26754" i="1"/>
  <c r="X26755" i="1"/>
  <c r="X26756" i="1"/>
  <c r="X26757" i="1"/>
  <c r="X26758" i="1"/>
  <c r="X26759" i="1"/>
  <c r="X26760" i="1"/>
  <c r="X26761" i="1"/>
  <c r="X26762" i="1"/>
  <c r="X26763" i="1"/>
  <c r="X26764" i="1"/>
  <c r="X26765" i="1"/>
  <c r="X26766" i="1"/>
  <c r="X26767" i="1"/>
  <c r="X26768" i="1"/>
  <c r="X26769" i="1"/>
  <c r="X26770" i="1"/>
  <c r="X26771" i="1"/>
  <c r="X26772" i="1"/>
  <c r="X26773" i="1"/>
  <c r="X26774" i="1"/>
  <c r="X26775" i="1"/>
  <c r="X26776" i="1"/>
  <c r="X26777" i="1"/>
  <c r="X26778" i="1"/>
  <c r="X26779" i="1"/>
  <c r="X26780" i="1"/>
  <c r="X26781" i="1"/>
  <c r="X26782" i="1"/>
  <c r="X26783" i="1"/>
  <c r="X26784" i="1"/>
  <c r="X26785" i="1"/>
  <c r="X26786" i="1"/>
  <c r="X26787" i="1"/>
  <c r="X26788" i="1"/>
  <c r="X26789" i="1"/>
  <c r="X26790" i="1"/>
  <c r="X26791" i="1"/>
  <c r="X26792" i="1"/>
  <c r="X26793" i="1"/>
  <c r="X26794" i="1"/>
  <c r="X26795" i="1"/>
  <c r="X26796" i="1"/>
  <c r="X26797" i="1"/>
  <c r="X26798" i="1"/>
  <c r="X26799" i="1"/>
  <c r="X26800" i="1"/>
  <c r="X26801" i="1"/>
  <c r="X26802" i="1"/>
  <c r="X26803" i="1"/>
  <c r="X26804" i="1"/>
  <c r="X26805" i="1"/>
  <c r="X26806" i="1"/>
  <c r="X26807" i="1"/>
  <c r="X26808" i="1"/>
  <c r="X26809" i="1"/>
  <c r="X26810" i="1"/>
  <c r="X26811" i="1"/>
  <c r="X26812" i="1"/>
  <c r="X26813" i="1"/>
  <c r="X26814" i="1"/>
  <c r="X26815" i="1"/>
  <c r="X26816" i="1"/>
  <c r="X26817" i="1"/>
  <c r="X26818" i="1"/>
  <c r="X26819" i="1"/>
  <c r="X26820" i="1"/>
  <c r="X26821" i="1"/>
  <c r="X26822" i="1"/>
  <c r="X26823" i="1"/>
  <c r="X26824" i="1"/>
  <c r="X26825" i="1"/>
  <c r="X26826" i="1"/>
  <c r="X26827" i="1"/>
  <c r="X26828" i="1"/>
  <c r="X26829" i="1"/>
  <c r="X26830" i="1"/>
  <c r="X26831" i="1"/>
  <c r="X26832" i="1"/>
  <c r="X26833" i="1"/>
  <c r="X26834" i="1"/>
  <c r="X26835" i="1"/>
  <c r="X26836" i="1"/>
  <c r="X26837" i="1"/>
  <c r="X26838" i="1"/>
  <c r="X26839" i="1"/>
  <c r="X26840" i="1"/>
  <c r="X26841" i="1"/>
  <c r="X26842" i="1"/>
  <c r="X26843" i="1"/>
  <c r="X26844" i="1"/>
  <c r="X26845" i="1"/>
  <c r="X26846" i="1"/>
  <c r="X26847" i="1"/>
  <c r="X26848" i="1"/>
  <c r="X26849" i="1"/>
  <c r="X26850" i="1"/>
  <c r="X26851" i="1"/>
  <c r="X26852" i="1"/>
  <c r="X26853" i="1"/>
  <c r="X26854" i="1"/>
  <c r="X26855" i="1"/>
  <c r="X26856" i="1"/>
  <c r="X26857" i="1"/>
  <c r="X26858" i="1"/>
  <c r="X26859" i="1"/>
  <c r="X26860" i="1"/>
  <c r="X26861" i="1"/>
  <c r="X26862" i="1"/>
  <c r="X26863" i="1"/>
  <c r="X26864" i="1"/>
  <c r="X26865" i="1"/>
  <c r="X26866" i="1"/>
  <c r="X26867" i="1"/>
  <c r="X26868" i="1"/>
  <c r="X26869" i="1"/>
  <c r="X26870" i="1"/>
  <c r="X26871" i="1"/>
  <c r="X26872" i="1"/>
  <c r="X26873" i="1"/>
  <c r="X26874" i="1"/>
  <c r="X26875" i="1"/>
  <c r="X26876" i="1"/>
  <c r="X26877" i="1"/>
  <c r="X26878" i="1"/>
  <c r="X26879" i="1"/>
  <c r="X26880" i="1"/>
  <c r="X26881" i="1"/>
  <c r="X26882" i="1"/>
  <c r="X26883" i="1"/>
  <c r="X26884" i="1"/>
  <c r="X26885" i="1"/>
  <c r="X26886" i="1"/>
  <c r="X26887" i="1"/>
  <c r="X26888" i="1"/>
  <c r="X26889" i="1"/>
  <c r="X26890" i="1"/>
  <c r="X26891" i="1"/>
  <c r="X26892" i="1"/>
  <c r="X26893" i="1"/>
  <c r="X26894" i="1"/>
  <c r="X26895" i="1"/>
  <c r="X26896" i="1"/>
  <c r="X26897" i="1"/>
  <c r="X26898" i="1"/>
  <c r="X26899" i="1"/>
  <c r="X26900" i="1"/>
  <c r="X26901" i="1"/>
  <c r="X26902" i="1"/>
  <c r="X26903" i="1"/>
  <c r="X26904" i="1"/>
  <c r="X26905" i="1"/>
  <c r="X26906" i="1"/>
  <c r="X26907" i="1"/>
  <c r="X26908" i="1"/>
  <c r="X26909" i="1"/>
  <c r="X26910" i="1"/>
  <c r="X26911" i="1"/>
  <c r="X26912" i="1"/>
  <c r="X26913" i="1"/>
  <c r="X26914" i="1"/>
  <c r="X26915" i="1"/>
  <c r="X26916" i="1"/>
  <c r="X26917" i="1"/>
  <c r="X26918" i="1"/>
  <c r="X26919" i="1"/>
  <c r="X26920" i="1"/>
  <c r="X26921" i="1"/>
  <c r="X26922" i="1"/>
  <c r="X26923" i="1"/>
  <c r="X26924" i="1"/>
  <c r="X26925" i="1"/>
  <c r="X26926" i="1"/>
  <c r="X26927" i="1"/>
  <c r="X26928" i="1"/>
  <c r="X26929" i="1"/>
  <c r="X26930" i="1"/>
  <c r="X26931" i="1"/>
  <c r="X26932" i="1"/>
  <c r="X26933" i="1"/>
  <c r="X26934" i="1"/>
  <c r="X26935" i="1"/>
  <c r="X26936" i="1"/>
  <c r="X26937" i="1"/>
  <c r="X26938" i="1"/>
  <c r="X26939" i="1"/>
  <c r="X26940" i="1"/>
  <c r="X26941" i="1"/>
  <c r="X26942" i="1"/>
  <c r="X26943" i="1"/>
  <c r="X26944" i="1"/>
  <c r="X26945" i="1"/>
  <c r="X26946" i="1"/>
  <c r="X26947" i="1"/>
  <c r="X26948" i="1"/>
  <c r="X26949" i="1"/>
  <c r="X26950" i="1"/>
  <c r="X26951" i="1"/>
  <c r="X26952" i="1"/>
  <c r="X26953" i="1"/>
  <c r="X26954" i="1"/>
  <c r="X26955" i="1"/>
  <c r="X26956" i="1"/>
  <c r="X26957" i="1"/>
  <c r="X26958" i="1"/>
  <c r="X26959" i="1"/>
  <c r="X26960" i="1"/>
  <c r="X26961" i="1"/>
  <c r="X26962" i="1"/>
  <c r="X26963" i="1"/>
  <c r="X26964" i="1"/>
  <c r="X26965" i="1"/>
  <c r="X26966" i="1"/>
  <c r="X26967" i="1"/>
  <c r="X26968" i="1"/>
  <c r="X26969" i="1"/>
  <c r="X26970" i="1"/>
  <c r="X26971" i="1"/>
  <c r="X26972" i="1"/>
  <c r="X26973" i="1"/>
  <c r="X26974" i="1"/>
  <c r="X26975" i="1"/>
  <c r="X26976" i="1"/>
  <c r="X26977" i="1"/>
  <c r="X26978" i="1"/>
  <c r="X26979" i="1"/>
  <c r="X26980" i="1"/>
  <c r="X26981" i="1"/>
  <c r="X26982" i="1"/>
  <c r="X26983" i="1"/>
  <c r="X26984" i="1"/>
  <c r="X26985" i="1"/>
  <c r="X26986" i="1"/>
  <c r="X26987" i="1"/>
  <c r="X26988" i="1"/>
  <c r="X26989" i="1"/>
  <c r="X26990" i="1"/>
  <c r="X26991" i="1"/>
  <c r="X26992" i="1"/>
  <c r="X26993" i="1"/>
  <c r="X26994" i="1"/>
  <c r="X26995" i="1"/>
  <c r="X26996" i="1"/>
  <c r="X26997" i="1"/>
  <c r="X26998" i="1"/>
  <c r="X26999" i="1"/>
  <c r="X27000" i="1"/>
  <c r="X27001" i="1"/>
  <c r="X27002" i="1"/>
  <c r="X27003" i="1"/>
  <c r="X27004" i="1"/>
  <c r="X27005" i="1"/>
  <c r="X27006" i="1"/>
  <c r="X27007" i="1"/>
  <c r="X27008" i="1"/>
  <c r="X27009" i="1"/>
  <c r="X27010" i="1"/>
  <c r="X27011" i="1"/>
  <c r="X27012" i="1"/>
  <c r="X27013" i="1"/>
  <c r="X27014" i="1"/>
  <c r="X27015" i="1"/>
  <c r="X27016" i="1"/>
  <c r="X27017" i="1"/>
  <c r="X27018" i="1"/>
  <c r="X27019" i="1"/>
  <c r="X27020" i="1"/>
  <c r="X27021" i="1"/>
  <c r="X27022" i="1"/>
  <c r="X27023" i="1"/>
  <c r="X27024" i="1"/>
  <c r="X27025" i="1"/>
  <c r="X27026" i="1"/>
  <c r="X27027" i="1"/>
  <c r="X27028" i="1"/>
  <c r="X27029" i="1"/>
  <c r="X27030" i="1"/>
  <c r="X27031" i="1"/>
  <c r="X27032" i="1"/>
  <c r="X27033" i="1"/>
  <c r="X27034" i="1"/>
  <c r="X27035" i="1"/>
  <c r="X27036" i="1"/>
  <c r="X27037" i="1"/>
  <c r="X27038" i="1"/>
  <c r="X27039" i="1"/>
  <c r="X27040" i="1"/>
  <c r="X27041" i="1"/>
  <c r="X27042" i="1"/>
  <c r="X27043" i="1"/>
  <c r="X27044" i="1"/>
  <c r="X27045" i="1"/>
  <c r="X27046" i="1"/>
  <c r="X27047" i="1"/>
  <c r="X27048" i="1"/>
  <c r="X27049" i="1"/>
  <c r="X27050" i="1"/>
  <c r="X27051" i="1"/>
  <c r="X27052" i="1"/>
  <c r="X27053" i="1"/>
  <c r="X27054" i="1"/>
  <c r="X27055" i="1"/>
  <c r="X27056" i="1"/>
  <c r="X27057" i="1"/>
  <c r="X27058" i="1"/>
  <c r="X27059" i="1"/>
  <c r="X27060" i="1"/>
  <c r="X27061" i="1"/>
  <c r="X27062" i="1"/>
  <c r="X27063" i="1"/>
  <c r="X27064" i="1"/>
  <c r="X27065" i="1"/>
  <c r="X27066" i="1"/>
  <c r="X27067" i="1"/>
  <c r="X27068" i="1"/>
  <c r="X27069" i="1"/>
  <c r="X27070" i="1"/>
  <c r="X27071" i="1"/>
  <c r="X27072" i="1"/>
  <c r="X27073" i="1"/>
  <c r="X27074" i="1"/>
  <c r="X27075" i="1"/>
  <c r="X27076" i="1"/>
  <c r="X27077" i="1"/>
  <c r="X27078" i="1"/>
  <c r="X27079" i="1"/>
  <c r="X27080" i="1"/>
  <c r="X27081" i="1"/>
  <c r="X27082" i="1"/>
  <c r="X27083" i="1"/>
  <c r="X27084" i="1"/>
  <c r="X27085" i="1"/>
  <c r="X27086" i="1"/>
  <c r="X27087" i="1"/>
  <c r="X27088" i="1"/>
  <c r="X27089" i="1"/>
  <c r="X27090" i="1"/>
  <c r="X27091" i="1"/>
  <c r="X27092" i="1"/>
  <c r="X27093" i="1"/>
  <c r="X27094" i="1"/>
  <c r="X27095" i="1"/>
  <c r="X27096" i="1"/>
  <c r="X27097" i="1"/>
  <c r="X27098" i="1"/>
  <c r="X27099" i="1"/>
  <c r="X27100" i="1"/>
  <c r="X27101" i="1"/>
  <c r="X27102" i="1"/>
  <c r="X27103" i="1"/>
  <c r="X27104" i="1"/>
  <c r="X27105" i="1"/>
  <c r="X27106" i="1"/>
  <c r="X27107" i="1"/>
  <c r="X27108" i="1"/>
  <c r="X27109" i="1"/>
  <c r="X27110" i="1"/>
  <c r="X27111" i="1"/>
  <c r="X27112" i="1"/>
  <c r="X27113" i="1"/>
  <c r="X27114" i="1"/>
  <c r="X27115" i="1"/>
  <c r="X27116" i="1"/>
  <c r="X27117" i="1"/>
  <c r="X27118" i="1"/>
  <c r="X27119" i="1"/>
  <c r="X27120" i="1"/>
  <c r="X27121" i="1"/>
  <c r="X27122" i="1"/>
  <c r="X27123" i="1"/>
  <c r="X27124" i="1"/>
  <c r="X27125" i="1"/>
  <c r="X27126" i="1"/>
  <c r="X27127" i="1"/>
  <c r="X27128" i="1"/>
  <c r="X27129" i="1"/>
  <c r="X27130" i="1"/>
  <c r="X27131" i="1"/>
  <c r="X27132" i="1"/>
  <c r="X27133" i="1"/>
  <c r="X27134" i="1"/>
  <c r="X27135" i="1"/>
  <c r="X27136" i="1"/>
  <c r="X27137" i="1"/>
  <c r="X27138" i="1"/>
  <c r="X27139" i="1"/>
  <c r="X27140" i="1"/>
  <c r="X27141" i="1"/>
  <c r="X27142" i="1"/>
  <c r="X27143" i="1"/>
  <c r="X27144" i="1"/>
  <c r="X27145" i="1"/>
  <c r="X27146" i="1"/>
  <c r="X27147" i="1"/>
  <c r="X27148" i="1"/>
  <c r="X27149" i="1"/>
  <c r="X27150" i="1"/>
  <c r="X27151" i="1"/>
  <c r="X27152" i="1"/>
  <c r="X27153" i="1"/>
  <c r="X27154" i="1"/>
  <c r="X27155" i="1"/>
  <c r="X27156" i="1"/>
  <c r="X27157" i="1"/>
  <c r="X27158" i="1"/>
  <c r="X27159" i="1"/>
  <c r="X27160" i="1"/>
  <c r="X27161" i="1"/>
  <c r="X27162" i="1"/>
  <c r="X27163" i="1"/>
  <c r="X27164" i="1"/>
  <c r="X27165" i="1"/>
  <c r="X27166" i="1"/>
  <c r="X27167" i="1"/>
  <c r="X27168" i="1"/>
  <c r="X27169" i="1"/>
  <c r="X27170" i="1"/>
  <c r="X27171" i="1"/>
  <c r="X27172" i="1"/>
  <c r="X27173" i="1"/>
  <c r="X27174" i="1"/>
  <c r="X27175" i="1"/>
  <c r="X27176" i="1"/>
  <c r="X27177" i="1"/>
  <c r="X27178" i="1"/>
  <c r="X27179" i="1"/>
  <c r="X27180" i="1"/>
  <c r="X27181" i="1"/>
  <c r="X27182" i="1"/>
  <c r="X27183" i="1"/>
  <c r="X27184" i="1"/>
  <c r="X27185" i="1"/>
  <c r="X27186" i="1"/>
  <c r="X27187" i="1"/>
  <c r="X27188" i="1"/>
  <c r="X27189" i="1"/>
  <c r="X27190" i="1"/>
  <c r="X27191" i="1"/>
  <c r="X27192" i="1"/>
  <c r="X27193" i="1"/>
  <c r="X27194" i="1"/>
  <c r="X27195" i="1"/>
  <c r="X27196" i="1"/>
  <c r="X27197" i="1"/>
  <c r="X27198" i="1"/>
  <c r="X27199" i="1"/>
  <c r="X27200" i="1"/>
  <c r="X27201" i="1"/>
  <c r="X27202" i="1"/>
  <c r="X27203" i="1"/>
  <c r="X27204" i="1"/>
  <c r="X27205" i="1"/>
  <c r="X27206" i="1"/>
  <c r="X27207" i="1"/>
  <c r="X27208" i="1"/>
  <c r="X27209" i="1"/>
  <c r="X27210" i="1"/>
  <c r="X27211" i="1"/>
  <c r="X27212" i="1"/>
  <c r="X27213" i="1"/>
  <c r="X27214" i="1"/>
  <c r="X27215" i="1"/>
  <c r="X27216" i="1"/>
  <c r="X27217" i="1"/>
  <c r="X27218" i="1"/>
  <c r="X27219" i="1"/>
  <c r="X27220" i="1"/>
  <c r="X27221" i="1"/>
  <c r="X27222" i="1"/>
  <c r="X27223" i="1"/>
  <c r="X27224" i="1"/>
  <c r="X27225" i="1"/>
  <c r="X27226" i="1"/>
  <c r="X27227" i="1"/>
  <c r="X27228" i="1"/>
  <c r="X27229" i="1"/>
  <c r="X27230" i="1"/>
  <c r="X27231" i="1"/>
  <c r="X27232" i="1"/>
  <c r="X27233" i="1"/>
  <c r="X27234" i="1"/>
  <c r="X27235" i="1"/>
  <c r="X27236" i="1"/>
  <c r="X27237" i="1"/>
  <c r="X27238" i="1"/>
  <c r="X27239" i="1"/>
  <c r="X27240" i="1"/>
  <c r="X27241" i="1"/>
  <c r="X27242" i="1"/>
  <c r="X27243" i="1"/>
  <c r="X27244" i="1"/>
  <c r="X27245" i="1"/>
  <c r="X27246" i="1"/>
  <c r="X27247" i="1"/>
  <c r="X27248" i="1"/>
  <c r="X27249" i="1"/>
  <c r="X27250" i="1"/>
  <c r="X27251" i="1"/>
  <c r="X27252" i="1"/>
  <c r="X27253" i="1"/>
  <c r="X27254" i="1"/>
  <c r="X27255" i="1"/>
  <c r="X27256" i="1"/>
  <c r="X27257" i="1"/>
  <c r="X27258" i="1"/>
  <c r="X27259" i="1"/>
  <c r="X27260" i="1"/>
  <c r="X27261" i="1"/>
  <c r="X27262" i="1"/>
  <c r="X27263" i="1"/>
  <c r="X27264" i="1"/>
  <c r="X27265" i="1"/>
  <c r="X27266" i="1"/>
  <c r="X27267" i="1"/>
  <c r="X27268" i="1"/>
  <c r="X27269" i="1"/>
  <c r="X27270" i="1"/>
  <c r="X27271" i="1"/>
  <c r="X27272" i="1"/>
  <c r="X27273" i="1"/>
  <c r="X27274" i="1"/>
  <c r="X27275" i="1"/>
  <c r="X27276" i="1"/>
  <c r="X27277" i="1"/>
  <c r="X27278" i="1"/>
  <c r="X27279" i="1"/>
  <c r="X27280" i="1"/>
  <c r="X27281" i="1"/>
  <c r="X27282" i="1"/>
  <c r="X27283" i="1"/>
  <c r="X27284" i="1"/>
  <c r="X27285" i="1"/>
  <c r="X27286" i="1"/>
  <c r="X27287" i="1"/>
  <c r="X27288" i="1"/>
  <c r="X27289" i="1"/>
  <c r="X27290" i="1"/>
  <c r="X27291" i="1"/>
  <c r="X27292" i="1"/>
  <c r="X27293" i="1"/>
  <c r="X27294" i="1"/>
  <c r="X27295" i="1"/>
  <c r="X27296" i="1"/>
  <c r="X27297" i="1"/>
  <c r="X27298" i="1"/>
  <c r="X27299" i="1"/>
  <c r="X27300" i="1"/>
  <c r="X27301" i="1"/>
  <c r="X27302" i="1"/>
  <c r="X27303" i="1"/>
  <c r="X27304" i="1"/>
  <c r="X27305" i="1"/>
  <c r="X27306" i="1"/>
  <c r="X27307" i="1"/>
  <c r="X27308" i="1"/>
  <c r="X27309" i="1"/>
  <c r="X27310" i="1"/>
  <c r="X27311" i="1"/>
  <c r="X27312" i="1"/>
  <c r="X27313" i="1"/>
  <c r="X27314" i="1"/>
  <c r="X27315" i="1"/>
  <c r="X27316" i="1"/>
  <c r="X27317" i="1"/>
  <c r="X27318" i="1"/>
  <c r="X27319" i="1"/>
  <c r="X27320" i="1"/>
  <c r="X27321" i="1"/>
  <c r="X27322" i="1"/>
  <c r="X27323" i="1"/>
  <c r="X27324" i="1"/>
  <c r="X27325" i="1"/>
  <c r="X27326" i="1"/>
  <c r="X27327" i="1"/>
  <c r="X27328" i="1"/>
  <c r="X27329" i="1"/>
  <c r="X27330" i="1"/>
  <c r="X27331" i="1"/>
  <c r="X27332" i="1"/>
  <c r="X27333" i="1"/>
  <c r="X27334" i="1"/>
  <c r="X27335" i="1"/>
  <c r="X27336" i="1"/>
  <c r="X27337" i="1"/>
  <c r="X27338" i="1"/>
  <c r="X27339" i="1"/>
  <c r="X27340" i="1"/>
  <c r="X27341" i="1"/>
  <c r="X27342" i="1"/>
  <c r="X27343" i="1"/>
  <c r="X27344" i="1"/>
  <c r="X27345" i="1"/>
  <c r="X27346" i="1"/>
  <c r="X27347" i="1"/>
  <c r="X27348" i="1"/>
  <c r="X27349" i="1"/>
  <c r="X27350" i="1"/>
  <c r="X27351" i="1"/>
  <c r="X27352" i="1"/>
  <c r="X27353" i="1"/>
  <c r="X27354" i="1"/>
  <c r="X27355" i="1"/>
  <c r="X27356" i="1"/>
  <c r="X27357" i="1"/>
  <c r="X27358" i="1"/>
  <c r="X27359" i="1"/>
  <c r="X27360" i="1"/>
  <c r="X27361" i="1"/>
  <c r="X27362" i="1"/>
  <c r="X27363" i="1"/>
  <c r="X27364" i="1"/>
  <c r="X27365" i="1"/>
  <c r="X27366" i="1"/>
  <c r="X27367" i="1"/>
  <c r="X27368" i="1"/>
  <c r="X27369" i="1"/>
  <c r="X27370" i="1"/>
  <c r="X27371" i="1"/>
  <c r="X27372" i="1"/>
  <c r="X27373" i="1"/>
  <c r="X27374" i="1"/>
  <c r="X27375" i="1"/>
  <c r="X27376" i="1"/>
  <c r="X27377" i="1"/>
  <c r="X27378" i="1"/>
  <c r="X27379" i="1"/>
  <c r="X27380" i="1"/>
  <c r="X27381" i="1"/>
  <c r="X27382" i="1"/>
  <c r="X27383" i="1"/>
  <c r="X27384" i="1"/>
  <c r="X27385" i="1"/>
  <c r="X27386" i="1"/>
  <c r="X27387" i="1"/>
  <c r="X27388" i="1"/>
  <c r="X27389" i="1"/>
  <c r="X27390" i="1"/>
  <c r="X27391" i="1"/>
  <c r="X27392" i="1"/>
  <c r="X27393" i="1"/>
  <c r="X27394" i="1"/>
  <c r="X27395" i="1"/>
  <c r="X27396" i="1"/>
  <c r="X27397" i="1"/>
  <c r="X27398" i="1"/>
  <c r="X27399" i="1"/>
  <c r="X27400" i="1"/>
  <c r="X27401" i="1"/>
  <c r="X27402" i="1"/>
  <c r="X27403" i="1"/>
  <c r="X27404" i="1"/>
  <c r="X27405" i="1"/>
  <c r="X27406" i="1"/>
  <c r="X27407" i="1"/>
  <c r="X27408" i="1"/>
  <c r="X27409" i="1"/>
  <c r="X27410" i="1"/>
  <c r="X27411" i="1"/>
  <c r="X27412" i="1"/>
  <c r="X27413" i="1"/>
  <c r="X27414" i="1"/>
  <c r="X27415" i="1"/>
  <c r="X27416" i="1"/>
  <c r="X27417" i="1"/>
  <c r="X27418" i="1"/>
  <c r="X27419" i="1"/>
  <c r="X27420" i="1"/>
  <c r="X27421" i="1"/>
  <c r="X27422" i="1"/>
  <c r="X27423" i="1"/>
  <c r="X27424" i="1"/>
  <c r="X27425" i="1"/>
  <c r="X27426" i="1"/>
  <c r="X27427" i="1"/>
  <c r="X27428" i="1"/>
  <c r="X27429" i="1"/>
  <c r="X27430" i="1"/>
  <c r="X27431" i="1"/>
  <c r="X27432" i="1"/>
  <c r="X27433" i="1"/>
  <c r="X27434" i="1"/>
  <c r="X27435" i="1"/>
  <c r="X27436" i="1"/>
  <c r="X27437" i="1"/>
  <c r="X27438" i="1"/>
  <c r="X27439" i="1"/>
  <c r="X27440" i="1"/>
  <c r="X27441" i="1"/>
  <c r="X27442" i="1"/>
  <c r="X27443" i="1"/>
  <c r="X27444" i="1"/>
  <c r="X27445" i="1"/>
  <c r="X27446" i="1"/>
  <c r="X27447" i="1"/>
  <c r="X27448" i="1"/>
  <c r="X27449" i="1"/>
  <c r="X27450" i="1"/>
  <c r="X27451" i="1"/>
  <c r="X27452" i="1"/>
  <c r="X27453" i="1"/>
  <c r="X27454" i="1"/>
  <c r="X27455" i="1"/>
  <c r="X27456" i="1"/>
  <c r="X27457" i="1"/>
  <c r="X27458" i="1"/>
  <c r="X27459" i="1"/>
  <c r="X27460" i="1"/>
  <c r="X27461" i="1"/>
  <c r="X27462" i="1"/>
  <c r="X27463" i="1"/>
  <c r="X27464" i="1"/>
  <c r="X27465" i="1"/>
  <c r="X27466" i="1"/>
  <c r="X27467" i="1"/>
  <c r="X27468" i="1"/>
  <c r="X27469" i="1"/>
  <c r="X27470" i="1"/>
  <c r="X27471" i="1"/>
  <c r="X27472" i="1"/>
  <c r="X27473" i="1"/>
  <c r="X27474" i="1"/>
  <c r="X27475" i="1"/>
  <c r="X27476" i="1"/>
  <c r="X27477" i="1"/>
  <c r="X27478" i="1"/>
  <c r="X27479" i="1"/>
  <c r="X27480" i="1"/>
  <c r="X27481" i="1"/>
  <c r="X27482" i="1"/>
  <c r="X27483" i="1"/>
  <c r="X27484" i="1"/>
  <c r="X27485" i="1"/>
  <c r="X27486" i="1"/>
  <c r="X27487" i="1"/>
  <c r="X27488" i="1"/>
  <c r="X27489" i="1"/>
  <c r="X27490" i="1"/>
  <c r="X27491" i="1"/>
  <c r="X27492" i="1"/>
  <c r="X27493" i="1"/>
  <c r="X27494" i="1"/>
  <c r="X27495" i="1"/>
  <c r="X27496" i="1"/>
  <c r="X27497" i="1"/>
  <c r="X27498" i="1"/>
  <c r="X27499" i="1"/>
  <c r="X27500" i="1"/>
  <c r="X27501" i="1"/>
  <c r="X27502" i="1"/>
  <c r="X27503" i="1"/>
  <c r="X27504" i="1"/>
  <c r="X27505" i="1"/>
  <c r="X27506" i="1"/>
  <c r="X27507" i="1"/>
  <c r="X27508" i="1"/>
  <c r="X27509" i="1"/>
  <c r="X27510" i="1"/>
  <c r="X27511" i="1"/>
  <c r="X27512" i="1"/>
  <c r="X27513" i="1"/>
  <c r="X27514" i="1"/>
  <c r="X27515" i="1"/>
  <c r="X27516" i="1"/>
  <c r="X27517" i="1"/>
  <c r="X27518" i="1"/>
  <c r="X27519" i="1"/>
  <c r="X27520" i="1"/>
  <c r="X27521" i="1"/>
  <c r="X27522" i="1"/>
  <c r="X27523" i="1"/>
  <c r="X27524" i="1"/>
  <c r="X27525" i="1"/>
  <c r="X27526" i="1"/>
  <c r="X27527" i="1"/>
  <c r="X27528" i="1"/>
  <c r="X27529" i="1"/>
  <c r="X27530" i="1"/>
  <c r="X27531" i="1"/>
  <c r="X27532" i="1"/>
  <c r="X27533" i="1"/>
  <c r="X27534" i="1"/>
  <c r="X27535" i="1"/>
  <c r="X27536" i="1"/>
  <c r="X27537" i="1"/>
  <c r="X27538" i="1"/>
  <c r="X27539" i="1"/>
  <c r="X27540" i="1"/>
  <c r="X27541" i="1"/>
  <c r="X27542" i="1"/>
  <c r="X27543" i="1"/>
  <c r="X27544" i="1"/>
  <c r="X27545" i="1"/>
  <c r="X27546" i="1"/>
  <c r="X27547" i="1"/>
  <c r="X27548" i="1"/>
  <c r="X27549" i="1"/>
  <c r="X27550" i="1"/>
  <c r="X27551" i="1"/>
  <c r="X27552" i="1"/>
  <c r="X27553" i="1"/>
  <c r="X27554" i="1"/>
  <c r="X27555" i="1"/>
  <c r="X27556" i="1"/>
  <c r="X27557" i="1"/>
  <c r="X27558" i="1"/>
  <c r="X27559" i="1"/>
  <c r="X27560" i="1"/>
  <c r="X27561" i="1"/>
  <c r="X27562" i="1"/>
  <c r="X27563" i="1"/>
  <c r="X27564" i="1"/>
  <c r="X27565" i="1"/>
  <c r="X27566" i="1"/>
  <c r="X27567" i="1"/>
  <c r="X27568" i="1"/>
  <c r="X27569" i="1"/>
  <c r="X27570" i="1"/>
  <c r="X27571" i="1"/>
  <c r="X27572" i="1"/>
  <c r="X27573" i="1"/>
  <c r="X27574" i="1"/>
  <c r="X27575" i="1"/>
  <c r="X27576" i="1"/>
  <c r="X27577" i="1"/>
  <c r="X27578" i="1"/>
  <c r="X27579" i="1"/>
  <c r="X27580" i="1"/>
  <c r="X27581" i="1"/>
  <c r="X27582" i="1"/>
  <c r="X27583" i="1"/>
  <c r="X27584" i="1"/>
  <c r="X27585" i="1"/>
  <c r="X27586" i="1"/>
  <c r="X27587" i="1"/>
  <c r="X27588" i="1"/>
  <c r="X27589" i="1"/>
  <c r="X27590" i="1"/>
  <c r="X27591" i="1"/>
  <c r="X27592" i="1"/>
  <c r="X27593" i="1"/>
  <c r="X27594" i="1"/>
  <c r="X27595" i="1"/>
  <c r="X27596" i="1"/>
  <c r="X27597" i="1"/>
  <c r="X27598" i="1"/>
  <c r="X27599" i="1"/>
  <c r="X27600" i="1"/>
  <c r="X27601" i="1"/>
  <c r="X27602" i="1"/>
  <c r="X27603" i="1"/>
  <c r="X27604" i="1"/>
  <c r="X27605" i="1"/>
  <c r="X27606" i="1"/>
  <c r="X27607" i="1"/>
  <c r="X27608" i="1"/>
  <c r="X27609" i="1"/>
  <c r="X27610" i="1"/>
  <c r="X27611" i="1"/>
  <c r="X27612" i="1"/>
  <c r="X27613" i="1"/>
  <c r="X27614" i="1"/>
  <c r="X27615" i="1"/>
  <c r="X27616" i="1"/>
  <c r="X27617" i="1"/>
  <c r="X27618" i="1"/>
  <c r="X27619" i="1"/>
  <c r="X27620" i="1"/>
  <c r="X27621" i="1"/>
  <c r="X27622" i="1"/>
  <c r="X27623" i="1"/>
  <c r="X27624" i="1"/>
  <c r="X27625" i="1"/>
  <c r="X27626" i="1"/>
  <c r="X27627" i="1"/>
  <c r="X27628" i="1"/>
  <c r="X27629" i="1"/>
  <c r="X27630" i="1"/>
  <c r="X27631" i="1"/>
  <c r="X27632" i="1"/>
  <c r="X27633" i="1"/>
  <c r="X27634" i="1"/>
  <c r="X27635" i="1"/>
  <c r="X27636" i="1"/>
  <c r="X27637" i="1"/>
  <c r="X27638" i="1"/>
  <c r="X27639" i="1"/>
  <c r="X27640" i="1"/>
  <c r="X27641" i="1"/>
  <c r="X27642" i="1"/>
  <c r="X27643" i="1"/>
  <c r="X27644" i="1"/>
  <c r="X27645" i="1"/>
  <c r="X27646" i="1"/>
  <c r="X27647" i="1"/>
  <c r="X27648" i="1"/>
  <c r="X27649" i="1"/>
  <c r="X27650" i="1"/>
  <c r="X27651" i="1"/>
  <c r="X27652" i="1"/>
  <c r="X27653" i="1"/>
  <c r="X27654" i="1"/>
  <c r="X27655" i="1"/>
  <c r="X27656" i="1"/>
  <c r="X27657" i="1"/>
  <c r="X27658" i="1"/>
  <c r="X27659" i="1"/>
  <c r="X27660" i="1"/>
  <c r="X27661" i="1"/>
  <c r="X27662" i="1"/>
  <c r="X27663" i="1"/>
  <c r="X27664" i="1"/>
  <c r="X27665" i="1"/>
  <c r="X27666" i="1"/>
  <c r="X27667" i="1"/>
  <c r="X27668" i="1"/>
  <c r="X27669" i="1"/>
  <c r="X27670" i="1"/>
  <c r="X27671" i="1"/>
  <c r="X27672" i="1"/>
  <c r="X27673" i="1"/>
  <c r="X27674" i="1"/>
  <c r="X27675" i="1"/>
  <c r="X27676" i="1"/>
  <c r="X27677" i="1"/>
  <c r="X27678" i="1"/>
  <c r="X27679" i="1"/>
  <c r="X27680" i="1"/>
  <c r="X27681" i="1"/>
  <c r="X27682" i="1"/>
  <c r="X27683" i="1"/>
  <c r="X27684" i="1"/>
  <c r="X27685" i="1"/>
  <c r="X27686" i="1"/>
  <c r="X27687" i="1"/>
  <c r="X27688" i="1"/>
  <c r="X27689" i="1"/>
  <c r="X27690" i="1"/>
  <c r="X27691" i="1"/>
  <c r="X27692" i="1"/>
  <c r="X27693" i="1"/>
  <c r="X27694" i="1"/>
  <c r="X27695" i="1"/>
  <c r="X27696" i="1"/>
  <c r="X27697" i="1"/>
  <c r="X27698" i="1"/>
  <c r="X27699" i="1"/>
  <c r="X27700" i="1"/>
  <c r="X27701" i="1"/>
  <c r="X27702" i="1"/>
  <c r="X27703" i="1"/>
  <c r="X27704" i="1"/>
  <c r="X27705" i="1"/>
  <c r="X27706" i="1"/>
  <c r="X27707" i="1"/>
  <c r="X27708" i="1"/>
  <c r="X27709" i="1"/>
  <c r="X27710" i="1"/>
  <c r="X27711" i="1"/>
  <c r="X27712" i="1"/>
  <c r="X27713" i="1"/>
  <c r="X27714" i="1"/>
  <c r="X27715" i="1"/>
  <c r="X27716" i="1"/>
  <c r="X27717" i="1"/>
  <c r="X27718" i="1"/>
  <c r="X27719" i="1"/>
  <c r="X27720" i="1"/>
  <c r="X27721" i="1"/>
  <c r="X27722" i="1"/>
  <c r="X27723" i="1"/>
  <c r="X27724" i="1"/>
  <c r="X27725" i="1"/>
  <c r="X27726" i="1"/>
  <c r="X27727" i="1"/>
  <c r="X27728" i="1"/>
  <c r="X27729" i="1"/>
  <c r="X27730" i="1"/>
  <c r="X27731" i="1"/>
  <c r="X27732" i="1"/>
  <c r="X27733" i="1"/>
  <c r="X27734" i="1"/>
  <c r="X27735" i="1"/>
  <c r="X27736" i="1"/>
  <c r="X27737" i="1"/>
  <c r="X27738" i="1"/>
  <c r="X27739" i="1"/>
  <c r="X27740" i="1"/>
  <c r="X27741" i="1"/>
  <c r="X27742" i="1"/>
  <c r="X27743" i="1"/>
  <c r="X27744" i="1"/>
  <c r="X27745" i="1"/>
  <c r="X27746" i="1"/>
  <c r="X27747" i="1"/>
  <c r="X27748" i="1"/>
  <c r="X27749" i="1"/>
  <c r="X27750" i="1"/>
  <c r="X27751" i="1"/>
  <c r="X27752" i="1"/>
  <c r="X27753" i="1"/>
  <c r="X27754" i="1"/>
  <c r="X27755" i="1"/>
  <c r="X27756" i="1"/>
  <c r="X27757" i="1"/>
  <c r="X27758" i="1"/>
  <c r="X27759" i="1"/>
  <c r="X27760" i="1"/>
  <c r="X27761" i="1"/>
  <c r="X27762" i="1"/>
  <c r="X27763" i="1"/>
  <c r="X27764" i="1"/>
  <c r="X27765" i="1"/>
  <c r="X27766" i="1"/>
  <c r="X27767" i="1"/>
  <c r="X27768" i="1"/>
  <c r="X27769" i="1"/>
  <c r="X27770" i="1"/>
  <c r="X27771" i="1"/>
  <c r="X27772" i="1"/>
  <c r="X27773" i="1"/>
  <c r="X27774" i="1"/>
  <c r="X27775" i="1"/>
  <c r="X27776" i="1"/>
  <c r="X27777" i="1"/>
  <c r="X27778" i="1"/>
  <c r="X27779" i="1"/>
  <c r="X27780" i="1"/>
  <c r="X27781" i="1"/>
  <c r="X27782" i="1"/>
  <c r="X27783" i="1"/>
  <c r="X27784" i="1"/>
  <c r="X27785" i="1"/>
  <c r="X27786" i="1"/>
  <c r="X27787" i="1"/>
  <c r="X27788" i="1"/>
  <c r="X27789" i="1"/>
  <c r="X27790" i="1"/>
  <c r="X27791" i="1"/>
  <c r="X27792" i="1"/>
  <c r="X27793" i="1"/>
  <c r="X27794" i="1"/>
  <c r="X27795" i="1"/>
  <c r="X27796" i="1"/>
  <c r="X27797" i="1"/>
  <c r="X27798" i="1"/>
  <c r="X27799" i="1"/>
  <c r="X27800" i="1"/>
  <c r="X27801" i="1"/>
  <c r="X27802" i="1"/>
  <c r="X27803" i="1"/>
  <c r="X27804" i="1"/>
  <c r="X27805" i="1"/>
  <c r="X27806" i="1"/>
  <c r="X27807" i="1"/>
  <c r="X27808" i="1"/>
  <c r="X27809" i="1"/>
  <c r="X27810" i="1"/>
  <c r="X27811" i="1"/>
  <c r="X27812" i="1"/>
  <c r="X27813" i="1"/>
  <c r="X27814" i="1"/>
  <c r="X27815" i="1"/>
  <c r="X27816" i="1"/>
  <c r="X27817" i="1"/>
  <c r="X27818" i="1"/>
  <c r="X27819" i="1"/>
  <c r="X27820" i="1"/>
  <c r="X27821" i="1"/>
  <c r="X27822" i="1"/>
  <c r="X27823" i="1"/>
  <c r="X27824" i="1"/>
  <c r="X27825" i="1"/>
  <c r="X27826" i="1"/>
  <c r="X27827" i="1"/>
  <c r="X27828" i="1"/>
  <c r="X27829" i="1"/>
  <c r="X27830" i="1"/>
  <c r="X27831" i="1"/>
  <c r="X27832" i="1"/>
  <c r="X27833" i="1"/>
  <c r="X27834" i="1"/>
  <c r="X27835" i="1"/>
  <c r="X27836" i="1"/>
  <c r="X27837" i="1"/>
  <c r="X27838" i="1"/>
  <c r="X27839" i="1"/>
  <c r="X27840" i="1"/>
  <c r="X27841" i="1"/>
  <c r="X27842" i="1"/>
  <c r="X27843" i="1"/>
  <c r="X27844" i="1"/>
  <c r="X27845" i="1"/>
  <c r="X27846" i="1"/>
  <c r="X27847" i="1"/>
  <c r="X27848" i="1"/>
  <c r="X27849" i="1"/>
  <c r="X27850" i="1"/>
  <c r="X27851" i="1"/>
  <c r="X27852" i="1"/>
  <c r="X27853" i="1"/>
  <c r="X27854" i="1"/>
  <c r="X27855" i="1"/>
  <c r="X27856" i="1"/>
  <c r="X27857" i="1"/>
  <c r="X27858" i="1"/>
  <c r="X27859" i="1"/>
  <c r="X27860" i="1"/>
  <c r="X27861" i="1"/>
  <c r="X27862" i="1"/>
  <c r="X27863" i="1"/>
  <c r="X27864" i="1"/>
  <c r="X27865" i="1"/>
  <c r="X27866" i="1"/>
  <c r="X27867" i="1"/>
  <c r="X27868" i="1"/>
  <c r="X27869" i="1"/>
  <c r="X27870" i="1"/>
  <c r="X27871" i="1"/>
  <c r="X27872" i="1"/>
  <c r="X27873" i="1"/>
  <c r="X27874" i="1"/>
  <c r="X27875" i="1"/>
  <c r="X27876" i="1"/>
  <c r="X27877" i="1"/>
  <c r="X27878" i="1"/>
  <c r="X27879" i="1"/>
  <c r="X27880" i="1"/>
  <c r="X27881" i="1"/>
  <c r="X27882" i="1"/>
  <c r="X27883" i="1"/>
  <c r="X27884" i="1"/>
  <c r="X27885" i="1"/>
  <c r="X27886" i="1"/>
  <c r="X27887" i="1"/>
  <c r="X27888" i="1"/>
  <c r="X27889" i="1"/>
  <c r="X27890" i="1"/>
  <c r="X27891" i="1"/>
  <c r="X27892" i="1"/>
  <c r="X27893" i="1"/>
  <c r="X27894" i="1"/>
  <c r="X27895" i="1"/>
  <c r="X27896" i="1"/>
  <c r="X27897" i="1"/>
  <c r="X27898" i="1"/>
  <c r="X27899" i="1"/>
  <c r="X27900" i="1"/>
  <c r="X27901" i="1"/>
  <c r="X27902" i="1"/>
  <c r="X27903" i="1"/>
  <c r="X27904" i="1"/>
  <c r="X27905" i="1"/>
  <c r="X27906" i="1"/>
  <c r="X27907" i="1"/>
  <c r="X27908" i="1"/>
  <c r="X27909" i="1"/>
  <c r="X27910" i="1"/>
  <c r="X27911" i="1"/>
  <c r="X27912" i="1"/>
  <c r="X27913" i="1"/>
  <c r="X27914" i="1"/>
  <c r="X27915" i="1"/>
  <c r="X27916" i="1"/>
  <c r="X27917" i="1"/>
  <c r="X27918" i="1"/>
  <c r="X27919" i="1"/>
  <c r="X27920" i="1"/>
  <c r="X27921" i="1"/>
  <c r="X27922" i="1"/>
  <c r="X27923" i="1"/>
  <c r="X27924" i="1"/>
  <c r="X27925" i="1"/>
  <c r="X27926" i="1"/>
  <c r="X27927" i="1"/>
  <c r="X27928" i="1"/>
  <c r="X27929" i="1"/>
  <c r="X27930" i="1"/>
  <c r="X27931" i="1"/>
  <c r="X27932" i="1"/>
  <c r="X27933" i="1"/>
  <c r="X27934" i="1"/>
  <c r="X27935" i="1"/>
  <c r="X27936" i="1"/>
  <c r="X27937" i="1"/>
  <c r="X27938" i="1"/>
  <c r="X27939" i="1"/>
  <c r="X27940" i="1"/>
  <c r="X27941" i="1"/>
  <c r="X27942" i="1"/>
  <c r="X27943" i="1"/>
  <c r="X27944" i="1"/>
  <c r="X27945" i="1"/>
  <c r="X27946" i="1"/>
  <c r="X27947" i="1"/>
  <c r="X27948" i="1"/>
  <c r="X27949" i="1"/>
  <c r="X27950" i="1"/>
  <c r="X27951" i="1"/>
  <c r="X27952" i="1"/>
  <c r="X27953" i="1"/>
  <c r="X27954" i="1"/>
  <c r="X27955" i="1"/>
  <c r="X27956" i="1"/>
  <c r="X27957" i="1"/>
  <c r="X27958" i="1"/>
  <c r="X27959" i="1"/>
  <c r="X27960" i="1"/>
  <c r="X27961" i="1"/>
  <c r="X27962" i="1"/>
  <c r="X27963" i="1"/>
  <c r="X27964" i="1"/>
  <c r="X27965" i="1"/>
  <c r="X27966" i="1"/>
  <c r="X27967" i="1"/>
  <c r="X27968" i="1"/>
  <c r="X27969" i="1"/>
  <c r="X27970" i="1"/>
  <c r="X27971" i="1"/>
  <c r="X27972" i="1"/>
  <c r="X27973" i="1"/>
  <c r="X27974" i="1"/>
  <c r="X27975" i="1"/>
  <c r="X27976" i="1"/>
  <c r="X27977" i="1"/>
  <c r="X27978" i="1"/>
  <c r="X27979" i="1"/>
  <c r="X27980" i="1"/>
  <c r="X27981" i="1"/>
  <c r="X27982" i="1"/>
  <c r="X27983" i="1"/>
  <c r="X27984" i="1"/>
  <c r="X27985" i="1"/>
  <c r="X27986" i="1"/>
  <c r="X27987" i="1"/>
  <c r="X27988" i="1"/>
  <c r="X27989" i="1"/>
  <c r="X27990" i="1"/>
  <c r="X27991" i="1"/>
  <c r="X27992" i="1"/>
  <c r="X27993" i="1"/>
  <c r="X27994" i="1"/>
  <c r="X27995" i="1"/>
  <c r="X27996" i="1"/>
  <c r="X27997" i="1"/>
  <c r="X27998" i="1"/>
  <c r="X27999" i="1"/>
  <c r="X28000" i="1"/>
  <c r="X28001" i="1"/>
  <c r="X28002" i="1"/>
  <c r="X28003" i="1"/>
  <c r="X28004" i="1"/>
  <c r="X28005" i="1"/>
  <c r="X28006" i="1"/>
  <c r="X28007" i="1"/>
  <c r="X28008" i="1"/>
  <c r="X28009" i="1"/>
  <c r="X28010" i="1"/>
  <c r="X28011" i="1"/>
  <c r="X28012" i="1"/>
  <c r="X28013" i="1"/>
  <c r="X28014" i="1"/>
  <c r="X28015" i="1"/>
  <c r="X28016" i="1"/>
  <c r="X28017" i="1"/>
  <c r="X28018" i="1"/>
  <c r="X28019" i="1"/>
  <c r="X28020" i="1"/>
  <c r="X28021" i="1"/>
  <c r="X28022" i="1"/>
  <c r="X28023" i="1"/>
  <c r="X28024" i="1"/>
  <c r="X28025" i="1"/>
  <c r="X28026" i="1"/>
  <c r="X28027" i="1"/>
  <c r="X28028" i="1"/>
  <c r="X28029" i="1"/>
  <c r="X28030" i="1"/>
  <c r="X28031" i="1"/>
  <c r="X28032" i="1"/>
  <c r="X28033" i="1"/>
  <c r="X28034" i="1"/>
  <c r="X28035" i="1"/>
  <c r="X28036" i="1"/>
  <c r="X28037" i="1"/>
  <c r="X28038" i="1"/>
  <c r="X28039" i="1"/>
  <c r="X28040" i="1"/>
  <c r="X28041" i="1"/>
  <c r="X28042" i="1"/>
  <c r="X28043" i="1"/>
  <c r="X28044" i="1"/>
  <c r="X28045" i="1"/>
  <c r="X28046" i="1"/>
  <c r="X28047" i="1"/>
  <c r="X28048" i="1"/>
  <c r="X28049" i="1"/>
  <c r="X28050" i="1"/>
  <c r="X28051" i="1"/>
  <c r="X28052" i="1"/>
  <c r="X28053" i="1"/>
  <c r="X28054" i="1"/>
  <c r="X28055" i="1"/>
  <c r="X28056" i="1"/>
  <c r="X28057" i="1"/>
  <c r="X28058" i="1"/>
  <c r="X28059" i="1"/>
  <c r="X28060" i="1"/>
  <c r="X28061" i="1"/>
  <c r="X28062" i="1"/>
  <c r="X28063" i="1"/>
  <c r="X28064" i="1"/>
  <c r="X28065" i="1"/>
  <c r="X28066" i="1"/>
  <c r="X28067" i="1"/>
  <c r="X28068" i="1"/>
  <c r="X28069" i="1"/>
  <c r="X28070" i="1"/>
  <c r="X28071" i="1"/>
  <c r="X28072" i="1"/>
  <c r="X28073" i="1"/>
  <c r="X28074" i="1"/>
  <c r="X28075" i="1"/>
  <c r="X28076" i="1"/>
  <c r="X28077" i="1"/>
  <c r="X28078" i="1"/>
  <c r="X28079" i="1"/>
  <c r="X28080" i="1"/>
  <c r="X28081" i="1"/>
  <c r="X28082" i="1"/>
  <c r="X28083" i="1"/>
  <c r="X28084" i="1"/>
  <c r="X28085" i="1"/>
  <c r="X28086" i="1"/>
  <c r="X28087" i="1"/>
  <c r="X28088" i="1"/>
  <c r="X28089" i="1"/>
  <c r="X28090" i="1"/>
  <c r="X28091" i="1"/>
  <c r="X28092" i="1"/>
  <c r="X28093" i="1"/>
  <c r="X28094" i="1"/>
  <c r="X28095" i="1"/>
  <c r="X28096" i="1"/>
  <c r="X28097" i="1"/>
  <c r="X28098" i="1"/>
  <c r="X28099" i="1"/>
  <c r="X28100" i="1"/>
  <c r="X28101" i="1"/>
  <c r="X28102" i="1"/>
  <c r="X28103" i="1"/>
  <c r="X28104" i="1"/>
  <c r="X28105" i="1"/>
  <c r="X28106" i="1"/>
  <c r="X28107" i="1"/>
  <c r="X28108" i="1"/>
  <c r="X28109" i="1"/>
  <c r="X28110" i="1"/>
  <c r="X28111" i="1"/>
  <c r="X28112" i="1"/>
  <c r="X28113" i="1"/>
  <c r="X28114" i="1"/>
  <c r="X28115" i="1"/>
  <c r="X28116" i="1"/>
  <c r="X28117" i="1"/>
  <c r="X28118" i="1"/>
  <c r="X28119" i="1"/>
  <c r="X28120" i="1"/>
  <c r="X28121" i="1"/>
  <c r="X28122" i="1"/>
  <c r="X28123" i="1"/>
  <c r="X28124" i="1"/>
  <c r="X28125" i="1"/>
  <c r="X28126" i="1"/>
  <c r="X28127" i="1"/>
  <c r="X28128" i="1"/>
  <c r="X28129" i="1"/>
  <c r="X28130" i="1"/>
  <c r="X28131" i="1"/>
  <c r="X28132" i="1"/>
  <c r="X28133" i="1"/>
  <c r="X28134" i="1"/>
  <c r="X28135" i="1"/>
  <c r="X28136" i="1"/>
  <c r="X28137" i="1"/>
  <c r="X28138" i="1"/>
  <c r="X28139" i="1"/>
  <c r="X28140" i="1"/>
  <c r="X28141" i="1"/>
  <c r="X28142" i="1"/>
  <c r="X28143" i="1"/>
  <c r="X28144" i="1"/>
  <c r="X28145" i="1"/>
  <c r="X28146" i="1"/>
  <c r="X28147" i="1"/>
  <c r="X28148" i="1"/>
  <c r="X28149" i="1"/>
  <c r="X28150" i="1"/>
  <c r="X28151" i="1"/>
  <c r="X28152" i="1"/>
  <c r="X28153" i="1"/>
  <c r="X28154" i="1"/>
  <c r="X28155" i="1"/>
  <c r="X28156" i="1"/>
  <c r="X28157" i="1"/>
  <c r="X28158" i="1"/>
  <c r="X28159" i="1"/>
  <c r="X28160" i="1"/>
  <c r="X28161" i="1"/>
  <c r="X28162" i="1"/>
  <c r="X28163" i="1"/>
  <c r="X28164" i="1"/>
  <c r="X28165" i="1"/>
  <c r="X28166" i="1"/>
  <c r="X28167" i="1"/>
  <c r="X28168" i="1"/>
  <c r="X28169" i="1"/>
  <c r="X28170" i="1"/>
  <c r="X28171" i="1"/>
  <c r="X28172" i="1"/>
  <c r="X28173" i="1"/>
  <c r="X28174" i="1"/>
  <c r="X28175" i="1"/>
  <c r="X28176" i="1"/>
  <c r="X28177" i="1"/>
  <c r="X28178" i="1"/>
  <c r="X28179" i="1"/>
  <c r="X28180" i="1"/>
  <c r="X28181" i="1"/>
  <c r="X28182" i="1"/>
  <c r="X28183" i="1"/>
  <c r="X28184" i="1"/>
  <c r="X28185" i="1"/>
  <c r="X28186" i="1"/>
  <c r="X28187" i="1"/>
  <c r="X28188" i="1"/>
  <c r="X28189" i="1"/>
  <c r="X28190" i="1"/>
  <c r="X28191" i="1"/>
  <c r="X28192" i="1"/>
  <c r="X28193" i="1"/>
  <c r="X28194" i="1"/>
  <c r="X28195" i="1"/>
  <c r="X28196" i="1"/>
  <c r="X28197" i="1"/>
  <c r="X28198" i="1"/>
  <c r="X28199" i="1"/>
  <c r="X28200" i="1"/>
  <c r="X28201" i="1"/>
  <c r="X28202" i="1"/>
  <c r="X28203" i="1"/>
  <c r="X28204" i="1"/>
  <c r="X28205" i="1"/>
  <c r="X28206" i="1"/>
  <c r="X28207" i="1"/>
  <c r="X28208" i="1"/>
  <c r="X28209" i="1"/>
  <c r="X28210" i="1"/>
  <c r="X28211" i="1"/>
  <c r="X28212" i="1"/>
  <c r="X28213" i="1"/>
  <c r="X28214" i="1"/>
  <c r="X28215" i="1"/>
  <c r="X28216" i="1"/>
  <c r="X28217" i="1"/>
  <c r="X28218" i="1"/>
  <c r="X28219" i="1"/>
  <c r="X28220" i="1"/>
  <c r="X28221" i="1"/>
  <c r="X28222" i="1"/>
  <c r="X28223" i="1"/>
  <c r="X28224" i="1"/>
  <c r="X28225" i="1"/>
  <c r="X28226" i="1"/>
  <c r="X28227" i="1"/>
  <c r="X28228" i="1"/>
  <c r="X28229" i="1"/>
  <c r="X28230" i="1"/>
  <c r="X28231" i="1"/>
  <c r="X28232" i="1"/>
  <c r="X28233" i="1"/>
  <c r="X28234" i="1"/>
  <c r="X28235" i="1"/>
  <c r="X28236" i="1"/>
  <c r="X28237" i="1"/>
  <c r="X28238" i="1"/>
  <c r="X28239" i="1"/>
  <c r="X28240" i="1"/>
  <c r="X28241" i="1"/>
  <c r="X28242" i="1"/>
  <c r="X28243" i="1"/>
  <c r="X28244" i="1"/>
  <c r="X28245" i="1"/>
  <c r="X28246" i="1"/>
  <c r="X28247" i="1"/>
  <c r="X28248" i="1"/>
  <c r="X28249" i="1"/>
  <c r="X28250" i="1"/>
  <c r="X28251" i="1"/>
  <c r="X28252" i="1"/>
  <c r="X28253" i="1"/>
  <c r="X28254" i="1"/>
  <c r="X28255" i="1"/>
  <c r="X28256" i="1"/>
  <c r="X28257" i="1"/>
  <c r="X28258" i="1"/>
  <c r="X28259" i="1"/>
  <c r="X28260" i="1"/>
  <c r="X28261" i="1"/>
  <c r="X28262" i="1"/>
  <c r="X28263" i="1"/>
  <c r="X28264" i="1"/>
  <c r="X28265" i="1"/>
  <c r="X28266" i="1"/>
  <c r="X28267" i="1"/>
  <c r="X28268" i="1"/>
  <c r="X28269" i="1"/>
  <c r="X28270" i="1"/>
  <c r="X28271" i="1"/>
  <c r="X28272" i="1"/>
  <c r="X28273" i="1"/>
  <c r="X28274" i="1"/>
  <c r="X28275" i="1"/>
  <c r="X28276" i="1"/>
  <c r="X28277" i="1"/>
  <c r="X28278" i="1"/>
  <c r="X28279" i="1"/>
  <c r="X28280" i="1"/>
  <c r="X28281" i="1"/>
  <c r="X28282" i="1"/>
  <c r="X28283" i="1"/>
  <c r="X28284" i="1"/>
  <c r="X28285" i="1"/>
  <c r="X28286" i="1"/>
  <c r="X28287" i="1"/>
  <c r="X28288" i="1"/>
  <c r="X28289" i="1"/>
  <c r="X28290" i="1"/>
  <c r="X28291" i="1"/>
  <c r="X28292" i="1"/>
  <c r="X28293" i="1"/>
  <c r="X28294" i="1"/>
  <c r="X28295" i="1"/>
  <c r="X28296" i="1"/>
  <c r="X28297" i="1"/>
  <c r="X28298" i="1"/>
  <c r="X28299" i="1"/>
  <c r="X28300" i="1"/>
  <c r="X28301" i="1"/>
  <c r="X28302" i="1"/>
  <c r="X28303" i="1"/>
  <c r="X28304" i="1"/>
  <c r="X28305" i="1"/>
  <c r="X28306" i="1"/>
  <c r="X28307" i="1"/>
  <c r="X28308" i="1"/>
  <c r="X28309" i="1"/>
  <c r="X28310" i="1"/>
  <c r="X28311" i="1"/>
  <c r="X28312" i="1"/>
  <c r="X28313" i="1"/>
  <c r="X28314" i="1"/>
  <c r="X28315" i="1"/>
  <c r="X28316" i="1"/>
  <c r="X28317" i="1"/>
  <c r="X28318" i="1"/>
  <c r="X28319" i="1"/>
  <c r="X28320" i="1"/>
  <c r="X28321" i="1"/>
  <c r="X28322" i="1"/>
  <c r="X28323" i="1"/>
  <c r="X28324" i="1"/>
  <c r="X28325" i="1"/>
  <c r="X28326" i="1"/>
  <c r="X28327" i="1"/>
  <c r="X28328" i="1"/>
  <c r="X28329" i="1"/>
  <c r="X28330" i="1"/>
  <c r="X28331" i="1"/>
  <c r="X28332" i="1"/>
  <c r="X28333" i="1"/>
  <c r="X28334" i="1"/>
  <c r="X28335" i="1"/>
  <c r="X28336" i="1"/>
  <c r="X28337" i="1"/>
  <c r="X28338" i="1"/>
  <c r="X28339" i="1"/>
  <c r="X28340" i="1"/>
  <c r="X28341" i="1"/>
  <c r="X28342" i="1"/>
  <c r="X28343" i="1"/>
  <c r="X28344" i="1"/>
  <c r="X28345" i="1"/>
  <c r="X28346" i="1"/>
  <c r="X28347" i="1"/>
  <c r="X28348" i="1"/>
  <c r="X28349" i="1"/>
  <c r="X28350" i="1"/>
  <c r="X28351" i="1"/>
  <c r="X28352" i="1"/>
  <c r="X28353" i="1"/>
  <c r="X28354" i="1"/>
  <c r="X28355" i="1"/>
  <c r="X28356" i="1"/>
  <c r="X28357" i="1"/>
  <c r="X28358" i="1"/>
  <c r="X28359" i="1"/>
  <c r="X28360" i="1"/>
  <c r="X28361" i="1"/>
  <c r="X28362" i="1"/>
  <c r="X28363" i="1"/>
  <c r="X28364" i="1"/>
  <c r="X28365" i="1"/>
  <c r="X28366" i="1"/>
  <c r="X28367" i="1"/>
  <c r="X28368" i="1"/>
  <c r="X28369" i="1"/>
  <c r="X28370" i="1"/>
  <c r="X28371" i="1"/>
  <c r="X28372" i="1"/>
  <c r="X28373" i="1"/>
  <c r="X28374" i="1"/>
  <c r="X28375" i="1"/>
  <c r="X28376" i="1"/>
  <c r="X28377" i="1"/>
  <c r="X28378" i="1"/>
  <c r="X28379" i="1"/>
  <c r="X28380" i="1"/>
  <c r="X28381" i="1"/>
  <c r="X28382" i="1"/>
  <c r="X28383" i="1"/>
  <c r="X28384" i="1"/>
  <c r="X28385" i="1"/>
  <c r="X28386" i="1"/>
  <c r="X28387" i="1"/>
  <c r="X28388" i="1"/>
  <c r="X28389" i="1"/>
  <c r="X28390" i="1"/>
  <c r="X28391" i="1"/>
  <c r="X28392" i="1"/>
  <c r="X28393" i="1"/>
  <c r="X28394" i="1"/>
  <c r="X28395" i="1"/>
  <c r="X28396" i="1"/>
  <c r="X28397" i="1"/>
  <c r="X28398" i="1"/>
  <c r="X28399" i="1"/>
  <c r="X28400" i="1"/>
  <c r="X28401" i="1"/>
  <c r="X28402" i="1"/>
  <c r="X28403" i="1"/>
  <c r="X28404" i="1"/>
  <c r="X28405" i="1"/>
  <c r="X28406" i="1"/>
  <c r="X28407" i="1"/>
  <c r="X28408" i="1"/>
  <c r="X28409" i="1"/>
  <c r="X28410" i="1"/>
  <c r="X28411" i="1"/>
  <c r="X28412" i="1"/>
  <c r="X28413" i="1"/>
  <c r="X28414" i="1"/>
  <c r="X28415" i="1"/>
  <c r="X28416" i="1"/>
  <c r="X28417" i="1"/>
  <c r="X28418" i="1"/>
  <c r="X28419" i="1"/>
  <c r="X28420" i="1"/>
  <c r="X28421" i="1"/>
  <c r="X28422" i="1"/>
  <c r="X28423" i="1"/>
  <c r="X28424" i="1"/>
  <c r="X28425" i="1"/>
  <c r="X28426" i="1"/>
  <c r="X28427" i="1"/>
  <c r="X28428" i="1"/>
  <c r="X28429" i="1"/>
  <c r="X28430" i="1"/>
  <c r="X28431" i="1"/>
  <c r="X28432" i="1"/>
  <c r="X28433" i="1"/>
  <c r="X28434" i="1"/>
  <c r="X28435" i="1"/>
  <c r="X28436" i="1"/>
  <c r="X28437" i="1"/>
  <c r="X28438" i="1"/>
  <c r="X28439" i="1"/>
  <c r="X28440" i="1"/>
  <c r="X28441" i="1"/>
  <c r="X28442" i="1"/>
  <c r="X28443" i="1"/>
  <c r="X28444" i="1"/>
  <c r="X28445" i="1"/>
  <c r="X28446" i="1"/>
  <c r="X28447" i="1"/>
  <c r="X28448" i="1"/>
  <c r="X28449" i="1"/>
  <c r="X28450" i="1"/>
  <c r="X28451" i="1"/>
  <c r="X28452" i="1"/>
  <c r="X28453" i="1"/>
  <c r="X28454" i="1"/>
  <c r="X28455" i="1"/>
  <c r="X28456" i="1"/>
  <c r="X28457" i="1"/>
  <c r="X28458" i="1"/>
  <c r="X28459" i="1"/>
  <c r="X28460" i="1"/>
  <c r="X28461" i="1"/>
  <c r="X28462" i="1"/>
  <c r="X28463" i="1"/>
  <c r="X28464" i="1"/>
  <c r="X28465" i="1"/>
  <c r="X28466" i="1"/>
  <c r="X28467" i="1"/>
  <c r="X28468" i="1"/>
  <c r="X28469" i="1"/>
  <c r="X28470" i="1"/>
  <c r="X28471" i="1"/>
  <c r="X28472" i="1"/>
  <c r="X28473" i="1"/>
  <c r="X28474" i="1"/>
  <c r="X28475" i="1"/>
  <c r="X28476" i="1"/>
  <c r="X28477" i="1"/>
  <c r="X28478" i="1"/>
  <c r="X28479" i="1"/>
  <c r="X28480" i="1"/>
  <c r="X28481" i="1"/>
  <c r="X28482" i="1"/>
  <c r="X28483" i="1"/>
  <c r="X28484" i="1"/>
  <c r="X28485" i="1"/>
  <c r="X28486" i="1"/>
  <c r="X28487" i="1"/>
  <c r="X28488" i="1"/>
  <c r="X28489" i="1"/>
  <c r="X28490" i="1"/>
  <c r="X28491" i="1"/>
  <c r="X28492" i="1"/>
  <c r="X28493" i="1"/>
  <c r="X28494" i="1"/>
  <c r="X28495" i="1"/>
  <c r="X28496" i="1"/>
  <c r="X28497" i="1"/>
  <c r="X28498" i="1"/>
  <c r="X28499" i="1"/>
  <c r="X28500" i="1"/>
  <c r="X28501" i="1"/>
  <c r="X28502" i="1"/>
  <c r="X28503" i="1"/>
  <c r="X28504" i="1"/>
  <c r="X28505" i="1"/>
  <c r="X28506" i="1"/>
  <c r="X28507" i="1"/>
  <c r="X28508" i="1"/>
  <c r="X28509" i="1"/>
  <c r="X28510" i="1"/>
  <c r="X28511" i="1"/>
  <c r="X28512" i="1"/>
  <c r="X28513" i="1"/>
  <c r="X28514" i="1"/>
  <c r="X28515" i="1"/>
  <c r="X28516" i="1"/>
  <c r="X28517" i="1"/>
  <c r="X28518" i="1"/>
  <c r="X28519" i="1"/>
  <c r="X28520" i="1"/>
  <c r="X28521" i="1"/>
  <c r="X28522" i="1"/>
  <c r="X28523" i="1"/>
  <c r="X28524" i="1"/>
  <c r="X28525" i="1"/>
  <c r="X28526" i="1"/>
  <c r="X28527" i="1"/>
  <c r="X28528" i="1"/>
  <c r="X28529" i="1"/>
  <c r="X28530" i="1"/>
  <c r="X28531" i="1"/>
  <c r="X28532" i="1"/>
  <c r="X28533" i="1"/>
  <c r="X28534" i="1"/>
  <c r="X28535" i="1"/>
  <c r="X28536" i="1"/>
  <c r="X28537" i="1"/>
  <c r="X28538" i="1"/>
  <c r="X28539" i="1"/>
  <c r="X28540" i="1"/>
  <c r="X28541" i="1"/>
  <c r="X28542" i="1"/>
  <c r="X28543" i="1"/>
  <c r="X28544" i="1"/>
  <c r="X28545" i="1"/>
  <c r="X28546" i="1"/>
  <c r="X28547" i="1"/>
  <c r="X28548" i="1"/>
  <c r="X28549" i="1"/>
  <c r="X28550" i="1"/>
  <c r="X28551" i="1"/>
  <c r="X28552" i="1"/>
  <c r="X28553" i="1"/>
  <c r="X28554" i="1"/>
  <c r="X28555" i="1"/>
  <c r="X28556" i="1"/>
  <c r="X28557" i="1"/>
  <c r="X28558" i="1"/>
  <c r="X28559" i="1"/>
  <c r="X28560" i="1"/>
  <c r="X28561" i="1"/>
  <c r="X28562" i="1"/>
  <c r="X28563" i="1"/>
  <c r="X28564" i="1"/>
  <c r="X28565" i="1"/>
  <c r="X28566" i="1"/>
  <c r="X28567" i="1"/>
  <c r="X28568" i="1"/>
  <c r="X28569" i="1"/>
  <c r="X28570" i="1"/>
  <c r="X28571" i="1"/>
  <c r="X28572" i="1"/>
  <c r="X28573" i="1"/>
  <c r="X28574" i="1"/>
  <c r="X28575" i="1"/>
  <c r="X28576" i="1"/>
  <c r="X28577" i="1"/>
  <c r="X28578" i="1"/>
  <c r="X28579" i="1"/>
  <c r="X28580" i="1"/>
  <c r="X28581" i="1"/>
  <c r="X28582" i="1"/>
  <c r="X28583" i="1"/>
  <c r="X28584" i="1"/>
  <c r="X28585" i="1"/>
  <c r="X28586" i="1"/>
  <c r="X28587" i="1"/>
  <c r="X28588" i="1"/>
  <c r="X28589" i="1"/>
  <c r="X28590" i="1"/>
  <c r="X28591" i="1"/>
  <c r="X28592" i="1"/>
  <c r="X28593" i="1"/>
  <c r="X28594" i="1"/>
  <c r="X28595" i="1"/>
  <c r="X28596" i="1"/>
  <c r="X28597" i="1"/>
  <c r="X28598" i="1"/>
  <c r="X28599" i="1"/>
  <c r="X28600" i="1"/>
  <c r="X28601" i="1"/>
  <c r="X28602" i="1"/>
  <c r="X28603" i="1"/>
  <c r="X28604" i="1"/>
  <c r="X28605" i="1"/>
  <c r="X28606" i="1"/>
  <c r="X28607" i="1"/>
  <c r="X28608" i="1"/>
  <c r="X28609" i="1"/>
  <c r="X28610" i="1"/>
  <c r="X28611" i="1"/>
  <c r="X28612" i="1"/>
  <c r="X28613" i="1"/>
  <c r="X28614" i="1"/>
  <c r="X28615" i="1"/>
  <c r="X28616" i="1"/>
  <c r="X28617" i="1"/>
  <c r="X28618" i="1"/>
  <c r="X28619" i="1"/>
  <c r="X28620" i="1"/>
  <c r="X28621" i="1"/>
  <c r="X28622" i="1"/>
  <c r="X28623" i="1"/>
  <c r="X28624" i="1"/>
  <c r="X28625" i="1"/>
  <c r="X28626" i="1"/>
  <c r="X28627" i="1"/>
  <c r="X28628" i="1"/>
  <c r="X28629" i="1"/>
  <c r="X28630" i="1"/>
  <c r="X28631" i="1"/>
  <c r="X28632" i="1"/>
  <c r="X28633" i="1"/>
  <c r="X28634" i="1"/>
  <c r="X28635" i="1"/>
  <c r="X28636" i="1"/>
  <c r="X28637" i="1"/>
  <c r="X28638" i="1"/>
  <c r="X28639" i="1"/>
  <c r="X28640" i="1"/>
  <c r="X28641" i="1"/>
  <c r="X28642" i="1"/>
  <c r="X28643" i="1"/>
  <c r="X28644" i="1"/>
  <c r="X28645" i="1"/>
  <c r="X28646" i="1"/>
  <c r="X28647" i="1"/>
  <c r="X28648" i="1"/>
  <c r="X28649" i="1"/>
  <c r="X28650" i="1"/>
  <c r="X28651" i="1"/>
  <c r="X28652" i="1"/>
  <c r="X28653" i="1"/>
  <c r="X28654" i="1"/>
  <c r="X28655" i="1"/>
  <c r="X28656" i="1"/>
  <c r="X28657" i="1"/>
  <c r="X28658" i="1"/>
  <c r="X28659" i="1"/>
  <c r="X28660" i="1"/>
  <c r="X28661" i="1"/>
  <c r="X28662" i="1"/>
  <c r="X28663" i="1"/>
  <c r="X28664" i="1"/>
  <c r="X28665" i="1"/>
  <c r="X28666" i="1"/>
  <c r="X28667" i="1"/>
  <c r="X28668" i="1"/>
  <c r="X28669" i="1"/>
  <c r="X28670" i="1"/>
  <c r="X28671" i="1"/>
  <c r="X28672" i="1"/>
  <c r="X28673" i="1"/>
  <c r="X28674" i="1"/>
  <c r="X28675" i="1"/>
  <c r="X28676" i="1"/>
  <c r="X28677" i="1"/>
  <c r="X28678" i="1"/>
  <c r="X28679" i="1"/>
  <c r="X28680" i="1"/>
  <c r="X28681" i="1"/>
  <c r="X28682" i="1"/>
  <c r="X28683" i="1"/>
  <c r="X28684" i="1"/>
  <c r="X28685" i="1"/>
  <c r="X28686" i="1"/>
  <c r="X28687" i="1"/>
  <c r="X28688" i="1"/>
  <c r="X28689" i="1"/>
  <c r="X28690" i="1"/>
  <c r="X28691" i="1"/>
  <c r="X28692" i="1"/>
  <c r="X28693" i="1"/>
  <c r="X28694" i="1"/>
  <c r="X28695" i="1"/>
  <c r="X28696" i="1"/>
  <c r="X28697" i="1"/>
  <c r="X28698" i="1"/>
  <c r="X28699" i="1"/>
  <c r="X28700" i="1"/>
  <c r="X28701" i="1"/>
  <c r="X28702" i="1"/>
  <c r="X28703" i="1"/>
  <c r="X28704" i="1"/>
  <c r="X28705" i="1"/>
  <c r="X28706" i="1"/>
  <c r="X28707" i="1"/>
  <c r="X28708" i="1"/>
  <c r="X28709" i="1"/>
  <c r="X28710" i="1"/>
  <c r="X28711" i="1"/>
  <c r="X28712" i="1"/>
  <c r="X28713" i="1"/>
  <c r="X28714" i="1"/>
  <c r="X28715" i="1"/>
  <c r="X28716" i="1"/>
  <c r="X28717" i="1"/>
  <c r="X28718" i="1"/>
  <c r="X28719" i="1"/>
  <c r="X28720" i="1"/>
  <c r="X28721" i="1"/>
  <c r="X28722" i="1"/>
  <c r="X28723" i="1"/>
  <c r="X28724" i="1"/>
  <c r="X28725" i="1"/>
  <c r="X28726" i="1"/>
  <c r="X28727" i="1"/>
  <c r="X28728" i="1"/>
  <c r="X28729" i="1"/>
  <c r="X28730" i="1"/>
  <c r="X28731" i="1"/>
  <c r="X28732" i="1"/>
  <c r="X28733" i="1"/>
  <c r="X28734" i="1"/>
  <c r="X28735" i="1"/>
  <c r="X28736" i="1"/>
  <c r="X28737" i="1"/>
  <c r="X28738" i="1"/>
  <c r="X28739" i="1"/>
  <c r="X28740" i="1"/>
  <c r="X28741" i="1"/>
  <c r="X28742" i="1"/>
  <c r="X28743" i="1"/>
  <c r="X28744" i="1"/>
  <c r="X28745" i="1"/>
  <c r="X28746" i="1"/>
  <c r="X28747" i="1"/>
  <c r="X28748" i="1"/>
  <c r="X28749" i="1"/>
  <c r="X28750" i="1"/>
  <c r="X28751" i="1"/>
  <c r="X28752" i="1"/>
  <c r="X28753" i="1"/>
  <c r="X28754" i="1"/>
  <c r="X28755" i="1"/>
  <c r="X28756" i="1"/>
  <c r="X28757" i="1"/>
  <c r="X28758" i="1"/>
  <c r="X28759" i="1"/>
  <c r="X28760" i="1"/>
  <c r="X28761" i="1"/>
  <c r="X28762" i="1"/>
  <c r="X28763" i="1"/>
  <c r="X28764" i="1"/>
  <c r="X28765" i="1"/>
  <c r="X28766" i="1"/>
  <c r="X28767" i="1"/>
  <c r="X28768" i="1"/>
  <c r="X28769" i="1"/>
  <c r="X28770" i="1"/>
  <c r="X28771" i="1"/>
  <c r="X28772" i="1"/>
  <c r="X28773" i="1"/>
  <c r="X28774" i="1"/>
  <c r="X28775" i="1"/>
  <c r="X28776" i="1"/>
  <c r="X28777" i="1"/>
  <c r="X28778" i="1"/>
  <c r="X28779" i="1"/>
  <c r="X28780" i="1"/>
  <c r="X28781" i="1"/>
  <c r="X28782" i="1"/>
  <c r="X28783" i="1"/>
  <c r="X28784" i="1"/>
  <c r="X28785" i="1"/>
  <c r="X28786" i="1"/>
  <c r="X28787" i="1"/>
  <c r="X28788" i="1"/>
  <c r="X28789" i="1"/>
  <c r="X28790" i="1"/>
  <c r="X28791" i="1"/>
  <c r="X28792" i="1"/>
  <c r="X28793" i="1"/>
  <c r="X28794" i="1"/>
  <c r="X28795" i="1"/>
  <c r="X28796" i="1"/>
  <c r="X28797" i="1"/>
  <c r="X28798" i="1"/>
  <c r="X28799" i="1"/>
  <c r="X28800" i="1"/>
  <c r="X28801" i="1"/>
  <c r="X28802" i="1"/>
  <c r="X28803" i="1"/>
  <c r="X28804" i="1"/>
  <c r="X28805" i="1"/>
  <c r="X28806" i="1"/>
  <c r="X28807" i="1"/>
  <c r="X28808" i="1"/>
  <c r="X28809" i="1"/>
  <c r="X28810" i="1"/>
  <c r="X28811" i="1"/>
  <c r="X28812" i="1"/>
  <c r="X28813" i="1"/>
  <c r="X28814" i="1"/>
  <c r="X28815" i="1"/>
  <c r="X28816" i="1"/>
  <c r="X28817" i="1"/>
  <c r="X28818" i="1"/>
  <c r="X28819" i="1"/>
  <c r="X28820" i="1"/>
  <c r="X28821" i="1"/>
  <c r="X28822" i="1"/>
  <c r="X28823" i="1"/>
  <c r="X28824" i="1"/>
  <c r="X28825" i="1"/>
  <c r="X28826" i="1"/>
  <c r="X28827" i="1"/>
  <c r="X28828" i="1"/>
  <c r="X28829" i="1"/>
  <c r="X28830" i="1"/>
  <c r="X28831" i="1"/>
  <c r="X28832" i="1"/>
  <c r="X28833" i="1"/>
  <c r="X28834" i="1"/>
  <c r="X28835" i="1"/>
  <c r="X28836" i="1"/>
  <c r="X28837" i="1"/>
  <c r="X28838" i="1"/>
  <c r="X28839" i="1"/>
  <c r="X28840" i="1"/>
  <c r="X28841" i="1"/>
  <c r="X28842" i="1"/>
  <c r="X28843" i="1"/>
  <c r="X28844" i="1"/>
  <c r="X28845" i="1"/>
  <c r="X28846" i="1"/>
  <c r="X28847" i="1"/>
  <c r="X28848" i="1"/>
  <c r="X28849" i="1"/>
  <c r="X28850" i="1"/>
  <c r="X28851" i="1"/>
  <c r="X28852" i="1"/>
  <c r="X28853" i="1"/>
  <c r="X28854" i="1"/>
  <c r="X28855" i="1"/>
  <c r="X28856" i="1"/>
  <c r="X28857" i="1"/>
  <c r="X28858" i="1"/>
  <c r="X28859" i="1"/>
  <c r="X28860" i="1"/>
  <c r="X28861" i="1"/>
  <c r="X28862" i="1"/>
  <c r="X28863" i="1"/>
  <c r="X28864" i="1"/>
  <c r="X28865" i="1"/>
  <c r="X28866" i="1"/>
  <c r="X28867" i="1"/>
  <c r="X28868" i="1"/>
  <c r="X28869" i="1"/>
  <c r="X28870" i="1"/>
  <c r="X28871" i="1"/>
  <c r="X28872" i="1"/>
  <c r="X28873" i="1"/>
  <c r="X28874" i="1"/>
  <c r="X28875" i="1"/>
  <c r="X28876" i="1"/>
  <c r="X28877" i="1"/>
  <c r="X28878" i="1"/>
  <c r="X28879" i="1"/>
  <c r="X28880" i="1"/>
  <c r="X28881" i="1"/>
  <c r="X28882" i="1"/>
  <c r="X28883" i="1"/>
  <c r="X28884" i="1"/>
  <c r="X28885" i="1"/>
  <c r="X28886" i="1"/>
  <c r="X28887" i="1"/>
  <c r="X28888" i="1"/>
  <c r="X28889" i="1"/>
  <c r="X28890" i="1"/>
  <c r="X28891" i="1"/>
  <c r="X28892" i="1"/>
  <c r="X28893" i="1"/>
  <c r="X28894" i="1"/>
  <c r="X28895" i="1"/>
  <c r="X28896" i="1"/>
  <c r="X28897" i="1"/>
  <c r="X28898" i="1"/>
  <c r="X28899" i="1"/>
  <c r="X28900" i="1"/>
  <c r="X28901" i="1"/>
  <c r="X28902" i="1"/>
  <c r="X28903" i="1"/>
  <c r="X28904" i="1"/>
  <c r="X28905" i="1"/>
  <c r="X28906" i="1"/>
  <c r="X28907" i="1"/>
  <c r="X28908" i="1"/>
  <c r="X28909" i="1"/>
  <c r="X28910" i="1"/>
  <c r="X28911" i="1"/>
  <c r="X28912" i="1"/>
  <c r="X28913" i="1"/>
  <c r="X28914" i="1"/>
  <c r="X28915" i="1"/>
  <c r="X28916" i="1"/>
  <c r="X28917" i="1"/>
  <c r="X28918" i="1"/>
  <c r="X28919" i="1"/>
  <c r="X28920" i="1"/>
  <c r="X28921" i="1"/>
  <c r="X28922" i="1"/>
  <c r="X28923" i="1"/>
  <c r="X28924" i="1"/>
  <c r="X28925" i="1"/>
  <c r="X28926" i="1"/>
  <c r="X28927" i="1"/>
  <c r="X28928" i="1"/>
  <c r="X28929" i="1"/>
  <c r="X28930" i="1"/>
  <c r="X28931" i="1"/>
  <c r="X28932" i="1"/>
  <c r="X28933" i="1"/>
  <c r="X28934" i="1"/>
  <c r="X28935" i="1"/>
  <c r="X28936" i="1"/>
  <c r="X28937" i="1"/>
  <c r="X28938" i="1"/>
  <c r="X28939" i="1"/>
  <c r="X28940" i="1"/>
  <c r="X28941" i="1"/>
  <c r="X28942" i="1"/>
  <c r="X28943" i="1"/>
  <c r="X28944" i="1"/>
  <c r="X28945" i="1"/>
  <c r="X28946" i="1"/>
  <c r="X28947" i="1"/>
  <c r="X28948" i="1"/>
  <c r="X28949" i="1"/>
  <c r="X28950" i="1"/>
  <c r="X28951" i="1"/>
  <c r="X28952" i="1"/>
  <c r="X28953" i="1"/>
  <c r="X28954" i="1"/>
  <c r="X28955" i="1"/>
  <c r="X28956" i="1"/>
  <c r="X28957" i="1"/>
  <c r="X28958" i="1"/>
  <c r="X28959" i="1"/>
  <c r="X28960" i="1"/>
  <c r="X28961" i="1"/>
  <c r="X28962" i="1"/>
  <c r="X28963" i="1"/>
  <c r="X28964" i="1"/>
  <c r="X28965" i="1"/>
  <c r="X28966" i="1"/>
  <c r="X28967" i="1"/>
  <c r="X28968" i="1"/>
  <c r="X28969" i="1"/>
  <c r="X28970" i="1"/>
  <c r="X28971" i="1"/>
  <c r="X28972" i="1"/>
  <c r="X28973" i="1"/>
  <c r="X28974" i="1"/>
  <c r="X28975" i="1"/>
  <c r="X28976" i="1"/>
  <c r="X28977" i="1"/>
  <c r="X28978" i="1"/>
  <c r="X28979" i="1"/>
  <c r="X28980" i="1"/>
  <c r="X28981" i="1"/>
  <c r="X28982" i="1"/>
  <c r="X28983" i="1"/>
  <c r="X28984" i="1"/>
  <c r="X28985" i="1"/>
  <c r="X28986" i="1"/>
  <c r="X28987" i="1"/>
  <c r="X28988" i="1"/>
  <c r="X28989" i="1"/>
  <c r="X28990" i="1"/>
  <c r="X28991" i="1"/>
  <c r="X28992" i="1"/>
  <c r="X28993" i="1"/>
  <c r="X28994" i="1"/>
  <c r="X28995" i="1"/>
  <c r="X28996" i="1"/>
  <c r="X28997" i="1"/>
  <c r="X28998" i="1"/>
  <c r="X28999" i="1"/>
  <c r="X29000" i="1"/>
  <c r="X29001" i="1"/>
  <c r="X29002" i="1"/>
  <c r="X29003" i="1"/>
  <c r="X29004" i="1"/>
  <c r="X29005" i="1"/>
  <c r="X29006" i="1"/>
  <c r="X29007" i="1"/>
  <c r="X29008" i="1"/>
  <c r="X29009" i="1"/>
  <c r="X29010" i="1"/>
  <c r="X29011" i="1"/>
  <c r="X29012" i="1"/>
  <c r="X29013" i="1"/>
  <c r="X29014" i="1"/>
  <c r="X29015" i="1"/>
  <c r="X29016" i="1"/>
  <c r="X29017" i="1"/>
  <c r="X29018" i="1"/>
  <c r="X29019" i="1"/>
  <c r="X29020" i="1"/>
  <c r="X29021" i="1"/>
  <c r="X29022" i="1"/>
  <c r="X29023" i="1"/>
  <c r="X29024" i="1"/>
  <c r="X29025" i="1"/>
  <c r="X29026" i="1"/>
  <c r="X29027" i="1"/>
  <c r="X29028" i="1"/>
  <c r="X29029" i="1"/>
  <c r="X29030" i="1"/>
  <c r="X29031" i="1"/>
  <c r="X29032" i="1"/>
  <c r="X29033" i="1"/>
  <c r="X29034" i="1"/>
  <c r="X29035" i="1"/>
  <c r="X29036" i="1"/>
  <c r="X29037" i="1"/>
  <c r="X29038" i="1"/>
  <c r="X29039" i="1"/>
  <c r="X29040" i="1"/>
  <c r="X29041" i="1"/>
  <c r="X29042" i="1"/>
  <c r="X29043" i="1"/>
  <c r="X29044" i="1"/>
  <c r="X29045" i="1"/>
  <c r="X29046" i="1"/>
  <c r="X29047" i="1"/>
  <c r="X29048" i="1"/>
  <c r="X29049" i="1"/>
  <c r="X29050" i="1"/>
  <c r="X29051" i="1"/>
  <c r="X29052" i="1"/>
  <c r="X29053" i="1"/>
  <c r="X29054" i="1"/>
  <c r="X29055" i="1"/>
  <c r="X29056" i="1"/>
  <c r="X29057" i="1"/>
  <c r="X29058" i="1"/>
  <c r="X29059" i="1"/>
  <c r="X29060" i="1"/>
  <c r="X29061" i="1"/>
  <c r="X29062" i="1"/>
  <c r="X29063" i="1"/>
  <c r="X29064" i="1"/>
  <c r="X29065" i="1"/>
  <c r="X29066" i="1"/>
  <c r="X29067" i="1"/>
  <c r="X29068" i="1"/>
  <c r="X29069" i="1"/>
  <c r="X29070" i="1"/>
  <c r="X29071" i="1"/>
  <c r="X29072" i="1"/>
  <c r="X29073" i="1"/>
  <c r="X29074" i="1"/>
  <c r="X29075" i="1"/>
  <c r="X29076" i="1"/>
  <c r="X29077" i="1"/>
  <c r="X29078" i="1"/>
  <c r="X29079" i="1"/>
  <c r="X29080" i="1"/>
  <c r="X29081" i="1"/>
  <c r="X29082" i="1"/>
  <c r="X29083" i="1"/>
  <c r="X29084" i="1"/>
  <c r="X29085" i="1"/>
  <c r="X29086" i="1"/>
  <c r="X29087" i="1"/>
  <c r="X29088" i="1"/>
  <c r="X29089" i="1"/>
  <c r="X29090" i="1"/>
  <c r="X29091" i="1"/>
  <c r="X29092" i="1"/>
  <c r="X29093" i="1"/>
  <c r="X29094" i="1"/>
  <c r="X29095" i="1"/>
  <c r="X29096" i="1"/>
  <c r="X29097" i="1"/>
  <c r="X29098" i="1"/>
  <c r="X29099" i="1"/>
  <c r="X29100" i="1"/>
  <c r="X29101" i="1"/>
  <c r="X29102" i="1"/>
  <c r="X29103" i="1"/>
  <c r="X29104" i="1"/>
  <c r="X29105" i="1"/>
  <c r="X29106" i="1"/>
  <c r="X29107" i="1"/>
  <c r="X29108" i="1"/>
  <c r="X29109" i="1"/>
  <c r="X29110" i="1"/>
  <c r="X29111" i="1"/>
  <c r="X29112" i="1"/>
  <c r="X29113" i="1"/>
  <c r="X29114" i="1"/>
  <c r="X29115" i="1"/>
  <c r="X29116" i="1"/>
  <c r="X29117" i="1"/>
  <c r="X29118" i="1"/>
  <c r="X29119" i="1"/>
  <c r="X29120" i="1"/>
  <c r="X29121" i="1"/>
  <c r="X29122" i="1"/>
  <c r="X29123" i="1"/>
  <c r="X29124" i="1"/>
  <c r="X29125" i="1"/>
  <c r="X29126" i="1"/>
  <c r="X29127" i="1"/>
  <c r="X29128" i="1"/>
  <c r="X29129" i="1"/>
  <c r="X29130" i="1"/>
  <c r="X29131" i="1"/>
  <c r="X29132" i="1"/>
  <c r="X29133" i="1"/>
  <c r="X29134" i="1"/>
  <c r="X29135" i="1"/>
  <c r="X29136" i="1"/>
  <c r="X29137" i="1"/>
  <c r="X29138" i="1"/>
  <c r="X29139" i="1"/>
  <c r="X29140" i="1"/>
  <c r="X29141" i="1"/>
  <c r="X29142" i="1"/>
  <c r="X29143" i="1"/>
  <c r="X29144" i="1"/>
  <c r="X29145" i="1"/>
  <c r="X29146" i="1"/>
  <c r="X29147" i="1"/>
  <c r="X29148" i="1"/>
  <c r="X29149" i="1"/>
  <c r="X29150" i="1"/>
  <c r="X29151" i="1"/>
  <c r="X29152" i="1"/>
  <c r="X29153" i="1"/>
  <c r="X29154" i="1"/>
  <c r="X29155" i="1"/>
  <c r="X29156" i="1"/>
  <c r="X29157" i="1"/>
  <c r="X29158" i="1"/>
  <c r="X29159" i="1"/>
  <c r="X29160" i="1"/>
  <c r="X29161" i="1"/>
  <c r="X29162" i="1"/>
  <c r="X29163" i="1"/>
  <c r="X29164" i="1"/>
  <c r="X29165" i="1"/>
  <c r="X29166" i="1"/>
  <c r="X29167" i="1"/>
  <c r="X29168" i="1"/>
  <c r="X29169" i="1"/>
  <c r="X29170" i="1"/>
  <c r="X29171" i="1"/>
  <c r="X29172" i="1"/>
  <c r="X29173" i="1"/>
  <c r="X29174" i="1"/>
  <c r="X29175" i="1"/>
  <c r="X29176" i="1"/>
  <c r="X29177" i="1"/>
  <c r="X29178" i="1"/>
  <c r="X29179" i="1"/>
  <c r="X29180" i="1"/>
  <c r="X29181" i="1"/>
  <c r="X29182" i="1"/>
  <c r="X29183" i="1"/>
  <c r="X29184" i="1"/>
  <c r="X29185" i="1"/>
  <c r="X29186" i="1"/>
  <c r="X29187" i="1"/>
  <c r="X29188" i="1"/>
  <c r="X29189" i="1"/>
  <c r="X29190" i="1"/>
  <c r="X29191" i="1"/>
  <c r="X29192" i="1"/>
  <c r="X29193" i="1"/>
  <c r="X29194" i="1"/>
  <c r="X29195" i="1"/>
  <c r="X29196" i="1"/>
  <c r="X29197" i="1"/>
  <c r="X29198" i="1"/>
  <c r="X29199" i="1"/>
  <c r="X29200" i="1"/>
  <c r="X29201" i="1"/>
  <c r="X29202" i="1"/>
  <c r="X29203" i="1"/>
  <c r="X29204" i="1"/>
  <c r="X29205" i="1"/>
  <c r="X29206" i="1"/>
  <c r="X29207" i="1"/>
  <c r="X29208" i="1"/>
  <c r="X29209" i="1"/>
  <c r="X29210" i="1"/>
  <c r="X29211" i="1"/>
  <c r="X29212" i="1"/>
  <c r="X29213" i="1"/>
  <c r="X29214" i="1"/>
  <c r="X29215" i="1"/>
  <c r="X29216" i="1"/>
  <c r="X29217" i="1"/>
  <c r="X29218" i="1"/>
  <c r="X29219" i="1"/>
  <c r="X29220" i="1"/>
  <c r="X29221" i="1"/>
  <c r="X29222" i="1"/>
  <c r="X29223" i="1"/>
  <c r="X29224" i="1"/>
  <c r="X29225" i="1"/>
  <c r="X29226" i="1"/>
  <c r="X29227" i="1"/>
  <c r="X29228" i="1"/>
  <c r="X29229" i="1"/>
  <c r="X29230" i="1"/>
  <c r="X29231" i="1"/>
  <c r="X29232" i="1"/>
  <c r="X29233" i="1"/>
  <c r="X29234" i="1"/>
  <c r="X29235" i="1"/>
  <c r="X29236" i="1"/>
  <c r="X29237" i="1"/>
  <c r="X29238" i="1"/>
  <c r="X29239" i="1"/>
  <c r="X29240" i="1"/>
  <c r="X29241" i="1"/>
  <c r="X29242" i="1"/>
  <c r="X29243" i="1"/>
  <c r="X29244" i="1"/>
  <c r="X29245" i="1"/>
  <c r="X29246" i="1"/>
  <c r="X29247" i="1"/>
  <c r="X29248" i="1"/>
  <c r="X29249" i="1"/>
  <c r="X29250" i="1"/>
  <c r="X29251" i="1"/>
  <c r="X29252" i="1"/>
  <c r="X29253" i="1"/>
  <c r="X29254" i="1"/>
  <c r="X29255" i="1"/>
  <c r="X29256" i="1"/>
  <c r="X29257" i="1"/>
  <c r="X29258" i="1"/>
  <c r="X29259" i="1"/>
  <c r="X29260" i="1"/>
  <c r="X29261" i="1"/>
  <c r="X29262" i="1"/>
  <c r="X29263" i="1"/>
  <c r="X29264" i="1"/>
  <c r="X29265" i="1"/>
  <c r="X29266" i="1"/>
  <c r="X29267" i="1"/>
  <c r="X29268" i="1"/>
  <c r="X29269" i="1"/>
  <c r="X29270" i="1"/>
  <c r="X29271" i="1"/>
  <c r="X29272" i="1"/>
  <c r="X29273" i="1"/>
  <c r="X29274" i="1"/>
  <c r="X29275" i="1"/>
  <c r="X29276" i="1"/>
  <c r="X29277" i="1"/>
  <c r="X29278" i="1"/>
  <c r="X29279" i="1"/>
  <c r="X29280" i="1"/>
  <c r="X29281" i="1"/>
  <c r="X29282" i="1"/>
  <c r="X29283" i="1"/>
  <c r="X29284" i="1"/>
  <c r="X29285" i="1"/>
  <c r="X29286" i="1"/>
  <c r="X29287" i="1"/>
  <c r="X29288" i="1"/>
  <c r="X29289" i="1"/>
  <c r="X29290" i="1"/>
  <c r="X29291" i="1"/>
  <c r="X29292" i="1"/>
  <c r="X29293" i="1"/>
  <c r="X29294" i="1"/>
  <c r="X29295" i="1"/>
  <c r="X29296" i="1"/>
  <c r="X29297" i="1"/>
  <c r="X29298" i="1"/>
  <c r="X29299" i="1"/>
  <c r="X29300" i="1"/>
  <c r="X29301" i="1"/>
  <c r="X29302" i="1"/>
  <c r="X29303" i="1"/>
  <c r="X29304" i="1"/>
  <c r="X29305" i="1"/>
  <c r="X29306" i="1"/>
  <c r="X29307" i="1"/>
  <c r="X29308" i="1"/>
  <c r="X29309" i="1"/>
  <c r="X29310" i="1"/>
  <c r="X29311" i="1"/>
  <c r="X29312" i="1"/>
  <c r="X29313" i="1"/>
  <c r="X29314" i="1"/>
  <c r="X29315" i="1"/>
  <c r="X29316" i="1"/>
  <c r="X29317" i="1"/>
  <c r="X29318" i="1"/>
  <c r="X29319" i="1"/>
  <c r="X29320" i="1"/>
  <c r="X29321" i="1"/>
  <c r="X29322" i="1"/>
  <c r="X29323" i="1"/>
  <c r="X29324" i="1"/>
  <c r="X29325" i="1"/>
  <c r="X29326" i="1"/>
  <c r="X29327" i="1"/>
  <c r="X29328" i="1"/>
  <c r="X29329" i="1"/>
  <c r="X29330" i="1"/>
  <c r="X29331" i="1"/>
  <c r="X29332" i="1"/>
  <c r="X29333" i="1"/>
  <c r="X29334" i="1"/>
  <c r="X29335" i="1"/>
  <c r="X29336" i="1"/>
  <c r="X29337" i="1"/>
  <c r="X29338" i="1"/>
  <c r="X29339" i="1"/>
  <c r="X29340" i="1"/>
  <c r="X29341" i="1"/>
  <c r="X29342" i="1"/>
  <c r="X29343" i="1"/>
  <c r="X29344" i="1"/>
  <c r="X29345" i="1"/>
  <c r="X29346" i="1"/>
  <c r="X29347" i="1"/>
  <c r="X29348" i="1"/>
  <c r="X29349" i="1"/>
  <c r="X29350" i="1"/>
  <c r="X29351" i="1"/>
  <c r="X29352" i="1"/>
  <c r="X29353" i="1"/>
  <c r="X29354" i="1"/>
  <c r="X29355" i="1"/>
  <c r="X29356" i="1"/>
  <c r="X29357" i="1"/>
  <c r="X29358" i="1"/>
  <c r="X29359" i="1"/>
  <c r="X29360" i="1"/>
  <c r="X29361" i="1"/>
  <c r="X29362" i="1"/>
  <c r="X29363" i="1"/>
  <c r="X29364" i="1"/>
  <c r="X29365" i="1"/>
  <c r="X29366" i="1"/>
  <c r="X29367" i="1"/>
  <c r="X29368" i="1"/>
  <c r="X29369" i="1"/>
  <c r="X29370" i="1"/>
  <c r="X29371" i="1"/>
  <c r="X29372" i="1"/>
  <c r="X29373" i="1"/>
  <c r="X29374" i="1"/>
  <c r="X29375" i="1"/>
  <c r="X29376" i="1"/>
  <c r="X29377" i="1"/>
  <c r="X29378" i="1"/>
  <c r="X29379" i="1"/>
  <c r="X29380" i="1"/>
  <c r="X29381" i="1"/>
  <c r="X29382" i="1"/>
  <c r="X29383" i="1"/>
  <c r="X29384" i="1"/>
  <c r="X29385" i="1"/>
  <c r="X29386" i="1"/>
  <c r="X29387" i="1"/>
  <c r="X29388" i="1"/>
  <c r="X29389" i="1"/>
  <c r="X29390" i="1"/>
  <c r="X29391" i="1"/>
  <c r="X29392" i="1"/>
  <c r="X29393" i="1"/>
  <c r="X29394" i="1"/>
  <c r="X29395" i="1"/>
  <c r="X29396" i="1"/>
  <c r="X29397" i="1"/>
  <c r="X29398" i="1"/>
  <c r="X29399" i="1"/>
  <c r="X29400" i="1"/>
  <c r="X29401" i="1"/>
  <c r="X29402" i="1"/>
  <c r="X29403" i="1"/>
  <c r="X29404" i="1"/>
  <c r="X29405" i="1"/>
  <c r="X29406" i="1"/>
  <c r="X29407" i="1"/>
  <c r="X29408" i="1"/>
  <c r="X29409" i="1"/>
  <c r="X29410" i="1"/>
  <c r="X29411" i="1"/>
  <c r="X29412" i="1"/>
  <c r="X29413" i="1"/>
  <c r="X29414" i="1"/>
  <c r="X29415" i="1"/>
  <c r="X29416" i="1"/>
  <c r="X29417" i="1"/>
  <c r="X29418" i="1"/>
  <c r="X29419" i="1"/>
  <c r="X29420" i="1"/>
  <c r="X29421" i="1"/>
  <c r="X29422" i="1"/>
  <c r="X29423" i="1"/>
  <c r="X29424" i="1"/>
  <c r="X29425" i="1"/>
  <c r="X29426" i="1"/>
  <c r="X29427" i="1"/>
  <c r="X29428" i="1"/>
  <c r="X29429" i="1"/>
  <c r="X29430" i="1"/>
  <c r="X29431" i="1"/>
  <c r="X29432" i="1"/>
  <c r="X29433" i="1"/>
  <c r="X29434" i="1"/>
  <c r="X29435" i="1"/>
  <c r="X29436" i="1"/>
  <c r="X29437" i="1"/>
  <c r="X29438" i="1"/>
  <c r="X29439" i="1"/>
  <c r="X29440" i="1"/>
  <c r="X29441" i="1"/>
  <c r="X29442" i="1"/>
  <c r="X29443" i="1"/>
  <c r="X29444" i="1"/>
  <c r="X29445" i="1"/>
  <c r="X29446" i="1"/>
  <c r="X29447" i="1"/>
  <c r="X29448" i="1"/>
  <c r="X29449" i="1"/>
  <c r="X29450" i="1"/>
  <c r="X29451" i="1"/>
  <c r="X29452" i="1"/>
  <c r="X29453" i="1"/>
  <c r="X29454" i="1"/>
  <c r="X29455" i="1"/>
  <c r="X29456" i="1"/>
  <c r="X29457" i="1"/>
  <c r="X29458" i="1"/>
  <c r="X29459" i="1"/>
  <c r="X29460" i="1"/>
  <c r="X29461" i="1"/>
  <c r="X29462" i="1"/>
  <c r="X29463" i="1"/>
  <c r="X29464" i="1"/>
  <c r="X29465" i="1"/>
  <c r="X29466" i="1"/>
  <c r="X29467" i="1"/>
  <c r="X29468" i="1"/>
  <c r="X29469" i="1"/>
  <c r="X29470" i="1"/>
  <c r="X29471" i="1"/>
  <c r="X29472" i="1"/>
  <c r="X29473" i="1"/>
  <c r="X29474" i="1"/>
  <c r="X29475" i="1"/>
  <c r="X29476" i="1"/>
  <c r="X29477" i="1"/>
  <c r="X29478" i="1"/>
  <c r="X29479" i="1"/>
  <c r="X29480" i="1"/>
  <c r="X29481" i="1"/>
  <c r="X29482" i="1"/>
  <c r="X29483" i="1"/>
  <c r="X29484" i="1"/>
  <c r="X29485" i="1"/>
  <c r="X29486" i="1"/>
  <c r="X29487" i="1"/>
  <c r="X29488" i="1"/>
  <c r="X29489" i="1"/>
  <c r="X29490" i="1"/>
  <c r="X29491" i="1"/>
  <c r="X29492" i="1"/>
  <c r="X29493" i="1"/>
  <c r="X29494" i="1"/>
  <c r="X29495" i="1"/>
  <c r="X29496" i="1"/>
  <c r="X29497" i="1"/>
  <c r="X29498" i="1"/>
  <c r="X29499" i="1"/>
  <c r="X29500" i="1"/>
  <c r="X29501" i="1"/>
  <c r="X29502" i="1"/>
  <c r="X29503" i="1"/>
  <c r="X29504" i="1"/>
  <c r="X29505" i="1"/>
  <c r="X29506" i="1"/>
  <c r="X29507" i="1"/>
  <c r="X29508" i="1"/>
  <c r="X29509" i="1"/>
  <c r="X29510" i="1"/>
  <c r="X29511" i="1"/>
  <c r="X29512" i="1"/>
  <c r="X29513" i="1"/>
  <c r="X29514" i="1"/>
  <c r="X29515" i="1"/>
  <c r="X29516" i="1"/>
  <c r="X29517" i="1"/>
  <c r="X29518" i="1"/>
  <c r="X29519" i="1"/>
  <c r="X29520" i="1"/>
  <c r="X29521" i="1"/>
  <c r="X29522" i="1"/>
  <c r="X29523" i="1"/>
  <c r="X29524" i="1"/>
  <c r="X29525" i="1"/>
  <c r="X29526" i="1"/>
  <c r="X29527" i="1"/>
  <c r="X29528" i="1"/>
  <c r="X29529" i="1"/>
  <c r="X29530" i="1"/>
  <c r="X29531" i="1"/>
  <c r="X29532" i="1"/>
  <c r="X29533" i="1"/>
  <c r="X29534" i="1"/>
  <c r="X29535" i="1"/>
  <c r="X29536" i="1"/>
  <c r="X29537" i="1"/>
  <c r="X29538" i="1"/>
  <c r="X29539" i="1"/>
  <c r="X29540" i="1"/>
  <c r="X29541" i="1"/>
  <c r="X29542" i="1"/>
  <c r="X29543" i="1"/>
  <c r="X29544" i="1"/>
  <c r="X29545" i="1"/>
  <c r="X29546" i="1"/>
  <c r="X29547" i="1"/>
  <c r="X29548" i="1"/>
  <c r="X29549" i="1"/>
  <c r="X29550" i="1"/>
  <c r="X29551" i="1"/>
  <c r="X29552" i="1"/>
  <c r="X29553" i="1"/>
  <c r="X29554" i="1"/>
  <c r="X29555" i="1"/>
  <c r="X29556" i="1"/>
  <c r="X29557" i="1"/>
  <c r="X29558" i="1"/>
  <c r="X29559" i="1"/>
  <c r="X29560" i="1"/>
  <c r="X29561" i="1"/>
  <c r="X29562" i="1"/>
  <c r="X29563" i="1"/>
  <c r="X29564" i="1"/>
  <c r="X29565" i="1"/>
  <c r="X29566" i="1"/>
  <c r="X29567" i="1"/>
  <c r="X29568" i="1"/>
  <c r="X29569" i="1"/>
  <c r="X29570" i="1"/>
  <c r="X29571" i="1"/>
  <c r="X29572" i="1"/>
  <c r="X29573" i="1"/>
  <c r="X29574" i="1"/>
  <c r="X29575" i="1"/>
  <c r="X29576" i="1"/>
  <c r="X29577" i="1"/>
  <c r="X29578" i="1"/>
  <c r="X29579" i="1"/>
  <c r="X29580" i="1"/>
  <c r="X29581" i="1"/>
  <c r="X29582" i="1"/>
  <c r="X29583" i="1"/>
  <c r="X29584" i="1"/>
  <c r="X29585" i="1"/>
  <c r="X29586" i="1"/>
  <c r="X29587" i="1"/>
  <c r="X29588" i="1"/>
  <c r="X29589" i="1"/>
  <c r="X29590" i="1"/>
  <c r="X29591" i="1"/>
  <c r="X29592" i="1"/>
  <c r="X29593" i="1"/>
  <c r="X29594" i="1"/>
  <c r="X29595" i="1"/>
  <c r="X29596" i="1"/>
  <c r="X29597" i="1"/>
  <c r="X29598" i="1"/>
  <c r="X29599" i="1"/>
  <c r="X29600" i="1"/>
  <c r="X29601" i="1"/>
  <c r="X29602" i="1"/>
  <c r="X29603" i="1"/>
  <c r="X29604" i="1"/>
  <c r="X29605" i="1"/>
  <c r="X29606" i="1"/>
  <c r="X29607" i="1"/>
  <c r="X29608" i="1"/>
  <c r="X29609" i="1"/>
  <c r="X29610" i="1"/>
  <c r="X29611" i="1"/>
  <c r="X29612" i="1"/>
  <c r="X29613" i="1"/>
  <c r="X29614" i="1"/>
  <c r="X29615" i="1"/>
  <c r="X29616" i="1"/>
  <c r="X29617" i="1"/>
  <c r="X29618" i="1"/>
  <c r="X29619" i="1"/>
  <c r="X29620" i="1"/>
  <c r="X29621" i="1"/>
  <c r="X29622" i="1"/>
  <c r="X29623" i="1"/>
  <c r="X29624" i="1"/>
  <c r="X29625" i="1"/>
  <c r="X29626" i="1"/>
  <c r="X29627" i="1"/>
  <c r="X29628" i="1"/>
  <c r="X29629" i="1"/>
  <c r="X29630" i="1"/>
  <c r="X29631" i="1"/>
  <c r="X29632" i="1"/>
  <c r="X29633" i="1"/>
  <c r="X29634" i="1"/>
  <c r="X29635" i="1"/>
  <c r="X29636" i="1"/>
  <c r="X29637" i="1"/>
  <c r="X29638" i="1"/>
  <c r="X29639" i="1"/>
  <c r="X29640" i="1"/>
  <c r="X29641" i="1"/>
  <c r="X29642" i="1"/>
  <c r="X29643" i="1"/>
  <c r="X29644" i="1"/>
  <c r="X29645" i="1"/>
  <c r="X29646" i="1"/>
  <c r="X29647" i="1"/>
  <c r="X29648" i="1"/>
  <c r="X29649" i="1"/>
  <c r="X29650" i="1"/>
  <c r="X29651" i="1"/>
  <c r="X29652" i="1"/>
  <c r="X29653" i="1"/>
  <c r="X29654" i="1"/>
  <c r="X29655" i="1"/>
  <c r="X29656" i="1"/>
  <c r="X29657" i="1"/>
  <c r="X29658" i="1"/>
  <c r="X29659" i="1"/>
  <c r="X29660" i="1"/>
  <c r="X29661" i="1"/>
  <c r="X29662" i="1"/>
  <c r="X29663" i="1"/>
  <c r="X29664" i="1"/>
  <c r="X29665" i="1"/>
  <c r="X29666" i="1"/>
  <c r="X29667" i="1"/>
  <c r="X29668" i="1"/>
  <c r="X29669" i="1"/>
  <c r="X29670" i="1"/>
  <c r="X29671" i="1"/>
  <c r="X29672" i="1"/>
  <c r="X29673" i="1"/>
  <c r="X29674" i="1"/>
  <c r="X29675" i="1"/>
  <c r="X29676" i="1"/>
  <c r="X29677" i="1"/>
  <c r="X29678" i="1"/>
  <c r="X29679" i="1"/>
  <c r="X29680" i="1"/>
  <c r="X29681" i="1"/>
  <c r="X29682" i="1"/>
  <c r="X29683" i="1"/>
  <c r="X29684" i="1"/>
  <c r="X29685" i="1"/>
  <c r="X29686" i="1"/>
  <c r="X29687" i="1"/>
  <c r="X29688" i="1"/>
  <c r="X29689" i="1"/>
  <c r="X29690" i="1"/>
  <c r="X29691" i="1"/>
  <c r="X29692" i="1"/>
  <c r="X29693" i="1"/>
  <c r="X29694" i="1"/>
  <c r="X29695" i="1"/>
  <c r="X29696" i="1"/>
  <c r="X29697" i="1"/>
  <c r="X29698" i="1"/>
  <c r="X29699" i="1"/>
  <c r="X29700" i="1"/>
  <c r="X29701" i="1"/>
  <c r="X29702" i="1"/>
  <c r="X29703" i="1"/>
  <c r="X29704" i="1"/>
  <c r="X29705" i="1"/>
  <c r="X29706" i="1"/>
  <c r="X29707" i="1"/>
  <c r="X29708" i="1"/>
  <c r="X29709" i="1"/>
  <c r="X29710" i="1"/>
  <c r="X29711" i="1"/>
  <c r="X29712" i="1"/>
  <c r="X29713" i="1"/>
  <c r="X29714" i="1"/>
  <c r="X29715" i="1"/>
  <c r="X29716" i="1"/>
  <c r="X29717" i="1"/>
  <c r="X29718" i="1"/>
  <c r="X29719" i="1"/>
  <c r="X29720" i="1"/>
  <c r="X29721" i="1"/>
  <c r="X29722" i="1"/>
  <c r="X29723" i="1"/>
  <c r="X29724" i="1"/>
  <c r="X29725" i="1"/>
  <c r="X29726" i="1"/>
  <c r="X29727" i="1"/>
  <c r="X29728" i="1"/>
  <c r="X29729" i="1"/>
  <c r="X29730" i="1"/>
  <c r="X29731" i="1"/>
  <c r="X29732" i="1"/>
  <c r="X29733" i="1"/>
  <c r="X29734" i="1"/>
  <c r="X29735" i="1"/>
  <c r="X29736" i="1"/>
  <c r="X29737" i="1"/>
  <c r="X29738" i="1"/>
  <c r="X29739" i="1"/>
  <c r="X29740" i="1"/>
  <c r="X29741" i="1"/>
  <c r="X29742" i="1"/>
  <c r="X29743" i="1"/>
  <c r="X29744" i="1"/>
  <c r="X29745" i="1"/>
  <c r="X29746" i="1"/>
  <c r="X29747" i="1"/>
  <c r="X29748" i="1"/>
  <c r="X29749" i="1"/>
  <c r="X29750" i="1"/>
  <c r="X29751" i="1"/>
  <c r="X29752" i="1"/>
  <c r="X29753" i="1"/>
  <c r="X29754" i="1"/>
  <c r="X29755" i="1"/>
  <c r="X29756" i="1"/>
  <c r="X29757" i="1"/>
  <c r="X29758" i="1"/>
  <c r="X29759" i="1"/>
  <c r="X29760" i="1"/>
  <c r="X29761" i="1"/>
  <c r="X29762" i="1"/>
  <c r="X29763" i="1"/>
  <c r="X29764" i="1"/>
  <c r="X29765" i="1"/>
  <c r="X29766" i="1"/>
  <c r="X29767" i="1"/>
  <c r="X29768" i="1"/>
  <c r="X29769" i="1"/>
  <c r="X29770" i="1"/>
  <c r="X29771" i="1"/>
  <c r="X29772" i="1"/>
  <c r="X29773" i="1"/>
  <c r="X29774" i="1"/>
  <c r="X29775" i="1"/>
  <c r="X29776" i="1"/>
  <c r="X29777" i="1"/>
  <c r="X29778" i="1"/>
  <c r="X29779" i="1"/>
  <c r="X29780" i="1"/>
  <c r="X29781" i="1"/>
  <c r="X29782" i="1"/>
  <c r="X29783" i="1"/>
  <c r="X29784" i="1"/>
  <c r="X29785" i="1"/>
  <c r="X29786" i="1"/>
  <c r="X29787" i="1"/>
  <c r="X29788" i="1"/>
  <c r="X29789" i="1"/>
  <c r="X29790" i="1"/>
  <c r="X29791" i="1"/>
  <c r="X29792" i="1"/>
  <c r="X29793" i="1"/>
  <c r="X29794" i="1"/>
  <c r="X29795" i="1"/>
  <c r="X29796" i="1"/>
  <c r="X29797" i="1"/>
  <c r="X29798" i="1"/>
  <c r="X29799" i="1"/>
  <c r="X29800" i="1"/>
  <c r="X29801" i="1"/>
  <c r="X29802" i="1"/>
  <c r="X29803" i="1"/>
  <c r="X29804" i="1"/>
  <c r="X29805" i="1"/>
  <c r="X29806" i="1"/>
  <c r="X29807" i="1"/>
  <c r="X29808" i="1"/>
  <c r="X29809" i="1"/>
  <c r="X29810" i="1"/>
  <c r="X29811" i="1"/>
  <c r="X29812" i="1"/>
  <c r="X29813" i="1"/>
  <c r="X29814" i="1"/>
  <c r="X29815" i="1"/>
  <c r="X29816" i="1"/>
  <c r="X29817" i="1"/>
  <c r="X29818" i="1"/>
  <c r="X29819" i="1"/>
  <c r="X29820" i="1"/>
  <c r="X29821" i="1"/>
  <c r="X29822" i="1"/>
  <c r="X29823" i="1"/>
  <c r="X29824" i="1"/>
  <c r="X29825" i="1"/>
  <c r="X29826" i="1"/>
  <c r="X29827" i="1"/>
  <c r="X29828" i="1"/>
  <c r="X29829" i="1"/>
  <c r="X29830" i="1"/>
  <c r="X29831" i="1"/>
  <c r="X29832" i="1"/>
  <c r="X29833" i="1"/>
  <c r="X29834" i="1"/>
  <c r="X29835" i="1"/>
  <c r="X29836" i="1"/>
  <c r="X29837" i="1"/>
  <c r="X29838" i="1"/>
  <c r="X29839" i="1"/>
  <c r="X29840" i="1"/>
  <c r="X29841" i="1"/>
  <c r="X29842" i="1"/>
  <c r="X29843" i="1"/>
  <c r="X29844" i="1"/>
  <c r="X29845" i="1"/>
  <c r="X29846" i="1"/>
  <c r="X29847" i="1"/>
  <c r="X29848" i="1"/>
  <c r="X29849" i="1"/>
  <c r="X29850" i="1"/>
  <c r="X29851" i="1"/>
  <c r="X29852" i="1"/>
  <c r="X29853" i="1"/>
  <c r="X29854" i="1"/>
  <c r="X29855" i="1"/>
  <c r="X29856" i="1"/>
  <c r="X29857" i="1"/>
  <c r="X29858" i="1"/>
  <c r="X29859" i="1"/>
  <c r="X29860" i="1"/>
  <c r="X29861" i="1"/>
  <c r="X29862" i="1"/>
  <c r="X29863" i="1"/>
  <c r="X29864" i="1"/>
  <c r="X29865" i="1"/>
  <c r="X29866" i="1"/>
  <c r="X29867" i="1"/>
  <c r="X29868" i="1"/>
  <c r="X29869" i="1"/>
  <c r="X29870" i="1"/>
  <c r="X29871" i="1"/>
  <c r="X29872" i="1"/>
  <c r="X29873" i="1"/>
  <c r="X29874" i="1"/>
  <c r="X29875" i="1"/>
  <c r="X29876" i="1"/>
  <c r="X29877" i="1"/>
  <c r="X29878" i="1"/>
  <c r="X29879" i="1"/>
  <c r="X29880" i="1"/>
  <c r="X29881" i="1"/>
  <c r="X29882" i="1"/>
  <c r="X29883" i="1"/>
  <c r="X29884" i="1"/>
  <c r="X29885" i="1"/>
  <c r="X29886" i="1"/>
  <c r="X29887" i="1"/>
  <c r="X29888" i="1"/>
  <c r="X29889" i="1"/>
  <c r="X29890" i="1"/>
  <c r="X29891" i="1"/>
  <c r="X29892" i="1"/>
  <c r="X29893" i="1"/>
  <c r="X29894" i="1"/>
  <c r="X29895" i="1"/>
  <c r="X29896" i="1"/>
  <c r="X29897" i="1"/>
  <c r="X29898" i="1"/>
  <c r="X29899" i="1"/>
  <c r="X29900" i="1"/>
  <c r="X29901" i="1"/>
  <c r="X29902" i="1"/>
  <c r="X29903" i="1"/>
  <c r="X29904" i="1"/>
  <c r="X29905" i="1"/>
  <c r="X29906" i="1"/>
  <c r="X29907" i="1"/>
  <c r="X29908" i="1"/>
  <c r="X29909" i="1"/>
  <c r="X29910" i="1"/>
  <c r="X29911" i="1"/>
  <c r="X29912" i="1"/>
  <c r="X29913" i="1"/>
  <c r="X29914" i="1"/>
  <c r="X29915" i="1"/>
  <c r="X29916" i="1"/>
  <c r="X29917" i="1"/>
  <c r="X29918" i="1"/>
  <c r="X29919" i="1"/>
  <c r="X29920" i="1"/>
  <c r="X29921" i="1"/>
  <c r="X29922" i="1"/>
  <c r="X29923" i="1"/>
  <c r="X29924" i="1"/>
  <c r="X29925" i="1"/>
  <c r="X29926" i="1"/>
  <c r="X29927" i="1"/>
  <c r="X29928" i="1"/>
  <c r="X29929" i="1"/>
  <c r="X29930" i="1"/>
  <c r="X29931" i="1"/>
  <c r="X29932" i="1"/>
  <c r="X29933" i="1"/>
  <c r="X29934" i="1"/>
  <c r="X29935" i="1"/>
  <c r="X29936" i="1"/>
  <c r="X29937" i="1"/>
  <c r="X29938" i="1"/>
  <c r="X29939" i="1"/>
  <c r="X29940" i="1"/>
  <c r="X29941" i="1"/>
  <c r="X29942" i="1"/>
  <c r="X29943" i="1"/>
  <c r="X29944" i="1"/>
  <c r="X29945" i="1"/>
  <c r="X29946" i="1"/>
  <c r="X29947" i="1"/>
  <c r="X29948" i="1"/>
  <c r="X29949" i="1"/>
  <c r="X29950" i="1"/>
  <c r="X29951" i="1"/>
  <c r="X29952" i="1"/>
  <c r="X29953" i="1"/>
  <c r="X29954" i="1"/>
  <c r="X29955" i="1"/>
  <c r="X29956" i="1"/>
  <c r="X29957" i="1"/>
  <c r="X29958" i="1"/>
  <c r="X29959" i="1"/>
  <c r="X29960" i="1"/>
  <c r="X29961" i="1"/>
  <c r="X29962" i="1"/>
  <c r="X29963" i="1"/>
  <c r="X29964" i="1"/>
  <c r="X29965" i="1"/>
  <c r="X29966" i="1"/>
  <c r="X29967" i="1"/>
  <c r="X29968" i="1"/>
  <c r="X29969" i="1"/>
  <c r="X29970" i="1"/>
  <c r="X29971" i="1"/>
  <c r="X29972" i="1"/>
  <c r="X29973" i="1"/>
  <c r="X29974" i="1"/>
  <c r="X29975" i="1"/>
  <c r="X29976" i="1"/>
  <c r="X29977" i="1"/>
  <c r="X29978" i="1"/>
  <c r="X29979" i="1"/>
  <c r="X29980" i="1"/>
  <c r="X29981" i="1"/>
  <c r="X29982" i="1"/>
  <c r="X29983" i="1"/>
  <c r="X29984" i="1"/>
  <c r="X29985" i="1"/>
  <c r="X29986" i="1"/>
  <c r="X29987" i="1"/>
  <c r="X29988" i="1"/>
  <c r="X29989" i="1"/>
  <c r="X29990" i="1"/>
  <c r="X29991" i="1"/>
  <c r="X29992" i="1"/>
  <c r="X29993" i="1"/>
  <c r="X29994" i="1"/>
  <c r="X29995" i="1"/>
  <c r="X29996" i="1"/>
  <c r="X29997" i="1"/>
  <c r="X29998" i="1"/>
  <c r="X29999" i="1"/>
  <c r="X30000" i="1"/>
  <c r="X30001" i="1"/>
  <c r="X30002" i="1"/>
  <c r="X30003" i="1"/>
  <c r="X30004" i="1"/>
  <c r="X30005" i="1"/>
  <c r="X30006" i="1"/>
  <c r="X30007" i="1"/>
  <c r="X30008" i="1"/>
  <c r="X30009" i="1"/>
  <c r="X30010" i="1"/>
  <c r="X30011" i="1"/>
  <c r="X30012" i="1"/>
  <c r="X30013" i="1"/>
  <c r="X30014" i="1"/>
  <c r="X30015" i="1"/>
  <c r="X30016" i="1"/>
  <c r="X30017" i="1"/>
  <c r="X30018" i="1"/>
  <c r="X30019" i="1"/>
  <c r="X30020" i="1"/>
  <c r="X30021" i="1"/>
  <c r="X30022" i="1"/>
  <c r="X30023" i="1"/>
  <c r="X30024" i="1"/>
  <c r="X30025" i="1"/>
  <c r="X30026" i="1"/>
  <c r="X30027" i="1"/>
  <c r="X30028" i="1"/>
  <c r="X30029" i="1"/>
  <c r="X30030" i="1"/>
  <c r="X30031" i="1"/>
  <c r="X30032" i="1"/>
  <c r="X30033" i="1"/>
  <c r="X30034" i="1"/>
  <c r="X30035" i="1"/>
  <c r="X30036" i="1"/>
  <c r="X30037" i="1"/>
  <c r="X30038" i="1"/>
  <c r="X30039" i="1"/>
  <c r="X30040" i="1"/>
  <c r="X30041" i="1"/>
  <c r="X30042" i="1"/>
  <c r="X30043" i="1"/>
  <c r="X30044" i="1"/>
  <c r="X30045" i="1"/>
  <c r="X30046" i="1"/>
  <c r="X30047" i="1"/>
  <c r="X30048" i="1"/>
  <c r="X30049" i="1"/>
  <c r="X30050" i="1"/>
  <c r="X30051" i="1"/>
  <c r="X30052" i="1"/>
  <c r="X30053" i="1"/>
  <c r="X30054" i="1"/>
  <c r="X30055" i="1"/>
  <c r="X30056" i="1"/>
  <c r="X30057" i="1"/>
  <c r="X30058" i="1"/>
  <c r="X30059" i="1"/>
  <c r="X30060" i="1"/>
  <c r="X30061" i="1"/>
  <c r="X30062" i="1"/>
  <c r="X30063" i="1"/>
  <c r="X30064" i="1"/>
  <c r="X30065" i="1"/>
  <c r="X30066" i="1"/>
  <c r="X30067" i="1"/>
  <c r="X30068" i="1"/>
  <c r="X30069" i="1"/>
  <c r="X30070" i="1"/>
  <c r="X30071" i="1"/>
  <c r="X30072" i="1"/>
  <c r="X30073" i="1"/>
  <c r="X30074" i="1"/>
  <c r="X30075" i="1"/>
  <c r="X30076" i="1"/>
  <c r="X30077" i="1"/>
  <c r="X30078" i="1"/>
  <c r="X30079" i="1"/>
  <c r="X30080" i="1"/>
  <c r="X30081" i="1"/>
  <c r="X30082" i="1"/>
  <c r="X30083" i="1"/>
  <c r="X30084" i="1"/>
  <c r="X30085" i="1"/>
  <c r="X30086" i="1"/>
  <c r="X30087" i="1"/>
  <c r="X30088" i="1"/>
  <c r="X30089" i="1"/>
  <c r="X30090" i="1"/>
  <c r="X30091" i="1"/>
  <c r="X30092" i="1"/>
  <c r="X30093" i="1"/>
  <c r="X30094" i="1"/>
  <c r="X30095" i="1"/>
  <c r="X30096" i="1"/>
  <c r="X30097" i="1"/>
  <c r="X30098" i="1"/>
  <c r="X30099" i="1"/>
  <c r="X30100" i="1"/>
  <c r="X30101" i="1"/>
  <c r="X30102" i="1"/>
  <c r="X30103" i="1"/>
  <c r="X30104" i="1"/>
  <c r="X30105" i="1"/>
  <c r="X30106" i="1"/>
  <c r="X30107" i="1"/>
  <c r="X30108" i="1"/>
  <c r="X30109" i="1"/>
  <c r="X30110" i="1"/>
  <c r="X30111" i="1"/>
  <c r="X30112" i="1"/>
  <c r="X30113" i="1"/>
  <c r="X30114" i="1"/>
  <c r="X30115" i="1"/>
  <c r="X30116" i="1"/>
  <c r="X30117" i="1"/>
  <c r="X30118" i="1"/>
  <c r="X30119" i="1"/>
  <c r="X30120" i="1"/>
  <c r="X30121" i="1"/>
  <c r="X30122" i="1"/>
  <c r="X30123" i="1"/>
  <c r="X30124" i="1"/>
  <c r="X30125" i="1"/>
  <c r="X30126" i="1"/>
  <c r="X30127" i="1"/>
  <c r="X30128" i="1"/>
  <c r="X30129" i="1"/>
  <c r="X30130" i="1"/>
  <c r="X30131" i="1"/>
  <c r="X30132" i="1"/>
  <c r="X30133" i="1"/>
  <c r="X30134" i="1"/>
  <c r="X30135" i="1"/>
  <c r="X30136" i="1"/>
  <c r="X30137" i="1"/>
  <c r="X30138" i="1"/>
  <c r="X30139" i="1"/>
  <c r="X30140" i="1"/>
  <c r="X30141" i="1"/>
  <c r="X30142" i="1"/>
  <c r="X30143" i="1"/>
  <c r="X30144" i="1"/>
  <c r="X30145" i="1"/>
  <c r="X30146" i="1"/>
  <c r="X30147" i="1"/>
  <c r="X30148" i="1"/>
  <c r="X30149" i="1"/>
  <c r="X30150" i="1"/>
  <c r="X30151" i="1"/>
  <c r="X30152" i="1"/>
  <c r="X30153" i="1"/>
  <c r="X30154" i="1"/>
  <c r="X30155" i="1"/>
  <c r="X30156" i="1"/>
  <c r="X30157" i="1"/>
  <c r="X30158" i="1"/>
  <c r="X30159" i="1"/>
  <c r="X30160" i="1"/>
  <c r="X30161" i="1"/>
  <c r="X30162" i="1"/>
  <c r="X30163" i="1"/>
  <c r="X30164" i="1"/>
  <c r="X30165" i="1"/>
  <c r="X30166" i="1"/>
  <c r="X30167" i="1"/>
  <c r="X30168" i="1"/>
  <c r="X30169" i="1"/>
  <c r="X30170" i="1"/>
  <c r="X30171" i="1"/>
  <c r="X30172" i="1"/>
  <c r="X30173" i="1"/>
  <c r="X30174" i="1"/>
  <c r="X30175" i="1"/>
  <c r="X30176" i="1"/>
  <c r="X30177" i="1"/>
  <c r="X30178" i="1"/>
  <c r="X30179" i="1"/>
  <c r="X30180" i="1"/>
  <c r="X30181" i="1"/>
  <c r="X30182" i="1"/>
  <c r="X30183" i="1"/>
  <c r="X30184" i="1"/>
  <c r="X30185" i="1"/>
  <c r="X30186" i="1"/>
  <c r="X30187" i="1"/>
  <c r="X30188" i="1"/>
  <c r="X30189" i="1"/>
  <c r="X30190" i="1"/>
  <c r="X30191" i="1"/>
  <c r="X30192" i="1"/>
  <c r="X30193" i="1"/>
  <c r="X30194" i="1"/>
  <c r="X30195" i="1"/>
  <c r="X30196" i="1"/>
  <c r="X30197" i="1"/>
  <c r="X30198" i="1"/>
  <c r="X30199" i="1"/>
  <c r="X30200" i="1"/>
  <c r="X30201" i="1"/>
  <c r="X30202" i="1"/>
  <c r="X30203" i="1"/>
  <c r="X30204" i="1"/>
  <c r="X30205" i="1"/>
  <c r="X30206" i="1"/>
  <c r="X30207" i="1"/>
  <c r="X30208" i="1"/>
  <c r="X30209" i="1"/>
  <c r="X30210" i="1"/>
  <c r="X30211" i="1"/>
  <c r="X30212" i="1"/>
  <c r="X30213" i="1"/>
  <c r="X30214" i="1"/>
  <c r="X30215" i="1"/>
  <c r="X30216" i="1"/>
  <c r="X30217" i="1"/>
  <c r="X30218" i="1"/>
  <c r="X30219" i="1"/>
  <c r="X30220" i="1"/>
  <c r="X30221" i="1"/>
  <c r="X30222" i="1"/>
  <c r="X30223" i="1"/>
  <c r="X30224" i="1"/>
  <c r="X30225" i="1"/>
  <c r="X30226" i="1"/>
  <c r="X30227" i="1"/>
  <c r="X30228" i="1"/>
  <c r="X30229" i="1"/>
  <c r="X30230" i="1"/>
  <c r="X30231" i="1"/>
  <c r="X30232" i="1"/>
  <c r="X30233" i="1"/>
  <c r="X30234" i="1"/>
  <c r="X30235" i="1"/>
  <c r="X30236" i="1"/>
  <c r="X30237" i="1"/>
  <c r="X30238" i="1"/>
  <c r="X30239" i="1"/>
  <c r="X30240" i="1"/>
  <c r="X30241" i="1"/>
  <c r="X30242" i="1"/>
  <c r="X30243" i="1"/>
  <c r="X30244" i="1"/>
  <c r="X30245" i="1"/>
  <c r="X30246" i="1"/>
  <c r="X30247" i="1"/>
  <c r="X30248" i="1"/>
  <c r="X30249" i="1"/>
  <c r="X30250" i="1"/>
  <c r="X30251" i="1"/>
  <c r="X30252" i="1"/>
  <c r="X30253" i="1"/>
  <c r="X30254" i="1"/>
  <c r="X30255" i="1"/>
  <c r="X30256" i="1"/>
  <c r="X30257" i="1"/>
  <c r="X30258" i="1"/>
  <c r="X30259" i="1"/>
  <c r="X30260" i="1"/>
  <c r="X30261" i="1"/>
  <c r="X30262" i="1"/>
  <c r="X30263" i="1"/>
  <c r="X30264" i="1"/>
  <c r="X30265" i="1"/>
  <c r="X30266" i="1"/>
  <c r="X30267" i="1"/>
  <c r="X30268" i="1"/>
  <c r="X30269" i="1"/>
  <c r="X30270" i="1"/>
  <c r="X30271" i="1"/>
  <c r="X30272" i="1"/>
  <c r="X30273" i="1"/>
  <c r="X30274" i="1"/>
  <c r="X30275" i="1"/>
  <c r="X30276" i="1"/>
  <c r="X30277" i="1"/>
  <c r="X30278" i="1"/>
  <c r="X30279" i="1"/>
  <c r="X30280" i="1"/>
  <c r="X30281" i="1"/>
  <c r="X30282" i="1"/>
  <c r="X30283" i="1"/>
  <c r="X30284" i="1"/>
  <c r="X30285" i="1"/>
  <c r="X30286" i="1"/>
  <c r="X30287" i="1"/>
  <c r="X30288" i="1"/>
  <c r="X30289" i="1"/>
  <c r="X30290" i="1"/>
  <c r="X30291" i="1"/>
  <c r="X30292" i="1"/>
  <c r="X30293" i="1"/>
  <c r="X30294" i="1"/>
  <c r="X30295" i="1"/>
  <c r="X30296" i="1"/>
  <c r="X30297" i="1"/>
  <c r="X30298" i="1"/>
  <c r="X30299" i="1"/>
  <c r="X30300" i="1"/>
  <c r="X30301" i="1"/>
  <c r="X30302" i="1"/>
  <c r="X30303" i="1"/>
  <c r="X30304" i="1"/>
  <c r="X30305" i="1"/>
  <c r="X30306" i="1"/>
  <c r="X30307" i="1"/>
  <c r="X30308" i="1"/>
  <c r="X30309" i="1"/>
  <c r="X30310" i="1"/>
  <c r="X30311" i="1"/>
  <c r="X30312" i="1"/>
  <c r="X30313" i="1"/>
  <c r="X30314" i="1"/>
  <c r="X30315" i="1"/>
  <c r="X30316" i="1"/>
  <c r="X30317" i="1"/>
  <c r="X30318" i="1"/>
  <c r="X30319" i="1"/>
  <c r="X30320" i="1"/>
  <c r="X30321" i="1"/>
  <c r="X30322" i="1"/>
  <c r="X30323" i="1"/>
  <c r="X30324" i="1"/>
  <c r="X30325" i="1"/>
  <c r="X30326" i="1"/>
  <c r="X30327" i="1"/>
  <c r="X30328" i="1"/>
  <c r="X30329" i="1"/>
  <c r="X30330" i="1"/>
  <c r="X30331" i="1"/>
  <c r="X30332" i="1"/>
  <c r="X30333" i="1"/>
  <c r="X30334" i="1"/>
  <c r="X30335" i="1"/>
  <c r="X30336" i="1"/>
  <c r="X30337" i="1"/>
  <c r="X30338" i="1"/>
  <c r="X30339" i="1"/>
  <c r="X30340" i="1"/>
  <c r="X30341" i="1"/>
  <c r="X30342" i="1"/>
  <c r="X30343" i="1"/>
  <c r="X30344" i="1"/>
  <c r="X30345" i="1"/>
  <c r="X30346" i="1"/>
  <c r="X30347" i="1"/>
  <c r="X30348" i="1"/>
  <c r="X30349" i="1"/>
  <c r="X30350" i="1"/>
  <c r="X30351" i="1"/>
  <c r="X30352" i="1"/>
  <c r="X30353" i="1"/>
  <c r="X30354" i="1"/>
  <c r="X30355" i="1"/>
  <c r="X30356" i="1"/>
  <c r="X30357" i="1"/>
  <c r="X30358" i="1"/>
  <c r="X30359" i="1"/>
  <c r="X30360" i="1"/>
  <c r="X30361" i="1"/>
  <c r="X30362" i="1"/>
  <c r="X30363" i="1"/>
  <c r="X30364" i="1"/>
  <c r="X30365" i="1"/>
  <c r="X30366" i="1"/>
  <c r="X30367" i="1"/>
  <c r="X30368" i="1"/>
  <c r="X30369" i="1"/>
  <c r="X30370" i="1"/>
  <c r="X30371" i="1"/>
  <c r="X30372" i="1"/>
  <c r="X30373" i="1"/>
  <c r="X30374" i="1"/>
  <c r="X30375" i="1"/>
  <c r="X30376" i="1"/>
  <c r="X30377" i="1"/>
  <c r="X30378" i="1"/>
  <c r="X30379" i="1"/>
  <c r="X30380" i="1"/>
  <c r="X30381" i="1"/>
  <c r="X30382" i="1"/>
  <c r="X30383" i="1"/>
  <c r="X30384" i="1"/>
  <c r="X30385" i="1"/>
  <c r="X30386" i="1"/>
  <c r="X30387" i="1"/>
  <c r="X30388" i="1"/>
  <c r="X30389" i="1"/>
  <c r="X30390" i="1"/>
  <c r="X30391" i="1"/>
  <c r="X30392" i="1"/>
  <c r="X30393" i="1"/>
  <c r="X30394" i="1"/>
  <c r="X30395" i="1"/>
  <c r="X30396" i="1"/>
  <c r="X30397" i="1"/>
  <c r="X30398" i="1"/>
  <c r="X30399" i="1"/>
  <c r="X30400" i="1"/>
  <c r="X30401" i="1"/>
  <c r="X30402" i="1"/>
  <c r="X30403" i="1"/>
  <c r="X30404" i="1"/>
  <c r="X30405" i="1"/>
  <c r="X30406" i="1"/>
  <c r="X30407" i="1"/>
  <c r="X30408" i="1"/>
  <c r="X30409" i="1"/>
  <c r="X30410" i="1"/>
  <c r="X30411" i="1"/>
  <c r="X30412" i="1"/>
  <c r="X30413" i="1"/>
  <c r="X30414" i="1"/>
  <c r="X30415" i="1"/>
  <c r="X30416" i="1"/>
  <c r="X30417" i="1"/>
  <c r="X30418" i="1"/>
  <c r="X30419" i="1"/>
  <c r="X30420" i="1"/>
  <c r="X30421" i="1"/>
  <c r="X30422" i="1"/>
  <c r="X30423" i="1"/>
  <c r="X30424" i="1"/>
  <c r="X30425" i="1"/>
  <c r="X30426" i="1"/>
  <c r="X30427" i="1"/>
  <c r="X30428" i="1"/>
  <c r="X30429" i="1"/>
  <c r="X30430" i="1"/>
  <c r="X30431" i="1"/>
  <c r="X30432" i="1"/>
  <c r="X30433" i="1"/>
  <c r="X30434" i="1"/>
  <c r="X30435" i="1"/>
  <c r="X30436" i="1"/>
  <c r="X30437" i="1"/>
  <c r="X30438" i="1"/>
  <c r="X30439" i="1"/>
  <c r="X30440" i="1"/>
  <c r="X30441" i="1"/>
  <c r="X30442" i="1"/>
  <c r="X30443" i="1"/>
  <c r="X30444" i="1"/>
  <c r="X30445" i="1"/>
  <c r="X30446" i="1"/>
  <c r="X30447" i="1"/>
  <c r="X30448" i="1"/>
  <c r="X30449" i="1"/>
  <c r="X30450" i="1"/>
  <c r="X30451" i="1"/>
  <c r="X30452" i="1"/>
  <c r="X30453" i="1"/>
  <c r="X30454" i="1"/>
  <c r="X30455" i="1"/>
  <c r="X30456" i="1"/>
  <c r="X30457" i="1"/>
  <c r="X30458" i="1"/>
  <c r="X30459" i="1"/>
  <c r="X30460" i="1"/>
  <c r="X30461" i="1"/>
  <c r="X30462" i="1"/>
  <c r="X30463" i="1"/>
  <c r="X30464" i="1"/>
  <c r="X30465" i="1"/>
  <c r="X30466" i="1"/>
  <c r="X30467" i="1"/>
  <c r="X30468" i="1"/>
  <c r="X30469" i="1"/>
  <c r="X30470" i="1"/>
  <c r="X30471" i="1"/>
  <c r="X30472" i="1"/>
  <c r="X30473" i="1"/>
  <c r="X30474" i="1"/>
  <c r="X30475" i="1"/>
  <c r="X30476" i="1"/>
  <c r="X30477" i="1"/>
  <c r="X30478" i="1"/>
  <c r="X30479" i="1"/>
  <c r="X30480" i="1"/>
  <c r="X30481" i="1"/>
  <c r="X30482" i="1"/>
  <c r="X30483" i="1"/>
  <c r="X30484" i="1"/>
  <c r="X30485" i="1"/>
  <c r="X30486" i="1"/>
  <c r="X30487" i="1"/>
  <c r="X30488" i="1"/>
  <c r="X30489" i="1"/>
  <c r="X30490" i="1"/>
  <c r="X30491" i="1"/>
  <c r="X30492" i="1"/>
  <c r="X30493" i="1"/>
  <c r="X30494" i="1"/>
  <c r="X30495" i="1"/>
  <c r="X30496" i="1"/>
  <c r="X30497" i="1"/>
  <c r="X30498" i="1"/>
  <c r="X30499" i="1"/>
  <c r="X30500" i="1"/>
  <c r="X30501" i="1"/>
  <c r="X30502" i="1"/>
  <c r="X30503" i="1"/>
  <c r="X30504" i="1"/>
  <c r="X30505" i="1"/>
  <c r="X30506" i="1"/>
  <c r="X30507" i="1"/>
  <c r="X30508" i="1"/>
  <c r="X30509" i="1"/>
  <c r="X30510" i="1"/>
  <c r="X30511" i="1"/>
  <c r="X30512" i="1"/>
  <c r="X30513" i="1"/>
  <c r="X30514" i="1"/>
  <c r="X30515" i="1"/>
  <c r="X30516" i="1"/>
  <c r="X30517" i="1"/>
  <c r="X30518" i="1"/>
  <c r="X30519" i="1"/>
  <c r="X30520" i="1"/>
  <c r="X30521" i="1"/>
  <c r="X30522" i="1"/>
  <c r="X30523" i="1"/>
  <c r="X30524" i="1"/>
  <c r="X30525" i="1"/>
  <c r="X30526" i="1"/>
  <c r="X30527" i="1"/>
  <c r="X30528" i="1"/>
  <c r="X30529" i="1"/>
  <c r="X30530" i="1"/>
  <c r="X30531" i="1"/>
  <c r="X30532" i="1"/>
  <c r="X30533" i="1"/>
  <c r="X30534" i="1"/>
  <c r="X30535" i="1"/>
  <c r="X30536" i="1"/>
  <c r="X30537" i="1"/>
  <c r="X30538" i="1"/>
  <c r="X30539" i="1"/>
  <c r="X30540" i="1"/>
  <c r="X30541" i="1"/>
  <c r="X30542" i="1"/>
  <c r="X30543" i="1"/>
  <c r="X30544" i="1"/>
  <c r="X30545" i="1"/>
  <c r="X30546" i="1"/>
  <c r="X30547" i="1"/>
  <c r="X30548" i="1"/>
  <c r="X30549" i="1"/>
  <c r="X30550" i="1"/>
  <c r="X30551" i="1"/>
  <c r="X30552" i="1"/>
  <c r="X30553" i="1"/>
  <c r="X30554" i="1"/>
  <c r="X30555" i="1"/>
  <c r="X30556" i="1"/>
  <c r="X30557" i="1"/>
  <c r="X30558" i="1"/>
  <c r="X30559" i="1"/>
  <c r="X30560" i="1"/>
  <c r="X30561" i="1"/>
  <c r="X30562" i="1"/>
  <c r="X30563" i="1"/>
  <c r="X30564" i="1"/>
  <c r="X30565" i="1"/>
  <c r="X30566" i="1"/>
  <c r="X30567" i="1"/>
  <c r="X30568" i="1"/>
  <c r="X30569" i="1"/>
  <c r="X30570" i="1"/>
  <c r="X30571" i="1"/>
  <c r="X30572" i="1"/>
  <c r="X30573" i="1"/>
  <c r="X30574" i="1"/>
  <c r="X30575" i="1"/>
  <c r="X30576" i="1"/>
  <c r="X30577" i="1"/>
  <c r="X30578" i="1"/>
  <c r="X30579" i="1"/>
  <c r="X30580" i="1"/>
  <c r="X30581" i="1"/>
  <c r="X30582" i="1"/>
  <c r="X30583" i="1"/>
  <c r="X30584" i="1"/>
  <c r="X30585" i="1"/>
  <c r="X30586" i="1"/>
  <c r="X30587" i="1"/>
  <c r="X30588" i="1"/>
  <c r="X30589" i="1"/>
  <c r="X30590" i="1"/>
  <c r="X30591" i="1"/>
  <c r="X30592" i="1"/>
  <c r="X30593" i="1"/>
  <c r="X30594" i="1"/>
  <c r="X30595" i="1"/>
  <c r="X30596" i="1"/>
  <c r="X30597" i="1"/>
  <c r="X30598" i="1"/>
  <c r="X30599" i="1"/>
  <c r="X30600" i="1"/>
  <c r="X30601" i="1"/>
  <c r="X30602" i="1"/>
  <c r="X30603" i="1"/>
  <c r="X30604" i="1"/>
  <c r="X30605" i="1"/>
  <c r="X30606" i="1"/>
  <c r="X30607" i="1"/>
  <c r="X30608" i="1"/>
  <c r="X30609" i="1"/>
  <c r="X30610" i="1"/>
  <c r="X30611" i="1"/>
  <c r="X30612" i="1"/>
  <c r="X30613" i="1"/>
  <c r="X30614" i="1"/>
  <c r="X30615" i="1"/>
  <c r="X30616" i="1"/>
  <c r="X30617" i="1"/>
  <c r="X30618" i="1"/>
  <c r="X30619" i="1"/>
  <c r="X30620" i="1"/>
  <c r="X30621" i="1"/>
  <c r="X30622" i="1"/>
  <c r="X30623" i="1"/>
  <c r="X30624" i="1"/>
  <c r="X30625" i="1"/>
  <c r="X30626" i="1"/>
  <c r="X30627" i="1"/>
  <c r="X30628" i="1"/>
  <c r="X30629" i="1"/>
  <c r="X30630" i="1"/>
  <c r="X30631" i="1"/>
  <c r="X30632" i="1"/>
  <c r="X30633" i="1"/>
  <c r="X30634" i="1"/>
  <c r="X30635" i="1"/>
  <c r="X30636" i="1"/>
  <c r="X30637" i="1"/>
  <c r="X30638" i="1"/>
  <c r="X30639" i="1"/>
  <c r="X30640" i="1"/>
  <c r="X30641" i="1"/>
  <c r="X30642" i="1"/>
  <c r="X30643" i="1"/>
  <c r="X30644" i="1"/>
  <c r="X30645" i="1"/>
  <c r="X30646" i="1"/>
  <c r="X30647" i="1"/>
  <c r="X30648" i="1"/>
  <c r="X30649" i="1"/>
  <c r="X30650" i="1"/>
  <c r="X30651" i="1"/>
  <c r="X30652" i="1"/>
  <c r="X30653" i="1"/>
  <c r="X30654" i="1"/>
  <c r="X30655" i="1"/>
  <c r="X30656" i="1"/>
  <c r="X30657" i="1"/>
  <c r="X30658" i="1"/>
  <c r="X30659" i="1"/>
  <c r="X30660" i="1"/>
  <c r="X30661" i="1"/>
  <c r="X30662" i="1"/>
  <c r="X30663" i="1"/>
  <c r="X30664" i="1"/>
  <c r="X30665" i="1"/>
  <c r="X30666" i="1"/>
  <c r="X30667" i="1"/>
  <c r="X30668" i="1"/>
  <c r="X30669" i="1"/>
  <c r="X30670" i="1"/>
  <c r="X30671" i="1"/>
  <c r="X30672" i="1"/>
  <c r="X30673" i="1"/>
  <c r="X30674" i="1"/>
  <c r="X30675" i="1"/>
  <c r="X30676" i="1"/>
  <c r="X30677" i="1"/>
  <c r="X30678" i="1"/>
  <c r="X30679" i="1"/>
  <c r="X30680" i="1"/>
  <c r="X30681" i="1"/>
  <c r="X30682" i="1"/>
  <c r="X30683" i="1"/>
  <c r="X30684" i="1"/>
  <c r="X30685" i="1"/>
  <c r="X30686" i="1"/>
  <c r="X30687" i="1"/>
  <c r="X30688" i="1"/>
  <c r="X30689" i="1"/>
  <c r="X30690" i="1"/>
  <c r="X30691" i="1"/>
  <c r="X30692" i="1"/>
  <c r="X30693" i="1"/>
  <c r="X30694" i="1"/>
  <c r="X30695" i="1"/>
  <c r="X30696" i="1"/>
  <c r="X30697" i="1"/>
  <c r="X30698" i="1"/>
  <c r="X30699" i="1"/>
  <c r="X30700" i="1"/>
  <c r="X30701" i="1"/>
  <c r="X30702" i="1"/>
  <c r="X30703" i="1"/>
  <c r="X30704" i="1"/>
  <c r="X30705" i="1"/>
  <c r="X30706" i="1"/>
  <c r="X30707" i="1"/>
  <c r="X30708" i="1"/>
  <c r="X30709" i="1"/>
  <c r="X30710" i="1"/>
  <c r="X30711" i="1"/>
  <c r="X30712" i="1"/>
  <c r="X30713" i="1"/>
  <c r="X30714" i="1"/>
  <c r="X30715" i="1"/>
  <c r="X30716" i="1"/>
  <c r="X30717" i="1"/>
  <c r="X30718" i="1"/>
  <c r="X30719" i="1"/>
  <c r="X30720" i="1"/>
  <c r="X30721" i="1"/>
  <c r="X30722" i="1"/>
  <c r="X30723" i="1"/>
  <c r="X30724" i="1"/>
  <c r="X30725" i="1"/>
  <c r="X30726" i="1"/>
  <c r="X30727" i="1"/>
  <c r="X30728" i="1"/>
  <c r="X30729" i="1"/>
  <c r="X30730" i="1"/>
  <c r="X30731" i="1"/>
  <c r="X30732" i="1"/>
  <c r="X30733" i="1"/>
  <c r="X30734" i="1"/>
  <c r="X30735" i="1"/>
  <c r="X30736" i="1"/>
  <c r="X30737" i="1"/>
  <c r="X30738" i="1"/>
  <c r="X30739" i="1"/>
  <c r="X30740" i="1"/>
  <c r="X30741" i="1"/>
  <c r="X30742" i="1"/>
  <c r="X30743" i="1"/>
  <c r="X30744" i="1"/>
  <c r="X30745" i="1"/>
  <c r="X30746" i="1"/>
  <c r="X30747" i="1"/>
  <c r="X30748" i="1"/>
  <c r="X30749" i="1"/>
  <c r="X30750" i="1"/>
  <c r="X30751" i="1"/>
  <c r="X30752" i="1"/>
  <c r="X30753" i="1"/>
  <c r="X30754" i="1"/>
  <c r="X30755" i="1"/>
  <c r="X30756" i="1"/>
  <c r="X30757" i="1"/>
  <c r="X30758" i="1"/>
  <c r="X30759" i="1"/>
  <c r="X30760" i="1"/>
  <c r="X30761" i="1"/>
  <c r="X30762" i="1"/>
  <c r="X30763" i="1"/>
  <c r="X30764" i="1"/>
  <c r="X30765" i="1"/>
  <c r="X30766" i="1"/>
  <c r="X30767" i="1"/>
  <c r="X30768" i="1"/>
  <c r="X30769" i="1"/>
  <c r="X30770" i="1"/>
  <c r="X30771" i="1"/>
  <c r="X30772" i="1"/>
  <c r="X30773" i="1"/>
  <c r="X30774" i="1"/>
  <c r="X30775" i="1"/>
  <c r="X30776" i="1"/>
  <c r="X30777" i="1"/>
  <c r="X30778" i="1"/>
  <c r="X30779" i="1"/>
  <c r="X30780" i="1"/>
  <c r="X30781" i="1"/>
  <c r="X30782" i="1"/>
  <c r="X30783" i="1"/>
  <c r="X30784" i="1"/>
  <c r="X30785" i="1"/>
  <c r="X30786" i="1"/>
  <c r="X30787" i="1"/>
  <c r="X30788" i="1"/>
  <c r="X30789" i="1"/>
  <c r="X30790" i="1"/>
  <c r="X30791" i="1"/>
  <c r="X30792" i="1"/>
  <c r="X30793" i="1"/>
  <c r="X30794" i="1"/>
  <c r="X30795" i="1"/>
  <c r="X30796" i="1"/>
  <c r="X30797" i="1"/>
  <c r="X30798" i="1"/>
  <c r="X30799" i="1"/>
  <c r="X30800" i="1"/>
  <c r="X30801" i="1"/>
  <c r="X30802" i="1"/>
  <c r="X30803" i="1"/>
  <c r="X30804" i="1"/>
  <c r="X30805" i="1"/>
  <c r="X30806" i="1"/>
  <c r="X30807" i="1"/>
  <c r="X30808" i="1"/>
  <c r="X30809" i="1"/>
  <c r="X30810" i="1"/>
  <c r="X30811" i="1"/>
  <c r="X30812" i="1"/>
  <c r="X30813" i="1"/>
  <c r="X30814" i="1"/>
  <c r="X30815" i="1"/>
  <c r="X30816" i="1"/>
  <c r="X30817" i="1"/>
  <c r="X30818" i="1"/>
  <c r="X30819" i="1"/>
  <c r="X30820" i="1"/>
  <c r="X30821" i="1"/>
  <c r="X30822" i="1"/>
  <c r="X30823" i="1"/>
  <c r="X30824" i="1"/>
  <c r="X30825" i="1"/>
  <c r="X30826" i="1"/>
  <c r="X30827" i="1"/>
  <c r="X30828" i="1"/>
  <c r="X30829" i="1"/>
  <c r="X30830" i="1"/>
  <c r="X30831" i="1"/>
  <c r="X30832" i="1"/>
  <c r="X30833" i="1"/>
  <c r="X30834" i="1"/>
  <c r="X30835" i="1"/>
  <c r="X30836" i="1"/>
  <c r="X30837" i="1"/>
  <c r="X30838" i="1"/>
  <c r="X30839" i="1"/>
  <c r="X30840" i="1"/>
  <c r="X30841" i="1"/>
  <c r="X30842" i="1"/>
  <c r="X30843" i="1"/>
  <c r="X30844" i="1"/>
  <c r="X30845" i="1"/>
  <c r="X30846" i="1"/>
  <c r="X30847" i="1"/>
  <c r="X30848" i="1"/>
  <c r="X30849" i="1"/>
  <c r="X30850" i="1"/>
  <c r="X30851" i="1"/>
  <c r="X30852" i="1"/>
  <c r="X30853" i="1"/>
  <c r="X30854" i="1"/>
  <c r="X30855" i="1"/>
  <c r="X30856" i="1"/>
  <c r="X30857" i="1"/>
  <c r="X30858" i="1"/>
  <c r="X30859" i="1"/>
  <c r="X30860" i="1"/>
  <c r="X30861" i="1"/>
  <c r="X30862" i="1"/>
  <c r="X30863" i="1"/>
  <c r="X30864" i="1"/>
  <c r="X30865" i="1"/>
  <c r="X30866" i="1"/>
  <c r="X30867" i="1"/>
  <c r="X30868" i="1"/>
  <c r="X30869" i="1"/>
  <c r="X30870" i="1"/>
  <c r="X30871" i="1"/>
  <c r="X30872" i="1"/>
  <c r="X30873" i="1"/>
  <c r="X30874" i="1"/>
  <c r="X30875" i="1"/>
  <c r="X30876" i="1"/>
  <c r="X30877" i="1"/>
  <c r="X30878" i="1"/>
  <c r="X30879" i="1"/>
  <c r="X30880" i="1"/>
  <c r="X30881" i="1"/>
  <c r="X30882" i="1"/>
  <c r="X30883" i="1"/>
  <c r="X30884" i="1"/>
  <c r="X30885" i="1"/>
  <c r="X30886" i="1"/>
  <c r="X30887" i="1"/>
  <c r="X30888" i="1"/>
  <c r="X30889" i="1"/>
  <c r="X30890" i="1"/>
  <c r="X30891" i="1"/>
  <c r="X30892" i="1"/>
  <c r="X30893" i="1"/>
  <c r="X30894" i="1"/>
  <c r="X30895" i="1"/>
  <c r="X30896" i="1"/>
  <c r="X30897" i="1"/>
  <c r="X30898" i="1"/>
  <c r="X30899" i="1"/>
  <c r="X30900" i="1"/>
  <c r="X30901" i="1"/>
  <c r="X30902" i="1"/>
  <c r="X30903" i="1"/>
  <c r="X30904" i="1"/>
  <c r="X30905" i="1"/>
  <c r="X30906" i="1"/>
  <c r="X30907" i="1"/>
  <c r="X30908" i="1"/>
  <c r="X30909" i="1"/>
  <c r="X30910" i="1"/>
  <c r="X30911" i="1"/>
  <c r="X30912" i="1"/>
  <c r="X30913" i="1"/>
  <c r="X30914" i="1"/>
  <c r="X30915" i="1"/>
  <c r="X30916" i="1"/>
  <c r="X30917" i="1"/>
  <c r="X30918" i="1"/>
  <c r="X30919" i="1"/>
  <c r="X30920" i="1"/>
  <c r="X30921" i="1"/>
  <c r="X30922" i="1"/>
  <c r="X30923" i="1"/>
  <c r="X30924" i="1"/>
  <c r="X30925" i="1"/>
  <c r="X30926" i="1"/>
  <c r="X30927" i="1"/>
  <c r="X30928" i="1"/>
  <c r="X30929" i="1"/>
  <c r="X30930" i="1"/>
  <c r="X30931" i="1"/>
  <c r="X30932" i="1"/>
  <c r="X30933" i="1"/>
  <c r="X30934" i="1"/>
  <c r="X30935" i="1"/>
  <c r="X30936" i="1"/>
  <c r="X30937" i="1"/>
  <c r="X30938" i="1"/>
  <c r="X30939" i="1"/>
  <c r="X30940" i="1"/>
  <c r="X30941" i="1"/>
  <c r="X30942" i="1"/>
  <c r="X30943" i="1"/>
  <c r="X30944" i="1"/>
  <c r="X30945" i="1"/>
  <c r="X30946" i="1"/>
  <c r="X30947" i="1"/>
  <c r="X30948" i="1"/>
  <c r="X30949" i="1"/>
  <c r="X30950" i="1"/>
  <c r="X30951" i="1"/>
  <c r="X30952" i="1"/>
  <c r="X30953" i="1"/>
  <c r="X30954" i="1"/>
  <c r="X30955" i="1"/>
  <c r="X30956" i="1"/>
  <c r="X30957" i="1"/>
  <c r="X30958" i="1"/>
  <c r="X30959" i="1"/>
  <c r="X30960" i="1"/>
  <c r="X30961" i="1"/>
  <c r="X30962" i="1"/>
  <c r="X30963" i="1"/>
  <c r="X30964" i="1"/>
  <c r="X30965" i="1"/>
  <c r="X30966" i="1"/>
  <c r="X30967" i="1"/>
  <c r="X30968" i="1"/>
  <c r="X30969" i="1"/>
  <c r="X30970" i="1"/>
  <c r="X30971" i="1"/>
  <c r="X30972" i="1"/>
  <c r="X30973" i="1"/>
  <c r="X30974" i="1"/>
  <c r="X30975" i="1"/>
  <c r="X30976" i="1"/>
  <c r="X30977" i="1"/>
  <c r="X30978" i="1"/>
  <c r="X30979" i="1"/>
  <c r="X30980" i="1"/>
  <c r="X30981" i="1"/>
  <c r="X30982" i="1"/>
  <c r="X30983" i="1"/>
  <c r="X30984" i="1"/>
  <c r="X30985" i="1"/>
  <c r="X30986" i="1"/>
  <c r="X30987" i="1"/>
  <c r="X30988" i="1"/>
  <c r="X30989" i="1"/>
  <c r="X30990" i="1"/>
  <c r="X30991" i="1"/>
  <c r="X30992" i="1"/>
  <c r="X30993" i="1"/>
  <c r="X30994" i="1"/>
  <c r="X30995" i="1"/>
  <c r="X30996" i="1"/>
  <c r="X30997" i="1"/>
  <c r="X30998" i="1"/>
  <c r="X30999" i="1"/>
  <c r="X31000" i="1"/>
  <c r="X31001" i="1"/>
  <c r="X31002" i="1"/>
  <c r="X31003" i="1"/>
  <c r="X31004" i="1"/>
  <c r="X31005" i="1"/>
  <c r="X31006" i="1"/>
  <c r="X31007" i="1"/>
  <c r="X31008" i="1"/>
  <c r="X31009" i="1"/>
  <c r="X31010" i="1"/>
  <c r="X31011" i="1"/>
  <c r="X31012" i="1"/>
  <c r="X31013" i="1"/>
  <c r="X31014" i="1"/>
  <c r="X31015" i="1"/>
  <c r="X31016" i="1"/>
  <c r="X31017" i="1"/>
  <c r="X31018" i="1"/>
  <c r="X31019" i="1"/>
  <c r="X31020" i="1"/>
  <c r="X31021" i="1"/>
  <c r="X31022" i="1"/>
  <c r="X31023" i="1"/>
  <c r="X31024" i="1"/>
  <c r="X31025" i="1"/>
  <c r="X31026" i="1"/>
  <c r="X31027" i="1"/>
  <c r="X31028" i="1"/>
  <c r="X31029" i="1"/>
  <c r="X31030" i="1"/>
  <c r="X31031" i="1"/>
  <c r="X31032" i="1"/>
  <c r="X31033" i="1"/>
  <c r="X31034" i="1"/>
  <c r="X31035" i="1"/>
  <c r="X31036" i="1"/>
  <c r="X31037" i="1"/>
  <c r="X31038" i="1"/>
  <c r="X31039" i="1"/>
  <c r="X31040" i="1"/>
  <c r="X31041" i="1"/>
  <c r="X31042" i="1"/>
  <c r="X31043" i="1"/>
  <c r="X31044" i="1"/>
  <c r="X31045" i="1"/>
  <c r="X31046" i="1"/>
  <c r="X31047" i="1"/>
  <c r="X31048" i="1"/>
  <c r="X31049" i="1"/>
  <c r="X31050" i="1"/>
  <c r="X31051" i="1"/>
  <c r="X31052" i="1"/>
  <c r="X31053" i="1"/>
  <c r="X31054" i="1"/>
  <c r="X31055" i="1"/>
  <c r="X31056" i="1"/>
  <c r="X31057" i="1"/>
  <c r="X31058" i="1"/>
  <c r="X31059" i="1"/>
  <c r="X31060" i="1"/>
  <c r="X31061" i="1"/>
  <c r="X31062" i="1"/>
  <c r="X31063" i="1"/>
  <c r="X31064" i="1"/>
  <c r="X31065" i="1"/>
  <c r="X31066" i="1"/>
  <c r="X31067" i="1"/>
  <c r="X31068" i="1"/>
  <c r="X31069" i="1"/>
  <c r="X31070" i="1"/>
  <c r="X31071" i="1"/>
  <c r="X31072" i="1"/>
  <c r="X31073" i="1"/>
  <c r="X31074" i="1"/>
  <c r="X31075" i="1"/>
  <c r="X31076" i="1"/>
  <c r="X31077" i="1"/>
  <c r="X31078" i="1"/>
  <c r="X31079" i="1"/>
  <c r="X31080" i="1"/>
  <c r="X31081" i="1"/>
  <c r="X31082" i="1"/>
  <c r="X31083" i="1"/>
  <c r="X31084" i="1"/>
  <c r="X31085" i="1"/>
  <c r="X31086" i="1"/>
  <c r="X31087" i="1"/>
  <c r="X31088" i="1"/>
  <c r="X31089" i="1"/>
  <c r="X31090" i="1"/>
  <c r="X31091" i="1"/>
  <c r="X31092" i="1"/>
  <c r="X31093" i="1"/>
  <c r="X31094" i="1"/>
  <c r="X31095" i="1"/>
  <c r="X31096" i="1"/>
  <c r="X31097" i="1"/>
  <c r="X31098" i="1"/>
  <c r="X31099" i="1"/>
  <c r="X31100" i="1"/>
  <c r="X31101" i="1"/>
  <c r="X31102" i="1"/>
  <c r="X31103" i="1"/>
  <c r="X31104" i="1"/>
  <c r="X31105" i="1"/>
  <c r="X31106" i="1"/>
  <c r="X31107" i="1"/>
  <c r="X31108" i="1"/>
  <c r="X31109" i="1"/>
  <c r="X31110" i="1"/>
  <c r="X31111" i="1"/>
  <c r="X31112" i="1"/>
  <c r="X31113" i="1"/>
  <c r="X31114" i="1"/>
  <c r="X31115" i="1"/>
  <c r="X31116" i="1"/>
  <c r="X31117" i="1"/>
  <c r="X31118" i="1"/>
  <c r="X31119" i="1"/>
  <c r="X31120" i="1"/>
  <c r="X31121" i="1"/>
  <c r="X31122" i="1"/>
  <c r="X31123" i="1"/>
  <c r="X31124" i="1"/>
  <c r="X31125" i="1"/>
  <c r="X31126" i="1"/>
  <c r="X31127" i="1"/>
  <c r="X31128" i="1"/>
  <c r="X31129" i="1"/>
  <c r="X31130" i="1"/>
  <c r="X31131" i="1"/>
  <c r="X31132" i="1"/>
  <c r="X31133" i="1"/>
  <c r="X31134" i="1"/>
  <c r="X31135" i="1"/>
  <c r="X31136" i="1"/>
  <c r="X31137" i="1"/>
  <c r="X31138" i="1"/>
  <c r="X31139" i="1"/>
  <c r="X31140" i="1"/>
  <c r="X31141" i="1"/>
  <c r="X31142" i="1"/>
  <c r="X31143" i="1"/>
  <c r="X31144" i="1"/>
  <c r="X31145" i="1"/>
  <c r="X31146" i="1"/>
  <c r="X31147" i="1"/>
  <c r="X31148" i="1"/>
  <c r="X31149" i="1"/>
  <c r="X31150" i="1"/>
  <c r="X31151" i="1"/>
  <c r="X31152" i="1"/>
  <c r="X31153" i="1"/>
  <c r="X31154" i="1"/>
  <c r="X31155" i="1"/>
  <c r="X31156" i="1"/>
  <c r="X31157" i="1"/>
  <c r="X31158" i="1"/>
  <c r="X31159" i="1"/>
  <c r="X31160" i="1"/>
  <c r="X31161" i="1"/>
  <c r="X31162" i="1"/>
  <c r="X31163" i="1"/>
  <c r="X31164" i="1"/>
  <c r="X31165" i="1"/>
  <c r="X31166" i="1"/>
  <c r="X31167" i="1"/>
  <c r="X31168" i="1"/>
  <c r="X31169" i="1"/>
  <c r="X31170" i="1"/>
  <c r="X31171" i="1"/>
  <c r="X31172" i="1"/>
  <c r="X31173" i="1"/>
  <c r="X31174" i="1"/>
  <c r="X31175" i="1"/>
  <c r="X31176" i="1"/>
  <c r="X31177" i="1"/>
  <c r="X31178" i="1"/>
  <c r="X31179" i="1"/>
  <c r="X31180" i="1"/>
  <c r="X31181" i="1"/>
  <c r="X31182" i="1"/>
  <c r="X31183" i="1"/>
  <c r="X31184" i="1"/>
  <c r="X31185" i="1"/>
  <c r="X31186" i="1"/>
  <c r="X31187" i="1"/>
  <c r="X31188" i="1"/>
  <c r="X31189" i="1"/>
  <c r="X31190" i="1"/>
  <c r="X31191" i="1"/>
  <c r="X31192" i="1"/>
  <c r="X31193" i="1"/>
  <c r="X31194" i="1"/>
  <c r="X31195" i="1"/>
  <c r="X31196" i="1"/>
  <c r="X31197" i="1"/>
  <c r="X31198" i="1"/>
  <c r="X31199" i="1"/>
  <c r="X31200" i="1"/>
  <c r="X31201" i="1"/>
  <c r="X31202" i="1"/>
  <c r="X31203" i="1"/>
  <c r="X31204" i="1"/>
  <c r="X31205" i="1"/>
  <c r="X31206" i="1"/>
  <c r="X31207" i="1"/>
  <c r="X31208" i="1"/>
  <c r="X31209" i="1"/>
  <c r="X31210" i="1"/>
  <c r="X31211" i="1"/>
  <c r="X31212" i="1"/>
  <c r="X31213" i="1"/>
  <c r="X31214" i="1"/>
  <c r="X31215" i="1"/>
  <c r="X31216" i="1"/>
  <c r="X31217" i="1"/>
  <c r="X31218" i="1"/>
  <c r="X31219" i="1"/>
  <c r="X31220" i="1"/>
  <c r="X31221" i="1"/>
  <c r="X31222" i="1"/>
  <c r="X31223" i="1"/>
  <c r="X31224" i="1"/>
  <c r="X31225" i="1"/>
  <c r="X31226" i="1"/>
  <c r="X31227" i="1"/>
  <c r="X31228" i="1"/>
  <c r="X31229" i="1"/>
  <c r="X31230" i="1"/>
  <c r="X31231" i="1"/>
  <c r="X31232" i="1"/>
  <c r="X31233" i="1"/>
  <c r="X31234" i="1"/>
  <c r="X31235" i="1"/>
  <c r="X31236" i="1"/>
  <c r="X31237" i="1"/>
  <c r="X31238" i="1"/>
  <c r="X31239" i="1"/>
  <c r="X31240" i="1"/>
  <c r="X31241" i="1"/>
  <c r="X31242" i="1"/>
  <c r="X31243" i="1"/>
  <c r="X31244" i="1"/>
  <c r="X31245" i="1"/>
  <c r="X31246" i="1"/>
  <c r="X31247" i="1"/>
  <c r="X31248" i="1"/>
  <c r="X31249" i="1"/>
  <c r="X31250" i="1"/>
  <c r="X31251" i="1"/>
  <c r="X31252" i="1"/>
  <c r="X31253" i="1"/>
  <c r="X31254" i="1"/>
  <c r="X31255" i="1"/>
  <c r="X31256" i="1"/>
  <c r="X31257" i="1"/>
  <c r="X31258" i="1"/>
  <c r="X31259" i="1"/>
  <c r="X31260" i="1"/>
  <c r="X31261" i="1"/>
  <c r="X31262" i="1"/>
  <c r="X31263" i="1"/>
  <c r="X31264" i="1"/>
  <c r="X31265" i="1"/>
  <c r="X31266" i="1"/>
  <c r="X31267" i="1"/>
  <c r="X31268" i="1"/>
  <c r="X31269" i="1"/>
  <c r="X31270" i="1"/>
  <c r="X31271" i="1"/>
  <c r="X31272" i="1"/>
  <c r="X31273" i="1"/>
  <c r="X31274" i="1"/>
  <c r="X31275" i="1"/>
  <c r="X31276" i="1"/>
  <c r="X31277" i="1"/>
  <c r="X31278" i="1"/>
  <c r="X31279" i="1"/>
  <c r="X31280" i="1"/>
  <c r="X31281" i="1"/>
  <c r="X31282" i="1"/>
  <c r="X31283" i="1"/>
  <c r="X31284" i="1"/>
  <c r="X31285" i="1"/>
  <c r="X31286" i="1"/>
  <c r="X31287" i="1"/>
  <c r="X31288" i="1"/>
  <c r="X31289" i="1"/>
  <c r="X31290" i="1"/>
  <c r="X31291" i="1"/>
  <c r="X31292" i="1"/>
  <c r="X31293" i="1"/>
  <c r="X31294" i="1"/>
  <c r="X31295" i="1"/>
  <c r="X31296" i="1"/>
  <c r="X31297" i="1"/>
  <c r="X31298" i="1"/>
  <c r="X31299" i="1"/>
  <c r="X31300" i="1"/>
  <c r="X31301" i="1"/>
  <c r="X31302" i="1"/>
  <c r="X31303" i="1"/>
  <c r="X31304" i="1"/>
  <c r="X31305" i="1"/>
  <c r="X31306" i="1"/>
  <c r="X31307" i="1"/>
  <c r="X31308" i="1"/>
  <c r="X31309" i="1"/>
  <c r="X31310" i="1"/>
  <c r="X31311" i="1"/>
  <c r="X31312" i="1"/>
  <c r="X31313" i="1"/>
  <c r="X31314" i="1"/>
  <c r="X31315" i="1"/>
  <c r="X31316" i="1"/>
  <c r="X31317" i="1"/>
  <c r="X31318" i="1"/>
  <c r="X31319" i="1"/>
  <c r="X31320" i="1"/>
  <c r="X31321" i="1"/>
  <c r="X31322" i="1"/>
  <c r="X31323" i="1"/>
  <c r="X31324" i="1"/>
  <c r="X31325" i="1"/>
  <c r="X31326" i="1"/>
  <c r="X31327" i="1"/>
  <c r="X31328" i="1"/>
  <c r="X31329" i="1"/>
  <c r="X31330" i="1"/>
  <c r="X31331" i="1"/>
  <c r="X31332" i="1"/>
  <c r="X31333" i="1"/>
  <c r="X31334" i="1"/>
  <c r="X31335" i="1"/>
  <c r="X31336" i="1"/>
  <c r="X31337" i="1"/>
  <c r="X31338" i="1"/>
  <c r="X31339" i="1"/>
  <c r="X31340" i="1"/>
  <c r="X31341" i="1"/>
  <c r="X31342" i="1"/>
  <c r="X31343" i="1"/>
  <c r="X31344" i="1"/>
  <c r="X31345" i="1"/>
  <c r="X31346" i="1"/>
  <c r="X31347" i="1"/>
  <c r="X31348" i="1"/>
  <c r="X31349" i="1"/>
  <c r="X31350" i="1"/>
  <c r="X31351" i="1"/>
  <c r="X31352" i="1"/>
  <c r="X31353" i="1"/>
  <c r="X31354" i="1"/>
  <c r="X31355" i="1"/>
  <c r="X31356" i="1"/>
  <c r="X31357" i="1"/>
  <c r="X31358" i="1"/>
  <c r="X31359" i="1"/>
  <c r="X31360" i="1"/>
  <c r="X31361" i="1"/>
  <c r="X31362" i="1"/>
  <c r="X31363" i="1"/>
  <c r="X31364" i="1"/>
  <c r="X31365" i="1"/>
  <c r="X31366" i="1"/>
  <c r="X31367" i="1"/>
  <c r="X31368" i="1"/>
  <c r="X31369" i="1"/>
  <c r="X31370" i="1"/>
  <c r="X31371" i="1"/>
  <c r="X31372" i="1"/>
  <c r="X31373" i="1"/>
  <c r="X31374" i="1"/>
  <c r="X31375" i="1"/>
  <c r="X31376" i="1"/>
  <c r="X31377" i="1"/>
  <c r="X31378" i="1"/>
  <c r="X31379" i="1"/>
  <c r="X31380" i="1"/>
  <c r="X31381" i="1"/>
  <c r="X31382" i="1"/>
  <c r="X31383" i="1"/>
  <c r="X31384" i="1"/>
  <c r="X31385" i="1"/>
  <c r="X31386" i="1"/>
  <c r="X31387" i="1"/>
  <c r="X31388" i="1"/>
  <c r="X31389" i="1"/>
  <c r="X31390" i="1"/>
  <c r="X31391" i="1"/>
  <c r="X31392" i="1"/>
  <c r="X31393" i="1"/>
  <c r="X31394" i="1"/>
  <c r="X31395" i="1"/>
  <c r="X31396" i="1"/>
  <c r="X31397" i="1"/>
  <c r="X31398" i="1"/>
  <c r="X31399" i="1"/>
  <c r="X31400" i="1"/>
  <c r="X31401" i="1"/>
  <c r="X31402" i="1"/>
  <c r="X31403" i="1"/>
  <c r="X31404" i="1"/>
  <c r="X31405" i="1"/>
  <c r="X31406" i="1"/>
  <c r="X31407" i="1"/>
  <c r="X31408" i="1"/>
  <c r="X31409" i="1"/>
  <c r="X31410" i="1"/>
  <c r="X31411" i="1"/>
  <c r="X31412" i="1"/>
  <c r="X31413" i="1"/>
  <c r="X31414" i="1"/>
  <c r="X31415" i="1"/>
  <c r="X31416" i="1"/>
  <c r="X31417" i="1"/>
  <c r="X31418" i="1"/>
  <c r="X31419" i="1"/>
  <c r="X31420" i="1"/>
  <c r="X31421" i="1"/>
  <c r="X31422" i="1"/>
  <c r="X31423" i="1"/>
  <c r="X31424" i="1"/>
  <c r="X31425" i="1"/>
  <c r="X31426" i="1"/>
  <c r="X31427" i="1"/>
  <c r="X31428" i="1"/>
  <c r="X31429" i="1"/>
  <c r="X31430" i="1"/>
  <c r="X31431" i="1"/>
  <c r="X31432" i="1"/>
  <c r="X31433" i="1"/>
  <c r="X31434" i="1"/>
  <c r="X31435" i="1"/>
  <c r="X31436" i="1"/>
  <c r="X31437" i="1"/>
  <c r="X31438" i="1"/>
  <c r="X31439" i="1"/>
  <c r="X31440" i="1"/>
  <c r="X31441" i="1"/>
  <c r="X31442" i="1"/>
  <c r="X31443" i="1"/>
  <c r="X31444" i="1"/>
  <c r="X31445" i="1"/>
  <c r="X31446" i="1"/>
  <c r="X31447" i="1"/>
  <c r="X31448" i="1"/>
  <c r="X31449" i="1"/>
  <c r="X31450" i="1"/>
  <c r="X31451" i="1"/>
  <c r="X31452" i="1"/>
  <c r="X31453" i="1"/>
  <c r="X31454" i="1"/>
  <c r="X31455" i="1"/>
  <c r="X31456" i="1"/>
  <c r="X31457" i="1"/>
  <c r="X31458" i="1"/>
  <c r="X31459" i="1"/>
  <c r="X31460" i="1"/>
  <c r="X31461" i="1"/>
  <c r="X31462" i="1"/>
  <c r="X31463" i="1"/>
  <c r="X31464" i="1"/>
  <c r="X31465" i="1"/>
  <c r="X31466" i="1"/>
  <c r="X31467" i="1"/>
  <c r="X31468" i="1"/>
  <c r="X31469" i="1"/>
  <c r="X31470" i="1"/>
  <c r="X31471" i="1"/>
  <c r="X31472" i="1"/>
  <c r="X31473" i="1"/>
  <c r="X31474" i="1"/>
  <c r="X31475" i="1"/>
  <c r="X31476" i="1"/>
  <c r="X31477" i="1"/>
  <c r="X31478" i="1"/>
  <c r="X31479" i="1"/>
  <c r="X31480" i="1"/>
  <c r="X31481" i="1"/>
  <c r="X31482" i="1"/>
  <c r="X31483" i="1"/>
  <c r="X31484" i="1"/>
  <c r="X31485" i="1"/>
  <c r="X31486" i="1"/>
  <c r="X31487" i="1"/>
  <c r="X31488" i="1"/>
  <c r="X31489" i="1"/>
  <c r="X31490" i="1"/>
  <c r="X31491" i="1"/>
  <c r="X31492" i="1"/>
  <c r="X31493" i="1"/>
  <c r="X31494" i="1"/>
  <c r="X31495" i="1"/>
  <c r="X31496" i="1"/>
  <c r="X31497" i="1"/>
  <c r="X31498" i="1"/>
  <c r="X31499" i="1"/>
  <c r="X31500" i="1"/>
  <c r="X31501" i="1"/>
  <c r="X31502" i="1"/>
  <c r="X31503" i="1"/>
  <c r="X31504" i="1"/>
  <c r="X31505" i="1"/>
  <c r="X31506" i="1"/>
  <c r="X31507" i="1"/>
  <c r="X31508" i="1"/>
  <c r="X31509" i="1"/>
  <c r="X31510" i="1"/>
  <c r="X31511" i="1"/>
  <c r="X31512" i="1"/>
  <c r="X31513" i="1"/>
  <c r="X31514" i="1"/>
  <c r="X31515" i="1"/>
  <c r="X31516" i="1"/>
  <c r="X31517" i="1"/>
  <c r="X31518" i="1"/>
  <c r="X31519" i="1"/>
  <c r="X31520" i="1"/>
  <c r="X31521" i="1"/>
  <c r="X31522" i="1"/>
  <c r="X31523" i="1"/>
  <c r="X31524" i="1"/>
  <c r="X31525" i="1"/>
  <c r="X31526" i="1"/>
  <c r="X31527" i="1"/>
  <c r="X31528" i="1"/>
  <c r="X31529" i="1"/>
  <c r="X31530" i="1"/>
  <c r="X31531" i="1"/>
  <c r="X31532" i="1"/>
  <c r="X31533" i="1"/>
  <c r="X31534" i="1"/>
  <c r="X31535" i="1"/>
  <c r="X31536" i="1"/>
  <c r="X31537" i="1"/>
  <c r="X31538" i="1"/>
  <c r="X31539" i="1"/>
  <c r="X31540" i="1"/>
  <c r="X31541" i="1"/>
  <c r="X31542" i="1"/>
  <c r="X31543" i="1"/>
  <c r="X31544" i="1"/>
  <c r="X31545" i="1"/>
  <c r="X31546" i="1"/>
  <c r="X31547" i="1"/>
  <c r="X31548" i="1"/>
  <c r="X31549" i="1"/>
  <c r="X31550" i="1"/>
  <c r="X31551" i="1"/>
  <c r="X31552" i="1"/>
  <c r="X31553" i="1"/>
  <c r="X31554" i="1"/>
  <c r="X31555" i="1"/>
  <c r="X31556" i="1"/>
  <c r="X31557" i="1"/>
  <c r="X31558" i="1"/>
  <c r="X31559" i="1"/>
  <c r="X31560" i="1"/>
  <c r="X31561" i="1"/>
  <c r="X31562" i="1"/>
  <c r="X31563" i="1"/>
  <c r="X31564" i="1"/>
  <c r="X31565" i="1"/>
  <c r="X31566" i="1"/>
  <c r="X31567" i="1"/>
  <c r="X31568" i="1"/>
  <c r="X31569" i="1"/>
  <c r="X31570" i="1"/>
  <c r="X31571" i="1"/>
  <c r="X31572" i="1"/>
  <c r="X31573" i="1"/>
  <c r="X31574" i="1"/>
  <c r="X31575" i="1"/>
  <c r="X31576" i="1"/>
  <c r="X31577" i="1"/>
  <c r="X31578" i="1"/>
  <c r="X31579" i="1"/>
  <c r="X31580" i="1"/>
  <c r="X31581" i="1"/>
  <c r="X31582" i="1"/>
  <c r="X31583" i="1"/>
  <c r="X31584" i="1"/>
  <c r="X31585" i="1"/>
  <c r="X31586" i="1"/>
  <c r="X31587" i="1"/>
  <c r="X31588" i="1"/>
  <c r="X31589" i="1"/>
  <c r="X31590" i="1"/>
  <c r="X31591" i="1"/>
  <c r="X31592" i="1"/>
  <c r="X31593" i="1"/>
  <c r="X31594" i="1"/>
  <c r="X31595" i="1"/>
  <c r="X31596" i="1"/>
  <c r="X31597" i="1"/>
  <c r="X31598" i="1"/>
  <c r="X31599" i="1"/>
  <c r="X31600" i="1"/>
  <c r="X31601" i="1"/>
  <c r="X31602" i="1"/>
  <c r="X31603" i="1"/>
  <c r="X31604" i="1"/>
  <c r="X31605" i="1"/>
  <c r="X31606" i="1"/>
  <c r="X31607" i="1"/>
  <c r="X31608" i="1"/>
  <c r="X31609" i="1"/>
  <c r="X31610" i="1"/>
  <c r="X31611" i="1"/>
  <c r="X31612" i="1"/>
  <c r="X31613" i="1"/>
  <c r="X31614" i="1"/>
  <c r="X31615" i="1"/>
  <c r="X31616" i="1"/>
  <c r="X31617" i="1"/>
  <c r="X31618" i="1"/>
  <c r="X31619" i="1"/>
  <c r="X31620" i="1"/>
  <c r="X31621" i="1"/>
  <c r="X31622" i="1"/>
  <c r="X31623" i="1"/>
  <c r="X31624" i="1"/>
  <c r="X31625" i="1"/>
  <c r="X31626" i="1"/>
  <c r="X31627" i="1"/>
  <c r="X31628" i="1"/>
  <c r="X31629" i="1"/>
  <c r="X31630" i="1"/>
  <c r="X31631" i="1"/>
  <c r="X31632" i="1"/>
  <c r="X31633" i="1"/>
  <c r="X31634" i="1"/>
  <c r="X31635" i="1"/>
  <c r="X31636" i="1"/>
  <c r="X31637" i="1"/>
  <c r="X31638" i="1"/>
  <c r="X31639" i="1"/>
  <c r="X31640" i="1"/>
  <c r="X31641" i="1"/>
  <c r="X31642" i="1"/>
  <c r="X31643" i="1"/>
  <c r="X31644" i="1"/>
  <c r="X31645" i="1"/>
  <c r="X31646" i="1"/>
  <c r="X31647" i="1"/>
  <c r="X31648" i="1"/>
  <c r="X31649" i="1"/>
  <c r="X31650" i="1"/>
  <c r="X31651" i="1"/>
  <c r="X31652" i="1"/>
  <c r="X31653" i="1"/>
  <c r="X31654" i="1"/>
  <c r="X31655" i="1"/>
  <c r="X31656" i="1"/>
  <c r="X31657" i="1"/>
  <c r="X31658" i="1"/>
  <c r="X31659" i="1"/>
  <c r="X31660" i="1"/>
  <c r="X31661" i="1"/>
  <c r="X31662" i="1"/>
  <c r="X31663" i="1"/>
  <c r="X31664" i="1"/>
  <c r="X31665" i="1"/>
  <c r="X31666" i="1"/>
  <c r="X31667" i="1"/>
  <c r="X31668" i="1"/>
  <c r="X31669" i="1"/>
  <c r="X31670" i="1"/>
  <c r="X31671" i="1"/>
  <c r="X31672" i="1"/>
  <c r="X31673" i="1"/>
  <c r="X31674" i="1"/>
  <c r="X31675" i="1"/>
  <c r="X31676" i="1"/>
  <c r="X31677" i="1"/>
  <c r="X31678" i="1"/>
  <c r="X31679" i="1"/>
  <c r="X31680" i="1"/>
  <c r="X31681" i="1"/>
  <c r="X31682" i="1"/>
  <c r="X31683" i="1"/>
  <c r="X31684" i="1"/>
  <c r="X31685" i="1"/>
  <c r="X31686" i="1"/>
  <c r="X31687" i="1"/>
  <c r="X31688" i="1"/>
  <c r="X31689" i="1"/>
  <c r="X31690" i="1"/>
  <c r="X31691" i="1"/>
  <c r="X31692" i="1"/>
  <c r="X31693" i="1"/>
  <c r="X31694" i="1"/>
  <c r="X31695" i="1"/>
  <c r="X31696" i="1"/>
  <c r="X31697" i="1"/>
  <c r="X31698" i="1"/>
  <c r="X31699" i="1"/>
  <c r="X31700" i="1"/>
  <c r="X31701" i="1"/>
  <c r="X31702" i="1"/>
  <c r="X31703" i="1"/>
  <c r="X31704" i="1"/>
  <c r="X31705" i="1"/>
  <c r="X31706" i="1"/>
  <c r="X31707" i="1"/>
  <c r="X31708" i="1"/>
  <c r="X31709" i="1"/>
  <c r="X31710" i="1"/>
  <c r="X31711" i="1"/>
  <c r="X31712" i="1"/>
  <c r="X31713" i="1"/>
  <c r="X31714" i="1"/>
  <c r="X31715" i="1"/>
  <c r="X31716" i="1"/>
  <c r="X31717" i="1"/>
  <c r="X31718" i="1"/>
  <c r="X31719" i="1"/>
  <c r="X31720" i="1"/>
  <c r="X31721" i="1"/>
  <c r="X31722" i="1"/>
  <c r="X31723" i="1"/>
  <c r="X31724" i="1"/>
  <c r="X31725" i="1"/>
  <c r="X31726" i="1"/>
  <c r="X31727" i="1"/>
  <c r="X31728" i="1"/>
  <c r="X31729" i="1"/>
  <c r="X31730" i="1"/>
  <c r="X31731" i="1"/>
  <c r="X31732" i="1"/>
  <c r="X31733" i="1"/>
  <c r="X31734" i="1"/>
  <c r="X31735" i="1"/>
  <c r="X31736" i="1"/>
  <c r="X31737" i="1"/>
  <c r="X31738" i="1"/>
  <c r="X31739" i="1"/>
  <c r="X31740" i="1"/>
  <c r="X31741" i="1"/>
  <c r="X31742" i="1"/>
  <c r="X31743" i="1"/>
  <c r="X31744" i="1"/>
  <c r="X31745" i="1"/>
  <c r="X31746" i="1"/>
  <c r="X31747" i="1"/>
  <c r="X31748" i="1"/>
  <c r="X31749" i="1"/>
  <c r="X31750" i="1"/>
  <c r="X31751" i="1"/>
  <c r="X31752" i="1"/>
  <c r="X31753" i="1"/>
  <c r="X31754" i="1"/>
  <c r="X31755" i="1"/>
  <c r="X31756" i="1"/>
  <c r="X31757" i="1"/>
  <c r="X31758" i="1"/>
  <c r="X31759" i="1"/>
  <c r="X31760" i="1"/>
  <c r="X31761" i="1"/>
  <c r="X31762" i="1"/>
  <c r="X31763" i="1"/>
  <c r="X31764" i="1"/>
  <c r="X31765" i="1"/>
  <c r="X31766" i="1"/>
  <c r="X31767" i="1"/>
  <c r="X31768" i="1"/>
  <c r="X31769" i="1"/>
  <c r="X31770" i="1"/>
  <c r="X31771" i="1"/>
  <c r="X31772" i="1"/>
  <c r="X31773" i="1"/>
  <c r="X31774" i="1"/>
  <c r="X31775" i="1"/>
  <c r="X31776" i="1"/>
  <c r="X31777" i="1"/>
  <c r="X31778" i="1"/>
  <c r="X31779" i="1"/>
  <c r="X31780" i="1"/>
  <c r="X31781" i="1"/>
  <c r="X31782" i="1"/>
  <c r="X31783" i="1"/>
  <c r="X31784" i="1"/>
  <c r="X31785" i="1"/>
  <c r="X31786" i="1"/>
  <c r="X31787" i="1"/>
  <c r="X31788" i="1"/>
  <c r="X31789" i="1"/>
  <c r="X31790" i="1"/>
  <c r="X31791" i="1"/>
  <c r="X31792" i="1"/>
  <c r="X31793" i="1"/>
  <c r="X31794" i="1"/>
  <c r="X31795" i="1"/>
  <c r="X31796" i="1"/>
  <c r="X31797" i="1"/>
  <c r="X31798" i="1"/>
  <c r="X31799" i="1"/>
  <c r="X31800" i="1"/>
  <c r="X31801" i="1"/>
  <c r="X31802" i="1"/>
  <c r="X31803" i="1"/>
  <c r="X31804" i="1"/>
  <c r="X31805" i="1"/>
  <c r="X31806" i="1"/>
  <c r="X31807" i="1"/>
  <c r="X31808" i="1"/>
  <c r="X31809" i="1"/>
  <c r="X31810" i="1"/>
  <c r="X31811" i="1"/>
  <c r="X31812" i="1"/>
  <c r="X31813" i="1"/>
  <c r="X31814" i="1"/>
  <c r="X31815" i="1"/>
  <c r="X31816" i="1"/>
  <c r="X31817" i="1"/>
  <c r="X31818" i="1"/>
  <c r="X31819" i="1"/>
  <c r="X31820" i="1"/>
  <c r="X31821" i="1"/>
  <c r="X31822" i="1"/>
  <c r="X31823" i="1"/>
  <c r="X31824" i="1"/>
  <c r="X31825" i="1"/>
  <c r="X31826" i="1"/>
  <c r="X31827" i="1"/>
  <c r="X31828" i="1"/>
  <c r="X31829" i="1"/>
  <c r="X31830" i="1"/>
  <c r="X31831" i="1"/>
  <c r="X31832" i="1"/>
  <c r="X31833" i="1"/>
  <c r="X31834" i="1"/>
  <c r="X31835" i="1"/>
  <c r="X31836" i="1"/>
  <c r="X31837" i="1"/>
  <c r="X31838" i="1"/>
  <c r="X31839" i="1"/>
  <c r="X31840" i="1"/>
  <c r="X31841" i="1"/>
  <c r="X31842" i="1"/>
  <c r="X31843" i="1"/>
  <c r="X31844" i="1"/>
  <c r="X31845" i="1"/>
  <c r="X31846" i="1"/>
  <c r="X31847" i="1"/>
  <c r="X31848" i="1"/>
  <c r="X31849" i="1"/>
  <c r="X31850" i="1"/>
  <c r="X31851" i="1"/>
  <c r="X31852" i="1"/>
  <c r="X31853" i="1"/>
  <c r="X31854" i="1"/>
  <c r="X31855" i="1"/>
  <c r="X31856" i="1"/>
  <c r="X31857" i="1"/>
  <c r="X31858" i="1"/>
  <c r="X31859" i="1"/>
  <c r="X31860" i="1"/>
  <c r="X31861" i="1"/>
  <c r="X31862" i="1"/>
  <c r="X31863" i="1"/>
  <c r="X31864" i="1"/>
  <c r="X31865" i="1"/>
  <c r="X31866" i="1"/>
  <c r="X31867" i="1"/>
  <c r="X31868" i="1"/>
  <c r="X31869" i="1"/>
  <c r="X31870" i="1"/>
  <c r="X31871" i="1"/>
  <c r="X31872" i="1"/>
  <c r="X31873" i="1"/>
  <c r="X31874" i="1"/>
  <c r="X31875" i="1"/>
  <c r="X31876" i="1"/>
  <c r="X31877" i="1"/>
  <c r="X31878" i="1"/>
  <c r="X31879" i="1"/>
  <c r="X31880" i="1"/>
  <c r="X31881" i="1"/>
  <c r="X31882" i="1"/>
  <c r="X31883" i="1"/>
  <c r="X31884" i="1"/>
  <c r="X31885" i="1"/>
  <c r="X31886" i="1"/>
  <c r="X31887" i="1"/>
  <c r="X31888" i="1"/>
  <c r="X31889" i="1"/>
  <c r="X31890" i="1"/>
  <c r="X31891" i="1"/>
  <c r="X31892" i="1"/>
  <c r="X31893" i="1"/>
  <c r="X31894" i="1"/>
  <c r="X31895" i="1"/>
  <c r="X31896" i="1"/>
  <c r="X31897" i="1"/>
  <c r="X31898" i="1"/>
  <c r="X31899" i="1"/>
  <c r="X31900" i="1"/>
  <c r="X31901" i="1"/>
  <c r="X31902" i="1"/>
  <c r="X31903" i="1"/>
  <c r="X31904" i="1"/>
  <c r="X31905" i="1"/>
  <c r="X31906" i="1"/>
  <c r="X31907" i="1"/>
  <c r="X31908" i="1"/>
  <c r="X31909" i="1"/>
  <c r="X31910" i="1"/>
  <c r="X31911" i="1"/>
  <c r="X31912" i="1"/>
  <c r="X31913" i="1"/>
  <c r="X31914" i="1"/>
  <c r="X31915" i="1"/>
  <c r="X31916" i="1"/>
  <c r="X31917" i="1"/>
  <c r="X31918" i="1"/>
  <c r="X31919" i="1"/>
  <c r="X31920" i="1"/>
  <c r="X31921" i="1"/>
  <c r="X31922" i="1"/>
  <c r="X31923" i="1"/>
  <c r="X31924" i="1"/>
  <c r="X31925" i="1"/>
  <c r="X31926" i="1"/>
  <c r="X31927" i="1"/>
  <c r="X31928" i="1"/>
  <c r="X31929" i="1"/>
  <c r="X31930" i="1"/>
  <c r="X31931" i="1"/>
  <c r="X31932" i="1"/>
  <c r="X31933" i="1"/>
  <c r="X31934" i="1"/>
  <c r="X31935" i="1"/>
  <c r="X31936" i="1"/>
  <c r="X31937" i="1"/>
  <c r="X31938" i="1"/>
  <c r="X31939" i="1"/>
  <c r="X31940" i="1"/>
  <c r="X31941" i="1"/>
  <c r="X31942" i="1"/>
  <c r="X31943" i="1"/>
  <c r="X31944" i="1"/>
  <c r="X31945" i="1"/>
  <c r="X31946" i="1"/>
  <c r="X31947" i="1"/>
  <c r="X31948" i="1"/>
  <c r="X31949" i="1"/>
  <c r="X31950" i="1"/>
  <c r="X31951" i="1"/>
  <c r="X31952" i="1"/>
  <c r="X31953" i="1"/>
  <c r="X31954" i="1"/>
  <c r="X31955" i="1"/>
  <c r="X31956" i="1"/>
  <c r="X31957" i="1"/>
  <c r="X31958" i="1"/>
  <c r="X31959" i="1"/>
  <c r="X31960" i="1"/>
  <c r="X31961" i="1"/>
  <c r="X31962" i="1"/>
  <c r="X31963" i="1"/>
  <c r="X31964" i="1"/>
  <c r="X31965" i="1"/>
  <c r="X31966" i="1"/>
  <c r="X31967" i="1"/>
  <c r="X31968" i="1"/>
  <c r="X31969" i="1"/>
  <c r="X31970" i="1"/>
  <c r="X31971" i="1"/>
  <c r="X31972" i="1"/>
  <c r="X31973" i="1"/>
  <c r="X31974" i="1"/>
  <c r="X31975" i="1"/>
  <c r="X31976" i="1"/>
  <c r="X31977" i="1"/>
  <c r="X31978" i="1"/>
  <c r="X31979" i="1"/>
  <c r="X31980" i="1"/>
  <c r="X31981" i="1"/>
  <c r="X31982" i="1"/>
  <c r="X31983" i="1"/>
  <c r="X31984" i="1"/>
  <c r="X31985" i="1"/>
  <c r="X31986" i="1"/>
  <c r="X31987" i="1"/>
  <c r="X31988" i="1"/>
  <c r="X31989" i="1"/>
  <c r="X31990" i="1"/>
  <c r="X31991" i="1"/>
  <c r="X31992" i="1"/>
  <c r="X31993" i="1"/>
  <c r="X31994" i="1"/>
  <c r="X31995" i="1"/>
  <c r="X31996" i="1"/>
  <c r="X31997" i="1"/>
  <c r="X31998" i="1"/>
  <c r="X31999" i="1"/>
  <c r="X32000" i="1"/>
  <c r="X32001" i="1"/>
  <c r="X32002" i="1"/>
  <c r="X32003" i="1"/>
  <c r="X32004" i="1"/>
  <c r="X32005" i="1"/>
  <c r="X32006" i="1"/>
  <c r="X32007" i="1"/>
  <c r="X32008" i="1"/>
  <c r="X32009" i="1"/>
  <c r="X32010" i="1"/>
  <c r="X32011" i="1"/>
  <c r="X32012" i="1"/>
  <c r="X32013" i="1"/>
  <c r="X32014" i="1"/>
  <c r="X32015" i="1"/>
  <c r="X32016" i="1"/>
  <c r="X32017" i="1"/>
  <c r="X32018" i="1"/>
  <c r="X32019" i="1"/>
  <c r="X32020" i="1"/>
  <c r="X32021" i="1"/>
  <c r="X32022" i="1"/>
  <c r="X32023" i="1"/>
  <c r="X32024" i="1"/>
  <c r="X32025" i="1"/>
  <c r="X32026" i="1"/>
  <c r="X32027" i="1"/>
  <c r="X32028" i="1"/>
  <c r="X32029" i="1"/>
  <c r="X32030" i="1"/>
  <c r="X32031" i="1"/>
  <c r="X32032" i="1"/>
  <c r="X32033" i="1"/>
  <c r="X32034" i="1"/>
  <c r="X32035" i="1"/>
  <c r="X32036" i="1"/>
  <c r="X32037" i="1"/>
  <c r="X32038" i="1"/>
  <c r="X32039" i="1"/>
  <c r="X32040" i="1"/>
  <c r="X32041" i="1"/>
  <c r="X32042" i="1"/>
  <c r="X32043" i="1"/>
  <c r="X32044" i="1"/>
  <c r="X32045" i="1"/>
  <c r="X32046" i="1"/>
  <c r="X32047" i="1"/>
  <c r="X32048" i="1"/>
  <c r="X32049" i="1"/>
  <c r="X32050" i="1"/>
  <c r="X32051" i="1"/>
  <c r="X32052" i="1"/>
  <c r="X32053" i="1"/>
  <c r="X32054" i="1"/>
  <c r="X32055" i="1"/>
  <c r="X32056" i="1"/>
  <c r="X32057" i="1"/>
  <c r="X32058" i="1"/>
  <c r="X32059" i="1"/>
  <c r="X32060" i="1"/>
  <c r="X32061" i="1"/>
  <c r="X32062" i="1"/>
  <c r="X32063" i="1"/>
  <c r="X32064" i="1"/>
  <c r="X32065" i="1"/>
  <c r="X32066" i="1"/>
  <c r="X32067" i="1"/>
  <c r="X32068" i="1"/>
  <c r="X32069" i="1"/>
  <c r="X32070" i="1"/>
  <c r="X32071" i="1"/>
  <c r="X32072" i="1"/>
  <c r="X32073" i="1"/>
  <c r="X32074" i="1"/>
  <c r="X32075" i="1"/>
  <c r="X32076" i="1"/>
  <c r="X32077" i="1"/>
  <c r="X32078" i="1"/>
  <c r="X32079" i="1"/>
  <c r="X32080" i="1"/>
  <c r="X32081" i="1"/>
  <c r="X32082" i="1"/>
  <c r="X32083" i="1"/>
  <c r="X32084" i="1"/>
  <c r="X32085" i="1"/>
  <c r="X32086" i="1"/>
  <c r="X32087" i="1"/>
  <c r="X32088" i="1"/>
  <c r="X32089" i="1"/>
  <c r="X32090" i="1"/>
  <c r="X32091" i="1"/>
  <c r="X32092" i="1"/>
  <c r="X32093" i="1"/>
  <c r="X32094" i="1"/>
  <c r="X32095" i="1"/>
  <c r="X32096" i="1"/>
  <c r="X32097" i="1"/>
  <c r="X32098" i="1"/>
  <c r="X32099" i="1"/>
  <c r="X32100" i="1"/>
  <c r="X32101" i="1"/>
  <c r="X32102" i="1"/>
  <c r="X32103" i="1"/>
  <c r="X32104" i="1"/>
  <c r="X32105" i="1"/>
  <c r="X32106" i="1"/>
  <c r="X32107" i="1"/>
  <c r="X32108" i="1"/>
  <c r="X32109" i="1"/>
  <c r="X32110" i="1"/>
  <c r="X32111" i="1"/>
  <c r="X32112" i="1"/>
  <c r="X32113" i="1"/>
  <c r="X32114" i="1"/>
  <c r="X32115" i="1"/>
  <c r="X32116" i="1"/>
  <c r="X32117" i="1"/>
  <c r="X32118" i="1"/>
  <c r="X32119" i="1"/>
  <c r="X32120" i="1"/>
  <c r="X32121" i="1"/>
  <c r="X32122" i="1"/>
  <c r="X32123" i="1"/>
  <c r="X32124" i="1"/>
  <c r="X32125" i="1"/>
  <c r="X32126" i="1"/>
  <c r="X32127" i="1"/>
  <c r="X32128" i="1"/>
  <c r="X32129" i="1"/>
  <c r="X32130" i="1"/>
  <c r="X32131" i="1"/>
  <c r="X32132" i="1"/>
  <c r="X32133" i="1"/>
  <c r="X32134" i="1"/>
  <c r="X32135" i="1"/>
  <c r="X32136" i="1"/>
  <c r="X32137" i="1"/>
  <c r="X32138" i="1"/>
  <c r="X32139" i="1"/>
  <c r="X32140" i="1"/>
  <c r="X32141" i="1"/>
  <c r="X32142" i="1"/>
  <c r="X32143" i="1"/>
  <c r="X32144" i="1"/>
  <c r="X32145" i="1"/>
  <c r="X32146" i="1"/>
  <c r="X32147" i="1"/>
  <c r="X32148" i="1"/>
  <c r="X32149" i="1"/>
  <c r="X32150" i="1"/>
  <c r="X32151" i="1"/>
  <c r="X32152" i="1"/>
  <c r="X32153" i="1"/>
  <c r="X32154" i="1"/>
  <c r="X32155" i="1"/>
  <c r="X32156" i="1"/>
  <c r="X32157" i="1"/>
  <c r="X32158" i="1"/>
  <c r="X32159" i="1"/>
  <c r="X32160" i="1"/>
  <c r="X32161" i="1"/>
  <c r="X32162" i="1"/>
  <c r="X32163" i="1"/>
  <c r="X32164" i="1"/>
  <c r="X32165" i="1"/>
  <c r="X32166" i="1"/>
  <c r="X32167" i="1"/>
  <c r="X32168" i="1"/>
  <c r="X32169" i="1"/>
  <c r="X32170" i="1"/>
  <c r="X32171" i="1"/>
  <c r="X32172" i="1"/>
  <c r="X32173" i="1"/>
  <c r="X32174" i="1"/>
  <c r="X32175" i="1"/>
  <c r="X32176" i="1"/>
  <c r="X32177" i="1"/>
  <c r="X32178" i="1"/>
  <c r="X32179" i="1"/>
  <c r="X32180" i="1"/>
  <c r="X32181" i="1"/>
  <c r="X32182" i="1"/>
  <c r="X32183" i="1"/>
  <c r="X32184" i="1"/>
  <c r="X32185" i="1"/>
  <c r="X32186" i="1"/>
  <c r="X32187" i="1"/>
  <c r="X32188" i="1"/>
  <c r="X32189" i="1"/>
  <c r="X32190" i="1"/>
  <c r="X32191" i="1"/>
  <c r="X32192" i="1"/>
  <c r="X32193" i="1"/>
  <c r="X32194" i="1"/>
  <c r="X32195" i="1"/>
  <c r="X32196" i="1"/>
  <c r="X32197" i="1"/>
  <c r="X32198" i="1"/>
  <c r="X32199" i="1"/>
  <c r="X32200" i="1"/>
  <c r="X32201" i="1"/>
  <c r="X32202" i="1"/>
  <c r="X32203" i="1"/>
  <c r="X32204" i="1"/>
  <c r="X32205" i="1"/>
  <c r="X32206" i="1"/>
  <c r="X32207" i="1"/>
  <c r="X32208" i="1"/>
  <c r="X32209" i="1"/>
  <c r="X32210" i="1"/>
  <c r="X32211" i="1"/>
  <c r="X32212" i="1"/>
  <c r="X32213" i="1"/>
  <c r="X32214" i="1"/>
  <c r="X32215" i="1"/>
  <c r="X32216" i="1"/>
  <c r="X32217" i="1"/>
  <c r="X32218" i="1"/>
  <c r="X32219" i="1"/>
  <c r="X32220" i="1"/>
  <c r="X32221" i="1"/>
  <c r="X32222" i="1"/>
  <c r="X32223" i="1"/>
  <c r="X32224" i="1"/>
  <c r="X32225" i="1"/>
  <c r="X32226" i="1"/>
  <c r="X32227" i="1"/>
  <c r="X32228" i="1"/>
  <c r="X32229" i="1"/>
  <c r="X32230" i="1"/>
  <c r="X32231" i="1"/>
  <c r="X32232" i="1"/>
  <c r="X32233" i="1"/>
  <c r="X32234" i="1"/>
  <c r="X32235" i="1"/>
  <c r="X32236" i="1"/>
  <c r="X32237" i="1"/>
  <c r="X32238" i="1"/>
  <c r="X32239" i="1"/>
  <c r="X32240" i="1"/>
  <c r="X32241" i="1"/>
  <c r="X32242" i="1"/>
  <c r="X32243" i="1"/>
  <c r="X32244" i="1"/>
  <c r="X32245" i="1"/>
  <c r="X32246" i="1"/>
  <c r="X32247" i="1"/>
  <c r="X32248" i="1"/>
  <c r="X32249" i="1"/>
  <c r="X32250" i="1"/>
  <c r="X32251" i="1"/>
  <c r="X32252" i="1"/>
  <c r="X32253" i="1"/>
  <c r="X32254" i="1"/>
  <c r="X32255" i="1"/>
  <c r="X32256" i="1"/>
  <c r="X32257" i="1"/>
  <c r="X32258" i="1"/>
  <c r="X32259" i="1"/>
  <c r="X32260" i="1"/>
  <c r="X32261" i="1"/>
  <c r="X32262" i="1"/>
  <c r="X32263" i="1"/>
  <c r="X32264" i="1"/>
  <c r="X32265" i="1"/>
  <c r="X32266" i="1"/>
  <c r="X32267" i="1"/>
  <c r="X32268" i="1"/>
  <c r="X32269" i="1"/>
  <c r="X32270" i="1"/>
  <c r="X32271" i="1"/>
  <c r="X32272" i="1"/>
  <c r="X32273" i="1"/>
  <c r="X32274" i="1"/>
  <c r="X32275" i="1"/>
  <c r="X32276" i="1"/>
  <c r="X32277" i="1"/>
  <c r="X32278" i="1"/>
  <c r="X32279" i="1"/>
  <c r="X32280" i="1"/>
  <c r="X32281" i="1"/>
  <c r="X32282" i="1"/>
  <c r="X32283" i="1"/>
  <c r="X32284" i="1"/>
  <c r="X32285" i="1"/>
  <c r="X32286" i="1"/>
  <c r="X32287" i="1"/>
  <c r="X32288" i="1"/>
  <c r="X32289" i="1"/>
  <c r="X32290" i="1"/>
  <c r="X32291" i="1"/>
  <c r="X32292" i="1"/>
  <c r="X32293" i="1"/>
  <c r="X32294" i="1"/>
  <c r="X32295" i="1"/>
  <c r="X32296" i="1"/>
  <c r="X32297" i="1"/>
  <c r="X32298" i="1"/>
  <c r="X32299" i="1"/>
  <c r="X32300" i="1"/>
  <c r="X32301" i="1"/>
  <c r="X32302" i="1"/>
  <c r="X32303" i="1"/>
  <c r="X32304" i="1"/>
  <c r="X32305" i="1"/>
  <c r="X32306" i="1"/>
  <c r="X32307" i="1"/>
  <c r="X32308" i="1"/>
  <c r="X32309" i="1"/>
  <c r="X32310" i="1"/>
  <c r="X32311" i="1"/>
  <c r="X32312" i="1"/>
  <c r="X32313" i="1"/>
  <c r="X32314" i="1"/>
  <c r="X32315" i="1"/>
  <c r="X32316" i="1"/>
  <c r="X32317" i="1"/>
  <c r="X32318" i="1"/>
  <c r="X32319" i="1"/>
  <c r="X32320" i="1"/>
  <c r="X32321" i="1"/>
  <c r="X32322" i="1"/>
  <c r="X32323" i="1"/>
  <c r="X32324" i="1"/>
  <c r="X32325" i="1"/>
  <c r="X32326" i="1"/>
  <c r="X32327" i="1"/>
  <c r="X32328" i="1"/>
  <c r="X32329" i="1"/>
  <c r="X32330" i="1"/>
  <c r="X32331" i="1"/>
  <c r="X32332" i="1"/>
  <c r="X32333" i="1"/>
  <c r="X32334" i="1"/>
  <c r="X32335" i="1"/>
  <c r="X32336" i="1"/>
  <c r="X32337" i="1"/>
  <c r="X32338" i="1"/>
  <c r="X32339" i="1"/>
  <c r="X32340" i="1"/>
  <c r="X32341" i="1"/>
  <c r="X32342" i="1"/>
  <c r="X32343" i="1"/>
  <c r="X32344" i="1"/>
  <c r="X32345" i="1"/>
  <c r="X32346" i="1"/>
  <c r="X32347" i="1"/>
  <c r="X32348" i="1"/>
  <c r="X32349" i="1"/>
  <c r="X32350" i="1"/>
  <c r="X32351" i="1"/>
  <c r="X32352" i="1"/>
  <c r="X32353" i="1"/>
  <c r="X32354" i="1"/>
  <c r="X32355" i="1"/>
  <c r="X32356" i="1"/>
  <c r="X32357" i="1"/>
  <c r="X32358" i="1"/>
  <c r="X32359" i="1"/>
  <c r="X32360" i="1"/>
  <c r="X32361" i="1"/>
  <c r="X32362" i="1"/>
  <c r="X32363" i="1"/>
  <c r="X32364" i="1"/>
  <c r="X32365" i="1"/>
  <c r="X32366" i="1"/>
  <c r="X32367" i="1"/>
  <c r="X32368" i="1"/>
  <c r="X32369" i="1"/>
  <c r="X32370" i="1"/>
  <c r="X32371" i="1"/>
  <c r="X32372" i="1"/>
  <c r="X32373" i="1"/>
  <c r="X32374" i="1"/>
  <c r="X32375" i="1"/>
  <c r="X32376" i="1"/>
  <c r="X32377" i="1"/>
  <c r="X32378" i="1"/>
  <c r="X32379" i="1"/>
  <c r="X32380" i="1"/>
  <c r="X32381" i="1"/>
  <c r="X32382" i="1"/>
  <c r="X32383" i="1"/>
  <c r="X32384" i="1"/>
  <c r="X32385" i="1"/>
  <c r="X32386" i="1"/>
  <c r="X32387" i="1"/>
  <c r="X32388" i="1"/>
  <c r="X32389" i="1"/>
  <c r="X32390" i="1"/>
  <c r="X32391" i="1"/>
  <c r="X32392" i="1"/>
  <c r="X32393" i="1"/>
  <c r="X32394" i="1"/>
  <c r="X32395" i="1"/>
  <c r="X32396" i="1"/>
  <c r="X32397" i="1"/>
  <c r="X32398" i="1"/>
  <c r="X32399" i="1"/>
  <c r="X32400" i="1"/>
  <c r="X32401" i="1"/>
  <c r="X32402" i="1"/>
  <c r="X32403" i="1"/>
  <c r="X32404" i="1"/>
  <c r="X32405" i="1"/>
  <c r="X32406" i="1"/>
  <c r="X32407" i="1"/>
  <c r="X32408" i="1"/>
  <c r="X32409" i="1"/>
  <c r="X32410" i="1"/>
  <c r="X32411" i="1"/>
  <c r="X32412" i="1"/>
  <c r="X32413" i="1"/>
  <c r="X32414" i="1"/>
  <c r="X32415" i="1"/>
  <c r="X32416" i="1"/>
  <c r="X32417" i="1"/>
  <c r="X32418" i="1"/>
  <c r="X32419" i="1"/>
  <c r="X32420" i="1"/>
  <c r="X32421" i="1"/>
  <c r="X32422" i="1"/>
  <c r="X32423" i="1"/>
  <c r="X32424" i="1"/>
  <c r="X32425" i="1"/>
  <c r="X32426" i="1"/>
  <c r="X32427" i="1"/>
  <c r="X32428" i="1"/>
  <c r="X32429" i="1"/>
  <c r="X32430" i="1"/>
  <c r="X32431" i="1"/>
  <c r="X32432" i="1"/>
  <c r="X32433" i="1"/>
  <c r="X32434" i="1"/>
  <c r="X32435" i="1"/>
  <c r="X32436" i="1"/>
  <c r="X32437" i="1"/>
  <c r="X32438" i="1"/>
  <c r="X32439" i="1"/>
  <c r="X32440" i="1"/>
  <c r="X32441" i="1"/>
  <c r="X32442" i="1"/>
  <c r="X32443" i="1"/>
  <c r="X32444" i="1"/>
  <c r="X32445" i="1"/>
  <c r="X32446" i="1"/>
  <c r="X32447" i="1"/>
  <c r="X32448" i="1"/>
  <c r="X32449" i="1"/>
  <c r="X32450" i="1"/>
  <c r="X32451" i="1"/>
  <c r="X32452" i="1"/>
  <c r="X32453" i="1"/>
  <c r="X32454" i="1"/>
  <c r="X32455" i="1"/>
  <c r="X32456" i="1"/>
  <c r="X32457" i="1"/>
  <c r="X32458" i="1"/>
  <c r="X32459" i="1"/>
  <c r="X32460" i="1"/>
  <c r="X32461" i="1"/>
  <c r="X32462" i="1"/>
  <c r="X32463" i="1"/>
  <c r="X32464" i="1"/>
  <c r="X32465" i="1"/>
  <c r="X32466" i="1"/>
  <c r="X32467" i="1"/>
  <c r="X32468" i="1"/>
  <c r="X32469" i="1"/>
  <c r="X32470" i="1"/>
  <c r="X32471" i="1"/>
  <c r="X32472" i="1"/>
  <c r="X32473" i="1"/>
  <c r="X32474" i="1"/>
  <c r="X32475" i="1"/>
  <c r="X32476" i="1"/>
  <c r="X32477" i="1"/>
  <c r="X32478" i="1"/>
  <c r="X32479" i="1"/>
  <c r="X32480" i="1"/>
  <c r="X32481" i="1"/>
  <c r="X32482" i="1"/>
  <c r="X32483" i="1"/>
  <c r="X32484" i="1"/>
  <c r="X32485" i="1"/>
  <c r="X32486" i="1"/>
  <c r="X32487" i="1"/>
  <c r="X32488" i="1"/>
  <c r="X32489" i="1"/>
  <c r="X32490" i="1"/>
  <c r="X32491" i="1"/>
  <c r="X32492" i="1"/>
  <c r="X32493" i="1"/>
  <c r="X32494" i="1"/>
  <c r="X32495" i="1"/>
  <c r="X32496" i="1"/>
  <c r="X32497" i="1"/>
  <c r="X32498" i="1"/>
  <c r="X32499" i="1"/>
  <c r="X32500" i="1"/>
  <c r="X32501" i="1"/>
  <c r="X32502" i="1"/>
  <c r="X32503" i="1"/>
  <c r="X32504" i="1"/>
  <c r="X32505" i="1"/>
  <c r="X32506" i="1"/>
  <c r="X32507" i="1"/>
  <c r="X32508" i="1"/>
  <c r="X32509" i="1"/>
  <c r="X32510" i="1"/>
  <c r="X32511" i="1"/>
  <c r="X32512" i="1"/>
  <c r="X32513" i="1"/>
  <c r="X32514" i="1"/>
  <c r="X32515" i="1"/>
  <c r="X32516" i="1"/>
  <c r="X32517" i="1"/>
  <c r="X32518" i="1"/>
  <c r="X32519" i="1"/>
  <c r="X32520" i="1"/>
  <c r="X32521" i="1"/>
  <c r="X32522" i="1"/>
  <c r="X32523" i="1"/>
  <c r="X32524" i="1"/>
  <c r="X32525" i="1"/>
  <c r="X32526" i="1"/>
  <c r="X32527" i="1"/>
  <c r="X32528" i="1"/>
  <c r="X32529" i="1"/>
  <c r="X32530" i="1"/>
  <c r="X32531" i="1"/>
  <c r="X32532" i="1"/>
  <c r="X32533" i="1"/>
  <c r="X32534" i="1"/>
  <c r="X32535" i="1"/>
  <c r="X32536" i="1"/>
  <c r="X32537" i="1"/>
  <c r="X32538" i="1"/>
  <c r="X32539" i="1"/>
  <c r="X32540" i="1"/>
  <c r="X32541" i="1"/>
  <c r="X32542" i="1"/>
  <c r="X32543" i="1"/>
  <c r="X32544" i="1"/>
  <c r="X32545" i="1"/>
  <c r="X32546" i="1"/>
  <c r="X32547" i="1"/>
  <c r="X32548" i="1"/>
  <c r="X32549" i="1"/>
  <c r="X32550" i="1"/>
  <c r="X32551" i="1"/>
  <c r="X32552" i="1"/>
  <c r="X32553" i="1"/>
  <c r="X32554" i="1"/>
  <c r="X32555" i="1"/>
  <c r="X32556" i="1"/>
  <c r="X32557" i="1"/>
  <c r="X32558" i="1"/>
  <c r="X32559" i="1"/>
  <c r="X32560" i="1"/>
  <c r="X32561" i="1"/>
  <c r="X32562" i="1"/>
  <c r="X32563" i="1"/>
  <c r="X32564" i="1"/>
  <c r="X32565" i="1"/>
  <c r="X32566" i="1"/>
  <c r="X32567" i="1"/>
  <c r="X32568" i="1"/>
  <c r="X32569" i="1"/>
  <c r="X32570" i="1"/>
  <c r="X32571" i="1"/>
  <c r="X32572" i="1"/>
  <c r="X32573" i="1"/>
  <c r="X32574" i="1"/>
  <c r="X32575" i="1"/>
  <c r="X32576" i="1"/>
  <c r="X32577" i="1"/>
  <c r="X32578" i="1"/>
  <c r="X32579" i="1"/>
  <c r="X32580" i="1"/>
  <c r="X32581" i="1"/>
  <c r="X32582" i="1"/>
  <c r="X32583" i="1"/>
  <c r="X32584" i="1"/>
  <c r="X32585" i="1"/>
  <c r="X32586" i="1"/>
  <c r="X32587" i="1"/>
  <c r="X32588" i="1"/>
  <c r="X32589" i="1"/>
  <c r="X32590" i="1"/>
  <c r="X32591" i="1"/>
  <c r="X32592" i="1"/>
  <c r="X32593" i="1"/>
  <c r="X32594" i="1"/>
  <c r="X32595" i="1"/>
  <c r="X32596" i="1"/>
  <c r="X32597" i="1"/>
  <c r="X32598" i="1"/>
  <c r="X32599" i="1"/>
  <c r="X32600" i="1"/>
  <c r="X32601" i="1"/>
  <c r="X32602" i="1"/>
  <c r="X32603" i="1"/>
  <c r="X32604" i="1"/>
  <c r="X32605" i="1"/>
  <c r="X32606" i="1"/>
  <c r="X32607" i="1"/>
  <c r="X32608" i="1"/>
  <c r="X32609" i="1"/>
  <c r="X32610" i="1"/>
  <c r="X32611" i="1"/>
  <c r="X32612" i="1"/>
  <c r="X32613" i="1"/>
  <c r="X32614" i="1"/>
  <c r="X32615" i="1"/>
  <c r="X32616" i="1"/>
  <c r="X32617" i="1"/>
  <c r="X32618" i="1"/>
  <c r="X32619" i="1"/>
  <c r="X32620" i="1"/>
  <c r="X32621" i="1"/>
  <c r="X32622" i="1"/>
  <c r="X32623" i="1"/>
  <c r="X32624" i="1"/>
  <c r="X32625" i="1"/>
  <c r="X32626" i="1"/>
  <c r="X32627" i="1"/>
  <c r="X32628" i="1"/>
  <c r="X32629" i="1"/>
  <c r="X32630" i="1"/>
  <c r="X32631" i="1"/>
  <c r="X32632" i="1"/>
  <c r="X32633" i="1"/>
  <c r="X32634" i="1"/>
  <c r="X32635" i="1"/>
  <c r="X32636" i="1"/>
  <c r="X32637" i="1"/>
  <c r="X32638" i="1"/>
  <c r="X32639" i="1"/>
  <c r="X32640" i="1"/>
  <c r="X32641" i="1"/>
  <c r="X32642" i="1"/>
  <c r="X32643" i="1"/>
  <c r="X32644" i="1"/>
  <c r="X32645" i="1"/>
  <c r="X32646" i="1"/>
  <c r="X32647" i="1"/>
  <c r="X32648" i="1"/>
  <c r="X32649" i="1"/>
  <c r="X32650" i="1"/>
  <c r="X32651" i="1"/>
  <c r="X32652" i="1"/>
  <c r="X32653" i="1"/>
  <c r="X32654" i="1"/>
  <c r="X32655" i="1"/>
  <c r="X32656" i="1"/>
  <c r="X32657" i="1"/>
  <c r="X32658" i="1"/>
  <c r="X32659" i="1"/>
  <c r="X32660" i="1"/>
  <c r="X32661" i="1"/>
  <c r="X32662" i="1"/>
  <c r="X32663" i="1"/>
  <c r="X32664" i="1"/>
  <c r="X32665" i="1"/>
  <c r="X32666" i="1"/>
  <c r="X32667" i="1"/>
  <c r="X32668" i="1"/>
  <c r="X32669" i="1"/>
  <c r="X32670" i="1"/>
  <c r="X32671" i="1"/>
  <c r="X32672" i="1"/>
  <c r="X32673" i="1"/>
  <c r="X32674" i="1"/>
  <c r="X32675" i="1"/>
  <c r="X32676" i="1"/>
  <c r="X32677" i="1"/>
  <c r="X32678" i="1"/>
  <c r="X32679" i="1"/>
  <c r="X32680" i="1"/>
  <c r="X32681" i="1"/>
  <c r="X32682" i="1"/>
  <c r="X32683" i="1"/>
  <c r="X32684" i="1"/>
  <c r="X32685" i="1"/>
  <c r="X32686" i="1"/>
  <c r="X32687" i="1"/>
  <c r="X32688" i="1"/>
  <c r="X32689" i="1"/>
  <c r="X32690" i="1"/>
  <c r="X32691" i="1"/>
  <c r="X32692" i="1"/>
  <c r="X32693" i="1"/>
  <c r="X32694" i="1"/>
  <c r="X32695" i="1"/>
  <c r="X32696" i="1"/>
  <c r="X32697" i="1"/>
  <c r="X32698" i="1"/>
  <c r="X32699" i="1"/>
  <c r="X32700" i="1"/>
  <c r="X32701" i="1"/>
  <c r="X32702" i="1"/>
  <c r="X32703" i="1"/>
  <c r="X32704" i="1"/>
  <c r="X32705" i="1"/>
  <c r="X32706" i="1"/>
  <c r="X32707" i="1"/>
  <c r="X32708" i="1"/>
  <c r="X32709" i="1"/>
  <c r="X32710" i="1"/>
  <c r="X32711" i="1"/>
  <c r="X32712" i="1"/>
  <c r="X32713" i="1"/>
  <c r="X32714" i="1"/>
  <c r="X32715" i="1"/>
  <c r="X32716" i="1"/>
  <c r="X32717" i="1"/>
  <c r="X32718" i="1"/>
  <c r="X32719" i="1"/>
  <c r="X32720" i="1"/>
  <c r="X32721" i="1"/>
  <c r="X32722" i="1"/>
  <c r="X32723" i="1"/>
  <c r="X32724" i="1"/>
  <c r="X32725" i="1"/>
  <c r="X32726" i="1"/>
  <c r="X32727" i="1"/>
  <c r="X32728" i="1"/>
  <c r="X32729" i="1"/>
  <c r="X32730" i="1"/>
  <c r="X32731" i="1"/>
  <c r="X32732" i="1"/>
  <c r="X32733" i="1"/>
  <c r="X32734" i="1"/>
  <c r="X32735" i="1"/>
  <c r="X32736" i="1"/>
  <c r="X32737" i="1"/>
  <c r="X32738" i="1"/>
  <c r="X32739" i="1"/>
  <c r="X32740" i="1"/>
  <c r="X32741" i="1"/>
  <c r="X32742" i="1"/>
  <c r="X32743" i="1"/>
  <c r="X32744" i="1"/>
  <c r="X32745" i="1"/>
  <c r="X32746" i="1"/>
  <c r="X32747" i="1"/>
  <c r="X32748" i="1"/>
  <c r="X32749" i="1"/>
  <c r="X32750" i="1"/>
  <c r="X32751" i="1"/>
  <c r="X32752" i="1"/>
  <c r="X32753" i="1"/>
  <c r="X32754" i="1"/>
  <c r="X32755" i="1"/>
  <c r="X32756" i="1"/>
  <c r="X32757" i="1"/>
  <c r="X32758" i="1"/>
  <c r="X32759" i="1"/>
  <c r="X32760" i="1"/>
  <c r="X32761" i="1"/>
  <c r="X32762" i="1"/>
  <c r="X32763" i="1"/>
  <c r="X32764" i="1"/>
  <c r="X32765" i="1"/>
  <c r="X32766" i="1"/>
  <c r="X32767" i="1"/>
  <c r="X32768" i="1"/>
  <c r="X32769" i="1"/>
  <c r="X32770" i="1"/>
  <c r="X32771" i="1"/>
  <c r="X32772" i="1"/>
  <c r="X32773" i="1"/>
  <c r="X32774" i="1"/>
  <c r="X32775" i="1"/>
  <c r="X32776" i="1"/>
  <c r="X32777" i="1"/>
  <c r="X32778" i="1"/>
  <c r="X32779" i="1"/>
  <c r="X32780" i="1"/>
  <c r="X32781" i="1"/>
  <c r="X32782" i="1"/>
  <c r="X32783" i="1"/>
  <c r="X32784" i="1"/>
  <c r="X32785" i="1"/>
  <c r="X32786" i="1"/>
  <c r="X32787" i="1"/>
  <c r="X32788" i="1"/>
  <c r="X32789" i="1"/>
  <c r="X32790" i="1"/>
  <c r="X32791" i="1"/>
  <c r="X32792" i="1"/>
  <c r="X32793" i="1"/>
  <c r="X32794" i="1"/>
  <c r="X32795" i="1"/>
  <c r="X32796" i="1"/>
  <c r="X32797" i="1"/>
  <c r="X32798" i="1"/>
  <c r="X32799" i="1"/>
  <c r="X32800" i="1"/>
  <c r="X32801" i="1"/>
  <c r="X32802" i="1"/>
  <c r="X32803" i="1"/>
  <c r="X32804" i="1"/>
  <c r="X32805" i="1"/>
  <c r="X32806" i="1"/>
  <c r="X32807" i="1"/>
  <c r="X32808" i="1"/>
  <c r="X32809" i="1"/>
  <c r="X32810" i="1"/>
  <c r="X32811" i="1"/>
  <c r="X32812" i="1"/>
  <c r="X32813" i="1"/>
  <c r="X32814" i="1"/>
  <c r="X32815" i="1"/>
  <c r="X32816" i="1"/>
  <c r="X32817" i="1"/>
  <c r="X32818" i="1"/>
  <c r="X32819" i="1"/>
  <c r="X32820" i="1"/>
  <c r="X32821" i="1"/>
  <c r="X32822" i="1"/>
  <c r="X32823" i="1"/>
  <c r="X32824" i="1"/>
  <c r="X32825" i="1"/>
  <c r="X32826" i="1"/>
  <c r="X32827" i="1"/>
  <c r="X32828" i="1"/>
  <c r="X32829" i="1"/>
  <c r="X32830" i="1"/>
  <c r="X32831" i="1"/>
  <c r="X32832" i="1"/>
  <c r="X32833" i="1"/>
  <c r="X32834" i="1"/>
  <c r="X32835" i="1"/>
  <c r="X32836" i="1"/>
  <c r="X32837" i="1"/>
  <c r="X32838" i="1"/>
  <c r="X32839" i="1"/>
  <c r="X32840" i="1"/>
  <c r="X32841" i="1"/>
  <c r="X32842" i="1"/>
  <c r="X32843" i="1"/>
  <c r="X32844" i="1"/>
  <c r="X32845" i="1"/>
  <c r="X32846" i="1"/>
  <c r="X32847" i="1"/>
  <c r="X32848" i="1"/>
  <c r="X32849" i="1"/>
  <c r="X32850" i="1"/>
  <c r="X32851" i="1"/>
  <c r="X32852" i="1"/>
  <c r="X32853" i="1"/>
  <c r="X32854" i="1"/>
  <c r="X32855" i="1"/>
  <c r="X32856" i="1"/>
  <c r="X32857" i="1"/>
  <c r="X32858" i="1"/>
  <c r="X32859" i="1"/>
  <c r="X32860" i="1"/>
  <c r="X32861" i="1"/>
  <c r="X32862" i="1"/>
  <c r="X32863" i="1"/>
  <c r="X32864" i="1"/>
  <c r="X32865" i="1"/>
  <c r="X32866" i="1"/>
  <c r="X32867" i="1"/>
  <c r="X32868" i="1"/>
  <c r="X32869" i="1"/>
  <c r="X32870" i="1"/>
  <c r="X32871" i="1"/>
  <c r="X32872" i="1"/>
  <c r="X32873" i="1"/>
  <c r="X32874" i="1"/>
  <c r="X32875" i="1"/>
  <c r="X32876" i="1"/>
  <c r="X32877" i="1"/>
  <c r="X32878" i="1"/>
  <c r="X32879" i="1"/>
  <c r="X32880" i="1"/>
  <c r="X32881" i="1"/>
  <c r="X32882" i="1"/>
  <c r="X32883" i="1"/>
  <c r="X32884" i="1"/>
  <c r="X32885" i="1"/>
  <c r="X32886" i="1"/>
  <c r="X32887" i="1"/>
  <c r="X32888" i="1"/>
  <c r="X32889" i="1"/>
  <c r="X32890" i="1"/>
  <c r="X32891" i="1"/>
  <c r="X32892" i="1"/>
  <c r="X32893" i="1"/>
  <c r="X32894" i="1"/>
  <c r="X32895" i="1"/>
  <c r="X32896" i="1"/>
  <c r="X32897" i="1"/>
  <c r="X32898" i="1"/>
  <c r="X32899" i="1"/>
  <c r="X32900" i="1"/>
  <c r="X32901" i="1"/>
  <c r="X32902" i="1"/>
  <c r="X32903" i="1"/>
  <c r="X32904" i="1"/>
  <c r="X32905" i="1"/>
  <c r="X32906" i="1"/>
  <c r="X32907" i="1"/>
  <c r="X32908" i="1"/>
  <c r="X32909" i="1"/>
  <c r="X32910" i="1"/>
  <c r="X32911" i="1"/>
  <c r="X32912" i="1"/>
  <c r="X32913" i="1"/>
  <c r="X32914" i="1"/>
  <c r="X32915" i="1"/>
  <c r="X32916" i="1"/>
  <c r="X32917" i="1"/>
  <c r="X32918" i="1"/>
  <c r="X32919" i="1"/>
  <c r="X32920" i="1"/>
  <c r="X32921" i="1"/>
  <c r="X32922" i="1"/>
  <c r="X32923" i="1"/>
  <c r="X32924" i="1"/>
  <c r="X32925" i="1"/>
  <c r="X32926" i="1"/>
  <c r="X32927" i="1"/>
  <c r="X32928" i="1"/>
  <c r="X32929" i="1"/>
  <c r="X32930" i="1"/>
  <c r="X32931" i="1"/>
  <c r="X32932" i="1"/>
  <c r="X32933" i="1"/>
  <c r="X32934" i="1"/>
  <c r="X32935" i="1"/>
  <c r="X32936" i="1"/>
  <c r="X32937" i="1"/>
  <c r="X32938" i="1"/>
  <c r="X32939" i="1"/>
  <c r="X32940" i="1"/>
  <c r="X32941" i="1"/>
  <c r="X32942" i="1"/>
  <c r="X32943" i="1"/>
  <c r="X32944" i="1"/>
  <c r="X32945" i="1"/>
  <c r="X32946" i="1"/>
  <c r="X32947" i="1"/>
  <c r="X32948" i="1"/>
  <c r="X32949" i="1"/>
  <c r="X32950" i="1"/>
  <c r="X32951" i="1"/>
  <c r="X32952" i="1"/>
  <c r="X32953" i="1"/>
  <c r="X32954" i="1"/>
  <c r="X32955" i="1"/>
  <c r="X32956" i="1"/>
  <c r="X32957" i="1"/>
  <c r="X32958" i="1"/>
  <c r="X32959" i="1"/>
  <c r="X32960" i="1"/>
  <c r="X32961" i="1"/>
  <c r="X32962" i="1"/>
  <c r="X32963" i="1"/>
  <c r="X32964" i="1"/>
  <c r="X32965" i="1"/>
  <c r="X32966" i="1"/>
  <c r="X32967" i="1"/>
  <c r="X32968" i="1"/>
  <c r="X32969" i="1"/>
  <c r="X32970" i="1"/>
  <c r="X32971" i="1"/>
  <c r="X32972" i="1"/>
  <c r="X32973" i="1"/>
  <c r="X32974" i="1"/>
  <c r="X32975" i="1"/>
  <c r="X32976" i="1"/>
  <c r="X32977" i="1"/>
  <c r="X32978" i="1"/>
  <c r="X32979" i="1"/>
  <c r="X32980" i="1"/>
  <c r="X32981" i="1"/>
  <c r="X32982" i="1"/>
  <c r="X32983" i="1"/>
  <c r="X32984" i="1"/>
  <c r="X32985" i="1"/>
  <c r="X32986" i="1"/>
  <c r="X32987" i="1"/>
  <c r="X32988" i="1"/>
  <c r="X32989" i="1"/>
  <c r="X32990" i="1"/>
  <c r="X32991" i="1"/>
  <c r="X32992" i="1"/>
  <c r="X32993" i="1"/>
  <c r="X32994" i="1"/>
  <c r="X32995" i="1"/>
  <c r="X32996" i="1"/>
  <c r="X32997" i="1"/>
  <c r="X32998" i="1"/>
  <c r="X32999" i="1"/>
  <c r="X33000" i="1"/>
  <c r="X33001" i="1"/>
  <c r="X33002" i="1"/>
  <c r="X33003" i="1"/>
  <c r="X33004" i="1"/>
  <c r="X33005" i="1"/>
  <c r="X33006" i="1"/>
  <c r="X33007" i="1"/>
  <c r="X33008" i="1"/>
  <c r="X33009" i="1"/>
  <c r="X33010" i="1"/>
  <c r="X33011" i="1"/>
  <c r="X33012" i="1"/>
  <c r="X33013" i="1"/>
  <c r="X33014" i="1"/>
  <c r="X33015" i="1"/>
  <c r="X33016" i="1"/>
  <c r="X33017" i="1"/>
  <c r="X33018" i="1"/>
  <c r="X33019" i="1"/>
  <c r="X33020" i="1"/>
  <c r="X33021" i="1"/>
  <c r="X33022" i="1"/>
  <c r="X33023" i="1"/>
  <c r="X33024" i="1"/>
  <c r="X33025" i="1"/>
  <c r="X33026" i="1"/>
  <c r="X33027" i="1"/>
  <c r="X33028" i="1"/>
  <c r="X33029" i="1"/>
  <c r="X33030" i="1"/>
  <c r="X33031" i="1"/>
  <c r="X33032" i="1"/>
  <c r="X33033" i="1"/>
  <c r="X33034" i="1"/>
  <c r="X33035" i="1"/>
  <c r="X33036" i="1"/>
  <c r="X33037" i="1"/>
  <c r="X33038" i="1"/>
  <c r="X33039" i="1"/>
  <c r="X33040" i="1"/>
  <c r="X33041" i="1"/>
  <c r="X33042" i="1"/>
  <c r="X33043" i="1"/>
  <c r="X33044" i="1"/>
  <c r="X33045" i="1"/>
  <c r="X33046" i="1"/>
  <c r="X33047" i="1"/>
  <c r="X33048" i="1"/>
  <c r="X33049" i="1"/>
  <c r="X33050" i="1"/>
  <c r="X33051" i="1"/>
  <c r="X33052" i="1"/>
  <c r="X33053" i="1"/>
  <c r="X33054" i="1"/>
  <c r="X33055" i="1"/>
  <c r="X33056" i="1"/>
  <c r="X33057" i="1"/>
  <c r="X33058" i="1"/>
  <c r="X33059" i="1"/>
  <c r="X33060" i="1"/>
  <c r="X33061" i="1"/>
  <c r="X33062" i="1"/>
  <c r="X33063" i="1"/>
  <c r="X33064" i="1"/>
  <c r="X33065" i="1"/>
  <c r="X33066" i="1"/>
  <c r="X33067" i="1"/>
  <c r="X33068" i="1"/>
  <c r="X33069" i="1"/>
  <c r="X33070" i="1"/>
  <c r="X33071" i="1"/>
  <c r="X33072" i="1"/>
  <c r="X33073" i="1"/>
  <c r="X33074" i="1"/>
  <c r="X33075" i="1"/>
  <c r="X33076" i="1"/>
  <c r="X33077" i="1"/>
  <c r="X33078" i="1"/>
  <c r="X33079" i="1"/>
  <c r="X33080" i="1"/>
  <c r="X33081" i="1"/>
  <c r="X33082" i="1"/>
  <c r="X33083" i="1"/>
  <c r="X33084" i="1"/>
  <c r="X33085" i="1"/>
  <c r="X33086" i="1"/>
  <c r="X33087" i="1"/>
  <c r="X33088" i="1"/>
  <c r="X33089" i="1"/>
  <c r="X33090" i="1"/>
  <c r="X33091" i="1"/>
  <c r="X33092" i="1"/>
  <c r="X33093" i="1"/>
  <c r="X33094" i="1"/>
  <c r="X33095" i="1"/>
  <c r="X33096" i="1"/>
  <c r="X33097" i="1"/>
  <c r="X33098" i="1"/>
  <c r="X33099" i="1"/>
  <c r="X33100" i="1"/>
  <c r="X33101" i="1"/>
  <c r="X33102" i="1"/>
  <c r="X33103" i="1"/>
  <c r="X33104" i="1"/>
  <c r="X33105" i="1"/>
  <c r="X33106" i="1"/>
  <c r="X33107" i="1"/>
  <c r="X33108" i="1"/>
  <c r="X33109" i="1"/>
  <c r="X33110" i="1"/>
  <c r="X33111" i="1"/>
  <c r="X33112" i="1"/>
  <c r="X33113" i="1"/>
  <c r="X33114" i="1"/>
  <c r="X33115" i="1"/>
  <c r="X33116" i="1"/>
  <c r="X33117" i="1"/>
  <c r="X33118" i="1"/>
  <c r="X33119" i="1"/>
  <c r="X33120" i="1"/>
  <c r="X33121" i="1"/>
  <c r="X33122" i="1"/>
  <c r="X33123" i="1"/>
  <c r="X33124" i="1"/>
  <c r="X33125" i="1"/>
  <c r="X33126" i="1"/>
  <c r="X33127" i="1"/>
  <c r="X33128" i="1"/>
  <c r="X33129" i="1"/>
  <c r="X33130" i="1"/>
  <c r="X33131" i="1"/>
  <c r="X33132" i="1"/>
  <c r="X33133" i="1"/>
  <c r="X33134" i="1"/>
  <c r="X33135" i="1"/>
  <c r="X33136" i="1"/>
  <c r="X33137" i="1"/>
  <c r="X33138" i="1"/>
  <c r="X33139" i="1"/>
  <c r="X33140" i="1"/>
  <c r="X33141" i="1"/>
  <c r="X33142" i="1"/>
  <c r="X33143" i="1"/>
  <c r="X33144" i="1"/>
  <c r="X33145" i="1"/>
  <c r="X33146" i="1"/>
  <c r="X33147" i="1"/>
  <c r="X33148" i="1"/>
  <c r="X33149" i="1"/>
  <c r="X33150" i="1"/>
  <c r="X33151" i="1"/>
  <c r="X33152" i="1"/>
  <c r="X33153" i="1"/>
  <c r="X33154" i="1"/>
  <c r="X33155" i="1"/>
  <c r="X33156" i="1"/>
  <c r="X33157" i="1"/>
  <c r="X33158" i="1"/>
  <c r="X33159" i="1"/>
  <c r="X33160" i="1"/>
  <c r="X33161" i="1"/>
  <c r="X33162" i="1"/>
  <c r="X33163" i="1"/>
  <c r="X33164" i="1"/>
  <c r="X33165" i="1"/>
  <c r="X33166" i="1"/>
  <c r="X33167" i="1"/>
  <c r="X33168" i="1"/>
  <c r="X33169" i="1"/>
  <c r="X33170" i="1"/>
  <c r="X33171" i="1"/>
  <c r="X33172" i="1"/>
  <c r="X33173" i="1"/>
  <c r="X33174" i="1"/>
  <c r="X33175" i="1"/>
  <c r="X33176" i="1"/>
  <c r="X33177" i="1"/>
  <c r="X33178" i="1"/>
  <c r="X33179" i="1"/>
  <c r="X33180" i="1"/>
  <c r="X33181" i="1"/>
  <c r="X33182" i="1"/>
  <c r="X33183" i="1"/>
  <c r="X33184" i="1"/>
  <c r="X33185" i="1"/>
  <c r="X33186" i="1"/>
  <c r="X33187" i="1"/>
  <c r="X33188" i="1"/>
  <c r="X33189" i="1"/>
  <c r="X33190" i="1"/>
  <c r="X33191" i="1"/>
  <c r="X33192" i="1"/>
  <c r="X33193" i="1"/>
  <c r="X33194" i="1"/>
  <c r="X33195" i="1"/>
  <c r="X33196" i="1"/>
  <c r="X33197" i="1"/>
  <c r="X33198" i="1"/>
  <c r="X33199" i="1"/>
  <c r="X33200" i="1"/>
  <c r="X33201" i="1"/>
  <c r="X33202" i="1"/>
  <c r="X33203" i="1"/>
  <c r="X33204" i="1"/>
  <c r="X33205" i="1"/>
  <c r="X33206" i="1"/>
  <c r="X33207" i="1"/>
  <c r="X33208" i="1"/>
  <c r="X33209" i="1"/>
  <c r="X33210" i="1"/>
  <c r="X33211" i="1"/>
  <c r="X33212" i="1"/>
  <c r="X33213" i="1"/>
  <c r="X33214" i="1"/>
  <c r="X33215" i="1"/>
  <c r="X33216" i="1"/>
  <c r="X33217" i="1"/>
  <c r="X33218" i="1"/>
  <c r="X33219" i="1"/>
  <c r="X33220" i="1"/>
  <c r="X33221" i="1"/>
  <c r="X33222" i="1"/>
  <c r="X33223" i="1"/>
  <c r="X33224" i="1"/>
  <c r="X33225" i="1"/>
  <c r="X33226" i="1"/>
  <c r="X33227" i="1"/>
  <c r="X33228" i="1"/>
  <c r="X33229" i="1"/>
  <c r="X33230" i="1"/>
  <c r="X33231" i="1"/>
  <c r="X33232" i="1"/>
  <c r="X33233" i="1"/>
  <c r="X33234" i="1"/>
  <c r="X33235" i="1"/>
  <c r="X33236" i="1"/>
  <c r="X33237" i="1"/>
  <c r="X33238" i="1"/>
  <c r="X33239" i="1"/>
  <c r="X33240" i="1"/>
  <c r="X33241" i="1"/>
  <c r="X33242" i="1"/>
  <c r="X33243" i="1"/>
  <c r="X33244" i="1"/>
  <c r="X33245" i="1"/>
  <c r="X33246" i="1"/>
  <c r="X33247" i="1"/>
  <c r="X33248" i="1"/>
  <c r="X33249" i="1"/>
  <c r="X33250" i="1"/>
  <c r="X33251" i="1"/>
  <c r="X33252" i="1"/>
  <c r="X33253" i="1"/>
  <c r="X33254" i="1"/>
  <c r="X33255" i="1"/>
  <c r="X33256" i="1"/>
  <c r="X33257" i="1"/>
  <c r="X33258" i="1"/>
  <c r="X33259" i="1"/>
  <c r="X33260" i="1"/>
  <c r="X33261" i="1"/>
  <c r="X33262" i="1"/>
  <c r="X33263" i="1"/>
  <c r="X33264" i="1"/>
  <c r="X33265" i="1"/>
  <c r="X33266" i="1"/>
  <c r="X33267" i="1"/>
  <c r="X33268" i="1"/>
  <c r="X33269" i="1"/>
  <c r="X33270" i="1"/>
  <c r="X33271" i="1"/>
  <c r="X33272" i="1"/>
  <c r="X33273" i="1"/>
  <c r="X33274" i="1"/>
  <c r="X33275" i="1"/>
  <c r="X33276" i="1"/>
  <c r="X33277" i="1"/>
  <c r="X33278" i="1"/>
  <c r="X33279" i="1"/>
  <c r="X33280" i="1"/>
  <c r="X33281" i="1"/>
  <c r="X33282" i="1"/>
  <c r="X33283" i="1"/>
  <c r="X33284" i="1"/>
  <c r="X33285" i="1"/>
  <c r="X33286" i="1"/>
  <c r="X33287" i="1"/>
  <c r="X33288" i="1"/>
  <c r="X33289" i="1"/>
  <c r="X33290" i="1"/>
  <c r="X33291" i="1"/>
  <c r="X33292" i="1"/>
  <c r="X33293" i="1"/>
  <c r="X33294" i="1"/>
  <c r="X33295" i="1"/>
  <c r="X33296" i="1"/>
  <c r="X33297" i="1"/>
  <c r="X33298" i="1"/>
  <c r="X33299" i="1"/>
  <c r="X33300" i="1"/>
  <c r="X33301" i="1"/>
  <c r="X33302" i="1"/>
  <c r="X33303" i="1"/>
  <c r="X33304" i="1"/>
  <c r="X33305" i="1"/>
  <c r="X33306" i="1"/>
  <c r="X33307" i="1"/>
  <c r="X33308" i="1"/>
  <c r="X33309" i="1"/>
  <c r="X33310" i="1"/>
  <c r="X33311" i="1"/>
  <c r="X33312" i="1"/>
  <c r="X33313" i="1"/>
  <c r="X33314" i="1"/>
  <c r="X33315" i="1"/>
  <c r="X33316" i="1"/>
  <c r="X33317" i="1"/>
  <c r="X33318" i="1"/>
  <c r="X33319" i="1"/>
  <c r="X33320" i="1"/>
  <c r="X33321" i="1"/>
  <c r="X33322" i="1"/>
  <c r="X33323" i="1"/>
  <c r="X33324" i="1"/>
  <c r="X33325" i="1"/>
  <c r="X33326" i="1"/>
  <c r="X33327" i="1"/>
  <c r="X33328" i="1"/>
  <c r="X33329" i="1"/>
  <c r="X33330" i="1"/>
  <c r="X33331" i="1"/>
  <c r="X33332" i="1"/>
  <c r="X33333" i="1"/>
  <c r="X33334" i="1"/>
  <c r="X33335" i="1"/>
  <c r="X33336" i="1"/>
  <c r="X33337" i="1"/>
  <c r="X33338" i="1"/>
  <c r="X33339" i="1"/>
  <c r="X33340" i="1"/>
  <c r="X33341" i="1"/>
  <c r="X33342" i="1"/>
  <c r="X33343" i="1"/>
  <c r="X33344" i="1"/>
  <c r="X33345" i="1"/>
  <c r="X33346" i="1"/>
  <c r="X33347" i="1"/>
  <c r="X33348" i="1"/>
  <c r="X33349" i="1"/>
  <c r="X33350" i="1"/>
  <c r="X33351" i="1"/>
  <c r="X33352" i="1"/>
  <c r="X33353" i="1"/>
  <c r="X33354" i="1"/>
  <c r="X33355" i="1"/>
  <c r="X33356" i="1"/>
  <c r="X33357" i="1"/>
  <c r="X33358" i="1"/>
  <c r="X33359" i="1"/>
  <c r="X33360" i="1"/>
  <c r="X33361" i="1"/>
  <c r="X33362" i="1"/>
  <c r="X33363" i="1"/>
  <c r="X33364" i="1"/>
  <c r="X33365" i="1"/>
  <c r="X33366" i="1"/>
  <c r="X33367" i="1"/>
  <c r="X33368" i="1"/>
  <c r="X33369" i="1"/>
  <c r="X33370" i="1"/>
  <c r="X33371" i="1"/>
  <c r="X33372" i="1"/>
  <c r="X33373" i="1"/>
  <c r="X33374" i="1"/>
  <c r="X33375" i="1"/>
  <c r="X33376" i="1"/>
  <c r="X33377" i="1"/>
  <c r="X33378" i="1"/>
  <c r="X33379" i="1"/>
  <c r="X33380" i="1"/>
  <c r="X33381" i="1"/>
  <c r="X33382" i="1"/>
  <c r="X33383" i="1"/>
  <c r="X33384" i="1"/>
  <c r="X33385" i="1"/>
  <c r="X33386" i="1"/>
  <c r="X33387" i="1"/>
  <c r="X33388" i="1"/>
  <c r="X33389" i="1"/>
  <c r="X33390" i="1"/>
  <c r="X33391" i="1"/>
  <c r="X33392" i="1"/>
  <c r="X33393" i="1"/>
  <c r="X33394" i="1"/>
  <c r="X33395" i="1"/>
  <c r="X33396" i="1"/>
  <c r="X33397" i="1"/>
  <c r="X33398" i="1"/>
  <c r="X33399" i="1"/>
  <c r="X33400" i="1"/>
  <c r="X33401" i="1"/>
  <c r="X33402" i="1"/>
  <c r="X33403" i="1"/>
  <c r="X33404" i="1"/>
  <c r="X33405" i="1"/>
  <c r="X33406" i="1"/>
  <c r="X33407" i="1"/>
  <c r="X33408" i="1"/>
  <c r="X33409" i="1"/>
  <c r="X33410" i="1"/>
  <c r="X33411" i="1"/>
  <c r="X33412" i="1"/>
  <c r="X33413" i="1"/>
  <c r="X33414" i="1"/>
  <c r="X33415" i="1"/>
  <c r="X33416" i="1"/>
  <c r="X33417" i="1"/>
  <c r="X33418" i="1"/>
  <c r="X33419" i="1"/>
  <c r="X33420" i="1"/>
  <c r="X33421" i="1"/>
  <c r="X33422" i="1"/>
  <c r="X33423" i="1"/>
  <c r="X33424" i="1"/>
  <c r="X33425" i="1"/>
  <c r="X33426" i="1"/>
  <c r="X33427" i="1"/>
  <c r="X33428" i="1"/>
  <c r="X33429" i="1"/>
  <c r="X33430" i="1"/>
  <c r="X33431" i="1"/>
  <c r="X33432" i="1"/>
  <c r="X33433" i="1"/>
  <c r="X33434" i="1"/>
  <c r="X33435" i="1"/>
  <c r="X33436" i="1"/>
  <c r="X33437" i="1"/>
  <c r="X33438" i="1"/>
  <c r="X33439" i="1"/>
  <c r="X33440" i="1"/>
  <c r="X33441" i="1"/>
  <c r="X33442" i="1"/>
  <c r="X33443" i="1"/>
  <c r="X33444" i="1"/>
  <c r="X33445" i="1"/>
  <c r="X33446" i="1"/>
  <c r="X33447" i="1"/>
  <c r="X33448" i="1"/>
  <c r="X33449" i="1"/>
  <c r="X33450" i="1"/>
  <c r="X33451" i="1"/>
  <c r="X33452" i="1"/>
  <c r="X33453" i="1"/>
  <c r="X33454" i="1"/>
  <c r="X33455" i="1"/>
  <c r="X33456" i="1"/>
  <c r="X33457" i="1"/>
  <c r="X33458" i="1"/>
  <c r="X33459" i="1"/>
  <c r="X33460" i="1"/>
  <c r="X33461" i="1"/>
  <c r="X33462" i="1"/>
  <c r="X33463" i="1"/>
  <c r="X33464" i="1"/>
  <c r="X33465" i="1"/>
  <c r="X33466" i="1"/>
  <c r="X33467" i="1"/>
  <c r="X33468" i="1"/>
  <c r="X33469" i="1"/>
  <c r="X33470" i="1"/>
  <c r="X33471" i="1"/>
  <c r="X33472" i="1"/>
  <c r="X33473" i="1"/>
  <c r="X33474" i="1"/>
  <c r="X33475" i="1"/>
  <c r="X33476" i="1"/>
  <c r="X33477" i="1"/>
  <c r="X33478" i="1"/>
  <c r="X33479" i="1"/>
  <c r="X33480" i="1"/>
  <c r="X33481" i="1"/>
  <c r="X33482" i="1"/>
  <c r="X33483" i="1"/>
  <c r="X33484" i="1"/>
  <c r="X33485" i="1"/>
  <c r="X33486" i="1"/>
  <c r="X33487" i="1"/>
  <c r="X33488" i="1"/>
  <c r="X33489" i="1"/>
  <c r="X33490" i="1"/>
  <c r="X33491" i="1"/>
  <c r="X33492" i="1"/>
  <c r="X33493" i="1"/>
  <c r="X33494" i="1"/>
  <c r="X33495" i="1"/>
  <c r="X33496" i="1"/>
  <c r="X33497" i="1"/>
  <c r="X33498" i="1"/>
  <c r="X33499" i="1"/>
  <c r="X33500" i="1"/>
  <c r="X33501" i="1"/>
  <c r="X33502" i="1"/>
  <c r="X33503" i="1"/>
  <c r="X33504" i="1"/>
  <c r="X33505" i="1"/>
  <c r="X33506" i="1"/>
  <c r="X33507" i="1"/>
  <c r="X33508" i="1"/>
  <c r="X33509" i="1"/>
  <c r="X33510" i="1"/>
  <c r="X33511" i="1"/>
  <c r="X33512" i="1"/>
  <c r="X33513" i="1"/>
  <c r="X33514" i="1"/>
  <c r="X33515" i="1"/>
  <c r="X33516" i="1"/>
  <c r="X33517" i="1"/>
  <c r="X33518" i="1"/>
  <c r="X33519" i="1"/>
  <c r="X33520" i="1"/>
  <c r="X33521" i="1"/>
  <c r="X33522" i="1"/>
  <c r="X33523" i="1"/>
  <c r="X33524" i="1"/>
  <c r="X33525" i="1"/>
  <c r="X33526" i="1"/>
  <c r="X33527" i="1"/>
  <c r="X33528" i="1"/>
  <c r="X33529" i="1"/>
  <c r="X33530" i="1"/>
  <c r="X33531" i="1"/>
  <c r="X33532" i="1"/>
  <c r="X33533" i="1"/>
  <c r="X33534" i="1"/>
  <c r="X33535" i="1"/>
  <c r="X33536" i="1"/>
  <c r="X33537" i="1"/>
  <c r="X33538" i="1"/>
  <c r="X33539" i="1"/>
  <c r="X33540" i="1"/>
  <c r="X33541" i="1"/>
  <c r="X33542" i="1"/>
  <c r="X33543" i="1"/>
  <c r="X33544" i="1"/>
  <c r="X33545" i="1"/>
  <c r="X33546" i="1"/>
  <c r="X33547" i="1"/>
  <c r="X33548" i="1"/>
  <c r="X33549" i="1"/>
  <c r="X33550" i="1"/>
  <c r="X33551" i="1"/>
  <c r="X33552" i="1"/>
  <c r="X33553" i="1"/>
  <c r="X33554" i="1"/>
  <c r="X33555" i="1"/>
  <c r="X33556" i="1"/>
  <c r="X33557" i="1"/>
  <c r="X33558" i="1"/>
  <c r="X33559" i="1"/>
  <c r="X33560" i="1"/>
  <c r="X33561" i="1"/>
  <c r="X33562" i="1"/>
  <c r="X33563" i="1"/>
  <c r="X33564" i="1"/>
  <c r="X33565" i="1"/>
  <c r="X33566" i="1"/>
  <c r="X33567" i="1"/>
  <c r="X33568" i="1"/>
  <c r="X33569" i="1"/>
  <c r="X33570" i="1"/>
  <c r="X33571" i="1"/>
  <c r="X33572" i="1"/>
  <c r="X33573" i="1"/>
  <c r="X33574" i="1"/>
  <c r="X33575" i="1"/>
  <c r="X33576" i="1"/>
  <c r="X33577" i="1"/>
  <c r="X33578" i="1"/>
  <c r="X33579" i="1"/>
  <c r="X33580" i="1"/>
  <c r="X33581" i="1"/>
  <c r="X33582" i="1"/>
  <c r="X33583" i="1"/>
  <c r="X33584" i="1"/>
  <c r="X33585" i="1"/>
  <c r="X33586" i="1"/>
  <c r="X33587" i="1"/>
  <c r="X33588" i="1"/>
  <c r="X33589" i="1"/>
  <c r="X33590" i="1"/>
  <c r="X33591" i="1"/>
  <c r="X33592" i="1"/>
  <c r="X33593" i="1"/>
  <c r="X33594" i="1"/>
  <c r="X33595" i="1"/>
  <c r="X33596" i="1"/>
  <c r="X33597" i="1"/>
  <c r="X33598" i="1"/>
  <c r="X33599" i="1"/>
  <c r="X33600" i="1"/>
  <c r="X33601" i="1"/>
  <c r="X33602" i="1"/>
  <c r="X33603" i="1"/>
  <c r="X33604" i="1"/>
  <c r="X33605" i="1"/>
  <c r="X33606" i="1"/>
  <c r="X33607" i="1"/>
  <c r="X33608" i="1"/>
  <c r="X33609" i="1"/>
  <c r="X33610" i="1"/>
  <c r="X33611" i="1"/>
  <c r="X33612" i="1"/>
  <c r="X33613" i="1"/>
  <c r="X33614" i="1"/>
  <c r="X33615" i="1"/>
  <c r="X33616" i="1"/>
  <c r="X33617" i="1"/>
  <c r="X33618" i="1"/>
  <c r="X33619" i="1"/>
  <c r="X33620" i="1"/>
  <c r="X33621" i="1"/>
  <c r="X33622" i="1"/>
  <c r="X33623" i="1"/>
  <c r="X33624" i="1"/>
  <c r="X33625" i="1"/>
  <c r="X33626" i="1"/>
  <c r="X33627" i="1"/>
  <c r="X33628" i="1"/>
  <c r="X33629" i="1"/>
  <c r="X33630" i="1"/>
  <c r="X33631" i="1"/>
  <c r="X33632" i="1"/>
  <c r="X33633" i="1"/>
  <c r="X33634" i="1"/>
  <c r="X33635" i="1"/>
  <c r="X33636" i="1"/>
  <c r="X33637" i="1"/>
  <c r="X33638" i="1"/>
  <c r="X33639" i="1"/>
  <c r="X33640" i="1"/>
  <c r="X33641" i="1"/>
  <c r="X33642" i="1"/>
  <c r="X33643" i="1"/>
  <c r="X33644" i="1"/>
  <c r="X33645" i="1"/>
  <c r="X33646" i="1"/>
  <c r="X33647" i="1"/>
  <c r="X33648" i="1"/>
  <c r="X33649" i="1"/>
  <c r="X33650" i="1"/>
  <c r="X33651" i="1"/>
  <c r="X33652" i="1"/>
  <c r="X33653" i="1"/>
  <c r="X33654" i="1"/>
  <c r="X33655" i="1"/>
  <c r="X33656" i="1"/>
  <c r="X33657" i="1"/>
  <c r="X33658" i="1"/>
  <c r="X33659" i="1"/>
  <c r="X33660" i="1"/>
  <c r="X33661" i="1"/>
  <c r="X33662" i="1"/>
  <c r="X33663" i="1"/>
  <c r="X33664" i="1"/>
  <c r="X33665" i="1"/>
  <c r="X33666" i="1"/>
  <c r="X33667" i="1"/>
  <c r="X33668" i="1"/>
  <c r="X33669" i="1"/>
  <c r="X33670" i="1"/>
  <c r="X33671" i="1"/>
  <c r="X33672" i="1"/>
  <c r="X33673" i="1"/>
  <c r="X33674" i="1"/>
  <c r="X33675" i="1"/>
  <c r="X33676" i="1"/>
  <c r="X33677" i="1"/>
  <c r="X33678" i="1"/>
  <c r="X33679" i="1"/>
  <c r="X33680" i="1"/>
  <c r="X33681" i="1"/>
  <c r="X33682" i="1"/>
  <c r="X33683" i="1"/>
  <c r="X33684" i="1"/>
  <c r="X33685" i="1"/>
  <c r="X33686" i="1"/>
  <c r="X33687" i="1"/>
  <c r="X33688" i="1"/>
  <c r="X33689" i="1"/>
  <c r="X33690" i="1"/>
  <c r="X33691" i="1"/>
  <c r="X33692" i="1"/>
  <c r="X33693" i="1"/>
  <c r="X33694" i="1"/>
  <c r="X33695" i="1"/>
  <c r="X33696" i="1"/>
  <c r="X33697" i="1"/>
  <c r="X33698" i="1"/>
  <c r="X33699" i="1"/>
  <c r="X33700" i="1"/>
  <c r="X33701" i="1"/>
  <c r="X33702" i="1"/>
  <c r="X33703" i="1"/>
  <c r="X33704" i="1"/>
  <c r="X33705" i="1"/>
  <c r="X33706" i="1"/>
  <c r="X33707" i="1"/>
  <c r="X33708" i="1"/>
  <c r="X33709" i="1"/>
  <c r="X33710" i="1"/>
  <c r="X33711" i="1"/>
  <c r="X33712" i="1"/>
  <c r="X33713" i="1"/>
  <c r="X33714" i="1"/>
  <c r="X33715" i="1"/>
  <c r="X33716" i="1"/>
  <c r="X33717" i="1"/>
  <c r="X33718" i="1"/>
  <c r="X33719" i="1"/>
  <c r="X33720" i="1"/>
  <c r="X33721" i="1"/>
  <c r="X33722" i="1"/>
  <c r="X33723" i="1"/>
  <c r="X33724" i="1"/>
  <c r="X33725" i="1"/>
  <c r="X33726" i="1"/>
  <c r="X33727" i="1"/>
  <c r="X33728" i="1"/>
  <c r="X33729" i="1"/>
  <c r="X33730" i="1"/>
  <c r="X33731" i="1"/>
  <c r="X33732" i="1"/>
  <c r="X33733" i="1"/>
  <c r="X33734" i="1"/>
  <c r="X33735" i="1"/>
  <c r="X33736" i="1"/>
  <c r="X33737" i="1"/>
  <c r="X33738" i="1"/>
  <c r="X33739" i="1"/>
  <c r="X33740" i="1"/>
  <c r="X33741" i="1"/>
  <c r="X33742" i="1"/>
  <c r="X33743" i="1"/>
  <c r="X33744" i="1"/>
  <c r="X33745" i="1"/>
  <c r="X33746" i="1"/>
  <c r="X33747" i="1"/>
  <c r="X33748" i="1"/>
  <c r="X33749" i="1"/>
  <c r="X33750" i="1"/>
  <c r="X33751" i="1"/>
  <c r="X33752" i="1"/>
  <c r="X33753" i="1"/>
  <c r="X33754" i="1"/>
  <c r="X33755" i="1"/>
  <c r="X33756" i="1"/>
  <c r="X33757" i="1"/>
  <c r="X33758" i="1"/>
  <c r="X33759" i="1"/>
  <c r="X33760" i="1"/>
  <c r="X33761" i="1"/>
  <c r="X33762" i="1"/>
  <c r="X33763" i="1"/>
  <c r="X33764" i="1"/>
  <c r="X33765" i="1"/>
  <c r="X33766" i="1"/>
  <c r="X33767" i="1"/>
  <c r="X33768" i="1"/>
  <c r="X33769" i="1"/>
  <c r="X33770" i="1"/>
  <c r="X33771" i="1"/>
  <c r="X33772" i="1"/>
  <c r="X33773" i="1"/>
  <c r="X33774" i="1"/>
  <c r="X33775" i="1"/>
  <c r="X33776" i="1"/>
  <c r="X33777" i="1"/>
  <c r="X33778" i="1"/>
  <c r="X33779" i="1"/>
  <c r="X33780" i="1"/>
  <c r="X33781" i="1"/>
  <c r="X33782" i="1"/>
  <c r="X33783" i="1"/>
  <c r="X33784" i="1"/>
  <c r="X33785" i="1"/>
  <c r="X33786" i="1"/>
  <c r="X33787" i="1"/>
  <c r="X33788" i="1"/>
  <c r="X33789" i="1"/>
  <c r="X33790" i="1"/>
  <c r="X33791" i="1"/>
  <c r="X33792" i="1"/>
  <c r="X33793" i="1"/>
  <c r="X33794" i="1"/>
  <c r="X33795" i="1"/>
  <c r="X33796" i="1"/>
  <c r="X33797" i="1"/>
  <c r="X33798" i="1"/>
  <c r="X33799" i="1"/>
  <c r="X33800" i="1"/>
  <c r="X33801" i="1"/>
  <c r="X33802" i="1"/>
  <c r="X33803" i="1"/>
  <c r="X33804" i="1"/>
  <c r="X33805" i="1"/>
  <c r="X33806" i="1"/>
  <c r="X33807" i="1"/>
  <c r="X33808" i="1"/>
  <c r="X33809" i="1"/>
  <c r="X33810" i="1"/>
  <c r="X33811" i="1"/>
  <c r="X33812" i="1"/>
  <c r="X33813" i="1"/>
  <c r="X33814" i="1"/>
  <c r="X33815" i="1"/>
  <c r="X33816" i="1"/>
  <c r="X33817" i="1"/>
  <c r="X33818" i="1"/>
  <c r="X33819" i="1"/>
  <c r="X33820" i="1"/>
  <c r="X33821" i="1"/>
  <c r="X33822" i="1"/>
  <c r="X33823" i="1"/>
  <c r="X33824" i="1"/>
  <c r="X33825" i="1"/>
  <c r="X33826" i="1"/>
  <c r="X33827" i="1"/>
  <c r="X33828" i="1"/>
  <c r="X33829" i="1"/>
  <c r="X33830" i="1"/>
  <c r="X33831" i="1"/>
  <c r="X33832" i="1"/>
  <c r="X33833" i="1"/>
  <c r="X33834" i="1"/>
  <c r="X33835" i="1"/>
  <c r="X33836" i="1"/>
  <c r="X33837" i="1"/>
  <c r="X33838" i="1"/>
  <c r="X33839" i="1"/>
  <c r="X33840" i="1"/>
  <c r="X33841" i="1"/>
  <c r="X33842" i="1"/>
  <c r="X33843" i="1"/>
  <c r="X33844" i="1"/>
  <c r="X33845" i="1"/>
  <c r="X33846" i="1"/>
  <c r="X33847" i="1"/>
  <c r="X33848" i="1"/>
  <c r="X33849" i="1"/>
  <c r="X33850" i="1"/>
  <c r="X33851" i="1"/>
  <c r="X33852" i="1"/>
  <c r="X33853" i="1"/>
  <c r="X33854" i="1"/>
  <c r="X33855" i="1"/>
  <c r="X33856" i="1"/>
  <c r="X33857" i="1"/>
  <c r="X33858" i="1"/>
  <c r="X33859" i="1"/>
  <c r="X33860" i="1"/>
  <c r="X33861" i="1"/>
  <c r="X33862" i="1"/>
  <c r="X33863" i="1"/>
  <c r="X33864" i="1"/>
  <c r="X33865" i="1"/>
  <c r="X33866" i="1"/>
  <c r="X33867" i="1"/>
  <c r="X33868" i="1"/>
  <c r="X33869" i="1"/>
  <c r="X33870" i="1"/>
  <c r="X33871" i="1"/>
  <c r="X33872" i="1"/>
  <c r="X33873" i="1"/>
  <c r="X33874" i="1"/>
  <c r="X33875" i="1"/>
  <c r="X33876" i="1"/>
  <c r="X33877" i="1"/>
  <c r="X33878" i="1"/>
  <c r="X33879" i="1"/>
  <c r="X33880" i="1"/>
  <c r="X33881" i="1"/>
  <c r="X33882" i="1"/>
  <c r="X33883" i="1"/>
  <c r="X33884" i="1"/>
  <c r="X33885" i="1"/>
  <c r="X33886" i="1"/>
  <c r="X33887" i="1"/>
  <c r="X33888" i="1"/>
  <c r="X33889" i="1"/>
  <c r="X33890" i="1"/>
  <c r="X33891" i="1"/>
  <c r="X33892" i="1"/>
  <c r="X33893" i="1"/>
  <c r="X33894" i="1"/>
  <c r="X33895" i="1"/>
  <c r="X33896" i="1"/>
  <c r="X33897" i="1"/>
  <c r="X33898" i="1"/>
  <c r="X33899" i="1"/>
  <c r="X33900" i="1"/>
  <c r="X33901" i="1"/>
  <c r="X33902" i="1"/>
  <c r="X33903" i="1"/>
  <c r="X33904" i="1"/>
  <c r="X33905" i="1"/>
  <c r="X33906" i="1"/>
  <c r="X33907" i="1"/>
  <c r="X33908" i="1"/>
  <c r="X33909" i="1"/>
  <c r="X33910" i="1"/>
  <c r="X33911" i="1"/>
  <c r="X33912" i="1"/>
  <c r="X33913" i="1"/>
  <c r="X33914" i="1"/>
  <c r="X33915" i="1"/>
  <c r="X33916" i="1"/>
  <c r="X33917" i="1"/>
  <c r="X33918" i="1"/>
  <c r="X33919" i="1"/>
  <c r="X33920" i="1"/>
  <c r="X33921" i="1"/>
  <c r="X33922" i="1"/>
  <c r="X33923" i="1"/>
  <c r="X33924" i="1"/>
  <c r="X33925" i="1"/>
  <c r="X33926" i="1"/>
  <c r="X33927" i="1"/>
  <c r="X33928" i="1"/>
  <c r="X33929" i="1"/>
  <c r="X33930" i="1"/>
  <c r="X33931" i="1"/>
  <c r="X33932" i="1"/>
  <c r="X33933" i="1"/>
  <c r="X33934" i="1"/>
  <c r="X33935" i="1"/>
  <c r="X33936" i="1"/>
  <c r="X33937" i="1"/>
  <c r="X33938" i="1"/>
  <c r="X33939" i="1"/>
  <c r="X33940" i="1"/>
  <c r="X33941" i="1"/>
  <c r="X33942" i="1"/>
  <c r="X33943" i="1"/>
  <c r="X33944" i="1"/>
  <c r="X33945" i="1"/>
  <c r="X33946" i="1"/>
  <c r="X33947" i="1"/>
  <c r="X33948" i="1"/>
  <c r="X33949" i="1"/>
  <c r="X33950" i="1"/>
  <c r="X33951" i="1"/>
  <c r="X33952" i="1"/>
  <c r="X33953" i="1"/>
  <c r="X33954" i="1"/>
  <c r="X33955" i="1"/>
  <c r="X33956" i="1"/>
  <c r="X33957" i="1"/>
  <c r="X33958" i="1"/>
  <c r="X33959" i="1"/>
  <c r="X33960" i="1"/>
  <c r="X33961" i="1"/>
  <c r="X33962" i="1"/>
  <c r="X33963" i="1"/>
  <c r="X33964" i="1"/>
  <c r="X33965" i="1"/>
  <c r="X33966" i="1"/>
  <c r="X33967" i="1"/>
  <c r="X33968" i="1"/>
  <c r="X33969" i="1"/>
  <c r="X33970" i="1"/>
  <c r="X33971" i="1"/>
  <c r="X33972" i="1"/>
  <c r="X33973" i="1"/>
  <c r="X33974" i="1"/>
  <c r="X33975" i="1"/>
  <c r="X33976" i="1"/>
  <c r="X33977" i="1"/>
  <c r="X33978" i="1"/>
  <c r="X33979" i="1"/>
  <c r="X33980" i="1"/>
  <c r="X33981" i="1"/>
  <c r="X33982" i="1"/>
  <c r="X33983" i="1"/>
  <c r="X33984" i="1"/>
  <c r="X33985" i="1"/>
  <c r="X33986" i="1"/>
  <c r="X33987" i="1"/>
  <c r="X33988" i="1"/>
  <c r="X33989" i="1"/>
  <c r="X33990" i="1"/>
  <c r="X33991" i="1"/>
  <c r="X33992" i="1"/>
  <c r="X33993" i="1"/>
  <c r="X33994" i="1"/>
  <c r="X33995" i="1"/>
  <c r="X33996" i="1"/>
  <c r="X33997" i="1"/>
  <c r="X33998" i="1"/>
  <c r="X33999" i="1"/>
  <c r="X34000" i="1"/>
  <c r="X34001" i="1"/>
  <c r="X34002" i="1"/>
  <c r="X34003" i="1"/>
  <c r="X34004" i="1"/>
  <c r="X34005" i="1"/>
  <c r="X34006" i="1"/>
  <c r="X34007" i="1"/>
  <c r="X34008" i="1"/>
  <c r="X34009" i="1"/>
  <c r="X34010" i="1"/>
  <c r="X34011" i="1"/>
  <c r="X34012" i="1"/>
  <c r="X34013" i="1"/>
  <c r="X34014" i="1"/>
  <c r="X34015" i="1"/>
  <c r="X34016" i="1"/>
  <c r="X34017" i="1"/>
  <c r="X34018" i="1"/>
  <c r="X34019" i="1"/>
  <c r="X34020" i="1"/>
  <c r="X34021" i="1"/>
  <c r="X34022" i="1"/>
  <c r="X34023" i="1"/>
  <c r="X34024" i="1"/>
  <c r="X34025" i="1"/>
  <c r="X34026" i="1"/>
  <c r="X34027" i="1"/>
  <c r="X34028" i="1"/>
  <c r="X34029" i="1"/>
  <c r="X34030" i="1"/>
  <c r="X34031" i="1"/>
  <c r="X34032" i="1"/>
  <c r="X34033" i="1"/>
  <c r="X34034" i="1"/>
  <c r="X34035" i="1"/>
  <c r="X34036" i="1"/>
  <c r="X34037" i="1"/>
  <c r="X34038" i="1"/>
  <c r="X34039" i="1"/>
  <c r="X34040" i="1"/>
  <c r="X34041" i="1"/>
  <c r="X34042" i="1"/>
  <c r="X34043" i="1"/>
  <c r="X34044" i="1"/>
  <c r="X34045" i="1"/>
  <c r="X34046" i="1"/>
  <c r="X34047" i="1"/>
  <c r="X34048" i="1"/>
  <c r="X34049" i="1"/>
  <c r="X34050" i="1"/>
  <c r="X34051" i="1"/>
  <c r="X34052" i="1"/>
  <c r="X34053" i="1"/>
  <c r="X34054" i="1"/>
  <c r="X34055" i="1"/>
  <c r="X34056" i="1"/>
  <c r="X34057" i="1"/>
  <c r="X34058" i="1"/>
  <c r="X34059" i="1"/>
  <c r="X34060" i="1"/>
  <c r="X34061" i="1"/>
  <c r="X34062" i="1"/>
  <c r="X34063" i="1"/>
  <c r="X34064" i="1"/>
  <c r="X34065" i="1"/>
  <c r="X34066" i="1"/>
  <c r="X34067" i="1"/>
  <c r="X34068" i="1"/>
  <c r="X34069" i="1"/>
  <c r="X34070" i="1"/>
  <c r="X34071" i="1"/>
  <c r="X34072" i="1"/>
  <c r="X34073" i="1"/>
  <c r="X34074" i="1"/>
  <c r="X34075" i="1"/>
  <c r="X34076" i="1"/>
  <c r="X34077" i="1"/>
  <c r="X34078" i="1"/>
  <c r="X34079" i="1"/>
  <c r="X34080" i="1"/>
  <c r="X34081" i="1"/>
  <c r="X34082" i="1"/>
  <c r="X34083" i="1"/>
  <c r="X34084" i="1"/>
  <c r="X34085" i="1"/>
  <c r="X34086" i="1"/>
  <c r="X34087" i="1"/>
  <c r="X34088" i="1"/>
  <c r="X34089" i="1"/>
  <c r="X34090" i="1"/>
  <c r="X34091" i="1"/>
  <c r="X34092" i="1"/>
  <c r="X34093" i="1"/>
  <c r="X34094" i="1"/>
  <c r="X34095" i="1"/>
  <c r="X34096" i="1"/>
  <c r="X34097" i="1"/>
  <c r="X34098" i="1"/>
  <c r="X34099" i="1"/>
  <c r="X34100" i="1"/>
  <c r="X34101" i="1"/>
  <c r="X34102" i="1"/>
  <c r="X34103" i="1"/>
  <c r="X34104" i="1"/>
  <c r="X34105" i="1"/>
  <c r="X34106" i="1"/>
  <c r="X34107" i="1"/>
  <c r="X34108" i="1"/>
  <c r="X34109" i="1"/>
  <c r="X34110" i="1"/>
  <c r="X34111" i="1"/>
  <c r="X34112" i="1"/>
  <c r="X34113" i="1"/>
  <c r="X34114" i="1"/>
  <c r="X34115" i="1"/>
  <c r="X34116" i="1"/>
  <c r="X34117" i="1"/>
  <c r="X34118" i="1"/>
  <c r="X34119" i="1"/>
  <c r="X34120" i="1"/>
  <c r="X34121" i="1"/>
  <c r="X34122" i="1"/>
  <c r="X34123" i="1"/>
  <c r="X34124" i="1"/>
  <c r="X34125" i="1"/>
  <c r="X34126" i="1"/>
  <c r="X34127" i="1"/>
  <c r="X34128" i="1"/>
  <c r="X34129" i="1"/>
  <c r="X34130" i="1"/>
  <c r="X34131" i="1"/>
  <c r="X34132" i="1"/>
  <c r="X34133" i="1"/>
  <c r="X34134" i="1"/>
  <c r="X34135" i="1"/>
  <c r="X34136" i="1"/>
  <c r="X34137" i="1"/>
  <c r="X34138" i="1"/>
  <c r="X34139" i="1"/>
  <c r="X34140" i="1"/>
  <c r="X34141" i="1"/>
  <c r="X34142" i="1"/>
  <c r="X34143" i="1"/>
  <c r="X34144" i="1"/>
  <c r="X34145" i="1"/>
  <c r="X34146" i="1"/>
  <c r="X34147" i="1"/>
  <c r="X34148" i="1"/>
  <c r="X34149" i="1"/>
  <c r="X34150" i="1"/>
  <c r="X34151" i="1"/>
  <c r="X34152" i="1"/>
  <c r="X34153" i="1"/>
  <c r="X34154" i="1"/>
  <c r="X34155" i="1"/>
  <c r="X34156" i="1"/>
  <c r="X34157" i="1"/>
  <c r="X34158" i="1"/>
  <c r="X34159" i="1"/>
  <c r="X34160" i="1"/>
  <c r="X34161" i="1"/>
  <c r="X34162" i="1"/>
  <c r="X34163" i="1"/>
  <c r="X34164" i="1"/>
  <c r="X34165" i="1"/>
  <c r="X34166" i="1"/>
  <c r="X34167" i="1"/>
  <c r="X34168" i="1"/>
  <c r="X34169" i="1"/>
  <c r="X34170" i="1"/>
  <c r="X34171" i="1"/>
  <c r="X34172" i="1"/>
  <c r="X34173" i="1"/>
  <c r="X34174" i="1"/>
  <c r="X34175" i="1"/>
  <c r="X34176" i="1"/>
  <c r="X34177" i="1"/>
  <c r="X34178" i="1"/>
  <c r="X34179" i="1"/>
  <c r="X34180" i="1"/>
  <c r="X34181" i="1"/>
  <c r="X34182" i="1"/>
  <c r="X34183" i="1"/>
  <c r="X34184" i="1"/>
  <c r="X34185" i="1"/>
  <c r="X34186" i="1"/>
  <c r="X34187" i="1"/>
  <c r="X34188" i="1"/>
  <c r="X34189" i="1"/>
  <c r="X34190" i="1"/>
  <c r="X34191" i="1"/>
  <c r="X34192" i="1"/>
  <c r="X34193" i="1"/>
  <c r="X34194" i="1"/>
  <c r="X34195" i="1"/>
  <c r="X34196" i="1"/>
  <c r="X34197" i="1"/>
  <c r="X34198" i="1"/>
  <c r="X34199" i="1"/>
  <c r="X34200" i="1"/>
  <c r="X34201" i="1"/>
  <c r="X34202" i="1"/>
  <c r="X34203" i="1"/>
  <c r="X34204" i="1"/>
  <c r="X34205" i="1"/>
  <c r="X34206" i="1"/>
  <c r="X34207" i="1"/>
  <c r="X34208" i="1"/>
  <c r="X34209" i="1"/>
  <c r="X34210" i="1"/>
  <c r="X34211" i="1"/>
  <c r="X34212" i="1"/>
  <c r="X34213" i="1"/>
  <c r="X34214" i="1"/>
  <c r="X34215" i="1"/>
  <c r="X34216" i="1"/>
  <c r="X34217" i="1"/>
  <c r="X34218" i="1"/>
  <c r="X34219" i="1"/>
  <c r="X34220" i="1"/>
  <c r="X34221" i="1"/>
  <c r="X34222" i="1"/>
  <c r="X34223" i="1"/>
  <c r="X34224" i="1"/>
  <c r="X34225" i="1"/>
  <c r="X34226" i="1"/>
  <c r="X34227" i="1"/>
  <c r="X34228" i="1"/>
  <c r="X34229" i="1"/>
  <c r="X34230" i="1"/>
  <c r="X34231" i="1"/>
  <c r="X34232" i="1"/>
  <c r="X34233" i="1"/>
  <c r="X34234" i="1"/>
  <c r="X34235" i="1"/>
  <c r="X34236" i="1"/>
  <c r="X34237" i="1"/>
  <c r="X34238" i="1"/>
  <c r="X34239" i="1"/>
  <c r="X34240" i="1"/>
  <c r="X34241" i="1"/>
  <c r="X34242" i="1"/>
  <c r="X34243" i="1"/>
  <c r="X34244" i="1"/>
  <c r="X34245" i="1"/>
  <c r="X34246" i="1"/>
  <c r="X34247" i="1"/>
  <c r="X34248" i="1"/>
  <c r="X34249" i="1"/>
  <c r="X34250" i="1"/>
  <c r="X34251" i="1"/>
  <c r="X34252" i="1"/>
  <c r="X34253" i="1"/>
  <c r="X34254" i="1"/>
  <c r="X34255" i="1"/>
  <c r="X34256" i="1"/>
  <c r="X34257" i="1"/>
  <c r="X34258" i="1"/>
  <c r="X34259" i="1"/>
  <c r="X34260" i="1"/>
  <c r="X34261" i="1"/>
  <c r="X34262" i="1"/>
  <c r="X34263" i="1"/>
  <c r="X34264" i="1"/>
  <c r="X34265" i="1"/>
  <c r="X34266" i="1"/>
  <c r="X34267" i="1"/>
  <c r="X34268" i="1"/>
  <c r="X34269" i="1"/>
  <c r="X34270" i="1"/>
  <c r="X34271" i="1"/>
  <c r="X34272" i="1"/>
  <c r="X34273" i="1"/>
  <c r="X34274" i="1"/>
  <c r="X34275" i="1"/>
  <c r="X34276" i="1"/>
  <c r="X34277" i="1"/>
  <c r="X34278" i="1"/>
  <c r="X34279" i="1"/>
  <c r="X34280" i="1"/>
  <c r="X34281" i="1"/>
  <c r="X34282" i="1"/>
  <c r="X34283" i="1"/>
  <c r="X34284" i="1"/>
  <c r="X34285" i="1"/>
  <c r="X34286" i="1"/>
  <c r="X34287" i="1"/>
  <c r="X34288" i="1"/>
  <c r="X34289" i="1"/>
  <c r="X34290" i="1"/>
  <c r="X34291" i="1"/>
  <c r="X34292" i="1"/>
  <c r="X34293" i="1"/>
  <c r="X34294" i="1"/>
  <c r="X34295" i="1"/>
  <c r="X34296" i="1"/>
  <c r="X34297" i="1"/>
  <c r="X34298" i="1"/>
  <c r="X34299" i="1"/>
  <c r="X34300" i="1"/>
  <c r="X34301" i="1"/>
  <c r="X34302" i="1"/>
  <c r="X34303" i="1"/>
  <c r="X34304" i="1"/>
  <c r="X34305" i="1"/>
  <c r="X34306" i="1"/>
  <c r="X34307" i="1"/>
  <c r="X34308" i="1"/>
  <c r="X34309" i="1"/>
  <c r="X34310" i="1"/>
  <c r="X34311" i="1"/>
  <c r="X34312" i="1"/>
  <c r="X34313" i="1"/>
  <c r="X34314" i="1"/>
  <c r="X34315" i="1"/>
  <c r="X34316" i="1"/>
  <c r="X34317" i="1"/>
  <c r="X34318" i="1"/>
  <c r="X34319" i="1"/>
  <c r="X34320" i="1"/>
  <c r="X34321" i="1"/>
  <c r="X34322" i="1"/>
  <c r="X34323" i="1"/>
  <c r="X34324" i="1"/>
  <c r="X34325" i="1"/>
  <c r="X34326" i="1"/>
  <c r="X34327" i="1"/>
  <c r="X34328" i="1"/>
  <c r="X34329" i="1"/>
  <c r="X34330" i="1"/>
  <c r="X34331" i="1"/>
  <c r="X34332" i="1"/>
  <c r="X34333" i="1"/>
  <c r="X34334" i="1"/>
  <c r="X34335" i="1"/>
  <c r="X34336" i="1"/>
  <c r="X34337" i="1"/>
  <c r="X34338" i="1"/>
  <c r="X34339" i="1"/>
  <c r="X34340" i="1"/>
  <c r="X34341" i="1"/>
  <c r="X34342" i="1"/>
  <c r="X34343" i="1"/>
  <c r="X34344" i="1"/>
  <c r="X34345" i="1"/>
  <c r="X34346" i="1"/>
  <c r="X34347" i="1"/>
  <c r="X34348" i="1"/>
  <c r="X34349" i="1"/>
  <c r="X34350" i="1"/>
  <c r="X34351" i="1"/>
  <c r="X34352" i="1"/>
  <c r="X34353" i="1"/>
  <c r="X34354" i="1"/>
  <c r="X34355" i="1"/>
  <c r="X34356" i="1"/>
  <c r="X34357" i="1"/>
  <c r="X34358" i="1"/>
  <c r="X34359" i="1"/>
  <c r="X34360" i="1"/>
  <c r="X34361" i="1"/>
  <c r="X34362" i="1"/>
  <c r="X34363" i="1"/>
  <c r="X34364" i="1"/>
  <c r="X34365" i="1"/>
  <c r="X34366" i="1"/>
  <c r="X34367" i="1"/>
  <c r="X34368" i="1"/>
  <c r="X34369" i="1"/>
  <c r="X34370" i="1"/>
  <c r="X34371" i="1"/>
  <c r="X34372" i="1"/>
  <c r="X34373" i="1"/>
  <c r="X34374" i="1"/>
  <c r="X34375" i="1"/>
  <c r="X34376" i="1"/>
  <c r="X34377" i="1"/>
  <c r="X34378" i="1"/>
  <c r="X34379" i="1"/>
  <c r="X34380" i="1"/>
  <c r="X34381" i="1"/>
  <c r="X34382" i="1"/>
  <c r="X34383" i="1"/>
  <c r="X34384" i="1"/>
  <c r="X34385" i="1"/>
  <c r="X34386" i="1"/>
  <c r="X34387" i="1"/>
  <c r="X34388" i="1"/>
  <c r="X34389" i="1"/>
  <c r="X34390" i="1"/>
  <c r="X34391" i="1"/>
  <c r="X34392" i="1"/>
  <c r="X34393" i="1"/>
  <c r="X34394" i="1"/>
  <c r="X34395" i="1"/>
  <c r="X34396" i="1"/>
  <c r="X34397" i="1"/>
  <c r="X34398" i="1"/>
  <c r="X34399" i="1"/>
  <c r="X34400" i="1"/>
  <c r="X34401" i="1"/>
  <c r="X34402" i="1"/>
  <c r="X34403" i="1"/>
  <c r="X34404" i="1"/>
  <c r="X34405" i="1"/>
  <c r="X34406" i="1"/>
  <c r="X34407" i="1"/>
  <c r="X34408" i="1"/>
  <c r="X34409" i="1"/>
  <c r="X34410" i="1"/>
  <c r="X34411" i="1"/>
  <c r="X34412" i="1"/>
  <c r="X34413" i="1"/>
  <c r="X34414" i="1"/>
  <c r="X34415" i="1"/>
  <c r="X34416" i="1"/>
  <c r="X34417" i="1"/>
  <c r="X34418" i="1"/>
  <c r="X34419" i="1"/>
  <c r="X34420" i="1"/>
  <c r="X34421" i="1"/>
  <c r="X34422" i="1"/>
  <c r="X34423" i="1"/>
  <c r="X34424" i="1"/>
  <c r="X34425" i="1"/>
  <c r="X34426" i="1"/>
  <c r="X34427" i="1"/>
  <c r="X34428" i="1"/>
  <c r="X34429" i="1"/>
  <c r="X34430" i="1"/>
  <c r="X34431" i="1"/>
  <c r="X34432" i="1"/>
  <c r="X34433" i="1"/>
  <c r="X34434" i="1"/>
  <c r="X34435" i="1"/>
  <c r="X34436" i="1"/>
  <c r="X34437" i="1"/>
  <c r="X34438" i="1"/>
  <c r="X34439" i="1"/>
  <c r="X34440" i="1"/>
  <c r="X34441" i="1"/>
  <c r="X34442" i="1"/>
  <c r="X34443" i="1"/>
  <c r="X34444" i="1"/>
  <c r="X34445" i="1"/>
  <c r="X34446" i="1"/>
  <c r="X34447" i="1"/>
  <c r="X34448" i="1"/>
  <c r="X34449" i="1"/>
  <c r="X34450" i="1"/>
  <c r="X34451" i="1"/>
  <c r="X34452" i="1"/>
  <c r="X34453" i="1"/>
  <c r="X34454" i="1"/>
  <c r="X34455" i="1"/>
  <c r="X34456" i="1"/>
  <c r="X34457" i="1"/>
  <c r="X34458" i="1"/>
  <c r="X34459" i="1"/>
  <c r="X34460" i="1"/>
  <c r="X34461" i="1"/>
  <c r="X34462" i="1"/>
  <c r="X34463" i="1"/>
  <c r="X34464" i="1"/>
  <c r="X34465" i="1"/>
  <c r="X34466" i="1"/>
  <c r="X34467" i="1"/>
  <c r="X34468" i="1"/>
  <c r="X34469" i="1"/>
  <c r="X34470" i="1"/>
  <c r="X34471" i="1"/>
  <c r="X34472" i="1"/>
  <c r="X34473" i="1"/>
  <c r="X34474" i="1"/>
  <c r="X34475" i="1"/>
  <c r="X34476" i="1"/>
  <c r="X34477" i="1"/>
  <c r="X34478" i="1"/>
  <c r="X34479" i="1"/>
  <c r="X34480" i="1"/>
  <c r="X34481" i="1"/>
  <c r="X34482" i="1"/>
  <c r="X34483" i="1"/>
  <c r="X34484" i="1"/>
  <c r="X34485" i="1"/>
  <c r="X34486" i="1"/>
  <c r="X34487" i="1"/>
  <c r="X34488" i="1"/>
  <c r="X34489" i="1"/>
  <c r="X34490" i="1"/>
  <c r="X34491" i="1"/>
  <c r="X34492" i="1"/>
  <c r="X34493" i="1"/>
  <c r="X34494" i="1"/>
  <c r="X34495" i="1"/>
  <c r="X34496" i="1"/>
  <c r="X34497" i="1"/>
  <c r="X34498" i="1"/>
  <c r="X34499" i="1"/>
  <c r="X34500" i="1"/>
  <c r="X34501" i="1"/>
  <c r="X34502" i="1"/>
  <c r="X34503" i="1"/>
  <c r="X34504" i="1"/>
  <c r="X34505" i="1"/>
  <c r="X34506" i="1"/>
  <c r="X34507" i="1"/>
  <c r="X34508" i="1"/>
  <c r="X34509" i="1"/>
  <c r="X34510" i="1"/>
  <c r="X34511" i="1"/>
  <c r="X34512" i="1"/>
  <c r="X34513" i="1"/>
  <c r="X34514" i="1"/>
  <c r="X34515" i="1"/>
  <c r="X34516" i="1"/>
  <c r="X34517" i="1"/>
  <c r="X34518" i="1"/>
  <c r="X34519" i="1"/>
  <c r="X34520" i="1"/>
  <c r="X34521" i="1"/>
  <c r="X34522" i="1"/>
  <c r="X34523" i="1"/>
  <c r="X34524" i="1"/>
  <c r="X34525" i="1"/>
  <c r="X34526" i="1"/>
  <c r="X34527" i="1"/>
  <c r="X34528" i="1"/>
  <c r="X34529" i="1"/>
  <c r="X34530" i="1"/>
  <c r="X34531" i="1"/>
  <c r="X34532" i="1"/>
  <c r="X34533" i="1"/>
  <c r="X34534" i="1"/>
  <c r="X34535" i="1"/>
  <c r="X34536" i="1"/>
  <c r="X34537" i="1"/>
  <c r="X34538" i="1"/>
  <c r="X34539" i="1"/>
  <c r="X34540" i="1"/>
  <c r="X34541" i="1"/>
  <c r="X34542" i="1"/>
  <c r="X34543" i="1"/>
  <c r="X34544" i="1"/>
  <c r="X34545" i="1"/>
  <c r="X34546" i="1"/>
  <c r="X34547" i="1"/>
  <c r="X34548" i="1"/>
  <c r="X34549" i="1"/>
  <c r="X34550" i="1"/>
  <c r="X34551" i="1"/>
  <c r="X34552" i="1"/>
  <c r="X34553" i="1"/>
  <c r="X34554" i="1"/>
  <c r="X34555" i="1"/>
  <c r="X34556" i="1"/>
  <c r="X34557" i="1"/>
  <c r="X34558" i="1"/>
  <c r="X34559" i="1"/>
  <c r="X34560" i="1"/>
  <c r="X34561" i="1"/>
  <c r="X34562" i="1"/>
  <c r="X34563" i="1"/>
  <c r="X34564" i="1"/>
  <c r="X34565" i="1"/>
  <c r="X34566" i="1"/>
  <c r="X34567" i="1"/>
  <c r="X34568" i="1"/>
  <c r="X34569" i="1"/>
  <c r="X34570" i="1"/>
  <c r="X34571" i="1"/>
  <c r="X34572" i="1"/>
  <c r="X34573" i="1"/>
  <c r="X34574" i="1"/>
  <c r="X34575" i="1"/>
  <c r="X34576" i="1"/>
  <c r="X34577" i="1"/>
  <c r="X34578" i="1"/>
  <c r="X34579" i="1"/>
  <c r="X34580" i="1"/>
  <c r="X34581" i="1"/>
  <c r="X34582" i="1"/>
  <c r="X34583" i="1"/>
  <c r="X34584" i="1"/>
  <c r="X34585" i="1"/>
  <c r="X34586" i="1"/>
  <c r="X34587" i="1"/>
  <c r="X34588" i="1"/>
  <c r="X34589" i="1"/>
  <c r="X34590" i="1"/>
  <c r="X34591" i="1"/>
  <c r="X34592" i="1"/>
  <c r="X34593" i="1"/>
  <c r="X34594" i="1"/>
  <c r="X34595" i="1"/>
  <c r="X34596" i="1"/>
  <c r="X34597" i="1"/>
  <c r="X34598" i="1"/>
  <c r="X34599" i="1"/>
  <c r="X34600" i="1"/>
  <c r="X34601" i="1"/>
  <c r="X34602" i="1"/>
  <c r="X34603" i="1"/>
  <c r="X34604" i="1"/>
  <c r="X34605" i="1"/>
  <c r="X34606" i="1"/>
  <c r="X34607" i="1"/>
  <c r="X34608" i="1"/>
  <c r="X34609" i="1"/>
  <c r="X34610" i="1"/>
  <c r="X34611" i="1"/>
  <c r="X34612" i="1"/>
  <c r="X34613" i="1"/>
  <c r="X34614" i="1"/>
  <c r="X34615" i="1"/>
  <c r="X34616" i="1"/>
  <c r="X34617" i="1"/>
  <c r="X34618" i="1"/>
  <c r="X34619" i="1"/>
  <c r="X34620" i="1"/>
  <c r="X34621" i="1"/>
  <c r="X34622" i="1"/>
  <c r="X34623" i="1"/>
  <c r="X34624" i="1"/>
  <c r="X34625" i="1"/>
  <c r="X34626" i="1"/>
  <c r="X34627" i="1"/>
  <c r="X34628" i="1"/>
  <c r="X34629" i="1"/>
  <c r="X34630" i="1"/>
  <c r="X34631" i="1"/>
  <c r="X34632" i="1"/>
  <c r="X34633" i="1"/>
  <c r="X34634" i="1"/>
  <c r="X34635" i="1"/>
  <c r="X34636" i="1"/>
  <c r="X34637" i="1"/>
  <c r="X34638" i="1"/>
  <c r="X34639" i="1"/>
  <c r="X34640" i="1"/>
  <c r="X34641" i="1"/>
  <c r="X34642" i="1"/>
  <c r="X34643" i="1"/>
  <c r="X34644" i="1"/>
  <c r="X34645" i="1"/>
  <c r="X34646" i="1"/>
  <c r="X34647" i="1"/>
  <c r="X34648" i="1"/>
  <c r="X34649" i="1"/>
  <c r="X34650" i="1"/>
  <c r="X34651" i="1"/>
  <c r="X34652" i="1"/>
  <c r="X34653" i="1"/>
  <c r="X34654" i="1"/>
  <c r="X34655" i="1"/>
  <c r="X34656" i="1"/>
  <c r="X34657" i="1"/>
  <c r="X34658" i="1"/>
  <c r="X34659" i="1"/>
  <c r="X34660" i="1"/>
  <c r="X34661" i="1"/>
  <c r="X34662" i="1"/>
  <c r="X34663" i="1"/>
  <c r="X34664" i="1"/>
  <c r="X34665" i="1"/>
  <c r="X34666" i="1"/>
  <c r="X34667" i="1"/>
  <c r="X34668" i="1"/>
  <c r="X34669" i="1"/>
  <c r="X34670" i="1"/>
  <c r="X34671" i="1"/>
  <c r="X34672" i="1"/>
  <c r="X34673" i="1"/>
  <c r="X34674" i="1"/>
  <c r="X34675" i="1"/>
  <c r="X34676" i="1"/>
  <c r="X34677" i="1"/>
  <c r="X34678" i="1"/>
  <c r="X34679" i="1"/>
  <c r="X34680" i="1"/>
  <c r="X34681" i="1"/>
  <c r="X34682" i="1"/>
  <c r="X34683" i="1"/>
  <c r="X34684" i="1"/>
  <c r="X34685" i="1"/>
  <c r="X34686" i="1"/>
  <c r="X34687" i="1"/>
  <c r="X34688" i="1"/>
  <c r="X34689" i="1"/>
  <c r="X34690" i="1"/>
  <c r="X34691" i="1"/>
  <c r="X34692" i="1"/>
  <c r="X34693" i="1"/>
  <c r="X34694" i="1"/>
  <c r="X34695" i="1"/>
  <c r="X34696" i="1"/>
  <c r="X34697" i="1"/>
  <c r="X34698" i="1"/>
  <c r="X34699" i="1"/>
  <c r="X34700" i="1"/>
  <c r="X34701" i="1"/>
  <c r="X34702" i="1"/>
  <c r="X34703" i="1"/>
  <c r="X34704" i="1"/>
  <c r="X34705" i="1"/>
  <c r="X34706" i="1"/>
  <c r="X34707" i="1"/>
  <c r="X34708" i="1"/>
  <c r="X34709" i="1"/>
  <c r="X34710" i="1"/>
  <c r="X34711" i="1"/>
  <c r="X34712" i="1"/>
  <c r="X34713" i="1"/>
  <c r="X34714" i="1"/>
  <c r="X34715" i="1"/>
  <c r="X34716" i="1"/>
  <c r="X34717" i="1"/>
  <c r="X34718" i="1"/>
  <c r="X34719" i="1"/>
  <c r="X34720" i="1"/>
  <c r="X34721" i="1"/>
  <c r="X34722" i="1"/>
  <c r="X34723" i="1"/>
  <c r="X34724" i="1"/>
  <c r="X34725" i="1"/>
  <c r="X34726" i="1"/>
  <c r="X34727" i="1"/>
  <c r="X34728" i="1"/>
  <c r="X34729" i="1"/>
  <c r="X34730" i="1"/>
  <c r="X34731" i="1"/>
  <c r="X34732" i="1"/>
  <c r="X34733" i="1"/>
  <c r="X34734" i="1"/>
  <c r="X34735" i="1"/>
  <c r="X34736" i="1"/>
  <c r="X34737" i="1"/>
  <c r="X34738" i="1"/>
  <c r="X34739" i="1"/>
  <c r="X34740" i="1"/>
  <c r="X34741" i="1"/>
  <c r="X34742" i="1"/>
  <c r="X34743" i="1"/>
  <c r="X34744" i="1"/>
  <c r="X34745" i="1"/>
  <c r="X34746" i="1"/>
  <c r="X34747" i="1"/>
  <c r="X34748" i="1"/>
  <c r="X34749" i="1"/>
  <c r="X34750" i="1"/>
  <c r="X34751" i="1"/>
  <c r="X34752" i="1"/>
  <c r="X34753" i="1"/>
  <c r="X34754" i="1"/>
  <c r="X34755" i="1"/>
  <c r="X34756" i="1"/>
  <c r="X34757" i="1"/>
  <c r="X34758" i="1"/>
  <c r="X34759" i="1"/>
  <c r="X34760" i="1"/>
  <c r="X34761" i="1"/>
  <c r="X34762" i="1"/>
  <c r="X34763" i="1"/>
  <c r="X34764" i="1"/>
  <c r="X34765" i="1"/>
  <c r="X34766" i="1"/>
  <c r="X34767" i="1"/>
  <c r="X34768" i="1"/>
  <c r="X34769" i="1"/>
  <c r="X34770" i="1"/>
  <c r="X34771" i="1"/>
  <c r="X34772" i="1"/>
  <c r="X34773" i="1"/>
  <c r="X34774" i="1"/>
  <c r="X34775" i="1"/>
  <c r="X34776" i="1"/>
  <c r="X34777" i="1"/>
  <c r="X34778" i="1"/>
  <c r="X34779" i="1"/>
  <c r="X34780" i="1"/>
  <c r="X34781" i="1"/>
  <c r="X34782" i="1"/>
  <c r="X34783" i="1"/>
  <c r="X34784" i="1"/>
  <c r="X34785" i="1"/>
  <c r="X34786" i="1"/>
  <c r="X34787" i="1"/>
  <c r="X34788" i="1"/>
  <c r="X34789" i="1"/>
  <c r="X34790" i="1"/>
  <c r="X34791" i="1"/>
  <c r="X34792" i="1"/>
  <c r="X34793" i="1"/>
  <c r="X34794" i="1"/>
  <c r="X34795" i="1"/>
  <c r="X34796" i="1"/>
  <c r="X34797" i="1"/>
  <c r="X34798" i="1"/>
  <c r="X34799" i="1"/>
  <c r="X34800" i="1"/>
  <c r="X34801" i="1"/>
  <c r="X34802" i="1"/>
  <c r="X34803" i="1"/>
  <c r="X34804" i="1"/>
  <c r="X34805" i="1"/>
  <c r="X34806" i="1"/>
  <c r="X34807" i="1"/>
  <c r="X34808" i="1"/>
  <c r="X34809" i="1"/>
  <c r="X34810" i="1"/>
  <c r="X34811" i="1"/>
  <c r="X34812" i="1"/>
  <c r="X34813" i="1"/>
  <c r="X34814" i="1"/>
  <c r="X34815" i="1"/>
  <c r="X34816" i="1"/>
  <c r="X34817" i="1"/>
  <c r="X34818" i="1"/>
  <c r="X34819" i="1"/>
  <c r="X34820" i="1"/>
  <c r="X34821" i="1"/>
  <c r="X34822" i="1"/>
  <c r="X34823" i="1"/>
  <c r="X34824" i="1"/>
  <c r="X34825" i="1"/>
  <c r="X34826" i="1"/>
  <c r="X34827" i="1"/>
  <c r="X34828" i="1"/>
  <c r="X34829" i="1"/>
  <c r="X34830" i="1"/>
  <c r="X34831" i="1"/>
  <c r="X34832" i="1"/>
  <c r="X34833" i="1"/>
  <c r="X34834" i="1"/>
  <c r="X34835" i="1"/>
  <c r="X34836" i="1"/>
  <c r="X34837" i="1"/>
  <c r="X34838" i="1"/>
  <c r="X34839" i="1"/>
  <c r="X34840" i="1"/>
  <c r="X34841" i="1"/>
  <c r="X34842" i="1"/>
  <c r="X34843" i="1"/>
  <c r="X34844" i="1"/>
  <c r="X34845" i="1"/>
  <c r="X34846" i="1"/>
  <c r="X34847" i="1"/>
  <c r="X34848" i="1"/>
  <c r="X34849" i="1"/>
  <c r="X34850" i="1"/>
  <c r="X34851" i="1"/>
  <c r="X34852" i="1"/>
  <c r="X34853" i="1"/>
  <c r="X34854" i="1"/>
  <c r="X34855" i="1"/>
  <c r="X34856" i="1"/>
  <c r="X34857" i="1"/>
  <c r="X34858" i="1"/>
  <c r="X34859" i="1"/>
  <c r="X34860" i="1"/>
  <c r="X34861" i="1"/>
  <c r="X34862" i="1"/>
  <c r="X34863" i="1"/>
  <c r="X34864" i="1"/>
  <c r="X34865" i="1"/>
  <c r="X34866" i="1"/>
  <c r="X34867" i="1"/>
  <c r="X34868" i="1"/>
  <c r="X34869" i="1"/>
  <c r="X34870" i="1"/>
  <c r="X34871" i="1"/>
  <c r="X34872" i="1"/>
  <c r="X34873" i="1"/>
  <c r="X34874" i="1"/>
  <c r="X34875" i="1"/>
  <c r="X34876" i="1"/>
  <c r="X34877" i="1"/>
  <c r="X34878" i="1"/>
  <c r="X34879" i="1"/>
  <c r="X34880" i="1"/>
  <c r="X34881" i="1"/>
  <c r="X34882" i="1"/>
  <c r="X34883" i="1"/>
  <c r="X34884" i="1"/>
  <c r="X34885" i="1"/>
  <c r="X34886" i="1"/>
  <c r="X34887" i="1"/>
  <c r="X34888" i="1"/>
  <c r="X34889" i="1"/>
  <c r="X34890" i="1"/>
  <c r="X34891" i="1"/>
  <c r="X34892" i="1"/>
  <c r="X34893" i="1"/>
  <c r="X34894" i="1"/>
  <c r="X34895" i="1"/>
  <c r="X34896" i="1"/>
  <c r="X34897" i="1"/>
  <c r="X34898" i="1"/>
  <c r="X34899" i="1"/>
  <c r="X34900" i="1"/>
  <c r="X34901" i="1"/>
  <c r="X34902" i="1"/>
  <c r="X34903" i="1"/>
  <c r="X34904" i="1"/>
  <c r="X34905" i="1"/>
  <c r="X34906" i="1"/>
  <c r="X34907" i="1"/>
  <c r="X34908" i="1"/>
  <c r="X34909" i="1"/>
  <c r="X34910" i="1"/>
  <c r="X34911" i="1"/>
  <c r="X34912" i="1"/>
  <c r="X34913" i="1"/>
  <c r="X34914" i="1"/>
  <c r="X34915" i="1"/>
  <c r="X34916" i="1"/>
  <c r="X34917" i="1"/>
  <c r="X34918" i="1"/>
  <c r="X34919" i="1"/>
  <c r="X34920" i="1"/>
  <c r="X34921" i="1"/>
  <c r="X34922" i="1"/>
  <c r="X34923" i="1"/>
  <c r="X34924" i="1"/>
  <c r="X34925" i="1"/>
  <c r="X34926" i="1"/>
  <c r="X34927" i="1"/>
  <c r="X34928" i="1"/>
  <c r="X34929" i="1"/>
  <c r="X34930" i="1"/>
  <c r="X34931" i="1"/>
  <c r="X34932" i="1"/>
  <c r="X34933" i="1"/>
  <c r="X34934" i="1"/>
  <c r="X34935" i="1"/>
  <c r="X34936" i="1"/>
  <c r="X34937" i="1"/>
  <c r="X34938" i="1"/>
  <c r="X34939" i="1"/>
  <c r="X34940" i="1"/>
  <c r="X34941" i="1"/>
  <c r="X34942" i="1"/>
  <c r="X34943" i="1"/>
  <c r="X34944" i="1"/>
  <c r="X34945" i="1"/>
  <c r="X34946" i="1"/>
  <c r="X34947" i="1"/>
  <c r="X34948" i="1"/>
  <c r="X34949" i="1"/>
  <c r="X34950" i="1"/>
  <c r="X34951" i="1"/>
  <c r="X34952" i="1"/>
  <c r="X34953" i="1"/>
  <c r="X34954" i="1"/>
  <c r="X34955" i="1"/>
  <c r="X34956" i="1"/>
  <c r="X34957" i="1"/>
  <c r="X34958" i="1"/>
  <c r="X34959" i="1"/>
  <c r="X34960" i="1"/>
  <c r="X34961" i="1"/>
  <c r="X34962" i="1"/>
  <c r="X34963" i="1"/>
  <c r="X34964" i="1"/>
  <c r="X34965" i="1"/>
  <c r="X34966" i="1"/>
  <c r="X34967" i="1"/>
  <c r="X34968" i="1"/>
  <c r="X34969" i="1"/>
  <c r="X34970" i="1"/>
  <c r="X34971" i="1"/>
  <c r="X34972" i="1"/>
  <c r="X34973" i="1"/>
  <c r="X34974" i="1"/>
  <c r="X34975" i="1"/>
  <c r="X34976" i="1"/>
  <c r="X34977" i="1"/>
  <c r="X34978" i="1"/>
  <c r="X34979" i="1"/>
  <c r="X34980" i="1"/>
  <c r="X34981" i="1"/>
  <c r="X34982" i="1"/>
  <c r="X34983" i="1"/>
  <c r="X34984" i="1"/>
  <c r="X34985" i="1"/>
  <c r="X34986" i="1"/>
  <c r="X34987" i="1"/>
  <c r="X34988" i="1"/>
  <c r="X34989" i="1"/>
  <c r="X34990" i="1"/>
  <c r="X34991" i="1"/>
  <c r="X34992" i="1"/>
  <c r="X34993" i="1"/>
  <c r="X34994" i="1"/>
  <c r="X34995" i="1"/>
  <c r="X34996" i="1"/>
  <c r="X34997" i="1"/>
  <c r="X34998" i="1"/>
  <c r="X34999" i="1"/>
  <c r="X35000" i="1"/>
  <c r="X35001" i="1"/>
  <c r="X35002" i="1"/>
  <c r="X35003" i="1"/>
  <c r="X35004" i="1"/>
  <c r="X35005" i="1"/>
  <c r="X35006" i="1"/>
  <c r="X35007" i="1"/>
  <c r="X35008" i="1"/>
  <c r="X35009" i="1"/>
  <c r="X35010" i="1"/>
  <c r="X35011" i="1"/>
  <c r="X35012" i="1"/>
  <c r="X35013" i="1"/>
  <c r="X35014" i="1"/>
  <c r="X35015" i="1"/>
  <c r="X35016" i="1"/>
  <c r="X35017" i="1"/>
  <c r="X35018" i="1"/>
  <c r="X35019" i="1"/>
  <c r="X35020" i="1"/>
  <c r="X35021" i="1"/>
  <c r="X35022" i="1"/>
  <c r="X35023" i="1"/>
  <c r="X35024" i="1"/>
  <c r="X35025" i="1"/>
  <c r="X35026" i="1"/>
  <c r="X35027" i="1"/>
  <c r="X35028" i="1"/>
  <c r="X35029" i="1"/>
  <c r="X35030" i="1"/>
  <c r="X35031" i="1"/>
  <c r="X35032" i="1"/>
  <c r="X35033" i="1"/>
  <c r="X35034" i="1"/>
  <c r="X35035" i="1"/>
  <c r="X35036" i="1"/>
  <c r="X35037" i="1"/>
  <c r="X35038" i="1"/>
  <c r="X35039" i="1"/>
  <c r="X35040" i="1"/>
  <c r="X35041" i="1"/>
  <c r="X35042" i="1"/>
  <c r="X35043" i="1"/>
  <c r="X35044" i="1"/>
  <c r="X35045" i="1"/>
  <c r="X35046" i="1"/>
  <c r="X35047" i="1"/>
  <c r="X35048" i="1"/>
  <c r="X35049" i="1"/>
  <c r="X35050" i="1"/>
  <c r="X35051" i="1"/>
  <c r="X35052" i="1"/>
  <c r="X35053" i="1"/>
  <c r="X35054" i="1"/>
  <c r="X35055" i="1"/>
  <c r="X35056" i="1"/>
  <c r="X35057" i="1"/>
  <c r="X35058" i="1"/>
  <c r="X35059" i="1"/>
  <c r="X35060" i="1"/>
  <c r="X35061" i="1"/>
  <c r="X35062" i="1"/>
  <c r="X35063" i="1"/>
  <c r="X35064" i="1"/>
  <c r="X35065" i="1"/>
  <c r="X35066" i="1"/>
  <c r="X35067" i="1"/>
  <c r="X35068" i="1"/>
  <c r="X35069" i="1"/>
  <c r="X35070" i="1"/>
  <c r="X35071" i="1"/>
  <c r="X35072" i="1"/>
  <c r="X35073" i="1"/>
  <c r="X35074" i="1"/>
  <c r="X35075" i="1"/>
  <c r="X35076" i="1"/>
  <c r="X35077" i="1"/>
  <c r="X35078" i="1"/>
  <c r="X35079" i="1"/>
  <c r="X35080" i="1"/>
  <c r="X35081" i="1"/>
  <c r="X35082" i="1"/>
  <c r="X35083" i="1"/>
  <c r="X35084" i="1"/>
  <c r="X35085" i="1"/>
  <c r="X35086" i="1"/>
  <c r="X35087" i="1"/>
  <c r="X35088" i="1"/>
  <c r="X35089" i="1"/>
  <c r="X35090" i="1"/>
  <c r="X35091" i="1"/>
  <c r="X35092" i="1"/>
  <c r="X35093" i="1"/>
  <c r="X35094" i="1"/>
  <c r="X35095" i="1"/>
  <c r="X35096" i="1"/>
  <c r="X35097" i="1"/>
  <c r="X35098" i="1"/>
  <c r="X35099" i="1"/>
  <c r="X35100" i="1"/>
  <c r="X35101" i="1"/>
  <c r="X35102" i="1"/>
  <c r="X35103" i="1"/>
  <c r="X35104" i="1"/>
  <c r="X35105" i="1"/>
  <c r="X35106" i="1"/>
  <c r="X35107" i="1"/>
  <c r="X35108" i="1"/>
  <c r="X35109" i="1"/>
  <c r="X35110" i="1"/>
  <c r="X35111" i="1"/>
  <c r="X35112" i="1"/>
  <c r="X35113" i="1"/>
  <c r="X35114" i="1"/>
  <c r="X35115" i="1"/>
  <c r="X35116" i="1"/>
  <c r="X35117" i="1"/>
  <c r="X35118" i="1"/>
  <c r="X35119" i="1"/>
  <c r="X35120" i="1"/>
  <c r="X35121" i="1"/>
  <c r="X35122" i="1"/>
  <c r="X35123" i="1"/>
  <c r="X35124" i="1"/>
  <c r="X35125" i="1"/>
  <c r="X35126" i="1"/>
  <c r="X35127" i="1"/>
  <c r="X35128" i="1"/>
  <c r="X35129" i="1"/>
  <c r="X35130" i="1"/>
  <c r="X35131" i="1"/>
  <c r="X35132" i="1"/>
  <c r="X35133" i="1"/>
  <c r="X35134" i="1"/>
  <c r="X35135" i="1"/>
  <c r="X35136" i="1"/>
  <c r="X35137" i="1"/>
  <c r="X35138" i="1"/>
  <c r="X35139" i="1"/>
  <c r="X35140" i="1"/>
  <c r="X35141" i="1"/>
  <c r="X35142" i="1"/>
  <c r="X35143" i="1"/>
  <c r="X35144" i="1"/>
  <c r="X35145" i="1"/>
  <c r="X35146" i="1"/>
  <c r="X35147" i="1"/>
  <c r="X35148" i="1"/>
  <c r="X35149" i="1"/>
  <c r="X35150" i="1"/>
  <c r="X35151" i="1"/>
  <c r="X35152" i="1"/>
  <c r="X35153" i="1"/>
  <c r="X35154" i="1"/>
  <c r="X35155" i="1"/>
  <c r="X35156" i="1"/>
  <c r="X35157" i="1"/>
  <c r="X35158" i="1"/>
  <c r="X35159" i="1"/>
  <c r="X35160" i="1"/>
  <c r="X35161" i="1"/>
  <c r="X35162" i="1"/>
  <c r="X35163" i="1"/>
  <c r="X35164" i="1"/>
  <c r="X35165" i="1"/>
  <c r="X35166" i="1"/>
  <c r="X35167" i="1"/>
  <c r="X35168" i="1"/>
  <c r="X35169" i="1"/>
  <c r="X35170" i="1"/>
  <c r="X35171" i="1"/>
  <c r="X35172" i="1"/>
  <c r="X35173" i="1"/>
  <c r="X35174" i="1"/>
  <c r="X35175" i="1"/>
  <c r="X35176" i="1"/>
  <c r="X35177" i="1"/>
  <c r="X35178" i="1"/>
  <c r="X35179" i="1"/>
  <c r="X35180" i="1"/>
  <c r="X35181" i="1"/>
  <c r="X35182" i="1"/>
  <c r="X35183" i="1"/>
  <c r="X35184" i="1"/>
  <c r="X35185" i="1"/>
  <c r="X35186" i="1"/>
  <c r="X35187" i="1"/>
  <c r="X35188" i="1"/>
  <c r="X35189" i="1"/>
  <c r="X35190" i="1"/>
  <c r="X35191" i="1"/>
  <c r="X35192" i="1"/>
  <c r="X35193" i="1"/>
  <c r="X35194" i="1"/>
  <c r="X35195" i="1"/>
  <c r="X35196" i="1"/>
  <c r="X35197" i="1"/>
  <c r="X35198" i="1"/>
  <c r="X35199" i="1"/>
  <c r="X35200" i="1"/>
  <c r="X35201" i="1"/>
  <c r="X35202" i="1"/>
  <c r="X35203" i="1"/>
  <c r="X35204" i="1"/>
  <c r="X35205" i="1"/>
  <c r="X35206" i="1"/>
  <c r="X35207" i="1"/>
  <c r="X35208" i="1"/>
  <c r="X35209" i="1"/>
  <c r="X35210" i="1"/>
  <c r="X35211" i="1"/>
  <c r="X35212" i="1"/>
  <c r="X35213" i="1"/>
  <c r="X35214" i="1"/>
  <c r="X35215" i="1"/>
  <c r="X35216" i="1"/>
  <c r="X35217" i="1"/>
  <c r="X35218" i="1"/>
  <c r="X35219" i="1"/>
  <c r="X35220" i="1"/>
  <c r="X35221" i="1"/>
  <c r="X35222" i="1"/>
  <c r="X35223" i="1"/>
  <c r="X35224" i="1"/>
  <c r="X35225" i="1"/>
  <c r="X35226" i="1"/>
  <c r="X35227" i="1"/>
  <c r="X35228" i="1"/>
  <c r="X35229" i="1"/>
  <c r="X35230" i="1"/>
  <c r="X35231" i="1"/>
  <c r="X35232" i="1"/>
  <c r="X35233" i="1"/>
  <c r="X35234" i="1"/>
  <c r="X35235" i="1"/>
  <c r="X35236" i="1"/>
  <c r="X35237" i="1"/>
  <c r="X35238" i="1"/>
  <c r="X35239" i="1"/>
  <c r="X35240" i="1"/>
  <c r="X35241" i="1"/>
  <c r="X35242" i="1"/>
  <c r="X35243" i="1"/>
  <c r="X35244" i="1"/>
  <c r="X35245" i="1"/>
  <c r="X35246" i="1"/>
  <c r="X35247" i="1"/>
  <c r="X35248" i="1"/>
  <c r="X35249" i="1"/>
  <c r="X35250" i="1"/>
  <c r="X35251" i="1"/>
  <c r="X35252" i="1"/>
  <c r="X35253" i="1"/>
  <c r="X35254" i="1"/>
  <c r="X35255" i="1"/>
  <c r="X35256" i="1"/>
  <c r="X35257" i="1"/>
  <c r="X35258" i="1"/>
  <c r="X35259" i="1"/>
  <c r="X35260" i="1"/>
  <c r="X35261" i="1"/>
  <c r="X35262" i="1"/>
  <c r="X35263" i="1"/>
  <c r="X35264" i="1"/>
  <c r="X35265" i="1"/>
  <c r="X35266" i="1"/>
  <c r="X35267" i="1"/>
  <c r="X35268" i="1"/>
  <c r="X35269" i="1"/>
  <c r="X35270" i="1"/>
  <c r="X35271" i="1"/>
  <c r="X35272" i="1"/>
  <c r="X35273" i="1"/>
  <c r="X35274" i="1"/>
  <c r="X35275" i="1"/>
  <c r="X35276" i="1"/>
  <c r="X35277" i="1"/>
  <c r="X35278" i="1"/>
  <c r="X35279" i="1"/>
  <c r="X35280" i="1"/>
  <c r="X35281" i="1"/>
  <c r="X35282" i="1"/>
  <c r="X35283" i="1"/>
  <c r="X35284" i="1"/>
  <c r="X35285" i="1"/>
  <c r="X35286" i="1"/>
  <c r="X35287" i="1"/>
  <c r="X35288" i="1"/>
  <c r="X35289" i="1"/>
  <c r="X35290" i="1"/>
  <c r="X35291" i="1"/>
  <c r="X35292" i="1"/>
  <c r="X35293" i="1"/>
  <c r="X35294" i="1"/>
  <c r="X35295" i="1"/>
  <c r="X35296" i="1"/>
  <c r="X35297" i="1"/>
  <c r="X35298" i="1"/>
  <c r="X35299" i="1"/>
  <c r="X35300" i="1"/>
  <c r="X35301" i="1"/>
  <c r="X35302" i="1"/>
  <c r="X35303" i="1"/>
  <c r="X35304" i="1"/>
  <c r="X35305" i="1"/>
  <c r="X35306" i="1"/>
  <c r="X35307" i="1"/>
  <c r="X35308" i="1"/>
  <c r="X35309" i="1"/>
  <c r="X35310" i="1"/>
  <c r="X35311" i="1"/>
  <c r="X35312" i="1"/>
  <c r="X35313" i="1"/>
  <c r="X35314" i="1"/>
  <c r="X35315" i="1"/>
  <c r="X35316" i="1"/>
  <c r="X35317" i="1"/>
  <c r="X35318" i="1"/>
  <c r="X35319" i="1"/>
  <c r="X35320" i="1"/>
  <c r="X35321" i="1"/>
  <c r="X35322" i="1"/>
  <c r="X35323" i="1"/>
  <c r="X35324" i="1"/>
  <c r="X35325" i="1"/>
  <c r="X35326" i="1"/>
  <c r="X35327" i="1"/>
  <c r="X35328" i="1"/>
  <c r="X35329" i="1"/>
  <c r="X35330" i="1"/>
  <c r="X35331" i="1"/>
  <c r="X35332" i="1"/>
  <c r="X35333" i="1"/>
  <c r="X35334" i="1"/>
  <c r="X35335" i="1"/>
  <c r="X35336" i="1"/>
  <c r="X35337" i="1"/>
  <c r="X35338" i="1"/>
  <c r="X35339" i="1"/>
  <c r="X35340" i="1"/>
  <c r="X35341" i="1"/>
  <c r="X35342" i="1"/>
  <c r="X35343" i="1"/>
  <c r="X35344" i="1"/>
  <c r="X35345" i="1"/>
  <c r="X35346" i="1"/>
  <c r="X35347" i="1"/>
  <c r="X35348" i="1"/>
  <c r="X35349" i="1"/>
  <c r="X35350" i="1"/>
  <c r="X35351" i="1"/>
  <c r="X35352" i="1"/>
  <c r="X35353" i="1"/>
  <c r="X35354" i="1"/>
  <c r="X35355" i="1"/>
  <c r="X35356" i="1"/>
  <c r="X35357" i="1"/>
  <c r="X35358" i="1"/>
  <c r="X35359" i="1"/>
  <c r="X35360" i="1"/>
  <c r="X35361" i="1"/>
  <c r="X35362" i="1"/>
  <c r="X35363" i="1"/>
  <c r="X35364" i="1"/>
  <c r="X35365" i="1"/>
  <c r="X35366" i="1"/>
  <c r="X35367" i="1"/>
  <c r="X35368" i="1"/>
  <c r="X35369" i="1"/>
  <c r="X35370" i="1"/>
  <c r="X35371" i="1"/>
  <c r="X35372" i="1"/>
  <c r="X35373" i="1"/>
  <c r="X35374" i="1"/>
  <c r="X35375" i="1"/>
  <c r="X35376" i="1"/>
  <c r="X35377" i="1"/>
  <c r="X35378" i="1"/>
  <c r="X35379" i="1"/>
  <c r="X35380" i="1"/>
  <c r="X35381" i="1"/>
  <c r="X35382" i="1"/>
  <c r="X35383" i="1"/>
  <c r="X35384" i="1"/>
  <c r="X35385" i="1"/>
  <c r="X35386" i="1"/>
  <c r="X35387" i="1"/>
  <c r="X35388" i="1"/>
  <c r="X35389" i="1"/>
  <c r="X35390" i="1"/>
  <c r="X35391" i="1"/>
  <c r="X35392" i="1"/>
  <c r="X35393" i="1"/>
  <c r="X35394" i="1"/>
  <c r="X35395" i="1"/>
  <c r="X35396" i="1"/>
  <c r="X35397" i="1"/>
  <c r="X35398" i="1"/>
  <c r="X35399" i="1"/>
  <c r="X35400" i="1"/>
  <c r="X35401" i="1"/>
  <c r="X35402" i="1"/>
  <c r="X35403" i="1"/>
  <c r="X35404" i="1"/>
  <c r="X35405" i="1"/>
  <c r="X35406" i="1"/>
  <c r="X35407" i="1"/>
  <c r="X35408" i="1"/>
  <c r="X35409" i="1"/>
  <c r="X35410" i="1"/>
  <c r="X35411" i="1"/>
  <c r="X35412" i="1"/>
  <c r="X35413" i="1"/>
  <c r="X35414" i="1"/>
  <c r="X35415" i="1"/>
  <c r="X35416" i="1"/>
  <c r="X35417" i="1"/>
  <c r="X35418" i="1"/>
  <c r="X35419" i="1"/>
  <c r="X35420" i="1"/>
  <c r="X35421" i="1"/>
  <c r="X35422" i="1"/>
  <c r="X35423" i="1"/>
  <c r="X35424" i="1"/>
  <c r="X35425" i="1"/>
  <c r="X35426" i="1"/>
  <c r="X35427" i="1"/>
  <c r="X35428" i="1"/>
  <c r="X35429" i="1"/>
  <c r="X35430" i="1"/>
  <c r="X35431" i="1"/>
  <c r="X35432" i="1"/>
  <c r="X35433" i="1"/>
  <c r="X35434" i="1"/>
  <c r="X35435" i="1"/>
  <c r="X35436" i="1"/>
  <c r="X35437" i="1"/>
  <c r="X35438" i="1"/>
  <c r="X35439" i="1"/>
  <c r="X35440" i="1"/>
  <c r="X35441" i="1"/>
  <c r="X35442" i="1"/>
  <c r="X35443" i="1"/>
  <c r="X35444" i="1"/>
  <c r="X35445" i="1"/>
  <c r="X35446" i="1"/>
  <c r="X35447" i="1"/>
  <c r="X35448" i="1"/>
  <c r="X35449" i="1"/>
  <c r="X35450" i="1"/>
  <c r="X35451" i="1"/>
  <c r="X35452" i="1"/>
  <c r="X35453" i="1"/>
  <c r="X35454" i="1"/>
  <c r="X35455" i="1"/>
  <c r="X35456" i="1"/>
  <c r="X35457" i="1"/>
  <c r="X35458" i="1"/>
  <c r="X35459" i="1"/>
  <c r="X35460" i="1"/>
  <c r="X35461" i="1"/>
  <c r="X35462" i="1"/>
  <c r="X35463" i="1"/>
  <c r="X35464" i="1"/>
  <c r="X35465" i="1"/>
  <c r="X35466" i="1"/>
  <c r="X35467" i="1"/>
  <c r="X35468" i="1"/>
  <c r="X35469" i="1"/>
  <c r="X35470" i="1"/>
  <c r="X35471" i="1"/>
  <c r="X35472" i="1"/>
  <c r="X35473" i="1"/>
  <c r="X35474" i="1"/>
  <c r="X35475" i="1"/>
  <c r="X35476" i="1"/>
  <c r="X35477" i="1"/>
  <c r="X35478" i="1"/>
  <c r="X35479" i="1"/>
  <c r="X35480" i="1"/>
  <c r="X35481" i="1"/>
  <c r="X35482" i="1"/>
  <c r="X35483" i="1"/>
  <c r="X35484" i="1"/>
  <c r="X35485" i="1"/>
  <c r="X35486" i="1"/>
  <c r="X35487" i="1"/>
  <c r="X35488" i="1"/>
  <c r="X35489" i="1"/>
  <c r="X35490" i="1"/>
  <c r="X35491" i="1"/>
  <c r="X35492" i="1"/>
  <c r="X35493" i="1"/>
  <c r="X35494" i="1"/>
  <c r="X35495" i="1"/>
  <c r="X35496" i="1"/>
  <c r="X35497" i="1"/>
  <c r="X35498" i="1"/>
  <c r="X35499" i="1"/>
  <c r="X35500" i="1"/>
  <c r="X35501" i="1"/>
  <c r="X35502" i="1"/>
  <c r="X35503" i="1"/>
  <c r="X35504" i="1"/>
  <c r="X35505" i="1"/>
  <c r="X35506" i="1"/>
  <c r="X35507" i="1"/>
  <c r="X35508" i="1"/>
  <c r="X35509" i="1"/>
  <c r="X35510" i="1"/>
  <c r="X35511" i="1"/>
  <c r="X35512" i="1"/>
  <c r="X35513" i="1"/>
  <c r="X35514" i="1"/>
  <c r="X35515" i="1"/>
  <c r="X35516" i="1"/>
  <c r="X35517" i="1"/>
  <c r="X35518" i="1"/>
  <c r="X35519" i="1"/>
  <c r="X35520" i="1"/>
  <c r="X35521" i="1"/>
  <c r="X35522" i="1"/>
  <c r="X35523" i="1"/>
  <c r="X35524" i="1"/>
  <c r="X35525" i="1"/>
  <c r="X35526" i="1"/>
  <c r="X35527" i="1"/>
  <c r="X35528" i="1"/>
  <c r="X35529" i="1"/>
  <c r="X35530" i="1"/>
  <c r="X35531" i="1"/>
  <c r="X35532" i="1"/>
  <c r="X35533" i="1"/>
  <c r="X35534" i="1"/>
  <c r="X35535" i="1"/>
  <c r="X35536" i="1"/>
  <c r="X35537" i="1"/>
  <c r="X35538" i="1"/>
  <c r="X35539" i="1"/>
  <c r="X35540" i="1"/>
  <c r="X35541" i="1"/>
  <c r="X35542" i="1"/>
  <c r="X35543" i="1"/>
  <c r="X35544" i="1"/>
  <c r="X35545" i="1"/>
  <c r="X35546" i="1"/>
  <c r="X35547" i="1"/>
  <c r="X35548" i="1"/>
  <c r="X35549" i="1"/>
  <c r="X35550" i="1"/>
  <c r="X35551" i="1"/>
  <c r="X35552" i="1"/>
  <c r="X35553" i="1"/>
  <c r="X35554" i="1"/>
  <c r="X35555" i="1"/>
  <c r="X35556" i="1"/>
  <c r="X35557" i="1"/>
  <c r="X35558" i="1"/>
  <c r="X35559" i="1"/>
  <c r="X35560" i="1"/>
  <c r="X35561" i="1"/>
  <c r="X35562" i="1"/>
  <c r="X35563" i="1"/>
  <c r="X35564" i="1"/>
  <c r="X35565" i="1"/>
  <c r="X35566" i="1"/>
  <c r="X35567" i="1"/>
  <c r="X35568" i="1"/>
  <c r="X35569" i="1"/>
  <c r="X35570" i="1"/>
  <c r="X35571" i="1"/>
  <c r="X35572" i="1"/>
  <c r="X35573" i="1"/>
  <c r="X35574" i="1"/>
  <c r="X35575" i="1"/>
  <c r="X35576" i="1"/>
  <c r="X35577" i="1"/>
  <c r="X35578" i="1"/>
  <c r="X35579" i="1"/>
  <c r="X35580" i="1"/>
  <c r="X35581" i="1"/>
  <c r="X35582" i="1"/>
  <c r="X35583" i="1"/>
  <c r="X35584" i="1"/>
  <c r="X35585" i="1"/>
  <c r="X35586" i="1"/>
  <c r="X35587" i="1"/>
  <c r="X35588" i="1"/>
  <c r="X35589" i="1"/>
  <c r="X35590" i="1"/>
  <c r="X35591" i="1"/>
  <c r="X35592" i="1"/>
  <c r="X35593" i="1"/>
  <c r="X35594" i="1"/>
  <c r="X35595" i="1"/>
  <c r="X35596" i="1"/>
  <c r="X35597" i="1"/>
  <c r="X35598" i="1"/>
  <c r="X35599" i="1"/>
  <c r="X35600" i="1"/>
  <c r="X35601" i="1"/>
  <c r="X35602" i="1"/>
  <c r="X35603" i="1"/>
  <c r="X35604" i="1"/>
  <c r="X35605" i="1"/>
  <c r="X35606" i="1"/>
  <c r="X35607" i="1"/>
  <c r="X35608" i="1"/>
  <c r="X35609" i="1"/>
  <c r="X35610" i="1"/>
  <c r="X35611" i="1"/>
  <c r="X35612" i="1"/>
  <c r="X35613" i="1"/>
  <c r="X35614" i="1"/>
  <c r="X35615" i="1"/>
  <c r="X35616" i="1"/>
  <c r="X35617" i="1"/>
  <c r="X35618" i="1"/>
  <c r="X35619" i="1"/>
  <c r="X35620" i="1"/>
  <c r="X35621" i="1"/>
  <c r="X35622" i="1"/>
  <c r="X35623" i="1"/>
  <c r="X35624" i="1"/>
  <c r="X35625" i="1"/>
  <c r="X35626" i="1"/>
  <c r="X35627" i="1"/>
  <c r="X35628" i="1"/>
  <c r="X35629" i="1"/>
  <c r="X35630" i="1"/>
  <c r="X35631" i="1"/>
  <c r="X35632" i="1"/>
  <c r="X35633" i="1"/>
  <c r="X35634" i="1"/>
  <c r="X35635" i="1"/>
  <c r="X35636" i="1"/>
  <c r="X35637" i="1"/>
  <c r="X35638" i="1"/>
  <c r="X35639" i="1"/>
  <c r="X35640" i="1"/>
  <c r="X35641" i="1"/>
  <c r="X35642" i="1"/>
  <c r="X35643" i="1"/>
  <c r="X35644" i="1"/>
  <c r="X35645" i="1"/>
  <c r="X35646" i="1"/>
  <c r="X35647" i="1"/>
  <c r="X35648" i="1"/>
  <c r="X35649" i="1"/>
  <c r="X35650" i="1"/>
  <c r="X35651" i="1"/>
  <c r="X35652" i="1"/>
  <c r="X35653" i="1"/>
  <c r="X35654" i="1"/>
  <c r="X35655" i="1"/>
  <c r="X35656" i="1"/>
  <c r="X35657" i="1"/>
  <c r="X35658" i="1"/>
  <c r="X35659" i="1"/>
  <c r="X35660" i="1"/>
  <c r="X35661" i="1"/>
  <c r="X35662" i="1"/>
  <c r="X35663" i="1"/>
  <c r="X35664" i="1"/>
  <c r="X35665" i="1"/>
  <c r="X35666" i="1"/>
  <c r="X35667" i="1"/>
  <c r="X35668" i="1"/>
  <c r="X35669" i="1"/>
  <c r="X35670" i="1"/>
  <c r="X35671" i="1"/>
  <c r="X35672" i="1"/>
  <c r="X35673" i="1"/>
  <c r="X35674" i="1"/>
  <c r="X35675" i="1"/>
  <c r="X35676" i="1"/>
  <c r="X35677" i="1"/>
  <c r="X35678" i="1"/>
  <c r="X35679" i="1"/>
  <c r="X35680" i="1"/>
  <c r="X35681" i="1"/>
  <c r="X35682" i="1"/>
  <c r="X35683" i="1"/>
  <c r="X35684" i="1"/>
  <c r="X35685" i="1"/>
  <c r="X35686" i="1"/>
  <c r="X35687" i="1"/>
  <c r="X35688" i="1"/>
  <c r="X35689" i="1"/>
  <c r="X35690" i="1"/>
  <c r="X35691" i="1"/>
  <c r="X35692" i="1"/>
  <c r="X35693" i="1"/>
  <c r="X35694" i="1"/>
  <c r="X35695" i="1"/>
  <c r="X35696" i="1"/>
  <c r="X35697" i="1"/>
  <c r="X35698" i="1"/>
  <c r="X35699" i="1"/>
  <c r="X35700" i="1"/>
  <c r="X35701" i="1"/>
  <c r="X35702" i="1"/>
  <c r="X35703" i="1"/>
  <c r="X35704" i="1"/>
  <c r="X35705" i="1"/>
  <c r="X35706" i="1"/>
  <c r="X35707" i="1"/>
  <c r="X35708" i="1"/>
  <c r="X35709" i="1"/>
  <c r="X35710" i="1"/>
  <c r="X35711" i="1"/>
  <c r="X35712" i="1"/>
  <c r="X35713" i="1"/>
  <c r="X35714" i="1"/>
  <c r="X35715" i="1"/>
  <c r="X35716" i="1"/>
  <c r="X35717" i="1"/>
  <c r="X35718" i="1"/>
  <c r="X35719" i="1"/>
  <c r="X35720" i="1"/>
  <c r="X35721" i="1"/>
  <c r="X35722" i="1"/>
  <c r="X35723" i="1"/>
  <c r="X35724" i="1"/>
  <c r="X35725" i="1"/>
  <c r="X35726" i="1"/>
  <c r="X35727" i="1"/>
  <c r="X35728" i="1"/>
  <c r="X35729" i="1"/>
  <c r="X35730" i="1"/>
  <c r="X35731" i="1"/>
  <c r="X35732" i="1"/>
  <c r="X35733" i="1"/>
  <c r="X35734" i="1"/>
  <c r="X35735" i="1"/>
  <c r="X35736" i="1"/>
  <c r="X35737" i="1"/>
  <c r="X35738" i="1"/>
  <c r="X35739" i="1"/>
  <c r="X35740" i="1"/>
  <c r="X35741" i="1"/>
  <c r="X35742" i="1"/>
  <c r="X35743" i="1"/>
  <c r="X35744" i="1"/>
  <c r="X35745" i="1"/>
  <c r="X35746" i="1"/>
  <c r="X35747" i="1"/>
  <c r="X35748" i="1"/>
  <c r="X35749" i="1"/>
  <c r="X35750" i="1"/>
  <c r="X35751" i="1"/>
  <c r="X35752" i="1"/>
  <c r="X35753" i="1"/>
  <c r="X35754" i="1"/>
  <c r="X35755" i="1"/>
  <c r="X35756" i="1"/>
  <c r="X35757" i="1"/>
  <c r="X35758" i="1"/>
  <c r="X35759" i="1"/>
  <c r="X35760" i="1"/>
  <c r="X35761" i="1"/>
  <c r="X35762" i="1"/>
  <c r="X35763" i="1"/>
  <c r="X35764" i="1"/>
  <c r="X35765" i="1"/>
  <c r="X35766" i="1"/>
  <c r="X35767" i="1"/>
  <c r="X35768" i="1"/>
  <c r="X35769" i="1"/>
  <c r="X35770" i="1"/>
  <c r="X35771" i="1"/>
  <c r="X35772" i="1"/>
  <c r="X35773" i="1"/>
  <c r="X35774" i="1"/>
  <c r="X35775" i="1"/>
  <c r="X35776" i="1"/>
  <c r="X35777" i="1"/>
  <c r="X35778" i="1"/>
  <c r="X35779" i="1"/>
  <c r="X35780" i="1"/>
  <c r="X35781" i="1"/>
  <c r="X35782" i="1"/>
  <c r="X35783" i="1"/>
  <c r="X35784" i="1"/>
  <c r="X35785" i="1"/>
  <c r="X35786" i="1"/>
  <c r="X35787" i="1"/>
  <c r="X35788" i="1"/>
  <c r="X35789" i="1"/>
  <c r="X35790" i="1"/>
  <c r="X35791" i="1"/>
  <c r="X35792" i="1"/>
  <c r="X35793" i="1"/>
  <c r="X35794" i="1"/>
  <c r="X35795" i="1"/>
  <c r="X35796" i="1"/>
  <c r="X35797" i="1"/>
  <c r="X35798" i="1"/>
  <c r="X35799" i="1"/>
  <c r="X35800" i="1"/>
  <c r="X35801" i="1"/>
  <c r="X35802" i="1"/>
  <c r="X35803" i="1"/>
  <c r="X35804" i="1"/>
  <c r="X35805" i="1"/>
  <c r="X35806" i="1"/>
  <c r="X35807" i="1"/>
  <c r="X35808" i="1"/>
  <c r="X35809" i="1"/>
  <c r="X35810" i="1"/>
  <c r="X35811" i="1"/>
  <c r="X35812" i="1"/>
  <c r="X35813" i="1"/>
  <c r="X35814" i="1"/>
  <c r="X35815" i="1"/>
  <c r="X35816" i="1"/>
  <c r="X35817" i="1"/>
  <c r="X35818" i="1"/>
  <c r="X35819" i="1"/>
  <c r="X35820" i="1"/>
  <c r="X35821" i="1"/>
  <c r="X35822" i="1"/>
  <c r="X35823" i="1"/>
  <c r="X35824" i="1"/>
  <c r="X35825" i="1"/>
  <c r="X35826" i="1"/>
  <c r="X35827" i="1"/>
  <c r="X35828" i="1"/>
  <c r="X35829" i="1"/>
  <c r="X35830" i="1"/>
  <c r="X35831" i="1"/>
  <c r="X35832" i="1"/>
  <c r="X35833" i="1"/>
  <c r="X35834" i="1"/>
  <c r="X35835" i="1"/>
  <c r="X35836" i="1"/>
  <c r="X35837" i="1"/>
  <c r="X35838" i="1"/>
  <c r="X35839" i="1"/>
  <c r="X35840" i="1"/>
  <c r="X35841" i="1"/>
  <c r="X35842" i="1"/>
  <c r="X35843" i="1"/>
  <c r="X35844" i="1"/>
  <c r="X35845" i="1"/>
  <c r="X35846" i="1"/>
  <c r="X35847" i="1"/>
  <c r="X35848" i="1"/>
  <c r="X35849" i="1"/>
  <c r="X35850" i="1"/>
  <c r="X35851" i="1"/>
  <c r="X35852" i="1"/>
  <c r="X35853" i="1"/>
  <c r="X35854" i="1"/>
  <c r="X35855" i="1"/>
  <c r="X35856" i="1"/>
  <c r="X35857" i="1"/>
  <c r="X35858" i="1"/>
  <c r="X35859" i="1"/>
  <c r="X35860" i="1"/>
  <c r="X35861" i="1"/>
  <c r="X35862" i="1"/>
  <c r="X35863" i="1"/>
  <c r="X35864" i="1"/>
  <c r="X35865" i="1"/>
  <c r="X35866" i="1"/>
  <c r="X35867" i="1"/>
  <c r="X35868" i="1"/>
  <c r="X35869" i="1"/>
  <c r="X35870" i="1"/>
  <c r="X35871" i="1"/>
  <c r="X35872" i="1"/>
  <c r="X35873" i="1"/>
  <c r="X35874" i="1"/>
  <c r="X35875" i="1"/>
  <c r="X35876" i="1"/>
  <c r="X35877" i="1"/>
  <c r="X35878" i="1"/>
  <c r="X35879" i="1"/>
  <c r="X35880" i="1"/>
  <c r="X35881" i="1"/>
  <c r="X35882" i="1"/>
  <c r="X35883" i="1"/>
  <c r="X35884" i="1"/>
  <c r="X35885" i="1"/>
  <c r="X35886" i="1"/>
  <c r="X35887" i="1"/>
  <c r="X35888" i="1"/>
  <c r="X35889" i="1"/>
  <c r="X35890" i="1"/>
  <c r="X35891" i="1"/>
  <c r="X35892" i="1"/>
  <c r="X35893" i="1"/>
  <c r="X35894" i="1"/>
  <c r="X35895" i="1"/>
  <c r="X35896" i="1"/>
  <c r="X35897" i="1"/>
  <c r="X35898" i="1"/>
  <c r="X35899" i="1"/>
  <c r="X35900" i="1"/>
  <c r="X35901" i="1"/>
  <c r="X35902" i="1"/>
  <c r="X35903" i="1"/>
  <c r="X35904" i="1"/>
  <c r="X35905" i="1"/>
  <c r="X35906" i="1"/>
  <c r="X35907" i="1"/>
  <c r="X35908" i="1"/>
  <c r="X35909" i="1"/>
  <c r="X35910" i="1"/>
  <c r="X35911" i="1"/>
  <c r="X35912" i="1"/>
  <c r="X35913" i="1"/>
  <c r="X35914" i="1"/>
  <c r="X35915" i="1"/>
  <c r="X35916" i="1"/>
  <c r="X35917" i="1"/>
  <c r="X35918" i="1"/>
  <c r="X35919" i="1"/>
  <c r="X35920" i="1"/>
  <c r="X35921" i="1"/>
  <c r="X35922" i="1"/>
  <c r="X35923" i="1"/>
  <c r="X35924" i="1"/>
  <c r="X35925" i="1"/>
  <c r="X35926" i="1"/>
  <c r="X35927" i="1"/>
  <c r="X35928" i="1"/>
  <c r="X35929" i="1"/>
  <c r="X35930" i="1"/>
  <c r="X35931" i="1"/>
  <c r="X35932" i="1"/>
  <c r="X35933" i="1"/>
  <c r="X35934" i="1"/>
  <c r="X35935" i="1"/>
  <c r="X35936" i="1"/>
  <c r="X35937" i="1"/>
  <c r="X35938" i="1"/>
  <c r="X35939" i="1"/>
  <c r="X35940" i="1"/>
  <c r="X35941" i="1"/>
  <c r="X35942" i="1"/>
  <c r="X35943" i="1"/>
  <c r="X35944" i="1"/>
  <c r="X35945" i="1"/>
  <c r="X35946" i="1"/>
  <c r="X35947" i="1"/>
  <c r="X35948" i="1"/>
  <c r="X35949" i="1"/>
  <c r="X35950" i="1"/>
  <c r="X35951" i="1"/>
  <c r="X35952" i="1"/>
  <c r="X35953" i="1"/>
  <c r="X35954" i="1"/>
  <c r="X35955" i="1"/>
  <c r="X35956" i="1"/>
  <c r="X35957" i="1"/>
  <c r="X35958" i="1"/>
  <c r="X35959" i="1"/>
  <c r="X35960" i="1"/>
  <c r="X35961" i="1"/>
  <c r="X35962" i="1"/>
  <c r="X35963" i="1"/>
  <c r="X35964" i="1"/>
  <c r="X35965" i="1"/>
  <c r="X35966" i="1"/>
  <c r="X35967" i="1"/>
  <c r="X35968" i="1"/>
  <c r="X35969" i="1"/>
  <c r="X35970" i="1"/>
  <c r="X35971" i="1"/>
  <c r="X35972" i="1"/>
  <c r="X35973" i="1"/>
  <c r="X35974" i="1"/>
  <c r="X35975" i="1"/>
  <c r="X35976" i="1"/>
  <c r="X35977" i="1"/>
  <c r="X35978" i="1"/>
  <c r="X35979" i="1"/>
  <c r="X35980" i="1"/>
  <c r="X35981" i="1"/>
  <c r="X35982" i="1"/>
  <c r="X35983" i="1"/>
  <c r="X35984" i="1"/>
  <c r="X35985" i="1"/>
  <c r="X35986" i="1"/>
  <c r="X35987" i="1"/>
  <c r="X35988" i="1"/>
  <c r="X35989" i="1"/>
  <c r="X35990" i="1"/>
  <c r="X35991" i="1"/>
  <c r="X35992" i="1"/>
  <c r="X35993" i="1"/>
  <c r="X35994" i="1"/>
  <c r="X35995" i="1"/>
  <c r="X35996" i="1"/>
  <c r="X35997" i="1"/>
  <c r="X35998" i="1"/>
  <c r="X35999" i="1"/>
  <c r="X36000" i="1"/>
  <c r="X36001" i="1"/>
  <c r="X36002" i="1"/>
  <c r="X36003" i="1"/>
  <c r="X36004" i="1"/>
  <c r="X36005" i="1"/>
  <c r="X36006" i="1"/>
  <c r="X36007" i="1"/>
  <c r="X36008" i="1"/>
  <c r="X36009" i="1"/>
  <c r="X36010" i="1"/>
  <c r="X36011" i="1"/>
  <c r="X36012" i="1"/>
  <c r="X36013" i="1"/>
  <c r="X36014" i="1"/>
  <c r="X36015" i="1"/>
  <c r="X36016" i="1"/>
  <c r="X36017" i="1"/>
  <c r="X36018" i="1"/>
  <c r="X36019" i="1"/>
  <c r="X36020" i="1"/>
  <c r="X36021" i="1"/>
  <c r="X36022" i="1"/>
  <c r="X36023" i="1"/>
  <c r="X36024" i="1"/>
  <c r="X36025" i="1"/>
  <c r="X36026" i="1"/>
  <c r="X36027" i="1"/>
  <c r="X36028" i="1"/>
  <c r="X36029" i="1"/>
  <c r="X36030" i="1"/>
  <c r="X36031" i="1"/>
  <c r="X36032" i="1"/>
  <c r="X36033" i="1"/>
  <c r="X36034" i="1"/>
  <c r="X36035" i="1"/>
  <c r="X36036" i="1"/>
  <c r="X36037" i="1"/>
  <c r="X36038" i="1"/>
  <c r="X36039" i="1"/>
  <c r="X36040" i="1"/>
  <c r="X36041" i="1"/>
  <c r="X36042" i="1"/>
  <c r="X36043" i="1"/>
  <c r="X36044" i="1"/>
  <c r="X36045" i="1"/>
  <c r="X36046" i="1"/>
  <c r="X36047" i="1"/>
  <c r="X36048" i="1"/>
  <c r="X36049" i="1"/>
  <c r="X36050" i="1"/>
  <c r="X36051" i="1"/>
  <c r="X36052" i="1"/>
  <c r="X36053" i="1"/>
  <c r="X36054" i="1"/>
  <c r="X36055" i="1"/>
  <c r="X36056" i="1"/>
  <c r="X36057" i="1"/>
  <c r="X36058" i="1"/>
  <c r="X36059" i="1"/>
  <c r="X36060" i="1"/>
  <c r="X36061" i="1"/>
  <c r="X36062" i="1"/>
  <c r="X36063" i="1"/>
  <c r="X36064" i="1"/>
  <c r="X36065" i="1"/>
  <c r="X36066" i="1"/>
  <c r="X36067" i="1"/>
  <c r="X36068" i="1"/>
  <c r="X36069" i="1"/>
  <c r="X36070" i="1"/>
  <c r="X36071" i="1"/>
  <c r="X36072" i="1"/>
  <c r="X36073" i="1"/>
  <c r="X36074" i="1"/>
  <c r="X36075" i="1"/>
  <c r="X36076" i="1"/>
  <c r="X36077" i="1"/>
  <c r="X36078" i="1"/>
  <c r="X36079" i="1"/>
  <c r="X36080" i="1"/>
  <c r="X36081" i="1"/>
  <c r="X36082" i="1"/>
  <c r="X36083" i="1"/>
  <c r="X36084" i="1"/>
  <c r="X36085" i="1"/>
  <c r="X36086" i="1"/>
  <c r="X36087" i="1"/>
  <c r="X36088" i="1"/>
  <c r="X36089" i="1"/>
  <c r="X36090" i="1"/>
  <c r="X36091" i="1"/>
  <c r="X36092" i="1"/>
  <c r="X36093" i="1"/>
  <c r="X36094" i="1"/>
  <c r="X36095" i="1"/>
  <c r="X36096" i="1"/>
  <c r="X36097" i="1"/>
  <c r="X36098" i="1"/>
  <c r="X36099" i="1"/>
  <c r="X36100" i="1"/>
  <c r="X36101" i="1"/>
  <c r="X36102" i="1"/>
  <c r="X36103" i="1"/>
  <c r="X36104" i="1"/>
  <c r="X36105" i="1"/>
  <c r="X36106" i="1"/>
  <c r="X36107" i="1"/>
  <c r="X36108" i="1"/>
  <c r="X36109" i="1"/>
  <c r="X36110" i="1"/>
  <c r="X36111" i="1"/>
  <c r="X36112" i="1"/>
  <c r="X36113" i="1"/>
  <c r="X36114" i="1"/>
  <c r="X36115" i="1"/>
  <c r="X36116" i="1"/>
  <c r="X36117" i="1"/>
  <c r="X36118" i="1"/>
  <c r="X36119" i="1"/>
  <c r="X36120" i="1"/>
  <c r="X36121" i="1"/>
  <c r="X36122" i="1"/>
  <c r="X36123" i="1"/>
  <c r="X36124" i="1"/>
  <c r="X36125" i="1"/>
  <c r="X36126" i="1"/>
  <c r="X36127" i="1"/>
  <c r="X36128" i="1"/>
  <c r="X36129" i="1"/>
  <c r="X36130" i="1"/>
  <c r="X36131" i="1"/>
  <c r="X36132" i="1"/>
  <c r="X36133" i="1"/>
  <c r="X36134" i="1"/>
  <c r="X36135" i="1"/>
  <c r="X36136" i="1"/>
  <c r="X36137" i="1"/>
  <c r="X36138" i="1"/>
  <c r="X36139" i="1"/>
  <c r="X36140" i="1"/>
  <c r="X36141" i="1"/>
  <c r="X36142" i="1"/>
  <c r="X36143" i="1"/>
  <c r="X36144" i="1"/>
  <c r="X36145" i="1"/>
  <c r="X36146" i="1"/>
  <c r="X36147" i="1"/>
  <c r="X36148" i="1"/>
  <c r="X36149" i="1"/>
  <c r="X36150" i="1"/>
  <c r="X36151" i="1"/>
  <c r="X36152" i="1"/>
  <c r="X36153" i="1"/>
  <c r="X36154" i="1"/>
  <c r="X36155" i="1"/>
  <c r="X36156" i="1"/>
  <c r="X36157" i="1"/>
  <c r="X36158" i="1"/>
  <c r="X36159" i="1"/>
  <c r="X36160" i="1"/>
  <c r="X36161" i="1"/>
  <c r="X36162" i="1"/>
  <c r="X36163" i="1"/>
  <c r="X36164" i="1"/>
  <c r="X36165" i="1"/>
  <c r="X36166" i="1"/>
  <c r="X36167" i="1"/>
  <c r="X36168" i="1"/>
  <c r="X36169" i="1"/>
  <c r="X36170" i="1"/>
  <c r="X36171" i="1"/>
  <c r="X36172" i="1"/>
  <c r="X36173" i="1"/>
  <c r="X36174" i="1"/>
  <c r="X36175" i="1"/>
  <c r="X36176" i="1"/>
  <c r="X36177" i="1"/>
  <c r="X36178" i="1"/>
  <c r="X36179" i="1"/>
  <c r="X36180" i="1"/>
  <c r="X36181" i="1"/>
  <c r="X36182" i="1"/>
  <c r="X36183" i="1"/>
  <c r="X36184" i="1"/>
  <c r="X36185" i="1"/>
  <c r="X36186" i="1"/>
  <c r="X36187" i="1"/>
  <c r="X36188" i="1"/>
  <c r="X36189" i="1"/>
  <c r="X36190" i="1"/>
  <c r="X36191" i="1"/>
  <c r="X36192" i="1"/>
  <c r="X36193" i="1"/>
  <c r="X36194" i="1"/>
  <c r="X36195" i="1"/>
  <c r="X36196" i="1"/>
  <c r="X36197" i="1"/>
  <c r="X36198" i="1"/>
  <c r="X36199" i="1"/>
  <c r="X36200" i="1"/>
  <c r="X36201" i="1"/>
  <c r="X36202" i="1"/>
  <c r="X36203" i="1"/>
  <c r="X36204" i="1"/>
  <c r="X36205" i="1"/>
  <c r="X36206" i="1"/>
  <c r="X36207" i="1"/>
  <c r="X36208" i="1"/>
  <c r="X36209" i="1"/>
  <c r="X36210" i="1"/>
  <c r="X36211" i="1"/>
  <c r="X36212" i="1"/>
  <c r="X36213" i="1"/>
  <c r="X36214" i="1"/>
  <c r="X36215" i="1"/>
  <c r="X36216" i="1"/>
  <c r="X36217" i="1"/>
  <c r="X36218" i="1"/>
  <c r="X36219" i="1"/>
  <c r="X36220" i="1"/>
  <c r="X36221" i="1"/>
  <c r="X36222" i="1"/>
  <c r="X36223" i="1"/>
  <c r="X36224" i="1"/>
  <c r="X36225" i="1"/>
  <c r="X36226" i="1"/>
  <c r="X36227" i="1"/>
  <c r="X36228" i="1"/>
  <c r="X36229" i="1"/>
  <c r="X36230" i="1"/>
  <c r="X36231" i="1"/>
  <c r="X36232" i="1"/>
  <c r="X36233" i="1"/>
  <c r="X36234" i="1"/>
  <c r="X36235" i="1"/>
  <c r="X36236" i="1"/>
  <c r="X36237" i="1"/>
  <c r="X36238" i="1"/>
  <c r="X36239" i="1"/>
  <c r="X36240" i="1"/>
  <c r="X36241" i="1"/>
  <c r="X36242" i="1"/>
  <c r="X36243" i="1"/>
  <c r="X36244" i="1"/>
  <c r="X36245" i="1"/>
  <c r="X36246" i="1"/>
  <c r="X36247" i="1"/>
  <c r="X36248" i="1"/>
  <c r="X36249" i="1"/>
  <c r="X36250" i="1"/>
  <c r="X36251" i="1"/>
  <c r="X36252" i="1"/>
  <c r="X36253" i="1"/>
  <c r="X36254" i="1"/>
  <c r="X36255" i="1"/>
  <c r="X36256" i="1"/>
  <c r="X36257" i="1"/>
  <c r="X36258" i="1"/>
  <c r="X36259" i="1"/>
  <c r="X36260" i="1"/>
  <c r="X36261" i="1"/>
  <c r="X36262" i="1"/>
  <c r="X36263" i="1"/>
  <c r="X36264" i="1"/>
  <c r="X36265" i="1"/>
  <c r="X36266" i="1"/>
  <c r="X36267" i="1"/>
  <c r="X36268" i="1"/>
  <c r="X36269" i="1"/>
  <c r="X36270" i="1"/>
  <c r="X36271" i="1"/>
  <c r="X36272" i="1"/>
  <c r="X36273" i="1"/>
  <c r="X36274" i="1"/>
  <c r="X36275" i="1"/>
  <c r="X36276" i="1"/>
  <c r="X36277" i="1"/>
  <c r="X36278" i="1"/>
  <c r="X36279" i="1"/>
  <c r="X36280" i="1"/>
  <c r="X36281" i="1"/>
  <c r="X36282" i="1"/>
  <c r="X36283" i="1"/>
  <c r="X36284" i="1"/>
  <c r="X36285" i="1"/>
  <c r="X36286" i="1"/>
  <c r="X36287" i="1"/>
  <c r="X36288" i="1"/>
  <c r="X36289" i="1"/>
  <c r="X36290" i="1"/>
  <c r="X36291" i="1"/>
  <c r="X36292" i="1"/>
  <c r="X36293" i="1"/>
  <c r="X36294" i="1"/>
  <c r="X36295" i="1"/>
  <c r="X36296" i="1"/>
  <c r="X36297" i="1"/>
  <c r="X36298" i="1"/>
  <c r="X36299" i="1"/>
  <c r="X36300" i="1"/>
  <c r="X36301" i="1"/>
  <c r="X36302" i="1"/>
  <c r="X36303" i="1"/>
  <c r="X36304" i="1"/>
  <c r="X36305" i="1"/>
  <c r="X36306" i="1"/>
  <c r="X36307" i="1"/>
  <c r="X36308" i="1"/>
  <c r="X36309" i="1"/>
  <c r="X36310" i="1"/>
  <c r="X36311" i="1"/>
  <c r="X36312" i="1"/>
  <c r="X36313" i="1"/>
  <c r="X36314" i="1"/>
  <c r="X36315" i="1"/>
  <c r="X36316" i="1"/>
  <c r="X36317" i="1"/>
  <c r="X36318" i="1"/>
  <c r="X36319" i="1"/>
  <c r="X36320" i="1"/>
  <c r="X36321" i="1"/>
  <c r="X36322" i="1"/>
  <c r="X36323" i="1"/>
  <c r="X36324" i="1"/>
  <c r="X36325" i="1"/>
  <c r="X36326" i="1"/>
  <c r="X36327" i="1"/>
  <c r="X36328" i="1"/>
  <c r="X36329" i="1"/>
  <c r="X36330" i="1"/>
  <c r="X36331" i="1"/>
  <c r="X36332" i="1"/>
  <c r="X36333" i="1"/>
  <c r="X36334" i="1"/>
  <c r="X36335" i="1"/>
  <c r="X36336" i="1"/>
  <c r="X36337" i="1"/>
  <c r="X36338" i="1"/>
  <c r="X36339" i="1"/>
  <c r="X36340" i="1"/>
  <c r="X36341" i="1"/>
  <c r="X36342" i="1"/>
  <c r="X36343" i="1"/>
  <c r="X36344" i="1"/>
  <c r="X36345" i="1"/>
  <c r="X36346" i="1"/>
  <c r="X36347" i="1"/>
  <c r="X36348" i="1"/>
  <c r="X36349" i="1"/>
  <c r="X36350" i="1"/>
  <c r="X36351" i="1"/>
  <c r="X36352" i="1"/>
  <c r="X36353" i="1"/>
  <c r="X36354" i="1"/>
  <c r="X36355" i="1"/>
  <c r="X36356" i="1"/>
  <c r="X36357" i="1"/>
  <c r="X36358" i="1"/>
  <c r="X36359" i="1"/>
  <c r="X36360" i="1"/>
  <c r="X36361" i="1"/>
  <c r="X36362" i="1"/>
  <c r="X36363" i="1"/>
  <c r="X36364" i="1"/>
  <c r="X36365" i="1"/>
  <c r="X36366" i="1"/>
  <c r="X36367" i="1"/>
  <c r="X36368" i="1"/>
  <c r="X36369" i="1"/>
  <c r="X36370" i="1"/>
  <c r="X36371" i="1"/>
  <c r="X36372" i="1"/>
  <c r="X36373" i="1"/>
  <c r="X36374" i="1"/>
  <c r="X36375" i="1"/>
  <c r="X36376" i="1"/>
  <c r="X36377" i="1"/>
  <c r="X36378" i="1"/>
  <c r="X36379" i="1"/>
  <c r="X36380" i="1"/>
  <c r="X36381" i="1"/>
  <c r="X36382" i="1"/>
  <c r="X36383" i="1"/>
  <c r="X36384" i="1"/>
  <c r="X36385" i="1"/>
  <c r="X36386" i="1"/>
  <c r="X36387" i="1"/>
  <c r="X36388" i="1"/>
  <c r="X36389" i="1"/>
  <c r="X36390" i="1"/>
  <c r="X36391" i="1"/>
  <c r="X36392" i="1"/>
  <c r="X36393" i="1"/>
  <c r="X36394" i="1"/>
  <c r="X36395" i="1"/>
  <c r="X36396" i="1"/>
  <c r="X36397" i="1"/>
  <c r="X36398" i="1"/>
  <c r="X36399" i="1"/>
  <c r="X36400" i="1"/>
  <c r="X36401" i="1"/>
  <c r="X36402" i="1"/>
  <c r="X36403" i="1"/>
  <c r="X36404" i="1"/>
  <c r="X36405" i="1"/>
  <c r="X36406" i="1"/>
  <c r="X36407" i="1"/>
  <c r="X36408" i="1"/>
  <c r="X36409" i="1"/>
  <c r="X36410" i="1"/>
  <c r="X36411" i="1"/>
  <c r="X36412" i="1"/>
  <c r="X36413" i="1"/>
  <c r="X36414" i="1"/>
  <c r="X36415" i="1"/>
  <c r="X36416" i="1"/>
  <c r="X36417" i="1"/>
  <c r="X36418" i="1"/>
  <c r="X36419" i="1"/>
  <c r="X36420" i="1"/>
  <c r="X36421" i="1"/>
  <c r="X36422" i="1"/>
  <c r="X36423" i="1"/>
  <c r="X36424" i="1"/>
  <c r="X36425" i="1"/>
  <c r="X36426" i="1"/>
  <c r="X36427" i="1"/>
  <c r="X36428" i="1"/>
  <c r="X36429" i="1"/>
  <c r="X36430" i="1"/>
  <c r="X36431" i="1"/>
  <c r="X36432" i="1"/>
  <c r="X36433" i="1"/>
  <c r="X36434" i="1"/>
  <c r="X36435" i="1"/>
  <c r="X36436" i="1"/>
  <c r="X36437" i="1"/>
  <c r="X36438" i="1"/>
  <c r="X36439" i="1"/>
  <c r="X36440" i="1"/>
  <c r="X36441" i="1"/>
  <c r="X36442" i="1"/>
  <c r="X36443" i="1"/>
  <c r="X36444" i="1"/>
  <c r="X36445" i="1"/>
  <c r="X36446" i="1"/>
  <c r="X36447" i="1"/>
  <c r="X36448" i="1"/>
  <c r="X36449" i="1"/>
  <c r="X36450" i="1"/>
  <c r="X36451" i="1"/>
  <c r="X36452" i="1"/>
  <c r="X36453" i="1"/>
  <c r="X36454" i="1"/>
  <c r="X36455" i="1"/>
  <c r="X36456" i="1"/>
  <c r="X36457" i="1"/>
  <c r="X36458" i="1"/>
  <c r="X36459" i="1"/>
  <c r="X36460" i="1"/>
  <c r="X36461" i="1"/>
  <c r="X36462" i="1"/>
  <c r="X36463" i="1"/>
  <c r="X36464" i="1"/>
  <c r="X36465" i="1"/>
  <c r="X36466" i="1"/>
  <c r="X36467" i="1"/>
  <c r="X36468" i="1"/>
  <c r="X36469" i="1"/>
  <c r="X36470" i="1"/>
  <c r="X36471" i="1"/>
  <c r="X36472" i="1"/>
  <c r="X36473" i="1"/>
  <c r="X36474" i="1"/>
  <c r="X36475" i="1"/>
  <c r="X36476" i="1"/>
  <c r="X36477" i="1"/>
  <c r="X36478" i="1"/>
  <c r="X36479" i="1"/>
  <c r="X36480" i="1"/>
  <c r="X36481" i="1"/>
  <c r="X36482" i="1"/>
  <c r="X36483" i="1"/>
  <c r="X36484" i="1"/>
  <c r="X36485" i="1"/>
  <c r="X36486" i="1"/>
  <c r="X36487" i="1"/>
  <c r="X36488" i="1"/>
  <c r="X36489" i="1"/>
  <c r="X36490" i="1"/>
  <c r="X36491" i="1"/>
  <c r="X36492" i="1"/>
  <c r="X36493" i="1"/>
  <c r="X36494" i="1"/>
  <c r="X36495" i="1"/>
  <c r="X36496" i="1"/>
  <c r="X36497" i="1"/>
  <c r="X36498" i="1"/>
  <c r="X36499" i="1"/>
  <c r="X36500" i="1"/>
  <c r="X36501" i="1"/>
  <c r="X36502" i="1"/>
  <c r="X36503" i="1"/>
  <c r="X36504" i="1"/>
  <c r="X36505" i="1"/>
  <c r="X36506" i="1"/>
  <c r="X36507" i="1"/>
  <c r="X36508" i="1"/>
  <c r="X36509" i="1"/>
  <c r="X36510" i="1"/>
  <c r="X36511" i="1"/>
  <c r="X36512" i="1"/>
  <c r="X36513" i="1"/>
  <c r="X36514" i="1"/>
  <c r="X36515" i="1"/>
  <c r="X36516" i="1"/>
  <c r="X36517" i="1"/>
  <c r="X36518" i="1"/>
  <c r="X36519" i="1"/>
  <c r="X36520" i="1"/>
  <c r="X36521" i="1"/>
  <c r="X36522" i="1"/>
  <c r="X36523" i="1"/>
  <c r="X36524" i="1"/>
  <c r="X36525" i="1"/>
  <c r="X36526" i="1"/>
  <c r="X36527" i="1"/>
  <c r="X36528" i="1"/>
  <c r="X36529" i="1"/>
  <c r="X36530" i="1"/>
  <c r="X36531" i="1"/>
  <c r="X36532" i="1"/>
  <c r="X36533" i="1"/>
  <c r="X36534" i="1"/>
  <c r="X36535" i="1"/>
  <c r="X36536" i="1"/>
  <c r="X36537" i="1"/>
  <c r="X36538" i="1"/>
  <c r="X36539" i="1"/>
  <c r="X36540" i="1"/>
  <c r="X36541" i="1"/>
  <c r="X36542" i="1"/>
  <c r="X36543" i="1"/>
  <c r="X36544" i="1"/>
  <c r="X36545" i="1"/>
  <c r="X36546" i="1"/>
  <c r="X36547" i="1"/>
  <c r="X36548" i="1"/>
  <c r="X36549" i="1"/>
  <c r="X36550" i="1"/>
  <c r="X36551" i="1"/>
  <c r="X36552" i="1"/>
  <c r="X36553" i="1"/>
  <c r="X36554" i="1"/>
  <c r="X36555" i="1"/>
  <c r="X36556" i="1"/>
  <c r="X36557" i="1"/>
  <c r="X36558" i="1"/>
  <c r="X36559" i="1"/>
  <c r="X36560" i="1"/>
  <c r="X36561" i="1"/>
  <c r="X36562" i="1"/>
  <c r="X36563" i="1"/>
  <c r="X36564" i="1"/>
  <c r="X36565" i="1"/>
  <c r="X36566" i="1"/>
  <c r="X36567" i="1"/>
  <c r="X36568" i="1"/>
  <c r="X36569" i="1"/>
  <c r="X36570" i="1"/>
  <c r="X36571" i="1"/>
  <c r="X36572" i="1"/>
  <c r="X36573" i="1"/>
  <c r="X36574" i="1"/>
  <c r="X36575" i="1"/>
  <c r="X36576" i="1"/>
  <c r="X36577" i="1"/>
  <c r="X36578" i="1"/>
  <c r="X36579" i="1"/>
  <c r="X36580" i="1"/>
  <c r="X36581" i="1"/>
  <c r="X36582" i="1"/>
  <c r="X36583" i="1"/>
  <c r="X36584" i="1"/>
  <c r="X36585" i="1"/>
  <c r="X36586" i="1"/>
  <c r="X36587" i="1"/>
  <c r="X36588" i="1"/>
  <c r="X36589" i="1"/>
  <c r="X36590" i="1"/>
  <c r="X36591" i="1"/>
  <c r="X36592" i="1"/>
  <c r="X36593" i="1"/>
  <c r="X36594" i="1"/>
  <c r="X36595" i="1"/>
  <c r="X36596" i="1"/>
  <c r="X36597" i="1"/>
  <c r="X36598" i="1"/>
  <c r="X36599" i="1"/>
  <c r="X36600" i="1"/>
  <c r="X36601" i="1"/>
  <c r="X36602" i="1"/>
  <c r="X36603" i="1"/>
  <c r="X36604" i="1"/>
  <c r="X36605" i="1"/>
  <c r="X36606" i="1"/>
  <c r="X36607" i="1"/>
  <c r="X36608" i="1"/>
  <c r="X36609" i="1"/>
  <c r="X36610" i="1"/>
  <c r="X36611" i="1"/>
  <c r="X36612" i="1"/>
  <c r="X36613" i="1"/>
  <c r="X36614" i="1"/>
  <c r="X36615" i="1"/>
  <c r="X36616" i="1"/>
  <c r="X36617" i="1"/>
  <c r="X36618" i="1"/>
  <c r="X36619" i="1"/>
  <c r="X36620" i="1"/>
  <c r="X36621" i="1"/>
  <c r="X36622" i="1"/>
  <c r="X36623" i="1"/>
  <c r="X36624" i="1"/>
  <c r="X36625" i="1"/>
  <c r="X36626" i="1"/>
  <c r="X36627" i="1"/>
  <c r="X36628" i="1"/>
  <c r="X36629" i="1"/>
  <c r="X36630" i="1"/>
  <c r="X36631" i="1"/>
  <c r="X36632" i="1"/>
  <c r="X36633" i="1"/>
  <c r="X36634" i="1"/>
  <c r="X36635" i="1"/>
  <c r="X36636" i="1"/>
  <c r="X36637" i="1"/>
  <c r="X36638" i="1"/>
  <c r="X36639" i="1"/>
  <c r="X36640" i="1"/>
  <c r="X36641" i="1"/>
  <c r="X36642" i="1"/>
  <c r="X36643" i="1"/>
  <c r="X36644" i="1"/>
  <c r="X36645" i="1"/>
  <c r="X36646" i="1"/>
  <c r="X36647" i="1"/>
  <c r="X36648" i="1"/>
  <c r="X36649" i="1"/>
  <c r="X36650" i="1"/>
  <c r="X36651" i="1"/>
  <c r="X36652" i="1"/>
  <c r="X36653" i="1"/>
  <c r="X36654" i="1"/>
  <c r="X36655" i="1"/>
  <c r="X36656" i="1"/>
  <c r="X36657" i="1"/>
  <c r="X36658" i="1"/>
  <c r="X36659" i="1"/>
  <c r="X36660" i="1"/>
  <c r="X36661" i="1"/>
  <c r="X36662" i="1"/>
  <c r="X36663" i="1"/>
  <c r="X36664" i="1"/>
  <c r="X36665" i="1"/>
  <c r="X36666" i="1"/>
  <c r="X36667" i="1"/>
  <c r="X36668" i="1"/>
  <c r="X36669" i="1"/>
  <c r="X36670" i="1"/>
  <c r="X36671" i="1"/>
  <c r="X36672" i="1"/>
  <c r="X36673" i="1"/>
  <c r="X36674" i="1"/>
  <c r="X36675" i="1"/>
  <c r="X36676" i="1"/>
  <c r="X36677" i="1"/>
  <c r="X36678" i="1"/>
  <c r="X36679" i="1"/>
  <c r="X36680" i="1"/>
  <c r="X36681" i="1"/>
  <c r="X36682" i="1"/>
  <c r="X36683" i="1"/>
  <c r="X36684" i="1"/>
  <c r="X36685" i="1"/>
  <c r="X36686" i="1"/>
  <c r="X36687" i="1"/>
  <c r="X36688" i="1"/>
  <c r="X36689" i="1"/>
  <c r="X36690" i="1"/>
  <c r="X36691" i="1"/>
  <c r="X36692" i="1"/>
  <c r="X36693" i="1"/>
  <c r="X36694" i="1"/>
  <c r="X36695" i="1"/>
  <c r="X36696" i="1"/>
  <c r="X36697" i="1"/>
  <c r="X36698" i="1"/>
  <c r="X36699" i="1"/>
  <c r="X36700" i="1"/>
  <c r="X36701" i="1"/>
  <c r="X36702" i="1"/>
  <c r="X36703" i="1"/>
  <c r="X36704" i="1"/>
  <c r="X36705" i="1"/>
  <c r="X36706" i="1"/>
  <c r="X36707" i="1"/>
  <c r="X36708" i="1"/>
  <c r="X36709" i="1"/>
  <c r="X36710" i="1"/>
  <c r="X36711" i="1"/>
  <c r="X36712" i="1"/>
  <c r="X36713" i="1"/>
  <c r="X36714" i="1"/>
  <c r="X36715" i="1"/>
  <c r="X36716" i="1"/>
  <c r="X36717" i="1"/>
  <c r="X36718" i="1"/>
  <c r="X36719" i="1"/>
  <c r="X36720" i="1"/>
  <c r="X36721" i="1"/>
  <c r="X36722" i="1"/>
  <c r="X36723" i="1"/>
  <c r="X36724" i="1"/>
  <c r="X36725" i="1"/>
  <c r="X36726" i="1"/>
  <c r="X36727" i="1"/>
  <c r="X36728" i="1"/>
  <c r="X36729" i="1"/>
  <c r="X36730" i="1"/>
  <c r="X36731" i="1"/>
  <c r="X36732" i="1"/>
  <c r="X36733" i="1"/>
  <c r="X36734" i="1"/>
  <c r="X36735" i="1"/>
  <c r="X36736" i="1"/>
  <c r="X36737" i="1"/>
  <c r="X36738" i="1"/>
  <c r="X36739" i="1"/>
  <c r="X36740" i="1"/>
  <c r="X36741" i="1"/>
  <c r="X36742" i="1"/>
  <c r="X36743" i="1"/>
  <c r="X36744" i="1"/>
  <c r="X36745" i="1"/>
  <c r="X36746" i="1"/>
  <c r="X36747" i="1"/>
  <c r="X36748" i="1"/>
  <c r="X36749" i="1"/>
  <c r="X36750" i="1"/>
  <c r="X36751" i="1"/>
  <c r="X36752" i="1"/>
  <c r="X36753" i="1"/>
  <c r="X36754" i="1"/>
  <c r="X36755" i="1"/>
  <c r="X36756" i="1"/>
  <c r="X36757" i="1"/>
  <c r="X36758" i="1"/>
  <c r="X36759" i="1"/>
  <c r="X36760" i="1"/>
  <c r="X36761" i="1"/>
  <c r="X36762" i="1"/>
  <c r="X36763" i="1"/>
  <c r="X36764" i="1"/>
  <c r="X36765" i="1"/>
  <c r="X36766" i="1"/>
  <c r="X36767" i="1"/>
  <c r="X36768" i="1"/>
  <c r="X36769" i="1"/>
  <c r="X36770" i="1"/>
  <c r="X36771" i="1"/>
  <c r="X36772" i="1"/>
  <c r="X36773" i="1"/>
  <c r="X36774" i="1"/>
  <c r="X36775" i="1"/>
  <c r="X36776" i="1"/>
  <c r="X36777" i="1"/>
  <c r="X36778" i="1"/>
  <c r="X36779" i="1"/>
  <c r="X36780" i="1"/>
  <c r="X36781" i="1"/>
  <c r="X36782" i="1"/>
  <c r="X36783" i="1"/>
  <c r="X36784" i="1"/>
  <c r="X36785" i="1"/>
  <c r="X36786" i="1"/>
  <c r="X36787" i="1"/>
  <c r="X36788" i="1"/>
  <c r="X36789" i="1"/>
  <c r="X36790" i="1"/>
  <c r="X36791" i="1"/>
  <c r="X36792" i="1"/>
  <c r="X36793" i="1"/>
  <c r="X36794" i="1"/>
  <c r="X36795" i="1"/>
  <c r="X36796" i="1"/>
  <c r="X36797" i="1"/>
  <c r="X36798" i="1"/>
  <c r="X36799" i="1"/>
  <c r="X36800" i="1"/>
  <c r="X36801" i="1"/>
  <c r="X36802" i="1"/>
  <c r="X36803" i="1"/>
  <c r="X36804" i="1"/>
  <c r="X36805" i="1"/>
  <c r="X36806" i="1"/>
  <c r="X36807" i="1"/>
  <c r="X36808" i="1"/>
  <c r="X36809" i="1"/>
  <c r="X36810" i="1"/>
  <c r="X36811" i="1"/>
  <c r="X36812" i="1"/>
  <c r="X36813" i="1"/>
  <c r="X36814" i="1"/>
  <c r="X36815" i="1"/>
  <c r="X36816" i="1"/>
  <c r="X36817" i="1"/>
  <c r="X36818" i="1"/>
  <c r="X36819" i="1"/>
  <c r="X36820" i="1"/>
  <c r="X36821" i="1"/>
  <c r="X36822" i="1"/>
  <c r="X36823" i="1"/>
  <c r="X36824" i="1"/>
  <c r="X36825" i="1"/>
  <c r="X36826" i="1"/>
  <c r="X36827" i="1"/>
  <c r="X36828" i="1"/>
  <c r="X36829" i="1"/>
  <c r="X36830" i="1"/>
  <c r="X36831" i="1"/>
  <c r="X36832" i="1"/>
  <c r="X36833" i="1"/>
  <c r="X36834" i="1"/>
  <c r="X36835" i="1"/>
  <c r="X36836" i="1"/>
  <c r="X36837" i="1"/>
  <c r="X36838" i="1"/>
  <c r="X36839" i="1"/>
  <c r="X36840" i="1"/>
  <c r="X36841" i="1"/>
  <c r="X36842" i="1"/>
  <c r="X36843" i="1"/>
  <c r="X36844" i="1"/>
  <c r="X36845" i="1"/>
  <c r="X36846" i="1"/>
  <c r="X36847" i="1"/>
  <c r="X36848" i="1"/>
  <c r="X36849" i="1"/>
  <c r="X36850" i="1"/>
  <c r="X36851" i="1"/>
  <c r="X36852" i="1"/>
  <c r="X36853" i="1"/>
  <c r="X36854" i="1"/>
  <c r="X36855" i="1"/>
  <c r="X36856" i="1"/>
  <c r="X36857" i="1"/>
  <c r="X36858" i="1"/>
  <c r="X36859" i="1"/>
  <c r="X36860" i="1"/>
  <c r="X36861" i="1"/>
  <c r="X36862" i="1"/>
  <c r="X36863" i="1"/>
  <c r="X36864" i="1"/>
  <c r="X36865" i="1"/>
  <c r="X36866" i="1"/>
  <c r="X36867" i="1"/>
  <c r="X36868" i="1"/>
  <c r="X36869" i="1"/>
  <c r="X36870" i="1"/>
  <c r="X36871" i="1"/>
  <c r="X36872" i="1"/>
  <c r="X36873" i="1"/>
  <c r="X36874" i="1"/>
  <c r="X36875" i="1"/>
  <c r="X36876" i="1"/>
  <c r="X36877" i="1"/>
  <c r="X36878" i="1"/>
  <c r="X36879" i="1"/>
  <c r="X36880" i="1"/>
  <c r="X36881" i="1"/>
  <c r="X36882" i="1"/>
  <c r="X36883" i="1"/>
  <c r="X36884" i="1"/>
  <c r="X36885" i="1"/>
  <c r="X36886" i="1"/>
  <c r="X36887" i="1"/>
  <c r="X36888" i="1"/>
  <c r="X36889" i="1"/>
  <c r="X36890" i="1"/>
  <c r="X36891" i="1"/>
  <c r="X36892" i="1"/>
  <c r="X36893" i="1"/>
  <c r="X36894" i="1"/>
  <c r="X36895" i="1"/>
  <c r="X36896" i="1"/>
  <c r="X36897" i="1"/>
  <c r="X36898" i="1"/>
  <c r="X36899" i="1"/>
  <c r="X36900" i="1"/>
  <c r="X36901" i="1"/>
  <c r="X36902" i="1"/>
  <c r="X36903" i="1"/>
  <c r="X36904" i="1"/>
  <c r="X36905" i="1"/>
  <c r="X36906" i="1"/>
  <c r="X36907" i="1"/>
  <c r="X36908" i="1"/>
  <c r="X36909" i="1"/>
  <c r="X36910" i="1"/>
  <c r="X36911" i="1"/>
  <c r="X36912" i="1"/>
  <c r="X36913" i="1"/>
  <c r="X36914" i="1"/>
  <c r="X36915" i="1"/>
  <c r="X36916" i="1"/>
  <c r="X36917" i="1"/>
  <c r="X36918" i="1"/>
  <c r="X36919" i="1"/>
  <c r="X36920" i="1"/>
  <c r="X36921" i="1"/>
  <c r="X36922" i="1"/>
  <c r="X36923" i="1"/>
  <c r="X36924" i="1"/>
  <c r="X36925" i="1"/>
  <c r="X36926" i="1"/>
  <c r="X36927" i="1"/>
  <c r="X36928" i="1"/>
  <c r="X36929" i="1"/>
  <c r="X36930" i="1"/>
  <c r="X36931" i="1"/>
  <c r="X36932" i="1"/>
  <c r="X36933" i="1"/>
  <c r="X36934" i="1"/>
  <c r="X36935" i="1"/>
  <c r="X36936" i="1"/>
  <c r="X36937" i="1"/>
  <c r="X36938" i="1"/>
  <c r="X36939" i="1"/>
  <c r="X36940" i="1"/>
  <c r="X36941" i="1"/>
  <c r="X36942" i="1"/>
  <c r="X36943" i="1"/>
  <c r="X36944" i="1"/>
  <c r="X36945" i="1"/>
  <c r="X36946" i="1"/>
  <c r="X36947" i="1"/>
  <c r="X36948" i="1"/>
  <c r="X36949" i="1"/>
  <c r="X36950" i="1"/>
  <c r="X36951" i="1"/>
  <c r="X36952" i="1"/>
  <c r="X36953" i="1"/>
  <c r="X36954" i="1"/>
  <c r="X36955" i="1"/>
  <c r="X36956" i="1"/>
  <c r="X36957" i="1"/>
  <c r="X36958" i="1"/>
  <c r="X36959" i="1"/>
  <c r="X36960" i="1"/>
  <c r="X36961" i="1"/>
  <c r="X36962" i="1"/>
  <c r="X36963" i="1"/>
  <c r="X36964" i="1"/>
  <c r="X36965" i="1"/>
  <c r="X36966" i="1"/>
  <c r="X36967" i="1"/>
  <c r="X36968" i="1"/>
  <c r="X36969" i="1"/>
  <c r="X36970" i="1"/>
  <c r="X36971" i="1"/>
  <c r="X36972" i="1"/>
  <c r="X36973" i="1"/>
  <c r="X36974" i="1"/>
  <c r="X36975" i="1"/>
  <c r="X36976" i="1"/>
  <c r="X36977" i="1"/>
  <c r="X36978" i="1"/>
  <c r="X36979" i="1"/>
  <c r="X36980" i="1"/>
  <c r="X36981" i="1"/>
  <c r="X36982" i="1"/>
  <c r="X36983" i="1"/>
  <c r="X36984" i="1"/>
  <c r="X36985" i="1"/>
  <c r="X36986" i="1"/>
  <c r="X36987" i="1"/>
  <c r="X36988" i="1"/>
  <c r="X36989" i="1"/>
  <c r="X36990" i="1"/>
  <c r="X36991" i="1"/>
  <c r="X36992" i="1"/>
  <c r="X36993" i="1"/>
  <c r="X36994" i="1"/>
  <c r="X36995" i="1"/>
  <c r="X36996" i="1"/>
  <c r="X36997" i="1"/>
  <c r="X36998" i="1"/>
  <c r="X36999" i="1"/>
  <c r="X37000" i="1"/>
  <c r="X37001" i="1"/>
  <c r="X37002" i="1"/>
  <c r="X37003" i="1"/>
  <c r="X37004" i="1"/>
  <c r="X37005" i="1"/>
  <c r="X37006" i="1"/>
  <c r="X37007" i="1"/>
  <c r="X37008" i="1"/>
  <c r="X37009" i="1"/>
  <c r="X37010" i="1"/>
  <c r="X37011" i="1"/>
  <c r="X37012" i="1"/>
  <c r="X37013" i="1"/>
  <c r="X37014" i="1"/>
  <c r="X37015" i="1"/>
  <c r="X37016" i="1"/>
  <c r="X37017" i="1"/>
  <c r="X37018" i="1"/>
  <c r="X37019" i="1"/>
  <c r="X37020" i="1"/>
  <c r="X37021" i="1"/>
  <c r="X37022" i="1"/>
  <c r="X37023" i="1"/>
  <c r="X37024" i="1"/>
  <c r="X37025" i="1"/>
  <c r="X37026" i="1"/>
  <c r="X37027" i="1"/>
  <c r="X37028" i="1"/>
  <c r="X37029" i="1"/>
  <c r="X37030" i="1"/>
  <c r="X37031" i="1"/>
  <c r="X37032" i="1"/>
  <c r="X37033" i="1"/>
  <c r="X37034" i="1"/>
  <c r="X37035" i="1"/>
  <c r="X37036" i="1"/>
  <c r="X37037" i="1"/>
  <c r="X37038" i="1"/>
  <c r="X37039" i="1"/>
  <c r="X37040" i="1"/>
  <c r="X37041" i="1"/>
  <c r="X37042" i="1"/>
  <c r="X37043" i="1"/>
  <c r="X37044" i="1"/>
  <c r="X37045" i="1"/>
  <c r="X37046" i="1"/>
  <c r="X37047" i="1"/>
  <c r="X37048" i="1"/>
  <c r="X37049" i="1"/>
  <c r="X37050" i="1"/>
  <c r="X37051" i="1"/>
  <c r="X37052" i="1"/>
  <c r="X37053" i="1"/>
  <c r="X37054" i="1"/>
  <c r="X37055" i="1"/>
  <c r="X37056" i="1"/>
  <c r="X37057" i="1"/>
  <c r="X37058" i="1"/>
  <c r="X37059" i="1"/>
  <c r="X37060" i="1"/>
  <c r="X37061" i="1"/>
  <c r="X37062" i="1"/>
  <c r="X37063" i="1"/>
  <c r="X37064" i="1"/>
  <c r="X37065" i="1"/>
  <c r="X37066" i="1"/>
  <c r="X37067" i="1"/>
  <c r="X37068" i="1"/>
  <c r="X37069" i="1"/>
  <c r="X37070" i="1"/>
  <c r="X37071" i="1"/>
  <c r="X37072" i="1"/>
  <c r="X37073" i="1"/>
  <c r="X37074" i="1"/>
  <c r="X37075" i="1"/>
  <c r="X37076" i="1"/>
  <c r="X37077" i="1"/>
  <c r="X37078" i="1"/>
  <c r="X37079" i="1"/>
  <c r="X37080" i="1"/>
  <c r="X37081" i="1"/>
  <c r="X37082" i="1"/>
  <c r="X37083" i="1"/>
  <c r="X37084" i="1"/>
  <c r="X37085" i="1"/>
  <c r="X37086" i="1"/>
  <c r="X37087" i="1"/>
  <c r="X37088" i="1"/>
  <c r="X37089" i="1"/>
  <c r="X37090" i="1"/>
  <c r="X37091" i="1"/>
  <c r="X37092" i="1"/>
  <c r="X37093" i="1"/>
  <c r="X37094" i="1"/>
  <c r="X37095" i="1"/>
  <c r="X37096" i="1"/>
  <c r="X37097" i="1"/>
  <c r="X37098" i="1"/>
  <c r="X37099" i="1"/>
  <c r="X37100" i="1"/>
  <c r="X37101" i="1"/>
  <c r="X37102" i="1"/>
  <c r="X37103" i="1"/>
  <c r="X37104" i="1"/>
  <c r="X37105" i="1"/>
  <c r="X37106" i="1"/>
  <c r="X37107" i="1"/>
  <c r="X37108" i="1"/>
  <c r="X37109" i="1"/>
  <c r="X37110" i="1"/>
  <c r="X37111" i="1"/>
  <c r="X37112" i="1"/>
  <c r="X37113" i="1"/>
  <c r="X37114" i="1"/>
  <c r="X37115" i="1"/>
  <c r="X37116" i="1"/>
  <c r="X37117" i="1"/>
  <c r="X37118" i="1"/>
  <c r="X37119" i="1"/>
  <c r="X37120" i="1"/>
  <c r="X37121" i="1"/>
  <c r="X37122" i="1"/>
  <c r="X37123" i="1"/>
  <c r="X37124" i="1"/>
  <c r="X37125" i="1"/>
  <c r="X37126" i="1"/>
  <c r="X37127" i="1"/>
  <c r="X37128" i="1"/>
  <c r="X37129" i="1"/>
  <c r="X37130" i="1"/>
  <c r="X37131" i="1"/>
  <c r="X37132" i="1"/>
  <c r="X37133" i="1"/>
  <c r="X37134" i="1"/>
  <c r="X37135" i="1"/>
  <c r="X37136" i="1"/>
  <c r="X37137" i="1"/>
  <c r="X37138" i="1"/>
  <c r="X37139" i="1"/>
  <c r="X37140" i="1"/>
  <c r="X37141" i="1"/>
  <c r="X37142" i="1"/>
  <c r="X37143" i="1"/>
  <c r="X37144" i="1"/>
  <c r="X37145" i="1"/>
  <c r="X37146" i="1"/>
  <c r="X37147" i="1"/>
  <c r="X37148" i="1"/>
  <c r="X37149" i="1"/>
  <c r="X37150" i="1"/>
  <c r="X37151" i="1"/>
  <c r="X37152" i="1"/>
  <c r="X37153" i="1"/>
  <c r="X37154" i="1"/>
  <c r="X37155" i="1"/>
  <c r="X37156" i="1"/>
  <c r="X37157" i="1"/>
  <c r="X37158" i="1"/>
  <c r="X37159" i="1"/>
  <c r="X37160" i="1"/>
  <c r="X37161" i="1"/>
  <c r="X37162" i="1"/>
  <c r="X37163" i="1"/>
  <c r="X37164" i="1"/>
  <c r="X37165" i="1"/>
  <c r="X37166" i="1"/>
  <c r="X37167" i="1"/>
  <c r="X37168" i="1"/>
  <c r="X37169" i="1"/>
  <c r="X37170" i="1"/>
  <c r="X37171" i="1"/>
  <c r="X37172" i="1"/>
  <c r="X37173" i="1"/>
  <c r="X37174" i="1"/>
  <c r="X37175" i="1"/>
  <c r="X37176" i="1"/>
  <c r="X37177" i="1"/>
  <c r="X37178" i="1"/>
  <c r="X37179" i="1"/>
  <c r="X37180" i="1"/>
  <c r="X37181" i="1"/>
  <c r="X37182" i="1"/>
  <c r="X37183" i="1"/>
  <c r="X37184" i="1"/>
  <c r="X37185" i="1"/>
  <c r="X37186" i="1"/>
  <c r="X37187" i="1"/>
  <c r="X37188" i="1"/>
  <c r="X37189" i="1"/>
  <c r="X37190" i="1"/>
  <c r="X37191" i="1"/>
  <c r="X37192" i="1"/>
  <c r="X37193" i="1"/>
  <c r="X37194" i="1"/>
  <c r="X37195" i="1"/>
  <c r="X37196" i="1"/>
  <c r="X37197" i="1"/>
  <c r="X37198" i="1"/>
  <c r="X37199" i="1"/>
  <c r="X37200" i="1"/>
  <c r="X37201" i="1"/>
  <c r="X37202" i="1"/>
  <c r="X37203" i="1"/>
  <c r="X37204" i="1"/>
  <c r="X37205" i="1"/>
  <c r="X37206" i="1"/>
  <c r="X37207" i="1"/>
  <c r="X37208" i="1"/>
  <c r="X37209" i="1"/>
  <c r="X37210" i="1"/>
  <c r="X37211" i="1"/>
  <c r="X37212" i="1"/>
  <c r="X37213" i="1"/>
  <c r="X37214" i="1"/>
  <c r="X37215" i="1"/>
  <c r="X37216" i="1"/>
  <c r="X37217" i="1"/>
  <c r="X37218" i="1"/>
  <c r="X37219" i="1"/>
  <c r="X37220" i="1"/>
  <c r="X37221" i="1"/>
  <c r="X37222" i="1"/>
  <c r="X37223" i="1"/>
  <c r="X37224" i="1"/>
  <c r="X37225" i="1"/>
  <c r="X37226" i="1"/>
  <c r="X37227" i="1"/>
  <c r="X37228" i="1"/>
  <c r="X37229" i="1"/>
  <c r="X37230" i="1"/>
  <c r="X37231" i="1"/>
  <c r="X37232" i="1"/>
  <c r="X37233" i="1"/>
  <c r="X37234" i="1"/>
  <c r="X37235" i="1"/>
  <c r="X37236" i="1"/>
  <c r="X37237" i="1"/>
  <c r="X37238" i="1"/>
  <c r="X37239" i="1"/>
  <c r="X37240" i="1"/>
  <c r="X37241" i="1"/>
  <c r="X37242" i="1"/>
  <c r="X37243" i="1"/>
  <c r="X37244" i="1"/>
  <c r="X37245" i="1"/>
  <c r="X37246" i="1"/>
  <c r="X37247" i="1"/>
  <c r="X37248" i="1"/>
  <c r="X37249" i="1"/>
  <c r="X37250" i="1"/>
  <c r="X37251" i="1"/>
  <c r="X37252" i="1"/>
  <c r="X37253" i="1"/>
  <c r="X37254" i="1"/>
  <c r="X37255" i="1"/>
  <c r="X37256" i="1"/>
  <c r="X37257" i="1"/>
  <c r="X37258" i="1"/>
  <c r="X37259" i="1"/>
  <c r="X37260" i="1"/>
  <c r="X37261" i="1"/>
  <c r="X37262" i="1"/>
  <c r="X37263" i="1"/>
  <c r="X37264" i="1"/>
  <c r="X37265" i="1"/>
  <c r="X37266" i="1"/>
  <c r="X37267" i="1"/>
  <c r="X37268" i="1"/>
  <c r="X37269" i="1"/>
  <c r="X37270" i="1"/>
  <c r="X37271" i="1"/>
  <c r="X37272" i="1"/>
  <c r="X37273" i="1"/>
  <c r="X37274" i="1"/>
  <c r="X37275" i="1"/>
  <c r="X37276" i="1"/>
  <c r="X37277" i="1"/>
  <c r="X37278" i="1"/>
  <c r="X37279" i="1"/>
  <c r="X37280" i="1"/>
  <c r="X37281" i="1"/>
  <c r="X37282" i="1"/>
  <c r="X37283" i="1"/>
  <c r="X37284" i="1"/>
  <c r="X37285" i="1"/>
  <c r="X37286" i="1"/>
  <c r="X37287" i="1"/>
  <c r="X37288" i="1"/>
  <c r="X37289" i="1"/>
  <c r="X37290" i="1"/>
  <c r="X37291" i="1"/>
  <c r="X37292" i="1"/>
  <c r="X37293" i="1"/>
  <c r="X37294" i="1"/>
  <c r="X37295" i="1"/>
  <c r="X37296" i="1"/>
  <c r="X37297" i="1"/>
  <c r="X37298" i="1"/>
  <c r="X37299" i="1"/>
  <c r="X37300" i="1"/>
  <c r="X37301" i="1"/>
  <c r="X37302" i="1"/>
  <c r="X37303" i="1"/>
  <c r="X37304" i="1"/>
  <c r="X37305" i="1"/>
  <c r="X37306" i="1"/>
  <c r="X37307" i="1"/>
  <c r="X37308" i="1"/>
  <c r="X37309" i="1"/>
  <c r="X37310" i="1"/>
  <c r="X37311" i="1"/>
  <c r="X37312" i="1"/>
  <c r="X37313" i="1"/>
  <c r="X37314" i="1"/>
  <c r="X37315" i="1"/>
  <c r="X37316" i="1"/>
  <c r="X37317" i="1"/>
  <c r="X37318" i="1"/>
  <c r="X37319" i="1"/>
  <c r="X37320" i="1"/>
  <c r="X37321" i="1"/>
  <c r="X37322" i="1"/>
  <c r="X37323" i="1"/>
  <c r="X37324" i="1"/>
  <c r="X37325" i="1"/>
  <c r="X37326" i="1"/>
  <c r="X37327" i="1"/>
  <c r="X37328" i="1"/>
  <c r="X37329" i="1"/>
  <c r="X37330" i="1"/>
  <c r="X37331" i="1"/>
  <c r="X37332" i="1"/>
  <c r="X37333" i="1"/>
  <c r="X37334" i="1"/>
  <c r="X37335" i="1"/>
  <c r="X37336" i="1"/>
  <c r="X37337" i="1"/>
  <c r="X37338" i="1"/>
  <c r="X37339" i="1"/>
  <c r="X37340" i="1"/>
  <c r="X37341" i="1"/>
  <c r="X37342" i="1"/>
  <c r="X37343" i="1"/>
  <c r="X37344" i="1"/>
  <c r="X37345" i="1"/>
  <c r="X37346" i="1"/>
  <c r="X37347" i="1"/>
  <c r="X37348" i="1"/>
  <c r="X37349" i="1"/>
  <c r="X37350" i="1"/>
  <c r="X37351" i="1"/>
  <c r="X37352" i="1"/>
  <c r="X37353" i="1"/>
  <c r="X37354" i="1"/>
  <c r="X37355" i="1"/>
  <c r="X37356" i="1"/>
  <c r="X37357" i="1"/>
  <c r="X37358" i="1"/>
  <c r="X37359" i="1"/>
  <c r="X37360" i="1"/>
  <c r="X37361" i="1"/>
  <c r="X37362" i="1"/>
  <c r="X37363" i="1"/>
  <c r="X37364" i="1"/>
  <c r="X37365" i="1"/>
  <c r="X37366" i="1"/>
  <c r="X37367" i="1"/>
  <c r="X37368" i="1"/>
  <c r="X37369" i="1"/>
  <c r="X37370" i="1"/>
  <c r="X37371" i="1"/>
  <c r="X37372" i="1"/>
  <c r="X37373" i="1"/>
  <c r="X37374" i="1"/>
  <c r="X37375" i="1"/>
  <c r="X37376" i="1"/>
  <c r="X37377" i="1"/>
  <c r="X37378" i="1"/>
  <c r="X37379" i="1"/>
  <c r="X37380" i="1"/>
  <c r="X37381" i="1"/>
  <c r="X37382" i="1"/>
  <c r="X37383" i="1"/>
  <c r="X37384" i="1"/>
  <c r="X37385" i="1"/>
  <c r="X37386" i="1"/>
  <c r="X37387" i="1"/>
  <c r="X37388" i="1"/>
  <c r="X37389" i="1"/>
  <c r="X37390" i="1"/>
  <c r="X37391" i="1"/>
  <c r="X37392" i="1"/>
  <c r="X37393" i="1"/>
  <c r="X37394" i="1"/>
  <c r="X37395" i="1"/>
  <c r="X37396" i="1"/>
  <c r="X37397" i="1"/>
  <c r="X37398" i="1"/>
  <c r="X37399" i="1"/>
  <c r="X37400" i="1"/>
  <c r="X37401" i="1"/>
  <c r="X37402" i="1"/>
  <c r="X37403" i="1"/>
  <c r="X37404" i="1"/>
  <c r="X37405" i="1"/>
  <c r="X37406" i="1"/>
  <c r="X37407" i="1"/>
  <c r="X37408" i="1"/>
  <c r="X37409" i="1"/>
  <c r="X37410" i="1"/>
  <c r="X37411" i="1"/>
  <c r="X37412" i="1"/>
  <c r="X37413" i="1"/>
  <c r="X37414" i="1"/>
  <c r="X37415" i="1"/>
  <c r="X37416" i="1"/>
  <c r="X37417" i="1"/>
  <c r="X37418" i="1"/>
  <c r="X37419" i="1"/>
  <c r="X37420" i="1"/>
  <c r="X37421" i="1"/>
  <c r="X37422" i="1"/>
  <c r="X37423" i="1"/>
  <c r="X37424" i="1"/>
  <c r="X37425" i="1"/>
  <c r="X37426" i="1"/>
  <c r="X37427" i="1"/>
  <c r="X37428" i="1"/>
  <c r="X37429" i="1"/>
  <c r="X37430" i="1"/>
  <c r="X37431" i="1"/>
  <c r="X37432" i="1"/>
  <c r="X37433" i="1"/>
  <c r="X37434" i="1"/>
  <c r="X37435" i="1"/>
  <c r="X37436" i="1"/>
  <c r="X37437" i="1"/>
  <c r="X37438" i="1"/>
  <c r="X37439" i="1"/>
  <c r="X37440" i="1"/>
  <c r="X37441" i="1"/>
  <c r="X37442" i="1"/>
  <c r="X37443" i="1"/>
  <c r="X37444" i="1"/>
  <c r="X37445" i="1"/>
  <c r="X37446" i="1"/>
  <c r="X37447" i="1"/>
  <c r="X37448" i="1"/>
  <c r="X37449" i="1"/>
  <c r="X37450" i="1"/>
  <c r="X37451" i="1"/>
  <c r="X37452" i="1"/>
  <c r="X37453" i="1"/>
  <c r="X37454" i="1"/>
  <c r="X37455" i="1"/>
  <c r="X37456" i="1"/>
  <c r="X37457" i="1"/>
  <c r="X37458" i="1"/>
  <c r="X37459" i="1"/>
  <c r="X37460" i="1"/>
  <c r="X37461" i="1"/>
  <c r="X37462" i="1"/>
  <c r="X37463" i="1"/>
  <c r="X37464" i="1"/>
  <c r="X37465" i="1"/>
  <c r="X37466" i="1"/>
  <c r="X37467" i="1"/>
  <c r="X37468" i="1"/>
  <c r="X37469" i="1"/>
  <c r="X37470" i="1"/>
  <c r="X37471" i="1"/>
  <c r="X37472" i="1"/>
  <c r="X37473" i="1"/>
  <c r="X37474" i="1"/>
  <c r="X37475" i="1"/>
  <c r="X37476" i="1"/>
  <c r="X37477" i="1"/>
  <c r="X37478" i="1"/>
  <c r="X37479" i="1"/>
  <c r="X37480" i="1"/>
  <c r="X37481" i="1"/>
  <c r="X37482" i="1"/>
  <c r="X37483" i="1"/>
  <c r="X37484" i="1"/>
  <c r="X37485" i="1"/>
  <c r="X37486" i="1"/>
  <c r="X37487" i="1"/>
  <c r="X37488" i="1"/>
  <c r="X37489" i="1"/>
  <c r="X37490" i="1"/>
  <c r="X37491" i="1"/>
  <c r="X37492" i="1"/>
  <c r="X37493" i="1"/>
  <c r="X37494" i="1"/>
  <c r="X37495" i="1"/>
  <c r="X37496" i="1"/>
  <c r="X37497" i="1"/>
  <c r="X37498" i="1"/>
  <c r="X37499" i="1"/>
  <c r="X37500" i="1"/>
  <c r="X37501" i="1"/>
  <c r="X37502" i="1"/>
  <c r="X37503" i="1"/>
  <c r="X37504" i="1"/>
  <c r="X37505" i="1"/>
  <c r="X37506" i="1"/>
  <c r="X37507" i="1"/>
  <c r="X37508" i="1"/>
  <c r="X37509" i="1"/>
  <c r="X37510" i="1"/>
  <c r="X37511" i="1"/>
  <c r="X37512" i="1"/>
  <c r="X37513" i="1"/>
  <c r="X37514" i="1"/>
  <c r="X37515" i="1"/>
  <c r="X37516" i="1"/>
  <c r="X37517" i="1"/>
  <c r="X37518" i="1"/>
  <c r="X37519" i="1"/>
  <c r="X37520" i="1"/>
  <c r="X37521" i="1"/>
  <c r="X37522" i="1"/>
  <c r="X37523" i="1"/>
  <c r="X37524" i="1"/>
  <c r="X37525" i="1"/>
  <c r="X37526" i="1"/>
  <c r="X37527" i="1"/>
  <c r="X37528" i="1"/>
  <c r="X37529" i="1"/>
  <c r="X37530" i="1"/>
  <c r="X37531" i="1"/>
  <c r="X37532" i="1"/>
  <c r="X37533" i="1"/>
  <c r="X37534" i="1"/>
  <c r="X37535" i="1"/>
  <c r="X37536" i="1"/>
  <c r="X37537" i="1"/>
  <c r="X37538" i="1"/>
  <c r="X37539" i="1"/>
  <c r="X37540" i="1"/>
  <c r="X37541" i="1"/>
  <c r="X37542" i="1"/>
  <c r="X37543" i="1"/>
  <c r="X37544" i="1"/>
  <c r="X37545" i="1"/>
  <c r="X37546" i="1"/>
  <c r="X37547" i="1"/>
  <c r="X37548" i="1"/>
  <c r="X37549" i="1"/>
  <c r="X37550" i="1"/>
  <c r="X37551" i="1"/>
  <c r="X37552" i="1"/>
  <c r="X37553" i="1"/>
  <c r="X37554" i="1"/>
  <c r="X37555" i="1"/>
  <c r="X37556" i="1"/>
  <c r="X37557" i="1"/>
  <c r="X37558" i="1"/>
  <c r="X37559" i="1"/>
  <c r="X37560" i="1"/>
  <c r="X37561" i="1"/>
  <c r="X37562" i="1"/>
  <c r="X37563" i="1"/>
  <c r="X37564" i="1"/>
  <c r="X37565" i="1"/>
  <c r="X37566" i="1"/>
  <c r="X37567" i="1"/>
  <c r="X37568" i="1"/>
  <c r="X37569" i="1"/>
  <c r="X37570" i="1"/>
  <c r="X37571" i="1"/>
  <c r="X37572" i="1"/>
  <c r="X37573" i="1"/>
  <c r="X37574" i="1"/>
  <c r="X37575" i="1"/>
  <c r="X37576" i="1"/>
  <c r="X37577" i="1"/>
  <c r="X37578" i="1"/>
  <c r="X37579" i="1"/>
  <c r="X37580" i="1"/>
  <c r="X37581" i="1"/>
  <c r="X37582" i="1"/>
  <c r="X37583" i="1"/>
  <c r="X37584" i="1"/>
  <c r="X37585" i="1"/>
  <c r="X37586" i="1"/>
  <c r="X37587" i="1"/>
  <c r="X37588" i="1"/>
  <c r="X37589" i="1"/>
  <c r="X37590" i="1"/>
  <c r="X37591" i="1"/>
  <c r="X37592" i="1"/>
  <c r="X37593" i="1"/>
  <c r="X37594" i="1"/>
  <c r="X37595" i="1"/>
  <c r="X37596" i="1"/>
  <c r="X37597" i="1"/>
  <c r="X37598" i="1"/>
  <c r="X37599" i="1"/>
  <c r="X37600" i="1"/>
  <c r="X37601" i="1"/>
  <c r="X37602" i="1"/>
  <c r="X37603" i="1"/>
  <c r="X37604" i="1"/>
  <c r="X37605" i="1"/>
  <c r="X37606" i="1"/>
  <c r="X37607" i="1"/>
  <c r="X37608" i="1"/>
  <c r="X37609" i="1"/>
  <c r="X37610" i="1"/>
  <c r="X37611" i="1"/>
  <c r="X37612" i="1"/>
  <c r="X37613" i="1"/>
  <c r="X37614" i="1"/>
  <c r="X37615" i="1"/>
  <c r="X37616" i="1"/>
  <c r="X37617" i="1"/>
  <c r="X37618" i="1"/>
  <c r="X37619" i="1"/>
  <c r="X37620" i="1"/>
  <c r="X37621" i="1"/>
  <c r="X37622" i="1"/>
  <c r="X37623" i="1"/>
  <c r="X37624" i="1"/>
  <c r="X37625" i="1"/>
  <c r="X37626" i="1"/>
  <c r="X37627" i="1"/>
  <c r="X37628" i="1"/>
  <c r="X37629" i="1"/>
  <c r="X37630" i="1"/>
  <c r="X37631" i="1"/>
  <c r="X37632" i="1"/>
  <c r="X37633" i="1"/>
  <c r="X37634" i="1"/>
  <c r="X37635" i="1"/>
  <c r="X37636" i="1"/>
  <c r="X37637" i="1"/>
  <c r="X37638" i="1"/>
  <c r="X37639" i="1"/>
  <c r="X37640" i="1"/>
  <c r="X37641" i="1"/>
  <c r="X37642" i="1"/>
  <c r="X37643" i="1"/>
  <c r="X37644" i="1"/>
  <c r="X37645" i="1"/>
  <c r="X37646" i="1"/>
  <c r="X37647" i="1"/>
  <c r="X37648" i="1"/>
  <c r="X37649" i="1"/>
  <c r="X37650" i="1"/>
  <c r="X37651" i="1"/>
  <c r="X37652" i="1"/>
  <c r="X37653" i="1"/>
  <c r="X37654" i="1"/>
  <c r="X37655" i="1"/>
  <c r="X37656" i="1"/>
  <c r="X37657" i="1"/>
  <c r="X37658" i="1"/>
  <c r="X37659" i="1"/>
  <c r="X37660" i="1"/>
  <c r="X37661" i="1"/>
  <c r="X37662" i="1"/>
  <c r="X37663" i="1"/>
  <c r="X37664" i="1"/>
  <c r="X37665" i="1"/>
  <c r="X37666" i="1"/>
  <c r="X37667" i="1"/>
  <c r="X37668" i="1"/>
  <c r="X37669" i="1"/>
  <c r="X37670" i="1"/>
  <c r="X37671" i="1"/>
  <c r="X37672" i="1"/>
  <c r="X37673" i="1"/>
  <c r="X37674" i="1"/>
  <c r="X37675" i="1"/>
  <c r="X37676" i="1"/>
  <c r="X37677" i="1"/>
  <c r="X37678" i="1"/>
  <c r="X37679" i="1"/>
  <c r="X37680" i="1"/>
  <c r="X37681" i="1"/>
  <c r="X37682" i="1"/>
  <c r="X37683" i="1"/>
  <c r="X37684" i="1"/>
  <c r="X37685" i="1"/>
  <c r="X37686" i="1"/>
  <c r="X37687" i="1"/>
  <c r="X37688" i="1"/>
  <c r="X37689" i="1"/>
  <c r="X37690" i="1"/>
  <c r="X37691" i="1"/>
  <c r="X37692" i="1"/>
  <c r="X37693" i="1"/>
  <c r="X37694" i="1"/>
  <c r="X37695" i="1"/>
  <c r="X37696" i="1"/>
  <c r="X37697" i="1"/>
  <c r="X37698" i="1"/>
  <c r="X37699" i="1"/>
  <c r="X37700" i="1"/>
  <c r="X37701" i="1"/>
  <c r="X37702" i="1"/>
  <c r="X37703" i="1"/>
  <c r="X37704" i="1"/>
  <c r="X37705" i="1"/>
  <c r="X37706" i="1"/>
  <c r="X37707" i="1"/>
  <c r="X37708" i="1"/>
  <c r="X37709" i="1"/>
  <c r="X37710" i="1"/>
  <c r="X37711" i="1"/>
  <c r="X37712" i="1"/>
  <c r="X37713" i="1"/>
  <c r="X37714" i="1"/>
  <c r="X37715" i="1"/>
  <c r="X37716" i="1"/>
  <c r="X37717" i="1"/>
  <c r="X37718" i="1"/>
  <c r="X37719" i="1"/>
  <c r="X37720" i="1"/>
  <c r="X37721" i="1"/>
  <c r="X37722" i="1"/>
  <c r="X37723" i="1"/>
  <c r="X37724" i="1"/>
  <c r="X37725" i="1"/>
  <c r="X37726" i="1"/>
  <c r="X37727" i="1"/>
  <c r="X37728" i="1"/>
  <c r="X37729" i="1"/>
  <c r="X37730" i="1"/>
  <c r="X37731" i="1"/>
  <c r="X37732" i="1"/>
  <c r="X37733" i="1"/>
  <c r="X37734" i="1"/>
  <c r="X37735" i="1"/>
  <c r="X37736" i="1"/>
  <c r="X37737" i="1"/>
  <c r="X37738" i="1"/>
  <c r="X37739" i="1"/>
  <c r="X37740" i="1"/>
  <c r="X37741" i="1"/>
  <c r="X37742" i="1"/>
  <c r="X37743" i="1"/>
  <c r="X37744" i="1"/>
  <c r="X37745" i="1"/>
  <c r="X37746" i="1"/>
  <c r="X37747" i="1"/>
  <c r="X37748" i="1"/>
  <c r="X37749" i="1"/>
  <c r="X37750" i="1"/>
  <c r="X37751" i="1"/>
  <c r="X37752" i="1"/>
  <c r="X37753" i="1"/>
  <c r="X37754" i="1"/>
  <c r="X37755" i="1"/>
  <c r="X37756" i="1"/>
  <c r="X37757" i="1"/>
  <c r="X37758" i="1"/>
  <c r="X37759" i="1"/>
  <c r="X37760" i="1"/>
  <c r="X37761" i="1"/>
  <c r="X37762" i="1"/>
  <c r="X37763" i="1"/>
  <c r="X37764" i="1"/>
  <c r="X37765" i="1"/>
  <c r="X37766" i="1"/>
  <c r="X37767" i="1"/>
  <c r="X37768" i="1"/>
  <c r="X37769" i="1"/>
  <c r="X37770" i="1"/>
  <c r="X37771" i="1"/>
  <c r="X37772" i="1"/>
  <c r="X37773" i="1"/>
  <c r="X37774" i="1"/>
  <c r="X37775" i="1"/>
  <c r="X37776" i="1"/>
  <c r="X37777" i="1"/>
  <c r="X37778" i="1"/>
  <c r="X37779" i="1"/>
  <c r="X37780" i="1"/>
  <c r="X37781" i="1"/>
  <c r="X37782" i="1"/>
  <c r="X37783" i="1"/>
  <c r="X37784" i="1"/>
  <c r="X37785" i="1"/>
  <c r="X37786" i="1"/>
  <c r="X37787" i="1"/>
  <c r="X37788" i="1"/>
  <c r="X37789" i="1"/>
  <c r="X37790" i="1"/>
  <c r="X37791" i="1"/>
  <c r="X37792" i="1"/>
  <c r="X37793" i="1"/>
  <c r="X37794" i="1"/>
  <c r="X37795" i="1"/>
  <c r="X37796" i="1"/>
  <c r="X37797" i="1"/>
  <c r="X37798" i="1"/>
  <c r="X37799" i="1"/>
  <c r="X37800" i="1"/>
  <c r="X37801" i="1"/>
  <c r="X37802" i="1"/>
  <c r="X37803" i="1"/>
  <c r="X37804" i="1"/>
  <c r="X37805" i="1"/>
  <c r="X37806" i="1"/>
  <c r="X37807" i="1"/>
  <c r="X37808" i="1"/>
  <c r="X37809" i="1"/>
  <c r="X37810" i="1"/>
  <c r="X37811" i="1"/>
  <c r="X37812" i="1"/>
  <c r="X37813" i="1"/>
  <c r="X37814" i="1"/>
  <c r="X37815" i="1"/>
  <c r="X37816" i="1"/>
  <c r="X37817" i="1"/>
  <c r="X37818" i="1"/>
  <c r="X37819" i="1"/>
  <c r="X37820" i="1"/>
  <c r="X37821" i="1"/>
  <c r="X37822" i="1"/>
  <c r="X37823" i="1"/>
  <c r="X37824" i="1"/>
  <c r="X37825" i="1"/>
  <c r="X37826" i="1"/>
  <c r="X37827" i="1"/>
  <c r="X37828" i="1"/>
  <c r="X37829" i="1"/>
  <c r="X37830" i="1"/>
  <c r="X37831" i="1"/>
  <c r="X37832" i="1"/>
  <c r="X37833" i="1"/>
  <c r="X37834" i="1"/>
  <c r="X37835" i="1"/>
  <c r="X37836" i="1"/>
  <c r="X37837" i="1"/>
  <c r="X37838" i="1"/>
  <c r="X37839" i="1"/>
  <c r="X37840" i="1"/>
  <c r="X37841" i="1"/>
  <c r="X37842" i="1"/>
  <c r="X37843" i="1"/>
  <c r="X37844" i="1"/>
  <c r="X37845" i="1"/>
  <c r="X37846" i="1"/>
  <c r="X37847" i="1"/>
  <c r="X37848" i="1"/>
  <c r="X37849" i="1"/>
  <c r="X37850" i="1"/>
  <c r="X37851" i="1"/>
  <c r="X37852" i="1"/>
  <c r="X37853" i="1"/>
  <c r="X37854" i="1"/>
  <c r="X37855" i="1"/>
  <c r="X37856" i="1"/>
  <c r="X37857" i="1"/>
  <c r="X37858" i="1"/>
  <c r="X37859" i="1"/>
  <c r="X37860" i="1"/>
  <c r="X37861" i="1"/>
  <c r="X37862" i="1"/>
  <c r="X37863" i="1"/>
  <c r="X37864" i="1"/>
  <c r="X37865" i="1"/>
  <c r="X37866" i="1"/>
  <c r="X37867" i="1"/>
  <c r="X37868" i="1"/>
  <c r="X37869" i="1"/>
  <c r="X37870" i="1"/>
  <c r="X37871" i="1"/>
  <c r="X37872" i="1"/>
  <c r="X37873" i="1"/>
  <c r="X37874" i="1"/>
  <c r="X37875" i="1"/>
  <c r="X37876" i="1"/>
  <c r="X37877" i="1"/>
  <c r="X37878" i="1"/>
  <c r="X37879" i="1"/>
  <c r="X37880" i="1"/>
  <c r="X37881" i="1"/>
  <c r="X37882" i="1"/>
  <c r="X37883" i="1"/>
  <c r="X37884" i="1"/>
  <c r="X37885" i="1"/>
  <c r="X37886" i="1"/>
  <c r="X37887" i="1"/>
  <c r="X37888" i="1"/>
  <c r="X37889" i="1"/>
  <c r="X37890" i="1"/>
  <c r="X37891" i="1"/>
  <c r="X37892" i="1"/>
  <c r="X37893" i="1"/>
  <c r="X37894" i="1"/>
  <c r="X37895" i="1"/>
  <c r="X37896" i="1"/>
  <c r="X37897" i="1"/>
  <c r="X37898" i="1"/>
  <c r="X37899" i="1"/>
  <c r="X37900" i="1"/>
  <c r="X37901" i="1"/>
  <c r="X37902" i="1"/>
  <c r="X37903" i="1"/>
  <c r="X37904" i="1"/>
  <c r="X37905" i="1"/>
  <c r="X37906" i="1"/>
  <c r="X37907" i="1"/>
  <c r="X37908" i="1"/>
  <c r="X37909" i="1"/>
  <c r="X37910" i="1"/>
  <c r="X37911" i="1"/>
  <c r="X37912" i="1"/>
  <c r="X37913" i="1"/>
  <c r="X37914" i="1"/>
  <c r="X37915" i="1"/>
  <c r="X37916" i="1"/>
  <c r="X37917" i="1"/>
  <c r="X37918" i="1"/>
  <c r="X37919" i="1"/>
  <c r="X37920" i="1"/>
  <c r="X37921" i="1"/>
  <c r="X37922" i="1"/>
  <c r="X37923" i="1"/>
  <c r="X37924" i="1"/>
  <c r="X37925" i="1"/>
  <c r="X37926" i="1"/>
  <c r="X37927" i="1"/>
  <c r="X37928" i="1"/>
  <c r="X37929" i="1"/>
  <c r="X37930" i="1"/>
  <c r="X37931" i="1"/>
  <c r="X37932" i="1"/>
  <c r="X37933" i="1"/>
  <c r="X37934" i="1"/>
  <c r="X37935" i="1"/>
  <c r="X37936" i="1"/>
  <c r="X37937" i="1"/>
  <c r="X37938" i="1"/>
  <c r="X37939" i="1"/>
  <c r="X37940" i="1"/>
  <c r="X37941" i="1"/>
  <c r="X37942" i="1"/>
  <c r="X37943" i="1"/>
  <c r="X37944" i="1"/>
  <c r="X37945" i="1"/>
  <c r="X37946" i="1"/>
  <c r="X37947" i="1"/>
  <c r="X37948" i="1"/>
  <c r="X37949" i="1"/>
  <c r="X37950" i="1"/>
  <c r="X37951" i="1"/>
  <c r="X37952" i="1"/>
  <c r="X37953" i="1"/>
  <c r="X37954" i="1"/>
  <c r="X37955" i="1"/>
  <c r="X37956" i="1"/>
  <c r="X37957" i="1"/>
  <c r="X37958" i="1"/>
  <c r="X37959" i="1"/>
  <c r="X37960" i="1"/>
  <c r="X37961" i="1"/>
  <c r="X37962" i="1"/>
  <c r="X37963" i="1"/>
  <c r="X37964" i="1"/>
  <c r="X37965" i="1"/>
  <c r="X37966" i="1"/>
  <c r="X37967" i="1"/>
  <c r="X37968" i="1"/>
  <c r="X37969" i="1"/>
  <c r="X37970" i="1"/>
  <c r="X37971" i="1"/>
  <c r="X37972" i="1"/>
  <c r="X37973" i="1"/>
  <c r="X37974" i="1"/>
  <c r="X37975" i="1"/>
  <c r="X37976" i="1"/>
  <c r="X37977" i="1"/>
  <c r="X37978" i="1"/>
  <c r="X37979" i="1"/>
  <c r="X37980" i="1"/>
  <c r="X37981" i="1"/>
  <c r="X37982" i="1"/>
  <c r="X37983" i="1"/>
  <c r="X37984" i="1"/>
  <c r="X37985" i="1"/>
  <c r="X37986" i="1"/>
  <c r="X37987" i="1"/>
  <c r="X37988" i="1"/>
  <c r="X37989" i="1"/>
  <c r="X37990" i="1"/>
  <c r="X37991" i="1"/>
  <c r="X37992" i="1"/>
  <c r="X37993" i="1"/>
  <c r="X37994" i="1"/>
  <c r="X37995" i="1"/>
  <c r="X37996" i="1"/>
  <c r="X37997" i="1"/>
  <c r="X37998" i="1"/>
  <c r="X37999" i="1"/>
  <c r="X38000" i="1"/>
  <c r="X38001" i="1"/>
  <c r="X38002" i="1"/>
  <c r="X38003" i="1"/>
  <c r="X38004" i="1"/>
  <c r="X38005" i="1"/>
  <c r="X38006" i="1"/>
  <c r="X38007" i="1"/>
  <c r="X38008" i="1"/>
  <c r="X38009" i="1"/>
  <c r="X38010" i="1"/>
  <c r="X38011" i="1"/>
  <c r="X38012" i="1"/>
  <c r="X38013" i="1"/>
  <c r="X38014" i="1"/>
  <c r="X38015" i="1"/>
  <c r="X38016" i="1"/>
  <c r="X38017" i="1"/>
  <c r="X38018" i="1"/>
  <c r="X38019" i="1"/>
  <c r="X38020" i="1"/>
  <c r="X38021" i="1"/>
  <c r="X38022" i="1"/>
  <c r="X38023" i="1"/>
  <c r="X38024" i="1"/>
  <c r="X38025" i="1"/>
  <c r="X38026" i="1"/>
  <c r="X38027" i="1"/>
  <c r="X38028" i="1"/>
  <c r="X38029" i="1"/>
  <c r="X38030" i="1"/>
  <c r="X38031" i="1"/>
  <c r="X38032" i="1"/>
  <c r="X38033" i="1"/>
  <c r="X38034" i="1"/>
  <c r="X38035" i="1"/>
  <c r="X38036" i="1"/>
  <c r="X38037" i="1"/>
  <c r="X38038" i="1"/>
  <c r="X38039" i="1"/>
  <c r="X38040" i="1"/>
  <c r="X38041" i="1"/>
  <c r="X38042" i="1"/>
  <c r="X38043" i="1"/>
  <c r="X38044" i="1"/>
  <c r="X38045" i="1"/>
  <c r="X38046" i="1"/>
  <c r="X38047" i="1"/>
  <c r="X38048" i="1"/>
  <c r="X38049" i="1"/>
  <c r="X38050" i="1"/>
  <c r="X38051" i="1"/>
  <c r="X38052" i="1"/>
  <c r="X38053" i="1"/>
  <c r="X38054" i="1"/>
  <c r="X38055" i="1"/>
  <c r="X38056" i="1"/>
  <c r="X38057" i="1"/>
  <c r="X38058" i="1"/>
  <c r="X38059" i="1"/>
  <c r="X38060" i="1"/>
  <c r="X38061" i="1"/>
  <c r="X38062" i="1"/>
  <c r="X38063" i="1"/>
  <c r="X38064" i="1"/>
  <c r="X38065" i="1"/>
  <c r="X38066" i="1"/>
  <c r="X38067" i="1"/>
  <c r="X38068" i="1"/>
  <c r="X38069" i="1"/>
  <c r="X38070" i="1"/>
  <c r="X38071" i="1"/>
  <c r="X38072" i="1"/>
  <c r="X38073" i="1"/>
  <c r="X38074" i="1"/>
  <c r="X38075" i="1"/>
  <c r="X38076" i="1"/>
  <c r="X38077" i="1"/>
  <c r="X38078" i="1"/>
  <c r="X38079" i="1"/>
  <c r="X38080" i="1"/>
  <c r="X38081" i="1"/>
  <c r="X38082" i="1"/>
  <c r="X38083" i="1"/>
  <c r="X38084" i="1"/>
  <c r="X38085" i="1"/>
  <c r="X38086" i="1"/>
  <c r="X38087" i="1"/>
  <c r="X38088" i="1"/>
  <c r="X38089" i="1"/>
  <c r="X38090" i="1"/>
  <c r="X38091" i="1"/>
  <c r="X38092" i="1"/>
  <c r="X38093" i="1"/>
  <c r="X38094" i="1"/>
  <c r="X38095" i="1"/>
  <c r="X38096" i="1"/>
  <c r="X38097" i="1"/>
  <c r="X38098" i="1"/>
  <c r="X38099" i="1"/>
  <c r="X38100" i="1"/>
  <c r="X38101" i="1"/>
  <c r="X38102" i="1"/>
  <c r="X38103" i="1"/>
  <c r="X38104" i="1"/>
  <c r="X38105" i="1"/>
  <c r="X38106" i="1"/>
  <c r="X38107" i="1"/>
  <c r="X38108" i="1"/>
  <c r="X38109" i="1"/>
  <c r="X38110" i="1"/>
  <c r="X38111" i="1"/>
  <c r="X38112" i="1"/>
  <c r="X38113" i="1"/>
  <c r="X38114" i="1"/>
  <c r="X38115" i="1"/>
  <c r="X38116" i="1"/>
  <c r="X38117" i="1"/>
  <c r="X38118" i="1"/>
  <c r="X38119" i="1"/>
  <c r="X38120" i="1"/>
  <c r="X38121" i="1"/>
  <c r="X38122" i="1"/>
  <c r="X38123" i="1"/>
  <c r="X38124" i="1"/>
  <c r="X38125" i="1"/>
  <c r="X38126" i="1"/>
  <c r="X38127" i="1"/>
  <c r="X38128" i="1"/>
  <c r="X38129" i="1"/>
  <c r="X38130" i="1"/>
  <c r="X38131" i="1"/>
  <c r="X38132" i="1"/>
  <c r="X38133" i="1"/>
  <c r="X38134" i="1"/>
  <c r="X38135" i="1"/>
  <c r="X38136" i="1"/>
  <c r="X38137" i="1"/>
  <c r="X38138" i="1"/>
  <c r="X38139" i="1"/>
  <c r="X38140" i="1"/>
  <c r="X38141" i="1"/>
  <c r="X38142" i="1"/>
  <c r="X38143" i="1"/>
  <c r="X38144" i="1"/>
  <c r="X38145" i="1"/>
  <c r="X38146" i="1"/>
  <c r="X38147" i="1"/>
  <c r="X38148" i="1"/>
  <c r="X38149" i="1"/>
  <c r="X38150" i="1"/>
  <c r="X38151" i="1"/>
  <c r="X38152" i="1"/>
  <c r="X38153" i="1"/>
  <c r="X38154" i="1"/>
  <c r="X38155" i="1"/>
  <c r="X38156" i="1"/>
  <c r="X38157" i="1"/>
  <c r="X38158" i="1"/>
  <c r="X38159" i="1"/>
  <c r="X38160" i="1"/>
  <c r="X38161" i="1"/>
  <c r="X38162" i="1"/>
  <c r="X38163" i="1"/>
  <c r="X38164" i="1"/>
  <c r="X38165" i="1"/>
  <c r="X38166" i="1"/>
  <c r="X38167" i="1"/>
  <c r="X38168" i="1"/>
  <c r="X38169" i="1"/>
  <c r="X38170" i="1"/>
  <c r="X38171" i="1"/>
  <c r="X38172" i="1"/>
  <c r="X38173" i="1"/>
  <c r="X38174" i="1"/>
  <c r="X38175" i="1"/>
  <c r="X38176" i="1"/>
  <c r="X38177" i="1"/>
  <c r="X38178" i="1"/>
  <c r="X38179" i="1"/>
  <c r="X38180" i="1"/>
  <c r="X38181" i="1"/>
  <c r="X38182" i="1"/>
  <c r="X38183" i="1"/>
  <c r="X38184" i="1"/>
  <c r="X38185" i="1"/>
  <c r="X38186" i="1"/>
  <c r="X38187" i="1"/>
  <c r="X38188" i="1"/>
  <c r="X38189" i="1"/>
  <c r="X38190" i="1"/>
  <c r="X38191" i="1"/>
  <c r="X38192" i="1"/>
  <c r="X38193" i="1"/>
  <c r="X38194" i="1"/>
  <c r="X38195" i="1"/>
  <c r="X38196" i="1"/>
  <c r="X38197" i="1"/>
  <c r="X38198" i="1"/>
  <c r="X38199" i="1"/>
  <c r="X38200" i="1"/>
  <c r="X38201" i="1"/>
  <c r="X38202" i="1"/>
  <c r="X38203" i="1"/>
  <c r="X38204" i="1"/>
  <c r="X38205" i="1"/>
  <c r="X38206" i="1"/>
  <c r="X38207" i="1"/>
  <c r="X38208" i="1"/>
  <c r="X38209" i="1"/>
  <c r="X38210" i="1"/>
  <c r="X38211" i="1"/>
  <c r="X38212" i="1"/>
  <c r="X38213" i="1"/>
  <c r="X38214" i="1"/>
  <c r="X38215" i="1"/>
  <c r="X38216" i="1"/>
  <c r="X38217" i="1"/>
  <c r="X38218" i="1"/>
  <c r="X38219" i="1"/>
  <c r="X38220" i="1"/>
  <c r="X38221" i="1"/>
  <c r="X38222" i="1"/>
  <c r="X38223" i="1"/>
  <c r="X38224" i="1"/>
  <c r="X38225" i="1"/>
  <c r="X38226" i="1"/>
  <c r="X38227" i="1"/>
  <c r="X38228" i="1"/>
  <c r="X38229" i="1"/>
  <c r="X38230" i="1"/>
  <c r="X38231" i="1"/>
  <c r="X38232" i="1"/>
  <c r="X38233" i="1"/>
  <c r="X38234" i="1"/>
  <c r="X38235" i="1"/>
  <c r="X38236" i="1"/>
  <c r="X38237" i="1"/>
  <c r="X38238" i="1"/>
  <c r="X38239" i="1"/>
  <c r="X38240" i="1"/>
  <c r="X38241" i="1"/>
  <c r="X38242" i="1"/>
  <c r="X38243" i="1"/>
  <c r="X38244" i="1"/>
  <c r="X38245" i="1"/>
  <c r="X38246" i="1"/>
  <c r="X38247" i="1"/>
  <c r="X38248" i="1"/>
  <c r="X38249" i="1"/>
  <c r="X38250" i="1"/>
  <c r="X38251" i="1"/>
  <c r="X38252" i="1"/>
  <c r="X38253" i="1"/>
  <c r="X38254" i="1"/>
  <c r="X38255" i="1"/>
  <c r="X38256" i="1"/>
  <c r="X38257" i="1"/>
  <c r="X38258" i="1"/>
  <c r="X38259" i="1"/>
  <c r="X38260" i="1"/>
  <c r="X38261" i="1"/>
  <c r="X38262" i="1"/>
  <c r="X38263" i="1"/>
  <c r="X38264" i="1"/>
  <c r="X38265" i="1"/>
  <c r="X38266" i="1"/>
  <c r="X38267" i="1"/>
  <c r="X38268" i="1"/>
  <c r="X38269" i="1"/>
  <c r="X38270" i="1"/>
  <c r="X38271" i="1"/>
  <c r="X38272" i="1"/>
  <c r="X38273" i="1"/>
  <c r="X38274" i="1"/>
  <c r="X38275" i="1"/>
  <c r="X38276" i="1"/>
  <c r="X38277" i="1"/>
  <c r="X38278" i="1"/>
  <c r="X38279" i="1"/>
  <c r="X38280" i="1"/>
  <c r="X38281" i="1"/>
  <c r="X38282" i="1"/>
  <c r="X38283" i="1"/>
  <c r="X38284" i="1"/>
  <c r="X38285" i="1"/>
  <c r="X38286" i="1"/>
  <c r="X38287" i="1"/>
  <c r="X38288" i="1"/>
  <c r="X38289" i="1"/>
  <c r="X38290" i="1"/>
  <c r="X38291" i="1"/>
  <c r="X38292" i="1"/>
  <c r="X38293" i="1"/>
  <c r="X38294" i="1"/>
  <c r="X38295" i="1"/>
  <c r="X38296" i="1"/>
  <c r="X38297" i="1"/>
  <c r="X38298" i="1"/>
  <c r="X38299" i="1"/>
  <c r="X38300" i="1"/>
  <c r="X38301" i="1"/>
  <c r="X38302" i="1"/>
  <c r="X38303" i="1"/>
  <c r="X38304" i="1"/>
  <c r="X38305" i="1"/>
  <c r="X38306" i="1"/>
  <c r="X38307" i="1"/>
  <c r="X38308" i="1"/>
  <c r="X38309" i="1"/>
  <c r="X38310" i="1"/>
  <c r="X38311" i="1"/>
  <c r="X38312" i="1"/>
  <c r="X38313" i="1"/>
  <c r="X38314" i="1"/>
  <c r="X38315" i="1"/>
  <c r="X38316" i="1"/>
  <c r="X38317" i="1"/>
  <c r="X38318" i="1"/>
  <c r="X38319" i="1"/>
  <c r="X38320" i="1"/>
  <c r="X38321" i="1"/>
  <c r="X38322" i="1"/>
  <c r="X38323" i="1"/>
  <c r="X38324" i="1"/>
  <c r="X38325" i="1"/>
  <c r="X38326" i="1"/>
  <c r="X38327" i="1"/>
  <c r="X38328" i="1"/>
  <c r="X38329" i="1"/>
  <c r="X38330" i="1"/>
  <c r="X38331" i="1"/>
  <c r="X38332" i="1"/>
  <c r="X38333" i="1"/>
  <c r="X38334" i="1"/>
  <c r="X38335" i="1"/>
  <c r="X38336" i="1"/>
  <c r="X38337" i="1"/>
  <c r="X38338" i="1"/>
  <c r="X38339" i="1"/>
  <c r="X38340" i="1"/>
  <c r="X38341" i="1"/>
  <c r="X38342" i="1"/>
  <c r="X38343" i="1"/>
  <c r="X38344" i="1"/>
  <c r="X38345" i="1"/>
  <c r="X38346" i="1"/>
  <c r="X38347" i="1"/>
  <c r="X38348" i="1"/>
  <c r="X38349" i="1"/>
  <c r="X38350" i="1"/>
  <c r="X38351" i="1"/>
  <c r="X38352" i="1"/>
  <c r="X38353" i="1"/>
  <c r="X38354" i="1"/>
  <c r="X38355" i="1"/>
  <c r="X38356" i="1"/>
  <c r="X38357" i="1"/>
  <c r="X38358" i="1"/>
  <c r="X38359" i="1"/>
  <c r="X38360" i="1"/>
  <c r="X38361" i="1"/>
  <c r="X38362" i="1"/>
  <c r="X38363" i="1"/>
  <c r="X38364" i="1"/>
  <c r="X38365" i="1"/>
  <c r="X38366" i="1"/>
  <c r="X38367" i="1"/>
  <c r="X38368" i="1"/>
  <c r="X38369" i="1"/>
  <c r="X38370" i="1"/>
  <c r="X38371" i="1"/>
  <c r="X38372" i="1"/>
  <c r="X38373" i="1"/>
  <c r="X38374" i="1"/>
  <c r="X38375" i="1"/>
  <c r="X38376" i="1"/>
  <c r="X38377" i="1"/>
  <c r="X38378" i="1"/>
  <c r="X38379" i="1"/>
  <c r="X38380" i="1"/>
  <c r="X38381" i="1"/>
  <c r="X38382" i="1"/>
  <c r="X38383" i="1"/>
  <c r="X38384" i="1"/>
  <c r="X38385" i="1"/>
  <c r="X38386" i="1"/>
  <c r="X38387" i="1"/>
  <c r="X38388" i="1"/>
  <c r="X38389" i="1"/>
  <c r="X38390" i="1"/>
  <c r="X38391" i="1"/>
  <c r="X38392" i="1"/>
  <c r="X38393" i="1"/>
  <c r="X38394" i="1"/>
  <c r="X38395" i="1"/>
  <c r="X38396" i="1"/>
  <c r="X38397" i="1"/>
  <c r="X38398" i="1"/>
  <c r="X38399" i="1"/>
  <c r="X38400" i="1"/>
  <c r="X38401" i="1"/>
  <c r="X38402" i="1"/>
  <c r="X38403" i="1"/>
  <c r="X38404" i="1"/>
  <c r="X38405" i="1"/>
  <c r="X38406" i="1"/>
  <c r="X38407" i="1"/>
  <c r="X38408" i="1"/>
  <c r="X38409" i="1"/>
  <c r="X38410" i="1"/>
  <c r="X38411" i="1"/>
  <c r="X38412" i="1"/>
  <c r="X38413" i="1"/>
  <c r="X38414" i="1"/>
  <c r="X38415" i="1"/>
  <c r="X38416" i="1"/>
  <c r="X38417" i="1"/>
  <c r="X38418" i="1"/>
  <c r="X38419" i="1"/>
  <c r="X38420" i="1"/>
  <c r="X38421" i="1"/>
  <c r="X38422" i="1"/>
  <c r="X38423" i="1"/>
  <c r="X38424" i="1"/>
  <c r="X38425" i="1"/>
  <c r="X38426" i="1"/>
  <c r="X38427" i="1"/>
  <c r="X38428" i="1"/>
  <c r="X38429" i="1"/>
  <c r="X38430" i="1"/>
  <c r="X38431" i="1"/>
  <c r="X38432" i="1"/>
  <c r="X38433" i="1"/>
  <c r="X38434" i="1"/>
  <c r="X38435" i="1"/>
  <c r="X38436" i="1"/>
  <c r="X38437" i="1"/>
  <c r="X38438" i="1"/>
  <c r="X38439" i="1"/>
  <c r="X38440" i="1"/>
  <c r="X38441" i="1"/>
  <c r="X38442" i="1"/>
  <c r="X38443" i="1"/>
  <c r="X38444" i="1"/>
  <c r="X38445" i="1"/>
  <c r="X38446" i="1"/>
  <c r="X38447" i="1"/>
  <c r="X38448" i="1"/>
  <c r="X38449" i="1"/>
  <c r="X38450" i="1"/>
  <c r="X38451" i="1"/>
  <c r="X38452" i="1"/>
  <c r="X38453" i="1"/>
  <c r="X38454" i="1"/>
  <c r="X38455" i="1"/>
  <c r="X38456" i="1"/>
  <c r="X38457" i="1"/>
  <c r="X38458" i="1"/>
  <c r="X38459" i="1"/>
  <c r="X38460" i="1"/>
  <c r="X38461" i="1"/>
  <c r="X38462" i="1"/>
  <c r="X38463" i="1"/>
  <c r="X38464" i="1"/>
  <c r="X38465" i="1"/>
  <c r="X38466" i="1"/>
  <c r="X38467" i="1"/>
  <c r="X38468" i="1"/>
  <c r="X38469" i="1"/>
  <c r="X38470" i="1"/>
  <c r="X38471" i="1"/>
  <c r="X38472" i="1"/>
  <c r="X38473" i="1"/>
  <c r="X38474" i="1"/>
  <c r="X38475" i="1"/>
  <c r="X38476" i="1"/>
  <c r="X38477" i="1"/>
  <c r="X38478" i="1"/>
  <c r="X38479" i="1"/>
  <c r="X38480" i="1"/>
  <c r="X38481" i="1"/>
  <c r="X38482" i="1"/>
  <c r="X38483" i="1"/>
  <c r="X38484" i="1"/>
  <c r="X38485" i="1"/>
  <c r="X38486" i="1"/>
  <c r="X38487" i="1"/>
  <c r="X38488" i="1"/>
  <c r="X38489" i="1"/>
  <c r="X38490" i="1"/>
  <c r="X38491" i="1"/>
  <c r="X38492" i="1"/>
  <c r="X38493" i="1"/>
  <c r="X38494" i="1"/>
  <c r="X38495" i="1"/>
  <c r="X38496" i="1"/>
  <c r="X38497" i="1"/>
  <c r="X38498" i="1"/>
  <c r="X38499" i="1"/>
  <c r="X38500" i="1"/>
  <c r="X38501" i="1"/>
  <c r="X38502" i="1"/>
  <c r="X38503" i="1"/>
  <c r="X38504" i="1"/>
  <c r="X38505" i="1"/>
  <c r="X38506" i="1"/>
  <c r="X38507" i="1"/>
  <c r="X38508" i="1"/>
  <c r="X38509" i="1"/>
  <c r="X38510" i="1"/>
  <c r="X38511" i="1"/>
  <c r="X38512" i="1"/>
  <c r="X38513" i="1"/>
  <c r="X38514" i="1"/>
  <c r="X38515" i="1"/>
  <c r="X38516" i="1"/>
  <c r="X38517" i="1"/>
  <c r="X38518" i="1"/>
  <c r="X38519" i="1"/>
  <c r="X38520" i="1"/>
  <c r="X38521" i="1"/>
  <c r="X38522" i="1"/>
  <c r="X38523" i="1"/>
  <c r="X38524" i="1"/>
  <c r="X38525" i="1"/>
  <c r="X38526" i="1"/>
  <c r="X38527" i="1"/>
  <c r="X38528" i="1"/>
  <c r="X38529" i="1"/>
  <c r="X38530" i="1"/>
  <c r="X38531" i="1"/>
  <c r="X38532" i="1"/>
  <c r="X38533" i="1"/>
  <c r="X38534" i="1"/>
  <c r="X38535" i="1"/>
  <c r="X38536" i="1"/>
  <c r="X38537" i="1"/>
  <c r="X38538" i="1"/>
  <c r="X38539" i="1"/>
  <c r="X38540" i="1"/>
  <c r="X38541" i="1"/>
  <c r="X38542" i="1"/>
  <c r="X38543" i="1"/>
  <c r="X38544" i="1"/>
  <c r="X38545" i="1"/>
  <c r="X38546" i="1"/>
  <c r="X38547" i="1"/>
  <c r="X38548" i="1"/>
  <c r="X38549" i="1"/>
  <c r="X38550" i="1"/>
  <c r="X38551" i="1"/>
  <c r="X38552" i="1"/>
  <c r="X38553" i="1"/>
  <c r="X38554" i="1"/>
  <c r="X38555" i="1"/>
  <c r="X38556" i="1"/>
  <c r="X38557" i="1"/>
  <c r="X38558" i="1"/>
  <c r="X38559" i="1"/>
  <c r="X38560" i="1"/>
  <c r="X38561" i="1"/>
  <c r="X38562" i="1"/>
  <c r="X38563" i="1"/>
  <c r="X38564" i="1"/>
  <c r="X38565" i="1"/>
  <c r="X38566" i="1"/>
  <c r="X38567" i="1"/>
  <c r="X38568" i="1"/>
  <c r="X38569" i="1"/>
  <c r="X38570" i="1"/>
  <c r="X38571" i="1"/>
  <c r="X38572" i="1"/>
  <c r="X38573" i="1"/>
  <c r="X38574" i="1"/>
  <c r="X38575" i="1"/>
  <c r="X38576" i="1"/>
  <c r="X38577" i="1"/>
  <c r="X38578" i="1"/>
  <c r="X38579" i="1"/>
  <c r="X38580" i="1"/>
  <c r="X38581" i="1"/>
  <c r="X38582" i="1"/>
  <c r="X38583" i="1"/>
  <c r="X38584" i="1"/>
  <c r="X38585" i="1"/>
  <c r="X38586" i="1"/>
  <c r="X38587" i="1"/>
  <c r="X38588" i="1"/>
  <c r="X38589" i="1"/>
  <c r="X38590" i="1"/>
  <c r="X38591" i="1"/>
  <c r="X38592" i="1"/>
  <c r="X38593" i="1"/>
  <c r="X38594" i="1"/>
  <c r="X38595" i="1"/>
  <c r="X38596" i="1"/>
  <c r="X38597" i="1"/>
  <c r="X38598" i="1"/>
  <c r="X38599" i="1"/>
  <c r="X38600" i="1"/>
  <c r="X38601" i="1"/>
  <c r="X38602" i="1"/>
  <c r="X38603" i="1"/>
  <c r="X38604" i="1"/>
  <c r="X38605" i="1"/>
  <c r="X38606" i="1"/>
  <c r="X38607" i="1"/>
  <c r="X38608" i="1"/>
  <c r="X38609" i="1"/>
  <c r="X38610" i="1"/>
  <c r="X38611" i="1"/>
  <c r="X38612" i="1"/>
  <c r="X38613" i="1"/>
  <c r="X38614" i="1"/>
  <c r="X38615" i="1"/>
  <c r="X38616" i="1"/>
  <c r="X38617" i="1"/>
  <c r="X38618" i="1"/>
  <c r="X38619" i="1"/>
  <c r="X38620" i="1"/>
  <c r="X38621" i="1"/>
  <c r="X38622" i="1"/>
  <c r="X38623" i="1"/>
  <c r="X38624" i="1"/>
  <c r="X38625" i="1"/>
  <c r="X38626" i="1"/>
  <c r="X38627" i="1"/>
  <c r="X38628" i="1"/>
  <c r="X38629" i="1"/>
  <c r="X38630" i="1"/>
  <c r="X38631" i="1"/>
  <c r="X38632" i="1"/>
  <c r="X38633" i="1"/>
  <c r="X38634" i="1"/>
  <c r="X38635" i="1"/>
  <c r="X38636" i="1"/>
  <c r="X38637" i="1"/>
  <c r="X38638" i="1"/>
  <c r="X38639" i="1"/>
  <c r="X38640" i="1"/>
  <c r="X38641" i="1"/>
  <c r="X38642" i="1"/>
  <c r="X38643" i="1"/>
  <c r="X38644" i="1"/>
  <c r="X38645" i="1"/>
  <c r="X38646" i="1"/>
  <c r="X38647" i="1"/>
  <c r="X38648" i="1"/>
  <c r="X38649" i="1"/>
  <c r="X38650" i="1"/>
  <c r="X38651" i="1"/>
  <c r="X38652" i="1"/>
  <c r="X38653" i="1"/>
  <c r="X38654" i="1"/>
  <c r="X38655" i="1"/>
  <c r="X38656" i="1"/>
  <c r="X38657" i="1"/>
  <c r="X38658" i="1"/>
  <c r="X38659" i="1"/>
  <c r="X38660" i="1"/>
  <c r="X38661" i="1"/>
  <c r="X38662" i="1"/>
  <c r="X38663" i="1"/>
  <c r="X38664" i="1"/>
  <c r="X38665" i="1"/>
  <c r="X38666" i="1"/>
  <c r="X38667" i="1"/>
  <c r="X38668" i="1"/>
  <c r="X38669" i="1"/>
  <c r="X38670" i="1"/>
  <c r="X38671" i="1"/>
  <c r="X38672" i="1"/>
  <c r="X38673" i="1"/>
  <c r="X38674" i="1"/>
  <c r="X38675" i="1"/>
  <c r="X38676" i="1"/>
  <c r="X38677" i="1"/>
  <c r="X38678" i="1"/>
  <c r="X38679" i="1"/>
  <c r="X38680" i="1"/>
  <c r="X38681" i="1"/>
  <c r="X38682" i="1"/>
  <c r="X38683" i="1"/>
  <c r="X38684" i="1"/>
  <c r="X38685" i="1"/>
  <c r="X38686" i="1"/>
  <c r="X38687" i="1"/>
  <c r="X38688" i="1"/>
  <c r="X38689" i="1"/>
  <c r="X38690" i="1"/>
  <c r="X38691" i="1"/>
  <c r="X38692" i="1"/>
  <c r="X38693" i="1"/>
  <c r="X38694" i="1"/>
  <c r="X38695" i="1"/>
  <c r="X38696" i="1"/>
  <c r="X38697" i="1"/>
  <c r="X38698" i="1"/>
  <c r="X38699" i="1"/>
  <c r="X38700" i="1"/>
  <c r="X38701" i="1"/>
  <c r="X38702" i="1"/>
  <c r="X38703" i="1"/>
  <c r="X38704" i="1"/>
  <c r="X38705" i="1"/>
  <c r="X38706" i="1"/>
  <c r="X38707" i="1"/>
  <c r="X38708" i="1"/>
  <c r="X38709" i="1"/>
  <c r="X38710" i="1"/>
  <c r="X38711" i="1"/>
  <c r="X38712" i="1"/>
  <c r="X38713" i="1"/>
  <c r="X38714" i="1"/>
  <c r="X38715" i="1"/>
  <c r="X38716" i="1"/>
  <c r="X38717" i="1"/>
  <c r="X38718" i="1"/>
  <c r="X38719" i="1"/>
  <c r="X38720" i="1"/>
  <c r="X38721" i="1"/>
  <c r="X38722" i="1"/>
  <c r="X38723" i="1"/>
  <c r="X38724" i="1"/>
  <c r="X38725" i="1"/>
  <c r="X38726" i="1"/>
  <c r="X38727" i="1"/>
  <c r="X38728" i="1"/>
  <c r="X38729" i="1"/>
  <c r="X38730" i="1"/>
  <c r="X38731" i="1"/>
  <c r="X38732" i="1"/>
  <c r="X38733" i="1"/>
  <c r="X38734" i="1"/>
  <c r="X38735" i="1"/>
  <c r="X38736" i="1"/>
  <c r="X38737" i="1"/>
  <c r="X38738" i="1"/>
  <c r="X38739" i="1"/>
  <c r="X38740" i="1"/>
  <c r="X38741" i="1"/>
  <c r="X38742" i="1"/>
  <c r="X38743" i="1"/>
  <c r="X38744" i="1"/>
  <c r="X38745" i="1"/>
  <c r="X38746" i="1"/>
  <c r="X38747" i="1"/>
  <c r="X38748" i="1"/>
  <c r="X38749" i="1"/>
  <c r="X38750" i="1"/>
  <c r="X38751" i="1"/>
  <c r="X38752" i="1"/>
  <c r="X38753" i="1"/>
  <c r="X38754" i="1"/>
  <c r="X38755" i="1"/>
  <c r="X38756" i="1"/>
  <c r="X38757" i="1"/>
  <c r="X38758" i="1"/>
  <c r="X38759" i="1"/>
  <c r="X38760" i="1"/>
  <c r="X38761" i="1"/>
  <c r="X38762" i="1"/>
  <c r="X38763" i="1"/>
  <c r="X38764" i="1"/>
  <c r="X38765" i="1"/>
  <c r="X38766" i="1"/>
  <c r="X38767" i="1"/>
  <c r="X38768" i="1"/>
  <c r="X38769" i="1"/>
  <c r="X38770" i="1"/>
  <c r="X38771" i="1"/>
  <c r="X38772" i="1"/>
  <c r="X38773" i="1"/>
  <c r="X38774" i="1"/>
  <c r="X38775" i="1"/>
  <c r="X38776" i="1"/>
  <c r="X38777" i="1"/>
  <c r="X38778" i="1"/>
  <c r="X38779" i="1"/>
  <c r="X38780" i="1"/>
  <c r="X38781" i="1"/>
  <c r="X38782" i="1"/>
  <c r="X38783" i="1"/>
  <c r="X38784" i="1"/>
  <c r="X38785" i="1"/>
  <c r="X38786" i="1"/>
  <c r="X38787" i="1"/>
  <c r="X38788" i="1"/>
  <c r="X38789" i="1"/>
  <c r="X38790" i="1"/>
  <c r="X38791" i="1"/>
  <c r="X38792" i="1"/>
  <c r="X38793" i="1"/>
  <c r="X38794" i="1"/>
  <c r="X38795" i="1"/>
  <c r="X38796" i="1"/>
  <c r="X38797" i="1"/>
  <c r="X38798" i="1"/>
  <c r="X38799" i="1"/>
  <c r="X38800" i="1"/>
  <c r="X38801" i="1"/>
  <c r="X38802" i="1"/>
  <c r="X38803" i="1"/>
  <c r="X38804" i="1"/>
  <c r="X38805" i="1"/>
  <c r="X38806" i="1"/>
  <c r="X38807" i="1"/>
  <c r="X38808" i="1"/>
  <c r="X38809" i="1"/>
  <c r="X38810" i="1"/>
  <c r="X38811" i="1"/>
  <c r="X38812" i="1"/>
  <c r="X38813" i="1"/>
  <c r="X38814" i="1"/>
  <c r="X38815" i="1"/>
  <c r="X38816" i="1"/>
  <c r="X38817" i="1"/>
  <c r="X38818" i="1"/>
  <c r="X38819" i="1"/>
  <c r="X38820" i="1"/>
  <c r="X38821" i="1"/>
  <c r="X38822" i="1"/>
  <c r="X38823" i="1"/>
  <c r="X38824" i="1"/>
  <c r="X38825" i="1"/>
  <c r="X38826" i="1"/>
  <c r="X38827" i="1"/>
  <c r="X38828" i="1"/>
  <c r="X38829" i="1"/>
  <c r="X38830" i="1"/>
  <c r="X38831" i="1"/>
  <c r="X38832" i="1"/>
  <c r="X38833" i="1"/>
  <c r="X38834" i="1"/>
  <c r="X38835" i="1"/>
  <c r="X38836" i="1"/>
  <c r="X38837" i="1"/>
  <c r="X38838" i="1"/>
  <c r="X38839" i="1"/>
  <c r="X38840" i="1"/>
  <c r="X38841" i="1"/>
  <c r="X38842" i="1"/>
  <c r="X38843" i="1"/>
  <c r="X38844" i="1"/>
  <c r="X38845" i="1"/>
  <c r="X38846" i="1"/>
  <c r="X38847" i="1"/>
  <c r="X38848" i="1"/>
  <c r="X38849" i="1"/>
  <c r="X38850" i="1"/>
  <c r="X38851" i="1"/>
  <c r="X38852" i="1"/>
  <c r="X38853" i="1"/>
  <c r="X38854" i="1"/>
  <c r="X38855" i="1"/>
  <c r="X38856" i="1"/>
  <c r="X38857" i="1"/>
  <c r="X38858" i="1"/>
  <c r="X38859" i="1"/>
  <c r="X38860" i="1"/>
  <c r="X38861" i="1"/>
  <c r="X38862" i="1"/>
  <c r="X38863" i="1"/>
  <c r="X38864" i="1"/>
  <c r="X38865" i="1"/>
  <c r="X38866" i="1"/>
  <c r="X38867" i="1"/>
  <c r="X38868" i="1"/>
  <c r="X38869" i="1"/>
  <c r="X38870" i="1"/>
  <c r="X38871" i="1"/>
  <c r="X38872" i="1"/>
  <c r="X38873" i="1"/>
  <c r="X38874" i="1"/>
  <c r="X38875" i="1"/>
  <c r="X38876" i="1"/>
  <c r="X38877" i="1"/>
  <c r="X38878" i="1"/>
  <c r="X38879" i="1"/>
  <c r="X38880" i="1"/>
  <c r="X38881" i="1"/>
  <c r="X38882" i="1"/>
  <c r="X38883" i="1"/>
  <c r="X38884" i="1"/>
  <c r="X38885" i="1"/>
  <c r="X38886" i="1"/>
  <c r="X38887" i="1"/>
  <c r="X38888" i="1"/>
  <c r="X38889" i="1"/>
  <c r="X38890" i="1"/>
  <c r="X38891" i="1"/>
  <c r="X38892" i="1"/>
  <c r="X38893" i="1"/>
  <c r="X38894" i="1"/>
  <c r="X38895" i="1"/>
  <c r="X38896" i="1"/>
  <c r="X38897" i="1"/>
  <c r="X38898" i="1"/>
  <c r="X38899" i="1"/>
  <c r="X38900" i="1"/>
  <c r="X38901" i="1"/>
  <c r="X38902" i="1"/>
  <c r="X38903" i="1"/>
  <c r="X38904" i="1"/>
  <c r="X38905" i="1"/>
  <c r="X38906" i="1"/>
  <c r="X38907" i="1"/>
  <c r="X38908" i="1"/>
  <c r="X38909" i="1"/>
  <c r="X38910" i="1"/>
  <c r="X38911" i="1"/>
  <c r="X38912" i="1"/>
  <c r="X38913" i="1"/>
  <c r="X38914" i="1"/>
  <c r="X38915" i="1"/>
  <c r="X38916" i="1"/>
  <c r="X38917" i="1"/>
  <c r="X38918" i="1"/>
  <c r="X38919" i="1"/>
  <c r="X38920" i="1"/>
  <c r="X38921" i="1"/>
  <c r="X38922" i="1"/>
  <c r="X38923" i="1"/>
  <c r="X38924" i="1"/>
  <c r="X38925" i="1"/>
  <c r="X38926" i="1"/>
  <c r="X38927" i="1"/>
  <c r="X38928" i="1"/>
  <c r="X38929" i="1"/>
  <c r="X38930" i="1"/>
  <c r="X38931" i="1"/>
  <c r="X38932" i="1"/>
  <c r="X38933" i="1"/>
  <c r="X38934" i="1"/>
  <c r="X38935" i="1"/>
  <c r="X38936" i="1"/>
  <c r="X38937" i="1"/>
  <c r="X38938" i="1"/>
  <c r="X38939" i="1"/>
  <c r="X38940" i="1"/>
  <c r="X38941" i="1"/>
  <c r="X38942" i="1"/>
  <c r="X38943" i="1"/>
  <c r="X38944" i="1"/>
  <c r="X38945" i="1"/>
  <c r="X38946" i="1"/>
  <c r="X38947" i="1"/>
  <c r="X38948" i="1"/>
  <c r="X38949" i="1"/>
  <c r="X38950" i="1"/>
  <c r="X38951" i="1"/>
  <c r="X38952" i="1"/>
  <c r="X38953" i="1"/>
  <c r="X38954" i="1"/>
  <c r="X38955" i="1"/>
  <c r="X38956" i="1"/>
  <c r="X38957" i="1"/>
  <c r="X38958" i="1"/>
  <c r="X38959" i="1"/>
  <c r="X38960" i="1"/>
  <c r="X38961" i="1"/>
  <c r="X38962" i="1"/>
  <c r="X38963" i="1"/>
  <c r="X38964" i="1"/>
  <c r="X38965" i="1"/>
  <c r="X38966" i="1"/>
  <c r="X38967" i="1"/>
  <c r="X38968" i="1"/>
  <c r="X38969" i="1"/>
  <c r="X38970" i="1"/>
  <c r="X38971" i="1"/>
  <c r="X38972" i="1"/>
  <c r="X38973" i="1"/>
  <c r="X38974" i="1"/>
  <c r="X38975" i="1"/>
  <c r="X38976" i="1"/>
  <c r="X38977" i="1"/>
  <c r="X38978" i="1"/>
  <c r="X38979" i="1"/>
  <c r="X38980" i="1"/>
  <c r="X38981" i="1"/>
  <c r="X38982" i="1"/>
  <c r="X38983" i="1"/>
  <c r="X38984" i="1"/>
  <c r="X38985" i="1"/>
  <c r="X38986" i="1"/>
  <c r="X38987" i="1"/>
  <c r="X38988" i="1"/>
  <c r="X38989" i="1"/>
  <c r="X38990" i="1"/>
  <c r="X38991" i="1"/>
  <c r="X38992" i="1"/>
  <c r="X38993" i="1"/>
  <c r="X38994" i="1"/>
  <c r="X38995" i="1"/>
  <c r="X38996" i="1"/>
  <c r="X38997" i="1"/>
  <c r="X38998" i="1"/>
  <c r="X38999" i="1"/>
  <c r="X39000" i="1"/>
  <c r="X39001" i="1"/>
  <c r="X39002" i="1"/>
  <c r="X39003" i="1"/>
  <c r="X39004" i="1"/>
  <c r="X39005" i="1"/>
  <c r="X39006" i="1"/>
  <c r="X39007" i="1"/>
  <c r="X39008" i="1"/>
  <c r="X39009" i="1"/>
  <c r="X39010" i="1"/>
  <c r="X39011" i="1"/>
  <c r="X39012" i="1"/>
  <c r="X39013" i="1"/>
  <c r="X39014" i="1"/>
  <c r="X39015" i="1"/>
  <c r="X39016" i="1"/>
  <c r="X39017" i="1"/>
  <c r="X39018" i="1"/>
  <c r="X39019" i="1"/>
  <c r="X39020" i="1"/>
  <c r="X39021" i="1"/>
  <c r="X39022" i="1"/>
  <c r="X39023" i="1"/>
  <c r="X39024" i="1"/>
  <c r="X39025" i="1"/>
  <c r="X39026" i="1"/>
  <c r="X39027" i="1"/>
  <c r="X39028" i="1"/>
  <c r="X39029" i="1"/>
  <c r="X39030" i="1"/>
  <c r="X39031" i="1"/>
  <c r="X39032" i="1"/>
  <c r="X39033" i="1"/>
  <c r="X39034" i="1"/>
  <c r="X39035" i="1"/>
  <c r="X39036" i="1"/>
  <c r="X39037" i="1"/>
  <c r="X39038" i="1"/>
  <c r="X39039" i="1"/>
  <c r="X39040" i="1"/>
  <c r="X39041" i="1"/>
  <c r="X39042" i="1"/>
  <c r="X39043" i="1"/>
  <c r="X39044" i="1"/>
  <c r="X39045" i="1"/>
  <c r="X39046" i="1"/>
  <c r="X39047" i="1"/>
  <c r="X39048" i="1"/>
  <c r="X39049" i="1"/>
  <c r="X39050" i="1"/>
  <c r="X39051" i="1"/>
  <c r="X39052" i="1"/>
  <c r="X39053" i="1"/>
  <c r="X39054" i="1"/>
  <c r="X39055" i="1"/>
  <c r="X39056" i="1"/>
  <c r="X39057" i="1"/>
  <c r="X39058" i="1"/>
  <c r="X39059" i="1"/>
  <c r="X39060" i="1"/>
  <c r="X39061" i="1"/>
  <c r="X39062" i="1"/>
  <c r="X39063" i="1"/>
  <c r="X39064" i="1"/>
  <c r="X39065" i="1"/>
  <c r="X39066" i="1"/>
  <c r="X39067" i="1"/>
  <c r="X39068" i="1"/>
  <c r="X39069" i="1"/>
  <c r="X39070" i="1"/>
  <c r="X39071" i="1"/>
  <c r="X39072" i="1"/>
  <c r="X39073" i="1"/>
  <c r="X39074" i="1"/>
  <c r="X39075" i="1"/>
  <c r="X39076" i="1"/>
  <c r="X39077" i="1"/>
  <c r="X39078" i="1"/>
  <c r="X39079" i="1"/>
  <c r="X39080" i="1"/>
  <c r="X39081" i="1"/>
  <c r="X39082" i="1"/>
  <c r="X39083" i="1"/>
  <c r="X39084" i="1"/>
  <c r="X39085" i="1"/>
  <c r="X39086" i="1"/>
  <c r="X39087" i="1"/>
  <c r="X39088" i="1"/>
  <c r="X39089" i="1"/>
  <c r="X39090" i="1"/>
  <c r="X39091" i="1"/>
  <c r="X39092" i="1"/>
  <c r="X39093" i="1"/>
  <c r="X39094" i="1"/>
  <c r="X39095" i="1"/>
  <c r="X39096" i="1"/>
  <c r="X39097" i="1"/>
  <c r="X39098" i="1"/>
  <c r="X39099" i="1"/>
  <c r="X39100" i="1"/>
  <c r="X39101" i="1"/>
  <c r="X39102" i="1"/>
  <c r="X39103" i="1"/>
  <c r="X39104" i="1"/>
  <c r="X39105" i="1"/>
  <c r="X39106" i="1"/>
  <c r="X39107" i="1"/>
  <c r="X39108" i="1"/>
  <c r="X39109" i="1"/>
  <c r="X39110" i="1"/>
  <c r="X39111" i="1"/>
  <c r="X39112" i="1"/>
  <c r="X39113" i="1"/>
  <c r="X39114" i="1"/>
  <c r="X39115" i="1"/>
  <c r="X39116" i="1"/>
  <c r="X39117" i="1"/>
  <c r="X39118" i="1"/>
  <c r="X39119" i="1"/>
  <c r="X39120" i="1"/>
  <c r="X39121" i="1"/>
  <c r="X39122" i="1"/>
  <c r="X39123" i="1"/>
  <c r="X39124" i="1"/>
  <c r="X39125" i="1"/>
  <c r="X39126" i="1"/>
  <c r="X39127" i="1"/>
  <c r="X39128" i="1"/>
  <c r="X39129" i="1"/>
  <c r="X39130" i="1"/>
  <c r="X39131" i="1"/>
  <c r="X39132" i="1"/>
  <c r="X39133" i="1"/>
  <c r="X39134" i="1"/>
  <c r="X39135" i="1"/>
  <c r="X39136" i="1"/>
  <c r="X39137" i="1"/>
  <c r="X39138" i="1"/>
  <c r="X39139" i="1"/>
  <c r="X39140" i="1"/>
  <c r="X39141" i="1"/>
  <c r="X39142" i="1"/>
  <c r="X39143" i="1"/>
  <c r="X39144" i="1"/>
  <c r="X39145" i="1"/>
  <c r="X39146" i="1"/>
  <c r="X39147" i="1"/>
  <c r="X39148" i="1"/>
  <c r="X39149" i="1"/>
  <c r="X39150" i="1"/>
  <c r="X39151" i="1"/>
  <c r="X39152" i="1"/>
  <c r="X39153" i="1"/>
  <c r="X39154" i="1"/>
  <c r="X39155" i="1"/>
  <c r="X39156" i="1"/>
  <c r="X39157" i="1"/>
  <c r="X39158" i="1"/>
  <c r="X39159" i="1"/>
  <c r="X39160" i="1"/>
  <c r="X39161" i="1"/>
  <c r="X39162" i="1"/>
  <c r="X39163" i="1"/>
  <c r="X39164" i="1"/>
  <c r="X39165" i="1"/>
  <c r="X39166" i="1"/>
  <c r="X39167" i="1"/>
  <c r="X39168" i="1"/>
  <c r="X39169" i="1"/>
  <c r="X39170" i="1"/>
  <c r="X39171" i="1"/>
  <c r="X39172" i="1"/>
  <c r="X39173" i="1"/>
  <c r="X39174" i="1"/>
  <c r="X39175" i="1"/>
  <c r="X39176" i="1"/>
  <c r="X39177" i="1"/>
  <c r="X39178" i="1"/>
  <c r="X39179" i="1"/>
  <c r="X39180" i="1"/>
  <c r="X39181" i="1"/>
  <c r="X39182" i="1"/>
  <c r="X39183" i="1"/>
  <c r="X39184" i="1"/>
  <c r="X39185" i="1"/>
  <c r="X39186" i="1"/>
  <c r="X39187" i="1"/>
  <c r="X39188" i="1"/>
  <c r="X39189" i="1"/>
  <c r="X39190" i="1"/>
  <c r="X39191" i="1"/>
  <c r="X39192" i="1"/>
  <c r="X39193" i="1"/>
  <c r="X39194" i="1"/>
  <c r="X39195" i="1"/>
  <c r="X39196" i="1"/>
  <c r="X39197" i="1"/>
  <c r="X39198" i="1"/>
  <c r="X39199" i="1"/>
  <c r="X39200" i="1"/>
  <c r="X39201" i="1"/>
  <c r="X39202" i="1"/>
  <c r="X39203" i="1"/>
  <c r="X39204" i="1"/>
  <c r="X39205" i="1"/>
  <c r="X39206" i="1"/>
  <c r="X39207" i="1"/>
  <c r="X39208" i="1"/>
  <c r="X39209" i="1"/>
  <c r="X39210" i="1"/>
  <c r="X39211" i="1"/>
  <c r="X39212" i="1"/>
  <c r="X39213" i="1"/>
  <c r="X39214" i="1"/>
  <c r="X39215" i="1"/>
  <c r="X39216" i="1"/>
  <c r="X39217" i="1"/>
  <c r="X39218" i="1"/>
  <c r="X39219" i="1"/>
  <c r="X39220" i="1"/>
  <c r="X39221" i="1"/>
  <c r="X39222" i="1"/>
  <c r="X39223" i="1"/>
  <c r="X39224" i="1"/>
  <c r="X39225" i="1"/>
  <c r="X39226" i="1"/>
  <c r="X39227" i="1"/>
  <c r="X39228" i="1"/>
  <c r="X39229" i="1"/>
  <c r="X39230" i="1"/>
  <c r="X39231" i="1"/>
  <c r="X39232" i="1"/>
  <c r="X39233" i="1"/>
  <c r="X39234" i="1"/>
  <c r="X39235" i="1"/>
  <c r="X39236" i="1"/>
  <c r="X39237" i="1"/>
  <c r="X39238" i="1"/>
  <c r="X39239" i="1"/>
  <c r="X39240" i="1"/>
  <c r="X39241" i="1"/>
  <c r="X39242" i="1"/>
  <c r="X39243" i="1"/>
  <c r="X39244" i="1"/>
  <c r="X39245" i="1"/>
  <c r="X39246" i="1"/>
  <c r="X39247" i="1"/>
  <c r="X39248" i="1"/>
  <c r="X39249" i="1"/>
  <c r="X39250" i="1"/>
  <c r="X39251" i="1"/>
  <c r="X39252" i="1"/>
  <c r="X39253" i="1"/>
  <c r="X39254" i="1"/>
  <c r="X39255" i="1"/>
  <c r="X39256" i="1"/>
  <c r="X39257" i="1"/>
  <c r="X39258" i="1"/>
  <c r="X39259" i="1"/>
  <c r="X39260" i="1"/>
  <c r="X39261" i="1"/>
  <c r="X39262" i="1"/>
  <c r="X39263" i="1"/>
  <c r="X39264" i="1"/>
  <c r="X39265" i="1"/>
  <c r="X39266" i="1"/>
  <c r="X39267" i="1"/>
  <c r="X39268" i="1"/>
  <c r="X39269" i="1"/>
  <c r="X39270" i="1"/>
  <c r="X39271" i="1"/>
  <c r="X39272" i="1"/>
  <c r="X39273" i="1"/>
  <c r="X39274" i="1"/>
  <c r="X39275" i="1"/>
  <c r="X39276" i="1"/>
  <c r="X39277" i="1"/>
  <c r="X39278" i="1"/>
  <c r="X39279" i="1"/>
  <c r="X39280" i="1"/>
  <c r="X39281" i="1"/>
  <c r="X39282" i="1"/>
  <c r="X39283" i="1"/>
  <c r="X39284" i="1"/>
  <c r="X39285" i="1"/>
  <c r="X39286" i="1"/>
  <c r="X39287" i="1"/>
  <c r="X39288" i="1"/>
  <c r="X39289" i="1"/>
  <c r="X39290" i="1"/>
  <c r="X39291" i="1"/>
  <c r="X39292" i="1"/>
  <c r="X39293" i="1"/>
  <c r="X39294" i="1"/>
  <c r="X39295" i="1"/>
  <c r="X39296" i="1"/>
  <c r="X39297" i="1"/>
  <c r="X39298" i="1"/>
  <c r="X39299" i="1"/>
  <c r="X39300" i="1"/>
  <c r="X39301" i="1"/>
  <c r="X39302" i="1"/>
  <c r="X39303" i="1"/>
  <c r="X39304" i="1"/>
  <c r="X39305" i="1"/>
  <c r="X39306" i="1"/>
  <c r="X39307" i="1"/>
  <c r="X39308" i="1"/>
  <c r="X39309" i="1"/>
  <c r="X39310" i="1"/>
  <c r="X39311" i="1"/>
  <c r="X39312" i="1"/>
  <c r="X39313" i="1"/>
  <c r="X39314" i="1"/>
  <c r="X39315" i="1"/>
  <c r="X39316" i="1"/>
  <c r="X39317" i="1"/>
  <c r="X39318" i="1"/>
  <c r="X39319" i="1"/>
  <c r="X39320" i="1"/>
  <c r="X39321" i="1"/>
  <c r="X39322" i="1"/>
  <c r="X39323" i="1"/>
  <c r="X39324" i="1"/>
  <c r="X39325" i="1"/>
  <c r="X39326" i="1"/>
  <c r="X39327" i="1"/>
  <c r="X39328" i="1"/>
  <c r="X39329" i="1"/>
  <c r="X39330" i="1"/>
  <c r="X39331" i="1"/>
  <c r="X39332" i="1"/>
  <c r="X39333" i="1"/>
  <c r="X39334" i="1"/>
  <c r="X39335" i="1"/>
  <c r="X39336" i="1"/>
  <c r="X39337" i="1"/>
  <c r="X39338" i="1"/>
  <c r="X39339" i="1"/>
  <c r="X39340" i="1"/>
  <c r="X39341" i="1"/>
  <c r="X39342" i="1"/>
  <c r="X39343" i="1"/>
  <c r="X39344" i="1"/>
  <c r="X39345" i="1"/>
  <c r="X39346" i="1"/>
  <c r="X39347" i="1"/>
  <c r="X39348" i="1"/>
  <c r="X39349" i="1"/>
  <c r="X39350" i="1"/>
  <c r="X39351" i="1"/>
  <c r="X39352" i="1"/>
  <c r="X39353" i="1"/>
  <c r="X39354" i="1"/>
  <c r="X39355" i="1"/>
  <c r="X39356" i="1"/>
  <c r="X39357" i="1"/>
  <c r="X39358" i="1"/>
  <c r="X39359" i="1"/>
  <c r="X39360" i="1"/>
  <c r="X39361" i="1"/>
  <c r="X39362" i="1"/>
  <c r="X39363" i="1"/>
  <c r="X39364" i="1"/>
  <c r="X39365" i="1"/>
  <c r="X39366" i="1"/>
  <c r="X39367" i="1"/>
  <c r="X39368" i="1"/>
  <c r="X39369" i="1"/>
  <c r="X39370" i="1"/>
  <c r="X39371" i="1"/>
  <c r="X39372" i="1"/>
  <c r="X39373" i="1"/>
  <c r="X39374" i="1"/>
  <c r="X39375" i="1"/>
  <c r="X39376" i="1"/>
  <c r="X39377" i="1"/>
  <c r="X39378" i="1"/>
  <c r="X39379" i="1"/>
  <c r="X39380" i="1"/>
  <c r="X39381" i="1"/>
  <c r="X39382" i="1"/>
  <c r="X39383" i="1"/>
  <c r="X39384" i="1"/>
  <c r="X39385" i="1"/>
  <c r="X39386" i="1"/>
  <c r="X39387" i="1"/>
  <c r="X39388" i="1"/>
  <c r="X39389" i="1"/>
  <c r="X39390" i="1"/>
  <c r="X39391" i="1"/>
  <c r="X39392" i="1"/>
  <c r="X39393" i="1"/>
  <c r="X39394" i="1"/>
  <c r="X39395" i="1"/>
  <c r="X39396" i="1"/>
  <c r="X39397" i="1"/>
  <c r="X39398" i="1"/>
  <c r="X39399" i="1"/>
  <c r="X39400" i="1"/>
  <c r="X39401" i="1"/>
  <c r="X39402" i="1"/>
  <c r="X39403" i="1"/>
  <c r="X39404" i="1"/>
  <c r="X39405" i="1"/>
  <c r="X39406" i="1"/>
  <c r="X39407" i="1"/>
  <c r="X39408" i="1"/>
  <c r="X39409" i="1"/>
  <c r="X39410" i="1"/>
  <c r="X39411" i="1"/>
  <c r="X39412" i="1"/>
  <c r="X39413" i="1"/>
  <c r="X39414" i="1"/>
  <c r="X39415" i="1"/>
  <c r="X39416" i="1"/>
  <c r="X39417" i="1"/>
  <c r="X39418" i="1"/>
  <c r="X39419" i="1"/>
  <c r="X39420" i="1"/>
  <c r="X39421" i="1"/>
  <c r="X39422" i="1"/>
  <c r="X39423" i="1"/>
  <c r="X39424" i="1"/>
  <c r="X39425" i="1"/>
  <c r="X39426" i="1"/>
  <c r="X39427" i="1"/>
  <c r="X39428" i="1"/>
  <c r="X39429" i="1"/>
  <c r="X39430" i="1"/>
  <c r="X39431" i="1"/>
  <c r="X39432" i="1"/>
  <c r="X39433" i="1"/>
  <c r="X39434" i="1"/>
  <c r="X39435" i="1"/>
  <c r="X39436" i="1"/>
  <c r="X39437" i="1"/>
  <c r="X39438" i="1"/>
  <c r="X39439" i="1"/>
  <c r="X39440" i="1"/>
  <c r="X39441" i="1"/>
  <c r="X39442" i="1"/>
  <c r="X39443" i="1"/>
  <c r="X39444" i="1"/>
  <c r="X39445" i="1"/>
  <c r="X39446" i="1"/>
  <c r="X39447" i="1"/>
  <c r="X39448" i="1"/>
  <c r="X39449" i="1"/>
  <c r="X39450" i="1"/>
  <c r="X39451" i="1"/>
  <c r="X39452" i="1"/>
  <c r="X39453" i="1"/>
  <c r="X39454" i="1"/>
  <c r="X39455" i="1"/>
  <c r="X39456" i="1"/>
  <c r="X39457" i="1"/>
  <c r="X39458" i="1"/>
  <c r="X39459" i="1"/>
  <c r="X39460" i="1"/>
  <c r="X39461" i="1"/>
  <c r="X39462" i="1"/>
  <c r="X39463" i="1"/>
  <c r="X39464" i="1"/>
  <c r="X39465" i="1"/>
  <c r="X39466" i="1"/>
  <c r="X39467" i="1"/>
  <c r="X39468" i="1"/>
  <c r="X39469" i="1"/>
  <c r="X39470" i="1"/>
  <c r="X39471" i="1"/>
  <c r="X39472" i="1"/>
  <c r="X39473" i="1"/>
  <c r="X39474" i="1"/>
  <c r="X39475" i="1"/>
  <c r="X39476" i="1"/>
  <c r="X39477" i="1"/>
  <c r="X39478" i="1"/>
  <c r="X39479" i="1"/>
  <c r="X39480" i="1"/>
  <c r="X39481" i="1"/>
  <c r="X39482" i="1"/>
  <c r="X39483" i="1"/>
  <c r="X39484" i="1"/>
  <c r="X39485" i="1"/>
  <c r="X39486" i="1"/>
  <c r="X39487" i="1"/>
  <c r="X39488" i="1"/>
  <c r="X39489" i="1"/>
  <c r="X39490" i="1"/>
  <c r="X39491" i="1"/>
  <c r="X39492" i="1"/>
  <c r="X39493" i="1"/>
  <c r="X39494" i="1"/>
  <c r="X39495" i="1"/>
  <c r="X39496" i="1"/>
  <c r="X39497" i="1"/>
  <c r="X39498" i="1"/>
  <c r="X39499" i="1"/>
  <c r="X39500" i="1"/>
  <c r="X39501" i="1"/>
  <c r="X39502" i="1"/>
  <c r="X39503" i="1"/>
  <c r="X39504" i="1"/>
  <c r="X39505" i="1"/>
  <c r="X39506" i="1"/>
  <c r="X39507" i="1"/>
  <c r="X39508" i="1"/>
  <c r="X39509" i="1"/>
  <c r="X39510" i="1"/>
  <c r="X39511" i="1"/>
  <c r="X39512" i="1"/>
  <c r="X39513" i="1"/>
  <c r="X39514" i="1"/>
  <c r="X39515" i="1"/>
  <c r="X39516" i="1"/>
  <c r="X39517" i="1"/>
  <c r="X39518" i="1"/>
  <c r="X39519" i="1"/>
  <c r="X39520" i="1"/>
  <c r="X39521" i="1"/>
  <c r="X39522" i="1"/>
  <c r="X39523" i="1"/>
  <c r="X39524" i="1"/>
  <c r="X39525" i="1"/>
  <c r="X39526" i="1"/>
  <c r="X39527" i="1"/>
  <c r="X39528" i="1"/>
  <c r="X39529" i="1"/>
  <c r="X39530" i="1"/>
  <c r="X39531" i="1"/>
  <c r="X39532" i="1"/>
  <c r="X39533" i="1"/>
  <c r="X39534" i="1"/>
  <c r="X39535" i="1"/>
  <c r="X39536" i="1"/>
  <c r="X39537" i="1"/>
  <c r="X39538" i="1"/>
  <c r="X39539" i="1"/>
  <c r="X39540" i="1"/>
  <c r="X39541" i="1"/>
  <c r="X39542" i="1"/>
  <c r="X39543" i="1"/>
  <c r="X39544" i="1"/>
  <c r="X39545" i="1"/>
  <c r="X39546" i="1"/>
  <c r="X39547" i="1"/>
  <c r="X39548" i="1"/>
  <c r="X39549" i="1"/>
  <c r="X39550" i="1"/>
  <c r="X39551" i="1"/>
  <c r="X39552" i="1"/>
  <c r="X39553" i="1"/>
  <c r="X39554" i="1"/>
  <c r="X39555" i="1"/>
  <c r="X39556" i="1"/>
  <c r="X39557" i="1"/>
  <c r="X39558" i="1"/>
  <c r="X39559" i="1"/>
  <c r="X39560" i="1"/>
  <c r="X39561" i="1"/>
  <c r="X39562" i="1"/>
  <c r="X39563" i="1"/>
  <c r="X39564" i="1"/>
  <c r="X39565" i="1"/>
  <c r="X39566" i="1"/>
  <c r="X39567" i="1"/>
  <c r="X39568" i="1"/>
  <c r="X39569" i="1"/>
  <c r="X39570" i="1"/>
  <c r="X39571" i="1"/>
  <c r="X39572" i="1"/>
  <c r="X39573" i="1"/>
  <c r="X39574" i="1"/>
  <c r="X39575" i="1"/>
  <c r="X39576" i="1"/>
  <c r="X39577" i="1"/>
  <c r="X39578" i="1"/>
  <c r="X39579" i="1"/>
  <c r="X39580" i="1"/>
  <c r="X39581" i="1"/>
  <c r="X39582" i="1"/>
  <c r="X39583" i="1"/>
  <c r="X39584" i="1"/>
  <c r="X39585" i="1"/>
  <c r="X39586" i="1"/>
  <c r="X39587" i="1"/>
  <c r="X39588" i="1"/>
  <c r="X39589" i="1"/>
  <c r="X39590" i="1"/>
  <c r="X39591" i="1"/>
  <c r="X39592" i="1"/>
  <c r="X39593" i="1"/>
  <c r="X39594" i="1"/>
  <c r="X39595" i="1"/>
  <c r="X39596" i="1"/>
  <c r="X39597" i="1"/>
  <c r="X39598" i="1"/>
  <c r="X39599" i="1"/>
  <c r="X39600" i="1"/>
  <c r="X39601" i="1"/>
  <c r="X39602" i="1"/>
  <c r="X39603" i="1"/>
  <c r="X39604" i="1"/>
  <c r="X39605" i="1"/>
  <c r="X39606" i="1"/>
  <c r="X39607" i="1"/>
  <c r="X39608" i="1"/>
  <c r="X39609" i="1"/>
  <c r="X39610" i="1"/>
  <c r="X39611" i="1"/>
  <c r="X39612" i="1"/>
  <c r="X39613" i="1"/>
  <c r="X39614" i="1"/>
  <c r="X39615" i="1"/>
  <c r="X39616" i="1"/>
  <c r="X39617" i="1"/>
  <c r="X39618" i="1"/>
  <c r="X39619" i="1"/>
  <c r="X39620" i="1"/>
  <c r="X39621" i="1"/>
  <c r="X39622" i="1"/>
  <c r="X39623" i="1"/>
  <c r="X39624" i="1"/>
  <c r="X39625" i="1"/>
  <c r="X39626" i="1"/>
  <c r="X39627" i="1"/>
  <c r="X39628" i="1"/>
  <c r="X39629" i="1"/>
  <c r="X39630" i="1"/>
  <c r="X39631" i="1"/>
  <c r="X39632" i="1"/>
  <c r="X39633" i="1"/>
  <c r="X39634" i="1"/>
  <c r="X39635" i="1"/>
  <c r="X39636" i="1"/>
  <c r="X39637" i="1"/>
  <c r="X39638" i="1"/>
  <c r="X39639" i="1"/>
  <c r="X39640" i="1"/>
  <c r="X39641" i="1"/>
  <c r="X39642" i="1"/>
  <c r="X39643" i="1"/>
  <c r="X39644" i="1"/>
  <c r="X39645" i="1"/>
  <c r="X39646" i="1"/>
  <c r="X39647" i="1"/>
  <c r="X39648" i="1"/>
  <c r="X39649" i="1"/>
  <c r="X39650" i="1"/>
  <c r="X39651" i="1"/>
  <c r="X39652" i="1"/>
  <c r="X39653" i="1"/>
  <c r="X39654" i="1"/>
  <c r="X39655" i="1"/>
  <c r="X39656" i="1"/>
  <c r="X39657" i="1"/>
  <c r="X39658" i="1"/>
  <c r="X39659" i="1"/>
  <c r="X39660" i="1"/>
  <c r="X39661" i="1"/>
  <c r="X39662" i="1"/>
  <c r="X39663" i="1"/>
  <c r="X39664" i="1"/>
  <c r="X39665" i="1"/>
  <c r="X39666" i="1"/>
  <c r="X39667" i="1"/>
  <c r="X39668" i="1"/>
  <c r="X39669" i="1"/>
  <c r="X39670" i="1"/>
  <c r="X39671" i="1"/>
  <c r="X39672" i="1"/>
  <c r="X39673" i="1"/>
  <c r="X39674" i="1"/>
  <c r="X39675" i="1"/>
  <c r="X39676" i="1"/>
  <c r="X39677" i="1"/>
  <c r="X39678" i="1"/>
  <c r="X39679" i="1"/>
  <c r="X39680" i="1"/>
  <c r="X39681" i="1"/>
  <c r="X39682" i="1"/>
  <c r="X39683" i="1"/>
  <c r="X39684" i="1"/>
  <c r="X39685" i="1"/>
  <c r="X39686" i="1"/>
  <c r="X39687" i="1"/>
  <c r="X39688" i="1"/>
  <c r="X39689" i="1"/>
  <c r="X39690" i="1"/>
  <c r="X39691" i="1"/>
  <c r="X39692" i="1"/>
  <c r="X39693" i="1"/>
  <c r="X39694" i="1"/>
  <c r="X39695" i="1"/>
  <c r="X39696" i="1"/>
  <c r="X39697" i="1"/>
  <c r="X39698" i="1"/>
  <c r="X39699" i="1"/>
  <c r="X39700" i="1"/>
  <c r="X39701" i="1"/>
  <c r="X39702" i="1"/>
  <c r="X39703" i="1"/>
  <c r="X39704" i="1"/>
  <c r="X39705" i="1"/>
  <c r="X39706" i="1"/>
  <c r="X39707" i="1"/>
  <c r="X39708" i="1"/>
  <c r="X39709" i="1"/>
  <c r="X39710" i="1"/>
  <c r="X39711" i="1"/>
  <c r="X39712" i="1"/>
  <c r="X39713" i="1"/>
  <c r="X39714" i="1"/>
  <c r="X39715" i="1"/>
  <c r="X39716" i="1"/>
  <c r="X39717" i="1"/>
  <c r="X39718" i="1"/>
  <c r="X39719" i="1"/>
  <c r="X39720" i="1"/>
  <c r="X39721" i="1"/>
  <c r="X39722" i="1"/>
  <c r="X39723" i="1"/>
  <c r="X39724" i="1"/>
  <c r="X39725" i="1"/>
  <c r="X39726" i="1"/>
  <c r="X39727" i="1"/>
  <c r="X39728" i="1"/>
  <c r="X39729" i="1"/>
  <c r="X39730" i="1"/>
  <c r="X39731" i="1"/>
  <c r="X39732" i="1"/>
  <c r="X39733" i="1"/>
  <c r="X39734" i="1"/>
  <c r="X39735" i="1"/>
  <c r="X39736" i="1"/>
  <c r="X39737" i="1"/>
  <c r="X39738" i="1"/>
  <c r="X39739" i="1"/>
  <c r="X39740" i="1"/>
  <c r="X39741" i="1"/>
  <c r="X39742" i="1"/>
  <c r="X39743" i="1"/>
  <c r="X39744" i="1"/>
  <c r="X39745" i="1"/>
  <c r="X39746" i="1"/>
  <c r="X39747" i="1"/>
  <c r="X39748" i="1"/>
  <c r="X39749" i="1"/>
  <c r="X39750" i="1"/>
  <c r="X39751" i="1"/>
  <c r="X39752" i="1"/>
  <c r="X39753" i="1"/>
  <c r="X39754" i="1"/>
  <c r="X39755" i="1"/>
  <c r="X39756" i="1"/>
  <c r="X39757" i="1"/>
  <c r="X39758" i="1"/>
  <c r="X39759" i="1"/>
  <c r="X39760" i="1"/>
  <c r="X39761" i="1"/>
  <c r="X39762" i="1"/>
  <c r="X39763" i="1"/>
  <c r="X39764" i="1"/>
  <c r="X39765" i="1"/>
  <c r="X39766" i="1"/>
  <c r="X39767" i="1"/>
  <c r="X39768" i="1"/>
  <c r="X39769" i="1"/>
  <c r="X39770" i="1"/>
  <c r="X39771" i="1"/>
  <c r="X39772" i="1"/>
  <c r="X39773" i="1"/>
  <c r="X39774" i="1"/>
  <c r="X39775" i="1"/>
  <c r="X39776" i="1"/>
  <c r="X39777" i="1"/>
  <c r="X39778" i="1"/>
  <c r="X39779" i="1"/>
  <c r="X39780" i="1"/>
  <c r="X39781" i="1"/>
  <c r="X39782" i="1"/>
  <c r="X39783" i="1"/>
  <c r="X39784" i="1"/>
  <c r="X39785" i="1"/>
  <c r="X39786" i="1"/>
  <c r="X39787" i="1"/>
  <c r="X39788" i="1"/>
  <c r="X39789" i="1"/>
  <c r="X39790" i="1"/>
  <c r="X39791" i="1"/>
  <c r="X39792" i="1"/>
  <c r="X39793" i="1"/>
  <c r="X39794" i="1"/>
  <c r="X39795" i="1"/>
  <c r="X39796" i="1"/>
  <c r="X39797" i="1"/>
  <c r="X39798" i="1"/>
  <c r="X39799" i="1"/>
  <c r="X39800" i="1"/>
  <c r="X39801" i="1"/>
  <c r="X39802" i="1"/>
  <c r="X39803" i="1"/>
  <c r="X39804" i="1"/>
  <c r="X39805" i="1"/>
  <c r="X39806" i="1"/>
  <c r="X39807" i="1"/>
  <c r="X39808" i="1"/>
  <c r="X39809" i="1"/>
  <c r="X39810" i="1"/>
  <c r="X39811" i="1"/>
  <c r="X39812" i="1"/>
  <c r="X39813" i="1"/>
  <c r="X39814" i="1"/>
  <c r="X39815" i="1"/>
  <c r="X39816" i="1"/>
  <c r="X39817" i="1"/>
  <c r="X39818" i="1"/>
  <c r="X39819" i="1"/>
  <c r="X39820" i="1"/>
  <c r="X39821" i="1"/>
  <c r="X39822" i="1"/>
  <c r="X39823" i="1"/>
  <c r="X39824" i="1"/>
  <c r="X39825" i="1"/>
  <c r="X39826" i="1"/>
  <c r="X39827" i="1"/>
  <c r="X39828" i="1"/>
  <c r="X39829" i="1"/>
  <c r="X39830" i="1"/>
  <c r="X39831" i="1"/>
  <c r="X39832" i="1"/>
  <c r="X39833" i="1"/>
  <c r="X39834" i="1"/>
  <c r="X39835" i="1"/>
  <c r="X39836" i="1"/>
  <c r="X39837" i="1"/>
  <c r="X39838" i="1"/>
  <c r="X39839" i="1"/>
  <c r="X39840" i="1"/>
  <c r="X39841" i="1"/>
  <c r="X39842" i="1"/>
  <c r="X39843" i="1"/>
  <c r="X39844" i="1"/>
  <c r="X39845" i="1"/>
  <c r="X39846" i="1"/>
  <c r="X39847" i="1"/>
  <c r="X39848" i="1"/>
  <c r="X39849" i="1"/>
  <c r="X39850" i="1"/>
  <c r="X39851" i="1"/>
  <c r="X39852" i="1"/>
  <c r="X39853" i="1"/>
  <c r="X39854" i="1"/>
  <c r="X39855" i="1"/>
  <c r="X39856" i="1"/>
  <c r="X39857" i="1"/>
  <c r="X39858" i="1"/>
  <c r="X39859" i="1"/>
  <c r="X39860" i="1"/>
  <c r="X39861" i="1"/>
  <c r="X39862" i="1"/>
  <c r="X39863" i="1"/>
  <c r="X39864" i="1"/>
  <c r="X39865" i="1"/>
  <c r="X39866" i="1"/>
  <c r="X39867" i="1"/>
  <c r="X39868" i="1"/>
  <c r="X39869" i="1"/>
  <c r="X39870" i="1"/>
  <c r="X39871" i="1"/>
  <c r="X39872" i="1"/>
  <c r="X39873" i="1"/>
  <c r="X39874" i="1"/>
  <c r="X39875" i="1"/>
  <c r="X39876" i="1"/>
  <c r="X39877" i="1"/>
  <c r="X39878" i="1"/>
  <c r="X39879" i="1"/>
  <c r="X39880" i="1"/>
  <c r="X39881" i="1"/>
  <c r="X39882" i="1"/>
  <c r="X39883" i="1"/>
  <c r="X39884" i="1"/>
  <c r="X39885" i="1"/>
  <c r="X39886" i="1"/>
  <c r="X39887" i="1"/>
  <c r="X39888" i="1"/>
  <c r="X39889" i="1"/>
  <c r="X39890" i="1"/>
  <c r="X39891" i="1"/>
  <c r="X39892" i="1"/>
  <c r="X39893" i="1"/>
  <c r="X39894" i="1"/>
  <c r="X39895" i="1"/>
  <c r="X39896" i="1"/>
  <c r="X39897" i="1"/>
  <c r="X39898" i="1"/>
  <c r="X39899" i="1"/>
  <c r="X39900" i="1"/>
  <c r="X39901" i="1"/>
  <c r="X39902" i="1"/>
  <c r="X39903" i="1"/>
  <c r="X39904" i="1"/>
  <c r="X39905" i="1"/>
  <c r="X39906" i="1"/>
  <c r="X39907" i="1"/>
  <c r="X39908" i="1"/>
  <c r="X39909" i="1"/>
  <c r="X39910" i="1"/>
  <c r="X39911" i="1"/>
  <c r="X39912" i="1"/>
  <c r="X39913" i="1"/>
  <c r="X39914" i="1"/>
  <c r="X39915" i="1"/>
  <c r="X39916" i="1"/>
  <c r="X39917" i="1"/>
  <c r="X39918" i="1"/>
  <c r="X39919" i="1"/>
  <c r="X39920" i="1"/>
  <c r="X39921" i="1"/>
  <c r="X39922" i="1"/>
  <c r="X39923" i="1"/>
  <c r="X39924" i="1"/>
  <c r="X39925" i="1"/>
  <c r="X39926" i="1"/>
  <c r="X39927" i="1"/>
  <c r="X39928" i="1"/>
  <c r="X39929" i="1"/>
  <c r="X39930" i="1"/>
  <c r="X39931" i="1"/>
  <c r="X39932" i="1"/>
  <c r="X39933" i="1"/>
  <c r="X39934" i="1"/>
  <c r="X39935" i="1"/>
  <c r="X39936" i="1"/>
  <c r="X39937" i="1"/>
  <c r="X39938" i="1"/>
  <c r="X39939" i="1"/>
  <c r="X39940" i="1"/>
  <c r="X39941" i="1"/>
  <c r="X39942" i="1"/>
  <c r="X39943" i="1"/>
  <c r="X39944" i="1"/>
  <c r="X39945" i="1"/>
  <c r="X39946" i="1"/>
  <c r="X39947" i="1"/>
  <c r="X39948" i="1"/>
  <c r="X39949" i="1"/>
  <c r="X39950" i="1"/>
  <c r="X39951" i="1"/>
  <c r="X39952" i="1"/>
  <c r="X39953" i="1"/>
  <c r="X39954" i="1"/>
  <c r="X39955" i="1"/>
  <c r="X39956" i="1"/>
  <c r="X39957" i="1"/>
  <c r="X39958" i="1"/>
  <c r="X39959" i="1"/>
  <c r="X39960" i="1"/>
  <c r="X39961" i="1"/>
  <c r="X39962" i="1"/>
  <c r="X39963" i="1"/>
  <c r="X39964" i="1"/>
  <c r="X39965" i="1"/>
  <c r="X39966" i="1"/>
  <c r="X39967" i="1"/>
  <c r="X39968" i="1"/>
  <c r="X39969" i="1"/>
  <c r="X39970" i="1"/>
  <c r="X39971" i="1"/>
  <c r="X39972" i="1"/>
  <c r="X39973" i="1"/>
  <c r="X39974" i="1"/>
  <c r="X39975" i="1"/>
  <c r="X39976" i="1"/>
  <c r="X39977" i="1"/>
  <c r="X39978" i="1"/>
  <c r="X39979" i="1"/>
  <c r="X39980" i="1"/>
  <c r="X39981" i="1"/>
  <c r="X39982" i="1"/>
  <c r="X39983" i="1"/>
  <c r="X39984" i="1"/>
  <c r="X39985" i="1"/>
  <c r="X39986" i="1"/>
  <c r="X39987" i="1"/>
  <c r="X39988" i="1"/>
  <c r="X39989" i="1"/>
  <c r="X39990" i="1"/>
  <c r="X39991" i="1"/>
  <c r="X39992" i="1"/>
  <c r="X39993" i="1"/>
  <c r="X39994" i="1"/>
  <c r="X39995" i="1"/>
  <c r="X39996" i="1"/>
  <c r="X39997" i="1"/>
  <c r="X39998" i="1"/>
  <c r="X39999" i="1"/>
  <c r="X40000" i="1"/>
  <c r="X40001" i="1"/>
  <c r="X40002" i="1"/>
  <c r="X40003" i="1"/>
  <c r="X40004" i="1"/>
  <c r="X40005" i="1"/>
  <c r="X40006" i="1"/>
  <c r="X40007" i="1"/>
  <c r="X40008" i="1"/>
  <c r="X40009" i="1"/>
  <c r="X40010" i="1"/>
  <c r="X40011" i="1"/>
  <c r="X40012" i="1"/>
  <c r="X40013" i="1"/>
  <c r="X40014" i="1"/>
  <c r="X40015" i="1"/>
  <c r="X40016" i="1"/>
  <c r="X40017" i="1"/>
  <c r="X40018" i="1"/>
  <c r="X40019" i="1"/>
  <c r="X40020" i="1"/>
  <c r="X40021" i="1"/>
  <c r="X40022" i="1"/>
  <c r="X40023" i="1"/>
  <c r="X40024" i="1"/>
  <c r="X40025" i="1"/>
  <c r="X40026" i="1"/>
  <c r="X40027" i="1"/>
  <c r="X40028" i="1"/>
  <c r="X40029" i="1"/>
  <c r="X40030" i="1"/>
  <c r="X40031" i="1"/>
  <c r="X40032" i="1"/>
  <c r="X40033" i="1"/>
  <c r="X40034" i="1"/>
  <c r="X40035" i="1"/>
  <c r="X40036" i="1"/>
  <c r="X40037" i="1"/>
  <c r="X40038" i="1"/>
  <c r="X40039" i="1"/>
  <c r="X40040" i="1"/>
  <c r="X40041" i="1"/>
  <c r="X40042" i="1"/>
  <c r="X40043" i="1"/>
  <c r="X40044" i="1"/>
  <c r="X40045" i="1"/>
  <c r="X40046" i="1"/>
  <c r="X40047" i="1"/>
  <c r="X40048" i="1"/>
  <c r="X40049" i="1"/>
  <c r="X40050" i="1"/>
  <c r="X40051" i="1"/>
  <c r="X40052" i="1"/>
  <c r="X40053" i="1"/>
  <c r="X40054" i="1"/>
  <c r="X40055" i="1"/>
  <c r="X40056" i="1"/>
  <c r="X40057" i="1"/>
  <c r="X40058" i="1"/>
  <c r="X40059" i="1"/>
  <c r="X40060" i="1"/>
  <c r="X40061" i="1"/>
  <c r="X40062" i="1"/>
  <c r="X40063" i="1"/>
  <c r="X40064" i="1"/>
  <c r="X40065" i="1"/>
  <c r="X40066" i="1"/>
  <c r="X40067" i="1"/>
  <c r="X40068" i="1"/>
  <c r="X40069" i="1"/>
  <c r="X40070" i="1"/>
  <c r="X40071" i="1"/>
  <c r="X40072" i="1"/>
  <c r="X40073" i="1"/>
  <c r="X40074" i="1"/>
  <c r="X40075" i="1"/>
  <c r="X40076" i="1"/>
  <c r="X40077" i="1"/>
  <c r="X40078" i="1"/>
  <c r="X40079" i="1"/>
  <c r="X40080" i="1"/>
  <c r="X40081" i="1"/>
  <c r="X40082" i="1"/>
  <c r="X40083" i="1"/>
  <c r="X40084" i="1"/>
  <c r="X40085" i="1"/>
  <c r="X40086" i="1"/>
  <c r="X40087" i="1"/>
  <c r="X40088" i="1"/>
  <c r="X40089" i="1"/>
  <c r="X40090" i="1"/>
  <c r="X40091" i="1"/>
  <c r="X40092" i="1"/>
  <c r="X40093" i="1"/>
  <c r="X40094" i="1"/>
  <c r="X40095" i="1"/>
  <c r="X40096" i="1"/>
  <c r="X40097" i="1"/>
  <c r="X40098" i="1"/>
  <c r="X40099" i="1"/>
  <c r="X40100" i="1"/>
  <c r="X40101" i="1"/>
  <c r="X40102" i="1"/>
  <c r="X40103" i="1"/>
  <c r="X40104" i="1"/>
  <c r="X40105" i="1"/>
  <c r="X40106" i="1"/>
  <c r="X40107" i="1"/>
  <c r="X40108" i="1"/>
  <c r="X40109" i="1"/>
  <c r="X40110" i="1"/>
  <c r="X40111" i="1"/>
  <c r="X40112" i="1"/>
  <c r="X40113" i="1"/>
  <c r="X40114" i="1"/>
  <c r="X40115" i="1"/>
  <c r="X40116" i="1"/>
  <c r="X40117" i="1"/>
  <c r="X40118" i="1"/>
  <c r="X40119" i="1"/>
  <c r="X40120" i="1"/>
  <c r="X40121" i="1"/>
  <c r="X40122" i="1"/>
  <c r="X40123" i="1"/>
  <c r="X40124" i="1"/>
  <c r="X40125" i="1"/>
  <c r="X40126" i="1"/>
  <c r="X40127" i="1"/>
  <c r="X40128" i="1"/>
  <c r="X40129" i="1"/>
  <c r="X40130" i="1"/>
  <c r="X40131" i="1"/>
  <c r="X40132" i="1"/>
  <c r="X40133" i="1"/>
  <c r="X40134" i="1"/>
  <c r="X40135" i="1"/>
  <c r="X40136" i="1"/>
  <c r="X40137" i="1"/>
  <c r="X40138" i="1"/>
  <c r="X40139" i="1"/>
  <c r="X40140" i="1"/>
  <c r="X40141" i="1"/>
  <c r="X40142" i="1"/>
  <c r="X40143" i="1"/>
  <c r="X40144" i="1"/>
  <c r="X40145" i="1"/>
  <c r="X40146" i="1"/>
  <c r="X40147" i="1"/>
  <c r="X40148" i="1"/>
  <c r="X40149" i="1"/>
  <c r="X40150" i="1"/>
  <c r="X40151" i="1"/>
  <c r="X40152" i="1"/>
  <c r="X40153" i="1"/>
  <c r="X40154" i="1"/>
  <c r="X40155" i="1"/>
  <c r="X40156" i="1"/>
  <c r="X40157" i="1"/>
  <c r="X40158" i="1"/>
  <c r="X40159" i="1"/>
  <c r="X40160" i="1"/>
  <c r="X40161" i="1"/>
  <c r="X40162" i="1"/>
  <c r="X40163" i="1"/>
  <c r="X40164" i="1"/>
  <c r="X40165" i="1"/>
  <c r="X40166" i="1"/>
  <c r="X40167" i="1"/>
  <c r="X40168" i="1"/>
  <c r="X40169" i="1"/>
  <c r="X40170" i="1"/>
  <c r="X40171" i="1"/>
  <c r="X40172" i="1"/>
  <c r="X40173" i="1"/>
  <c r="X40174" i="1"/>
  <c r="X40175" i="1"/>
  <c r="X40176" i="1"/>
  <c r="X40177" i="1"/>
  <c r="X40178" i="1"/>
  <c r="X40179" i="1"/>
  <c r="X40180" i="1"/>
  <c r="X40181" i="1"/>
  <c r="X40182" i="1"/>
  <c r="X40183" i="1"/>
  <c r="X40184" i="1"/>
  <c r="X40185" i="1"/>
  <c r="X40186" i="1"/>
  <c r="X40187" i="1"/>
  <c r="X40188" i="1"/>
  <c r="X40189" i="1"/>
  <c r="X40190" i="1"/>
  <c r="X40191" i="1"/>
  <c r="X40192" i="1"/>
  <c r="X40193" i="1"/>
  <c r="X40194" i="1"/>
  <c r="X40195" i="1"/>
  <c r="X40196" i="1"/>
  <c r="X40197" i="1"/>
  <c r="X40198" i="1"/>
  <c r="X40199" i="1"/>
  <c r="X40200" i="1"/>
  <c r="X40201" i="1"/>
  <c r="X40202" i="1"/>
  <c r="X40203" i="1"/>
  <c r="X40204" i="1"/>
  <c r="X40205" i="1"/>
  <c r="X40206" i="1"/>
  <c r="X40207" i="1"/>
  <c r="X40208" i="1"/>
  <c r="X40209" i="1"/>
  <c r="X40210" i="1"/>
  <c r="X40211" i="1"/>
  <c r="X40212" i="1"/>
  <c r="X40213" i="1"/>
  <c r="X40214" i="1"/>
  <c r="X40215" i="1"/>
  <c r="X40216" i="1"/>
  <c r="X40217" i="1"/>
  <c r="X40218" i="1"/>
  <c r="X40219" i="1"/>
  <c r="X40220" i="1"/>
  <c r="X40221" i="1"/>
  <c r="X40222" i="1"/>
  <c r="X40223" i="1"/>
  <c r="X40224" i="1"/>
  <c r="X40225" i="1"/>
  <c r="X40226" i="1"/>
  <c r="X40227" i="1"/>
  <c r="X40228" i="1"/>
  <c r="X40229" i="1"/>
  <c r="X40230" i="1"/>
  <c r="X40231" i="1"/>
  <c r="X40232" i="1"/>
  <c r="X40233" i="1"/>
  <c r="X40234" i="1"/>
  <c r="X40235" i="1"/>
  <c r="X40236" i="1"/>
  <c r="X40237" i="1"/>
  <c r="X40238" i="1"/>
  <c r="X40239" i="1"/>
  <c r="X40240" i="1"/>
  <c r="X40241" i="1"/>
  <c r="X40242" i="1"/>
  <c r="X40243" i="1"/>
  <c r="X40244" i="1"/>
  <c r="X40245" i="1"/>
  <c r="X40246" i="1"/>
  <c r="X40247" i="1"/>
  <c r="X40248" i="1"/>
  <c r="X40249" i="1"/>
  <c r="X40250" i="1"/>
  <c r="X40251" i="1"/>
  <c r="X40252" i="1"/>
  <c r="X40253" i="1"/>
  <c r="X40254" i="1"/>
  <c r="X40255" i="1"/>
  <c r="X40256" i="1"/>
  <c r="X40257" i="1"/>
  <c r="X40258" i="1"/>
  <c r="X40259" i="1"/>
  <c r="X40260" i="1"/>
  <c r="X40261" i="1"/>
  <c r="X40262" i="1"/>
  <c r="X40263" i="1"/>
  <c r="X40264" i="1"/>
  <c r="X40265" i="1"/>
  <c r="X40266" i="1"/>
  <c r="X40267" i="1"/>
  <c r="X40268" i="1"/>
  <c r="X40269" i="1"/>
  <c r="X40270" i="1"/>
  <c r="X40271" i="1"/>
  <c r="X40272" i="1"/>
  <c r="X40273" i="1"/>
  <c r="X40274" i="1"/>
  <c r="X40275" i="1"/>
  <c r="X40276" i="1"/>
  <c r="X40277" i="1"/>
  <c r="X40278" i="1"/>
  <c r="X40279" i="1"/>
  <c r="X40280" i="1"/>
  <c r="X40281" i="1"/>
  <c r="X40282" i="1"/>
  <c r="X40283" i="1"/>
  <c r="X40284" i="1"/>
  <c r="X40285" i="1"/>
  <c r="X40286" i="1"/>
  <c r="X40287" i="1"/>
  <c r="X40288" i="1"/>
  <c r="X40289" i="1"/>
  <c r="X40290" i="1"/>
  <c r="X40291" i="1"/>
  <c r="X40292" i="1"/>
  <c r="X40293" i="1"/>
  <c r="X40294" i="1"/>
  <c r="X40295" i="1"/>
  <c r="X40296" i="1"/>
  <c r="X40297" i="1"/>
  <c r="X40298" i="1"/>
  <c r="X40299" i="1"/>
  <c r="X40300" i="1"/>
  <c r="X40301" i="1"/>
  <c r="X40302" i="1"/>
  <c r="X40303" i="1"/>
  <c r="X40304" i="1"/>
  <c r="X40305" i="1"/>
  <c r="X40306" i="1"/>
  <c r="X40307" i="1"/>
  <c r="X40308" i="1"/>
  <c r="X40309" i="1"/>
  <c r="X40310" i="1"/>
  <c r="X40311" i="1"/>
  <c r="X40312" i="1"/>
  <c r="X40313" i="1"/>
  <c r="X40314" i="1"/>
  <c r="X40315" i="1"/>
  <c r="X40316" i="1"/>
  <c r="X40317" i="1"/>
  <c r="X40318" i="1"/>
  <c r="X40319" i="1"/>
  <c r="X40320" i="1"/>
  <c r="X40321" i="1"/>
  <c r="X40322" i="1"/>
  <c r="X40323" i="1"/>
  <c r="X40324" i="1"/>
  <c r="X40325" i="1"/>
  <c r="X40326" i="1"/>
  <c r="X40327" i="1"/>
  <c r="X40328" i="1"/>
  <c r="X40329" i="1"/>
  <c r="X40330" i="1"/>
  <c r="X40331" i="1"/>
  <c r="X40332" i="1"/>
  <c r="X40333" i="1"/>
  <c r="X40334" i="1"/>
  <c r="X40335" i="1"/>
  <c r="X40336" i="1"/>
  <c r="X40337" i="1"/>
  <c r="X40338" i="1"/>
  <c r="X40339" i="1"/>
  <c r="X40340" i="1"/>
  <c r="X40341" i="1"/>
  <c r="X40342" i="1"/>
  <c r="X40343" i="1"/>
  <c r="X40344" i="1"/>
  <c r="X40345" i="1"/>
  <c r="X40346" i="1"/>
  <c r="X40347" i="1"/>
  <c r="X40348" i="1"/>
  <c r="X40349" i="1"/>
  <c r="X40350" i="1"/>
  <c r="X40351" i="1"/>
  <c r="X40352" i="1"/>
  <c r="X40353" i="1"/>
  <c r="X40354" i="1"/>
  <c r="X40355" i="1"/>
  <c r="X40356" i="1"/>
  <c r="X40357" i="1"/>
  <c r="X40358" i="1"/>
  <c r="X40359" i="1"/>
  <c r="X40360" i="1"/>
  <c r="X40361" i="1"/>
  <c r="X40362" i="1"/>
  <c r="X40363" i="1"/>
  <c r="X40364" i="1"/>
  <c r="X40365" i="1"/>
  <c r="X40366" i="1"/>
  <c r="X40367" i="1"/>
  <c r="X40368" i="1"/>
  <c r="X40369" i="1"/>
  <c r="X40370" i="1"/>
  <c r="X40371" i="1"/>
  <c r="X40372" i="1"/>
  <c r="X40373" i="1"/>
  <c r="X40374" i="1"/>
  <c r="X40375" i="1"/>
  <c r="X40376" i="1"/>
  <c r="X40377" i="1"/>
  <c r="X40378" i="1"/>
  <c r="X40379" i="1"/>
  <c r="X40380" i="1"/>
  <c r="X40381" i="1"/>
  <c r="X40382" i="1"/>
  <c r="X40383" i="1"/>
  <c r="X40384" i="1"/>
  <c r="X40385" i="1"/>
  <c r="X40386" i="1"/>
  <c r="X40387" i="1"/>
  <c r="X40388" i="1"/>
  <c r="X40389" i="1"/>
  <c r="X40390" i="1"/>
  <c r="X40391" i="1"/>
  <c r="X40392" i="1"/>
  <c r="X40393" i="1"/>
  <c r="X40394" i="1"/>
  <c r="X40395" i="1"/>
  <c r="X40396" i="1"/>
  <c r="X40397" i="1"/>
  <c r="X40398" i="1"/>
  <c r="X40399" i="1"/>
  <c r="X40400" i="1"/>
  <c r="X40401" i="1"/>
  <c r="X40402" i="1"/>
  <c r="X40403" i="1"/>
  <c r="X40404" i="1"/>
  <c r="X40405" i="1"/>
  <c r="X40406" i="1"/>
  <c r="X40407" i="1"/>
  <c r="X40408" i="1"/>
  <c r="X40409" i="1"/>
  <c r="X40410" i="1"/>
  <c r="X40411" i="1"/>
  <c r="X40412" i="1"/>
  <c r="X40413" i="1"/>
  <c r="X40414" i="1"/>
  <c r="X40415" i="1"/>
  <c r="X40416" i="1"/>
  <c r="X40417" i="1"/>
  <c r="X40418" i="1"/>
  <c r="X40419" i="1"/>
  <c r="X40420" i="1"/>
  <c r="X40421" i="1"/>
  <c r="X40422" i="1"/>
  <c r="X40423" i="1"/>
  <c r="X40424" i="1"/>
  <c r="X40425" i="1"/>
  <c r="X40426" i="1"/>
  <c r="X40427" i="1"/>
  <c r="X40428" i="1"/>
  <c r="X40429" i="1"/>
  <c r="X40430" i="1"/>
  <c r="X40431" i="1"/>
  <c r="X40432" i="1"/>
  <c r="X40433" i="1"/>
  <c r="X40434" i="1"/>
  <c r="X40435" i="1"/>
  <c r="X40436" i="1"/>
  <c r="X40437" i="1"/>
  <c r="X40438" i="1"/>
  <c r="X40439" i="1"/>
  <c r="X40440" i="1"/>
  <c r="X40441" i="1"/>
  <c r="X40442" i="1"/>
  <c r="X40443" i="1"/>
  <c r="X40444" i="1"/>
  <c r="X40445" i="1"/>
  <c r="X40446" i="1"/>
  <c r="X40447" i="1"/>
  <c r="X40448" i="1"/>
  <c r="X40449" i="1"/>
  <c r="X40450" i="1"/>
  <c r="X40451" i="1"/>
  <c r="X40452" i="1"/>
  <c r="X40453" i="1"/>
  <c r="X40454" i="1"/>
  <c r="X40455" i="1"/>
  <c r="X40456" i="1"/>
  <c r="X40457" i="1"/>
  <c r="X40458" i="1"/>
  <c r="X40459" i="1"/>
  <c r="X40460" i="1"/>
  <c r="X40461" i="1"/>
  <c r="X40462" i="1"/>
  <c r="X40463" i="1"/>
  <c r="X40464" i="1"/>
  <c r="X40465" i="1"/>
  <c r="X40466" i="1"/>
  <c r="X40467" i="1"/>
  <c r="X40468" i="1"/>
  <c r="X40469" i="1"/>
  <c r="X40470" i="1"/>
  <c r="X40471" i="1"/>
  <c r="X40472" i="1"/>
  <c r="X40473" i="1"/>
  <c r="X40474" i="1"/>
  <c r="X40475" i="1"/>
  <c r="X40476" i="1"/>
  <c r="X40477" i="1"/>
  <c r="X40478" i="1"/>
  <c r="X40479" i="1"/>
  <c r="X40480" i="1"/>
  <c r="X40481" i="1"/>
  <c r="X40482" i="1"/>
  <c r="X40483" i="1"/>
  <c r="X40484" i="1"/>
  <c r="X40485" i="1"/>
  <c r="X40486" i="1"/>
  <c r="X40487" i="1"/>
  <c r="X40488" i="1"/>
  <c r="X40489" i="1"/>
  <c r="X40490" i="1"/>
  <c r="X40491" i="1"/>
  <c r="X40492" i="1"/>
  <c r="X40493" i="1"/>
  <c r="X40494" i="1"/>
  <c r="X40495" i="1"/>
  <c r="X40496" i="1"/>
  <c r="X40497" i="1"/>
  <c r="X40498" i="1"/>
  <c r="X40499" i="1"/>
  <c r="X40500" i="1"/>
  <c r="X40501" i="1"/>
  <c r="X40502" i="1"/>
  <c r="X40503" i="1"/>
  <c r="X40504" i="1"/>
  <c r="X40505" i="1"/>
  <c r="X40506" i="1"/>
  <c r="X40507" i="1"/>
  <c r="X40508" i="1"/>
  <c r="X40509" i="1"/>
  <c r="X40510" i="1"/>
  <c r="X40511" i="1"/>
  <c r="X40512" i="1"/>
  <c r="X40513" i="1"/>
  <c r="X40514" i="1"/>
  <c r="X40515" i="1"/>
  <c r="X40516" i="1"/>
  <c r="X40517" i="1"/>
  <c r="X40518" i="1"/>
  <c r="X40519" i="1"/>
  <c r="X40520" i="1"/>
  <c r="X40521" i="1"/>
  <c r="X40522" i="1"/>
  <c r="X40523" i="1"/>
  <c r="X40524" i="1"/>
  <c r="X40525" i="1"/>
  <c r="X40526" i="1"/>
  <c r="X40527" i="1"/>
  <c r="X40528" i="1"/>
  <c r="X40529" i="1"/>
  <c r="X40530" i="1"/>
  <c r="X40531" i="1"/>
  <c r="X40532" i="1"/>
  <c r="X40533" i="1"/>
  <c r="X40534" i="1"/>
  <c r="X40535" i="1"/>
  <c r="X40536" i="1"/>
  <c r="X40537" i="1"/>
  <c r="X40538" i="1"/>
  <c r="X40539" i="1"/>
  <c r="X40540" i="1"/>
  <c r="X40541" i="1"/>
  <c r="X40542" i="1"/>
  <c r="X40543" i="1"/>
  <c r="X40544" i="1"/>
  <c r="X40545" i="1"/>
  <c r="X40546" i="1"/>
  <c r="X40547" i="1"/>
  <c r="X40548" i="1"/>
  <c r="X40549" i="1"/>
  <c r="X40550" i="1"/>
  <c r="X40551" i="1"/>
  <c r="X40552" i="1"/>
  <c r="X40553" i="1"/>
  <c r="X40554" i="1"/>
  <c r="X40555" i="1"/>
  <c r="X40556" i="1"/>
  <c r="X40557" i="1"/>
  <c r="X40558" i="1"/>
  <c r="X40559" i="1"/>
  <c r="X40560" i="1"/>
  <c r="X40561" i="1"/>
  <c r="X40562" i="1"/>
  <c r="X40563" i="1"/>
  <c r="X40564" i="1"/>
  <c r="X40565" i="1"/>
  <c r="X40566" i="1"/>
  <c r="X40567" i="1"/>
  <c r="X40568" i="1"/>
  <c r="X40569" i="1"/>
  <c r="X40570" i="1"/>
  <c r="X40571" i="1"/>
  <c r="X40572" i="1"/>
  <c r="X40573" i="1"/>
  <c r="X40574" i="1"/>
  <c r="X40575" i="1"/>
  <c r="X40576" i="1"/>
  <c r="X40577" i="1"/>
  <c r="X40578" i="1"/>
  <c r="X40579" i="1"/>
  <c r="X40580" i="1"/>
  <c r="X40581" i="1"/>
  <c r="X40582" i="1"/>
  <c r="X40583" i="1"/>
  <c r="X40584" i="1"/>
  <c r="X40585" i="1"/>
  <c r="X40586" i="1"/>
  <c r="X40587" i="1"/>
  <c r="X40588" i="1"/>
  <c r="X40589" i="1"/>
  <c r="X40590" i="1"/>
  <c r="X40591" i="1"/>
  <c r="X40592" i="1"/>
  <c r="X40593" i="1"/>
  <c r="X40594" i="1"/>
  <c r="X40595" i="1"/>
  <c r="X40596" i="1"/>
  <c r="X40597" i="1"/>
  <c r="X40598" i="1"/>
  <c r="X40599" i="1"/>
  <c r="X40600" i="1"/>
  <c r="X40601" i="1"/>
  <c r="X40602" i="1"/>
  <c r="X40603" i="1"/>
  <c r="X40604" i="1"/>
  <c r="X40605" i="1"/>
  <c r="X40606" i="1"/>
  <c r="X40607" i="1"/>
  <c r="X40608" i="1"/>
  <c r="X40609" i="1"/>
  <c r="X40610" i="1"/>
  <c r="X40611" i="1"/>
  <c r="X40612" i="1"/>
  <c r="X40613" i="1"/>
  <c r="X40614" i="1"/>
  <c r="X40615" i="1"/>
  <c r="X40616" i="1"/>
  <c r="X40617" i="1"/>
  <c r="X40618" i="1"/>
  <c r="X40619" i="1"/>
  <c r="X40620" i="1"/>
  <c r="X40621" i="1"/>
  <c r="X40622" i="1"/>
  <c r="X40623" i="1"/>
  <c r="X40624" i="1"/>
  <c r="X40625" i="1"/>
  <c r="X40626" i="1"/>
  <c r="X40627" i="1"/>
  <c r="X40628" i="1"/>
  <c r="X40629" i="1"/>
  <c r="X40630" i="1"/>
  <c r="X40631" i="1"/>
  <c r="X40632" i="1"/>
  <c r="X40633" i="1"/>
  <c r="X40634" i="1"/>
  <c r="X40635" i="1"/>
  <c r="X40636" i="1"/>
  <c r="X40637" i="1"/>
  <c r="X40638" i="1"/>
  <c r="X40639" i="1"/>
  <c r="X40640" i="1"/>
  <c r="X40641" i="1"/>
  <c r="X40642" i="1"/>
  <c r="X40643" i="1"/>
  <c r="X40644" i="1"/>
  <c r="X40645" i="1"/>
  <c r="X40646" i="1"/>
  <c r="X40647" i="1"/>
  <c r="X40648" i="1"/>
  <c r="X40649" i="1"/>
  <c r="X40650" i="1"/>
  <c r="X40651" i="1"/>
  <c r="X40652" i="1"/>
  <c r="X40653" i="1"/>
  <c r="X40654" i="1"/>
  <c r="X40655" i="1"/>
  <c r="X40656" i="1"/>
  <c r="X40657" i="1"/>
  <c r="X40658" i="1"/>
  <c r="X40659" i="1"/>
  <c r="X40660" i="1"/>
  <c r="X40661" i="1"/>
  <c r="X40662" i="1"/>
  <c r="X40663" i="1"/>
  <c r="X40664" i="1"/>
  <c r="X40665" i="1"/>
  <c r="X40666" i="1"/>
  <c r="X40667" i="1"/>
  <c r="X40668" i="1"/>
  <c r="X40669" i="1"/>
  <c r="X40670" i="1"/>
  <c r="X40671" i="1"/>
  <c r="X40672" i="1"/>
  <c r="X40673" i="1"/>
  <c r="X40674" i="1"/>
  <c r="X40675" i="1"/>
  <c r="X40676" i="1"/>
  <c r="X40677" i="1"/>
  <c r="X40678" i="1"/>
  <c r="X40679" i="1"/>
  <c r="X40680" i="1"/>
  <c r="X40681" i="1"/>
  <c r="X40682" i="1"/>
  <c r="X40683" i="1"/>
  <c r="X40684" i="1"/>
  <c r="X40685" i="1"/>
  <c r="X40686" i="1"/>
  <c r="X40687" i="1"/>
  <c r="X40688" i="1"/>
  <c r="X40689" i="1"/>
  <c r="X40690" i="1"/>
  <c r="X40691" i="1"/>
  <c r="X40692" i="1"/>
  <c r="X40693" i="1"/>
  <c r="X40694" i="1"/>
  <c r="X40695" i="1"/>
  <c r="X40696" i="1"/>
  <c r="X40697" i="1"/>
  <c r="X40698" i="1"/>
  <c r="X40699" i="1"/>
  <c r="X40700" i="1"/>
  <c r="X40701" i="1"/>
  <c r="X40702" i="1"/>
  <c r="X40703" i="1"/>
  <c r="X40704" i="1"/>
  <c r="X40705" i="1"/>
  <c r="X40706" i="1"/>
  <c r="X40707" i="1"/>
  <c r="X40708" i="1"/>
  <c r="X40709" i="1"/>
  <c r="X40710" i="1"/>
  <c r="X40711" i="1"/>
  <c r="X40712" i="1"/>
  <c r="X40713" i="1"/>
  <c r="X40714" i="1"/>
  <c r="X40715" i="1"/>
  <c r="X40716" i="1"/>
  <c r="X40717" i="1"/>
  <c r="X40718" i="1"/>
  <c r="X40719" i="1"/>
  <c r="X40720" i="1"/>
  <c r="X40721" i="1"/>
  <c r="X40722" i="1"/>
  <c r="X40723" i="1"/>
  <c r="X40724" i="1"/>
  <c r="X40725" i="1"/>
  <c r="X40726" i="1"/>
  <c r="X40727" i="1"/>
  <c r="X40728" i="1"/>
  <c r="X40729" i="1"/>
  <c r="X40730" i="1"/>
  <c r="X40731" i="1"/>
  <c r="X40732" i="1"/>
  <c r="X40733" i="1"/>
  <c r="X40734" i="1"/>
  <c r="X40735" i="1"/>
  <c r="X40736" i="1"/>
  <c r="X40737" i="1"/>
  <c r="X40738" i="1"/>
  <c r="X40739" i="1"/>
  <c r="X40740" i="1"/>
  <c r="X40741" i="1"/>
  <c r="X40742" i="1"/>
  <c r="X40743" i="1"/>
  <c r="X40744" i="1"/>
  <c r="X40745" i="1"/>
  <c r="X40746" i="1"/>
  <c r="X40747" i="1"/>
  <c r="X40748" i="1"/>
  <c r="X40749" i="1"/>
  <c r="X40750" i="1"/>
  <c r="X40751" i="1"/>
  <c r="X40752" i="1"/>
  <c r="X40753" i="1"/>
  <c r="X40754" i="1"/>
  <c r="X40755" i="1"/>
  <c r="X40756" i="1"/>
  <c r="X40757" i="1"/>
  <c r="X40758" i="1"/>
  <c r="X40759" i="1"/>
  <c r="X40760" i="1"/>
  <c r="X40761" i="1"/>
  <c r="X40762" i="1"/>
  <c r="X40763" i="1"/>
  <c r="X40764" i="1"/>
  <c r="X40765" i="1"/>
  <c r="X40766" i="1"/>
  <c r="X40767" i="1"/>
  <c r="X40768" i="1"/>
  <c r="X40769" i="1"/>
  <c r="X40770" i="1"/>
  <c r="X40771" i="1"/>
  <c r="X40772" i="1"/>
  <c r="X40773" i="1"/>
  <c r="X40774" i="1"/>
  <c r="X40775" i="1"/>
  <c r="X40776" i="1"/>
  <c r="X40777" i="1"/>
  <c r="X40778" i="1"/>
  <c r="X40779" i="1"/>
  <c r="X40780" i="1"/>
  <c r="X40781" i="1"/>
  <c r="X40782" i="1"/>
  <c r="X40783" i="1"/>
  <c r="X40784" i="1"/>
  <c r="X40785" i="1"/>
  <c r="X40786" i="1"/>
  <c r="X40787" i="1"/>
  <c r="X40788" i="1"/>
  <c r="X40789" i="1"/>
  <c r="X40790" i="1"/>
  <c r="X40791" i="1"/>
  <c r="X40792" i="1"/>
  <c r="X40793" i="1"/>
  <c r="X40794" i="1"/>
  <c r="X40795" i="1"/>
  <c r="X40796" i="1"/>
  <c r="X40797" i="1"/>
  <c r="X40798" i="1"/>
  <c r="X40799" i="1"/>
  <c r="X40800" i="1"/>
  <c r="X40801" i="1"/>
  <c r="X40802" i="1"/>
  <c r="X40803" i="1"/>
  <c r="X40804" i="1"/>
  <c r="X40805" i="1"/>
  <c r="X40806" i="1"/>
  <c r="X40807" i="1"/>
  <c r="X40808" i="1"/>
  <c r="X40809" i="1"/>
  <c r="X40810" i="1"/>
  <c r="X40811" i="1"/>
  <c r="X40812" i="1"/>
  <c r="X40813" i="1"/>
  <c r="X40814" i="1"/>
  <c r="X40815" i="1"/>
  <c r="X40816" i="1"/>
  <c r="X40817" i="1"/>
  <c r="X40818" i="1"/>
  <c r="X40819" i="1"/>
  <c r="X40820" i="1"/>
  <c r="X40821" i="1"/>
  <c r="X40822" i="1"/>
  <c r="X40823" i="1"/>
  <c r="X40824" i="1"/>
  <c r="X40825" i="1"/>
  <c r="X40826" i="1"/>
  <c r="X40827" i="1"/>
  <c r="X40828" i="1"/>
  <c r="X40829" i="1"/>
  <c r="X40830" i="1"/>
  <c r="X40831" i="1"/>
  <c r="X40832" i="1"/>
  <c r="X40833" i="1"/>
  <c r="X40834" i="1"/>
  <c r="X40835" i="1"/>
  <c r="X40836" i="1"/>
  <c r="X40837" i="1"/>
  <c r="X40838" i="1"/>
  <c r="X40839" i="1"/>
  <c r="X40840" i="1"/>
  <c r="X40841" i="1"/>
  <c r="X40842" i="1"/>
  <c r="X40843" i="1"/>
  <c r="X40844" i="1"/>
  <c r="X40845" i="1"/>
  <c r="X40846" i="1"/>
  <c r="X40847" i="1"/>
  <c r="X40848" i="1"/>
  <c r="X40849" i="1"/>
  <c r="X40850" i="1"/>
  <c r="X40851" i="1"/>
  <c r="X40852" i="1"/>
  <c r="X40853" i="1"/>
  <c r="X40854" i="1"/>
  <c r="X40855" i="1"/>
  <c r="X40856" i="1"/>
  <c r="X40857" i="1"/>
  <c r="X40858" i="1"/>
  <c r="X40859" i="1"/>
  <c r="X40860" i="1"/>
  <c r="X40861" i="1"/>
  <c r="X40862" i="1"/>
  <c r="X40863" i="1"/>
  <c r="X40864" i="1"/>
  <c r="X40865" i="1"/>
  <c r="X40866" i="1"/>
  <c r="X40867" i="1"/>
  <c r="X40868" i="1"/>
  <c r="X40869" i="1"/>
  <c r="X40870" i="1"/>
  <c r="X40871" i="1"/>
  <c r="X40872" i="1"/>
  <c r="X40873" i="1"/>
  <c r="X40874" i="1"/>
  <c r="X40875" i="1"/>
  <c r="X40876" i="1"/>
  <c r="X40877" i="1"/>
  <c r="X40878" i="1"/>
  <c r="X40879" i="1"/>
  <c r="X40880" i="1"/>
  <c r="X40881" i="1"/>
  <c r="X40882" i="1"/>
  <c r="X40883" i="1"/>
  <c r="X40884" i="1"/>
  <c r="X40885" i="1"/>
  <c r="X40886" i="1"/>
  <c r="X40887" i="1"/>
  <c r="X40888" i="1"/>
  <c r="X40889" i="1"/>
  <c r="X40890" i="1"/>
  <c r="X40891" i="1"/>
  <c r="X40892" i="1"/>
  <c r="X40893" i="1"/>
  <c r="X40894" i="1"/>
  <c r="X40895" i="1"/>
  <c r="X40896" i="1"/>
  <c r="X40897" i="1"/>
  <c r="X40898" i="1"/>
  <c r="X40899" i="1"/>
  <c r="X40900" i="1"/>
  <c r="X40901" i="1"/>
  <c r="X40902" i="1"/>
  <c r="X40903" i="1"/>
  <c r="X40904" i="1"/>
  <c r="X40905" i="1"/>
  <c r="X40906" i="1"/>
  <c r="X40907" i="1"/>
  <c r="X40908" i="1"/>
  <c r="X40909" i="1"/>
  <c r="X40910" i="1"/>
  <c r="X40911" i="1"/>
  <c r="X40912" i="1"/>
  <c r="X40913" i="1"/>
  <c r="X40914" i="1"/>
  <c r="X40915" i="1"/>
  <c r="X40916" i="1"/>
  <c r="X40917" i="1"/>
  <c r="X40918" i="1"/>
  <c r="X40919" i="1"/>
  <c r="X40920" i="1"/>
  <c r="X40921" i="1"/>
  <c r="X40922" i="1"/>
  <c r="X40923" i="1"/>
  <c r="X40924" i="1"/>
  <c r="X40925" i="1"/>
  <c r="X40926" i="1"/>
  <c r="X40927" i="1"/>
  <c r="X40928" i="1"/>
  <c r="X40929" i="1"/>
  <c r="X40930" i="1"/>
  <c r="X40931" i="1"/>
  <c r="X40932" i="1"/>
  <c r="X40933" i="1"/>
  <c r="X40934" i="1"/>
  <c r="X40935" i="1"/>
  <c r="X40936" i="1"/>
  <c r="X40937" i="1"/>
  <c r="X40938" i="1"/>
  <c r="X40939" i="1"/>
  <c r="X40940" i="1"/>
  <c r="X40941" i="1"/>
  <c r="X40942" i="1"/>
  <c r="X40943" i="1"/>
  <c r="X40944" i="1"/>
  <c r="X40945" i="1"/>
  <c r="X40946" i="1"/>
  <c r="X40947" i="1"/>
  <c r="X40948" i="1"/>
  <c r="X40949" i="1"/>
  <c r="X40950" i="1"/>
  <c r="X40951" i="1"/>
  <c r="X40952" i="1"/>
  <c r="X40953" i="1"/>
  <c r="X40954" i="1"/>
  <c r="X40955" i="1"/>
  <c r="X40956" i="1"/>
  <c r="X40957" i="1"/>
  <c r="X40958" i="1"/>
  <c r="X40959" i="1"/>
  <c r="X40960" i="1"/>
  <c r="X40961" i="1"/>
  <c r="X40962" i="1"/>
  <c r="X40963" i="1"/>
  <c r="X40964" i="1"/>
  <c r="X40965" i="1"/>
  <c r="X40966" i="1"/>
  <c r="X40967" i="1"/>
  <c r="X40968" i="1"/>
  <c r="X40969" i="1"/>
  <c r="X40970" i="1"/>
  <c r="X40971" i="1"/>
  <c r="X40972" i="1"/>
  <c r="X40973" i="1"/>
  <c r="X40974" i="1"/>
  <c r="X40975" i="1"/>
  <c r="X40976" i="1"/>
  <c r="X40977" i="1"/>
  <c r="X40978" i="1"/>
  <c r="X40979" i="1"/>
  <c r="X40980" i="1"/>
  <c r="X40981" i="1"/>
  <c r="X40982" i="1"/>
  <c r="X40983" i="1"/>
  <c r="X40984" i="1"/>
  <c r="X40985" i="1"/>
  <c r="X40986" i="1"/>
  <c r="X40987" i="1"/>
  <c r="X40988" i="1"/>
  <c r="X40989" i="1"/>
  <c r="X40990" i="1"/>
  <c r="X40991" i="1"/>
  <c r="X40992" i="1"/>
  <c r="X40993" i="1"/>
  <c r="X40994" i="1"/>
  <c r="X40995" i="1"/>
  <c r="X40996" i="1"/>
  <c r="X40997" i="1"/>
  <c r="X40998" i="1"/>
  <c r="X40999" i="1"/>
  <c r="X41000" i="1"/>
  <c r="X41001" i="1"/>
  <c r="X41002" i="1"/>
  <c r="X41003" i="1"/>
  <c r="X41004" i="1"/>
  <c r="X41005" i="1"/>
  <c r="X41006" i="1"/>
  <c r="X41007" i="1"/>
  <c r="X41008" i="1"/>
  <c r="X41009" i="1"/>
  <c r="X41010" i="1"/>
  <c r="X41011" i="1"/>
  <c r="X41012" i="1"/>
  <c r="X41013" i="1"/>
  <c r="X41014" i="1"/>
  <c r="X41015" i="1"/>
  <c r="X41016" i="1"/>
  <c r="X41017" i="1"/>
  <c r="X41018" i="1"/>
  <c r="X41019" i="1"/>
  <c r="X41020" i="1"/>
  <c r="X41021" i="1"/>
  <c r="X41022" i="1"/>
  <c r="X41023" i="1"/>
  <c r="X41024" i="1"/>
  <c r="X41025" i="1"/>
  <c r="X41026" i="1"/>
  <c r="X41027" i="1"/>
  <c r="X41028" i="1"/>
  <c r="X41029" i="1"/>
  <c r="X41030" i="1"/>
  <c r="X41031" i="1"/>
  <c r="X41032" i="1"/>
  <c r="X41033" i="1"/>
  <c r="X41034" i="1"/>
  <c r="X41035" i="1"/>
  <c r="X41036" i="1"/>
  <c r="X41037" i="1"/>
  <c r="X41038" i="1"/>
  <c r="X41039" i="1"/>
  <c r="X41040" i="1"/>
  <c r="X41041" i="1"/>
  <c r="X41042" i="1"/>
  <c r="X41043" i="1"/>
  <c r="X41044" i="1"/>
  <c r="X41045" i="1"/>
  <c r="X41046" i="1"/>
  <c r="X41047" i="1"/>
  <c r="X41048" i="1"/>
  <c r="X41049" i="1"/>
  <c r="X41050" i="1"/>
  <c r="X41051" i="1"/>
  <c r="X41052" i="1"/>
  <c r="X41053" i="1"/>
  <c r="X41054" i="1"/>
  <c r="X41055" i="1"/>
  <c r="X41056" i="1"/>
  <c r="X41057" i="1"/>
  <c r="X41058" i="1"/>
  <c r="X41059" i="1"/>
  <c r="X41060" i="1"/>
  <c r="X41061" i="1"/>
  <c r="X41062" i="1"/>
  <c r="X41063" i="1"/>
  <c r="X41064" i="1"/>
  <c r="X41065" i="1"/>
  <c r="X41066" i="1"/>
  <c r="X41067" i="1"/>
  <c r="X41068" i="1"/>
  <c r="X41069" i="1"/>
  <c r="X41070" i="1"/>
  <c r="X41071" i="1"/>
  <c r="X41072" i="1"/>
  <c r="X41073" i="1"/>
  <c r="X41074" i="1"/>
  <c r="X41075" i="1"/>
  <c r="X41076" i="1"/>
  <c r="X41077" i="1"/>
  <c r="X41078" i="1"/>
  <c r="X41079" i="1"/>
  <c r="X41080" i="1"/>
  <c r="X41081" i="1"/>
  <c r="X41082" i="1"/>
  <c r="X41083" i="1"/>
  <c r="X41084" i="1"/>
  <c r="X41085" i="1"/>
  <c r="X41086" i="1"/>
  <c r="X41087" i="1"/>
  <c r="X41088" i="1"/>
  <c r="X41089" i="1"/>
  <c r="X41090" i="1"/>
  <c r="X41091" i="1"/>
  <c r="X41092" i="1"/>
  <c r="X41093" i="1"/>
  <c r="X41094" i="1"/>
  <c r="X41095" i="1"/>
  <c r="X41096" i="1"/>
  <c r="X41097" i="1"/>
  <c r="X41098" i="1"/>
  <c r="X41099" i="1"/>
  <c r="X41100" i="1"/>
  <c r="X41101" i="1"/>
  <c r="X41102" i="1"/>
  <c r="X41103" i="1"/>
  <c r="X41104" i="1"/>
  <c r="X41105" i="1"/>
  <c r="X41106" i="1"/>
  <c r="X41107" i="1"/>
  <c r="X41108" i="1"/>
  <c r="X41109" i="1"/>
  <c r="X41110" i="1"/>
  <c r="X41111" i="1"/>
  <c r="X41112" i="1"/>
  <c r="X41113" i="1"/>
  <c r="X41114" i="1"/>
  <c r="X41115" i="1"/>
  <c r="X41116" i="1"/>
  <c r="X41117" i="1"/>
  <c r="X41118" i="1"/>
  <c r="X41119" i="1"/>
  <c r="X41120" i="1"/>
  <c r="X41121" i="1"/>
  <c r="X41122" i="1"/>
  <c r="X41123" i="1"/>
  <c r="X41124" i="1"/>
  <c r="X41125" i="1"/>
  <c r="X41126" i="1"/>
  <c r="X41127" i="1"/>
  <c r="X41128" i="1"/>
  <c r="X41129" i="1"/>
  <c r="X41130" i="1"/>
  <c r="X41131" i="1"/>
  <c r="X41132" i="1"/>
  <c r="X41133" i="1"/>
  <c r="X41134" i="1"/>
  <c r="X41135" i="1"/>
  <c r="X41136" i="1"/>
  <c r="X41137" i="1"/>
  <c r="X41138" i="1"/>
  <c r="X41139" i="1"/>
  <c r="X41140" i="1"/>
  <c r="X41141" i="1"/>
  <c r="X41142" i="1"/>
  <c r="X41143" i="1"/>
  <c r="X41144" i="1"/>
  <c r="X41145" i="1"/>
  <c r="X41146" i="1"/>
  <c r="X41147" i="1"/>
  <c r="X41148" i="1"/>
  <c r="X41149" i="1"/>
  <c r="X41150" i="1"/>
  <c r="X41151" i="1"/>
  <c r="X41152" i="1"/>
  <c r="X41153" i="1"/>
  <c r="X41154" i="1"/>
  <c r="X41155" i="1"/>
  <c r="X41156" i="1"/>
  <c r="X41157" i="1"/>
  <c r="X41158" i="1"/>
  <c r="X41159" i="1"/>
  <c r="X41160" i="1"/>
  <c r="X41161" i="1"/>
  <c r="X41162" i="1"/>
  <c r="X41163" i="1"/>
  <c r="X41164" i="1"/>
  <c r="X41165" i="1"/>
  <c r="X41166" i="1"/>
  <c r="X41167" i="1"/>
  <c r="X41168" i="1"/>
  <c r="X41169" i="1"/>
  <c r="X41170" i="1"/>
  <c r="X41171" i="1"/>
  <c r="X41172" i="1"/>
  <c r="X41173" i="1"/>
  <c r="X41174" i="1"/>
  <c r="X41175" i="1"/>
  <c r="X41176" i="1"/>
  <c r="X41177" i="1"/>
  <c r="X41178" i="1"/>
  <c r="X41179" i="1"/>
  <c r="X41180" i="1"/>
  <c r="X41181" i="1"/>
  <c r="X41182" i="1"/>
  <c r="X41183" i="1"/>
  <c r="X41184" i="1"/>
  <c r="X41185" i="1"/>
  <c r="X41186" i="1"/>
  <c r="X41187" i="1"/>
  <c r="X41188" i="1"/>
  <c r="X41189" i="1"/>
  <c r="X41190" i="1"/>
  <c r="X41191" i="1"/>
  <c r="X41192" i="1"/>
  <c r="X41193" i="1"/>
  <c r="X41194" i="1"/>
  <c r="X41195" i="1"/>
  <c r="X41196" i="1"/>
  <c r="X41197" i="1"/>
  <c r="X41198" i="1"/>
  <c r="X41199" i="1"/>
  <c r="X41200" i="1"/>
  <c r="X41201" i="1"/>
  <c r="X41202" i="1"/>
  <c r="X41203" i="1"/>
  <c r="X41204" i="1"/>
  <c r="X41205" i="1"/>
  <c r="X41206" i="1"/>
  <c r="X41207" i="1"/>
  <c r="X41208" i="1"/>
  <c r="X41209" i="1"/>
  <c r="X41210" i="1"/>
  <c r="X41211" i="1"/>
  <c r="X41212" i="1"/>
  <c r="X41213" i="1"/>
  <c r="X41214" i="1"/>
  <c r="X41215" i="1"/>
  <c r="X41216" i="1"/>
  <c r="X41217" i="1"/>
  <c r="X41218" i="1"/>
  <c r="X41219" i="1"/>
  <c r="X41220" i="1"/>
  <c r="X41221" i="1"/>
  <c r="X41222" i="1"/>
  <c r="X41223" i="1"/>
  <c r="X41224" i="1"/>
  <c r="X41225" i="1"/>
  <c r="X41226" i="1"/>
  <c r="X41227" i="1"/>
  <c r="X41228" i="1"/>
  <c r="X41229" i="1"/>
  <c r="X41230" i="1"/>
  <c r="X41231" i="1"/>
  <c r="X41232" i="1"/>
  <c r="X41233" i="1"/>
  <c r="X41234" i="1"/>
  <c r="X41235" i="1"/>
  <c r="X41236" i="1"/>
  <c r="X41237" i="1"/>
  <c r="X41238" i="1"/>
  <c r="X41239" i="1"/>
  <c r="X41240" i="1"/>
  <c r="X41241" i="1"/>
  <c r="X41242" i="1"/>
  <c r="X41243" i="1"/>
  <c r="X41244" i="1"/>
  <c r="X41245" i="1"/>
  <c r="X41246" i="1"/>
  <c r="X41247" i="1"/>
  <c r="X41248" i="1"/>
  <c r="X41249" i="1"/>
  <c r="X41250" i="1"/>
  <c r="X41251" i="1"/>
  <c r="X41252" i="1"/>
  <c r="X41253" i="1"/>
  <c r="X41254" i="1"/>
  <c r="X41255" i="1"/>
  <c r="X41256" i="1"/>
  <c r="X41257" i="1"/>
  <c r="X41258" i="1"/>
  <c r="X41259" i="1"/>
  <c r="X41260" i="1"/>
  <c r="X41261" i="1"/>
  <c r="X41262" i="1"/>
  <c r="X41263" i="1"/>
  <c r="X41264" i="1"/>
  <c r="X41265" i="1"/>
  <c r="X41266" i="1"/>
  <c r="X41267" i="1"/>
  <c r="X41268" i="1"/>
  <c r="X41269" i="1"/>
  <c r="X41270" i="1"/>
  <c r="X41271" i="1"/>
  <c r="X41272" i="1"/>
  <c r="X41273" i="1"/>
  <c r="X41274" i="1"/>
  <c r="X41275" i="1"/>
  <c r="X41276" i="1"/>
  <c r="X41277" i="1"/>
  <c r="X41278" i="1"/>
  <c r="X41279" i="1"/>
  <c r="X41280" i="1"/>
  <c r="X41281" i="1"/>
  <c r="X41282" i="1"/>
  <c r="X41283" i="1"/>
  <c r="X41284" i="1"/>
  <c r="X41285" i="1"/>
  <c r="X41286" i="1"/>
  <c r="X41287" i="1"/>
  <c r="X41288" i="1"/>
  <c r="X41289" i="1"/>
  <c r="X41290" i="1"/>
  <c r="X41291" i="1"/>
  <c r="X41292" i="1"/>
  <c r="X41293" i="1"/>
  <c r="X41294" i="1"/>
  <c r="X41295" i="1"/>
  <c r="X41296" i="1"/>
  <c r="X41297" i="1"/>
  <c r="X41298" i="1"/>
  <c r="X41299" i="1"/>
  <c r="X41300" i="1"/>
  <c r="X41301" i="1"/>
  <c r="X41302" i="1"/>
  <c r="X41303" i="1"/>
  <c r="X41304" i="1"/>
  <c r="X41305" i="1"/>
  <c r="X41306" i="1"/>
  <c r="X41307" i="1"/>
  <c r="X41308" i="1"/>
  <c r="X41309" i="1"/>
  <c r="X41310" i="1"/>
  <c r="X41311" i="1"/>
  <c r="X41312" i="1"/>
  <c r="X41313" i="1"/>
  <c r="X41314" i="1"/>
  <c r="X41315" i="1"/>
  <c r="X41316" i="1"/>
  <c r="X41317" i="1"/>
  <c r="X41318" i="1"/>
  <c r="X41319" i="1"/>
  <c r="X41320" i="1"/>
  <c r="X41321" i="1"/>
  <c r="X41322" i="1"/>
  <c r="X41323" i="1"/>
  <c r="X41324" i="1"/>
  <c r="X41325" i="1"/>
  <c r="X41326" i="1"/>
  <c r="X41327" i="1"/>
  <c r="X41328" i="1"/>
  <c r="X41329" i="1"/>
  <c r="X41330" i="1"/>
  <c r="X41331" i="1"/>
  <c r="X41332" i="1"/>
  <c r="X41333" i="1"/>
  <c r="X41334" i="1"/>
  <c r="X41335" i="1"/>
  <c r="X41336" i="1"/>
  <c r="X41337" i="1"/>
  <c r="X41338" i="1"/>
  <c r="X41339" i="1"/>
  <c r="X41340" i="1"/>
  <c r="X41341" i="1"/>
  <c r="X41342" i="1"/>
  <c r="X41343" i="1"/>
  <c r="X41344" i="1"/>
  <c r="X41345" i="1"/>
  <c r="X41346" i="1"/>
  <c r="X41347" i="1"/>
  <c r="X41348" i="1"/>
  <c r="X41349" i="1"/>
  <c r="X41350" i="1"/>
  <c r="X41351" i="1"/>
  <c r="X41352" i="1"/>
  <c r="X41353" i="1"/>
  <c r="X41354" i="1"/>
  <c r="X41355" i="1"/>
  <c r="X41356" i="1"/>
  <c r="X41357" i="1"/>
  <c r="X41358" i="1"/>
  <c r="X41359" i="1"/>
  <c r="X41360" i="1"/>
  <c r="X41361" i="1"/>
  <c r="X41362" i="1"/>
  <c r="X41363" i="1"/>
  <c r="X41364" i="1"/>
  <c r="X41365" i="1"/>
  <c r="X41366" i="1"/>
  <c r="X41367" i="1"/>
  <c r="X41368" i="1"/>
  <c r="X41369" i="1"/>
  <c r="X41370" i="1"/>
  <c r="X41371" i="1"/>
  <c r="X41372" i="1"/>
  <c r="X41373" i="1"/>
  <c r="X41374" i="1"/>
  <c r="X41375" i="1"/>
  <c r="X41376" i="1"/>
  <c r="X41377" i="1"/>
  <c r="X41378" i="1"/>
  <c r="X41379" i="1"/>
  <c r="X41380" i="1"/>
  <c r="X41381" i="1"/>
  <c r="X41382" i="1"/>
  <c r="X41383" i="1"/>
  <c r="X41384" i="1"/>
  <c r="X41385" i="1"/>
  <c r="X41386" i="1"/>
  <c r="X41387" i="1"/>
  <c r="X41388" i="1"/>
  <c r="X41389" i="1"/>
  <c r="X41390" i="1"/>
  <c r="X41391" i="1"/>
  <c r="X41392" i="1"/>
  <c r="X41393" i="1"/>
  <c r="X41394" i="1"/>
  <c r="X41395" i="1"/>
  <c r="X41396" i="1"/>
  <c r="X41397" i="1"/>
  <c r="X41398" i="1"/>
  <c r="X41399" i="1"/>
  <c r="X41400" i="1"/>
  <c r="X41401" i="1"/>
  <c r="X41402" i="1"/>
  <c r="X41403" i="1"/>
  <c r="X41404" i="1"/>
  <c r="X41405" i="1"/>
  <c r="X41406" i="1"/>
  <c r="X41407" i="1"/>
  <c r="X41408" i="1"/>
  <c r="X41409" i="1"/>
  <c r="X41410" i="1"/>
  <c r="X41411" i="1"/>
  <c r="X41412" i="1"/>
  <c r="X41413" i="1"/>
  <c r="X41414" i="1"/>
  <c r="X41415" i="1"/>
  <c r="X41416" i="1"/>
  <c r="X41417" i="1"/>
  <c r="X41418" i="1"/>
  <c r="X41419" i="1"/>
  <c r="X41420" i="1"/>
  <c r="X41421" i="1"/>
  <c r="X41422" i="1"/>
  <c r="X41423" i="1"/>
  <c r="X41424" i="1"/>
  <c r="X41425" i="1"/>
  <c r="X41426" i="1"/>
  <c r="X41427" i="1"/>
  <c r="X41428" i="1"/>
  <c r="X41429" i="1"/>
  <c r="X41430" i="1"/>
  <c r="X41431" i="1"/>
  <c r="X41432" i="1"/>
  <c r="X41433" i="1"/>
  <c r="X41434" i="1"/>
  <c r="X41435" i="1"/>
  <c r="X41436" i="1"/>
  <c r="X41437" i="1"/>
  <c r="X41438" i="1"/>
  <c r="X41439" i="1"/>
  <c r="X41440" i="1"/>
  <c r="X41441" i="1"/>
  <c r="X41442" i="1"/>
  <c r="X41443" i="1"/>
  <c r="X41444" i="1"/>
  <c r="X41445" i="1"/>
  <c r="X41446" i="1"/>
  <c r="X41447" i="1"/>
  <c r="X41448" i="1"/>
  <c r="X41449" i="1"/>
  <c r="X41450" i="1"/>
  <c r="X41451" i="1"/>
  <c r="X41452" i="1"/>
  <c r="X41453" i="1"/>
  <c r="X41454" i="1"/>
  <c r="X41455" i="1"/>
  <c r="X41456" i="1"/>
  <c r="X41457" i="1"/>
  <c r="X41458" i="1"/>
  <c r="X41459" i="1"/>
  <c r="X41460" i="1"/>
  <c r="X41461" i="1"/>
  <c r="X41462" i="1"/>
  <c r="X41463" i="1"/>
  <c r="X41464" i="1"/>
  <c r="X41465" i="1"/>
  <c r="X41466" i="1"/>
  <c r="X41467" i="1"/>
  <c r="X41468" i="1"/>
  <c r="X41469" i="1"/>
  <c r="X41470" i="1"/>
  <c r="X41471" i="1"/>
  <c r="X41472" i="1"/>
  <c r="X41473" i="1"/>
  <c r="X41474" i="1"/>
  <c r="X41475" i="1"/>
  <c r="X41476" i="1"/>
  <c r="X41477" i="1"/>
  <c r="X41478" i="1"/>
  <c r="X41479" i="1"/>
  <c r="X41480" i="1"/>
  <c r="X41481" i="1"/>
  <c r="X41482" i="1"/>
  <c r="X41483" i="1"/>
  <c r="X41484" i="1"/>
  <c r="X41485" i="1"/>
  <c r="X41486" i="1"/>
  <c r="X41487" i="1"/>
  <c r="X41488" i="1"/>
  <c r="X41489" i="1"/>
  <c r="X41490" i="1"/>
  <c r="X41491" i="1"/>
  <c r="X41492" i="1"/>
  <c r="X41493" i="1"/>
  <c r="X41494" i="1"/>
  <c r="X41495" i="1"/>
  <c r="X41496" i="1"/>
  <c r="X41497" i="1"/>
  <c r="X41498" i="1"/>
  <c r="X41499" i="1"/>
  <c r="X41500" i="1"/>
  <c r="X41501" i="1"/>
  <c r="X41502" i="1"/>
  <c r="X41503" i="1"/>
  <c r="X41504" i="1"/>
  <c r="X41505" i="1"/>
  <c r="X41506" i="1"/>
  <c r="X41507" i="1"/>
  <c r="X41508" i="1"/>
  <c r="X41509" i="1"/>
  <c r="X41510" i="1"/>
  <c r="X41511" i="1"/>
  <c r="X41512" i="1"/>
  <c r="X41513" i="1"/>
  <c r="X41514" i="1"/>
  <c r="X41515" i="1"/>
  <c r="X41516" i="1"/>
  <c r="X41517" i="1"/>
  <c r="X41518" i="1"/>
  <c r="X41519" i="1"/>
  <c r="X41520" i="1"/>
  <c r="X41521" i="1"/>
  <c r="X41522" i="1"/>
  <c r="X41523" i="1"/>
  <c r="X41524" i="1"/>
  <c r="X41525" i="1"/>
  <c r="X41526" i="1"/>
  <c r="X41527" i="1"/>
  <c r="X41528" i="1"/>
  <c r="X41529" i="1"/>
  <c r="X41530" i="1"/>
  <c r="X41531" i="1"/>
  <c r="X41532" i="1"/>
  <c r="X41533" i="1"/>
  <c r="X41534" i="1"/>
  <c r="X41535" i="1"/>
  <c r="X41536" i="1"/>
  <c r="X41537" i="1"/>
  <c r="X41538" i="1"/>
  <c r="X41539" i="1"/>
  <c r="X41540" i="1"/>
  <c r="X41541" i="1"/>
  <c r="X41542" i="1"/>
  <c r="X41543" i="1"/>
  <c r="X41544" i="1"/>
  <c r="X41545" i="1"/>
  <c r="X41546" i="1"/>
  <c r="X41547" i="1"/>
  <c r="X41548" i="1"/>
  <c r="X41549" i="1"/>
  <c r="X41550" i="1"/>
  <c r="X41551" i="1"/>
  <c r="X41552" i="1"/>
  <c r="X41553" i="1"/>
  <c r="X41554" i="1"/>
  <c r="X41555" i="1"/>
  <c r="X41556" i="1"/>
  <c r="X41557" i="1"/>
  <c r="X41558" i="1"/>
  <c r="X41559" i="1"/>
  <c r="X41560" i="1"/>
  <c r="X41561" i="1"/>
  <c r="X41562" i="1"/>
  <c r="X41563" i="1"/>
  <c r="X41564" i="1"/>
  <c r="X41565" i="1"/>
  <c r="X41566" i="1"/>
  <c r="X41567" i="1"/>
  <c r="X41568" i="1"/>
  <c r="X41569" i="1"/>
  <c r="X41570" i="1"/>
  <c r="X41571" i="1"/>
  <c r="X41572" i="1"/>
  <c r="X41573" i="1"/>
  <c r="X41574" i="1"/>
  <c r="X41575" i="1"/>
  <c r="X41576" i="1"/>
  <c r="X41577" i="1"/>
  <c r="X41578" i="1"/>
  <c r="X41579" i="1"/>
  <c r="X41580" i="1"/>
  <c r="X41581" i="1"/>
  <c r="X41582" i="1"/>
  <c r="X41583" i="1"/>
  <c r="X41584" i="1"/>
  <c r="X41585" i="1"/>
  <c r="X41586" i="1"/>
  <c r="X41587" i="1"/>
  <c r="X41588" i="1"/>
  <c r="X41589" i="1"/>
  <c r="X41590" i="1"/>
  <c r="X41591" i="1"/>
  <c r="X41592" i="1"/>
  <c r="X41593" i="1"/>
  <c r="X41594" i="1"/>
  <c r="X41595" i="1"/>
  <c r="X41596" i="1"/>
  <c r="X41597" i="1"/>
  <c r="X41598" i="1"/>
  <c r="X41599" i="1"/>
  <c r="X41600" i="1"/>
  <c r="X41601" i="1"/>
  <c r="X41602" i="1"/>
  <c r="X41603" i="1"/>
  <c r="X41604" i="1"/>
  <c r="X41605" i="1"/>
  <c r="X41606" i="1"/>
  <c r="X41607" i="1"/>
  <c r="X41608" i="1"/>
  <c r="X41609" i="1"/>
  <c r="X41610" i="1"/>
  <c r="X41611" i="1"/>
  <c r="X41612" i="1"/>
  <c r="X41613" i="1"/>
  <c r="X41614" i="1"/>
  <c r="X41615" i="1"/>
  <c r="X41616" i="1"/>
  <c r="X41617" i="1"/>
  <c r="X41618" i="1"/>
  <c r="X41619" i="1"/>
  <c r="X41620" i="1"/>
  <c r="X41621" i="1"/>
  <c r="X41622" i="1"/>
  <c r="X41623" i="1"/>
  <c r="X41624" i="1"/>
  <c r="X41625" i="1"/>
  <c r="X41626" i="1"/>
  <c r="X41627" i="1"/>
  <c r="X41628" i="1"/>
  <c r="X41629" i="1"/>
  <c r="X41630" i="1"/>
  <c r="X41631" i="1"/>
  <c r="X41632" i="1"/>
  <c r="X41633" i="1"/>
  <c r="X41634" i="1"/>
  <c r="X41635" i="1"/>
  <c r="X41636" i="1"/>
  <c r="X41637" i="1"/>
  <c r="X41638" i="1"/>
  <c r="X41639" i="1"/>
  <c r="X41640" i="1"/>
  <c r="X41641" i="1"/>
  <c r="X41642" i="1"/>
  <c r="X41643" i="1"/>
  <c r="X41644" i="1"/>
  <c r="X41645" i="1"/>
  <c r="X41646" i="1"/>
  <c r="X41647" i="1"/>
  <c r="X41648" i="1"/>
  <c r="X41649" i="1"/>
  <c r="X41650" i="1"/>
  <c r="X41651" i="1"/>
  <c r="X41652" i="1"/>
  <c r="X41653" i="1"/>
  <c r="X41654" i="1"/>
  <c r="X41655" i="1"/>
  <c r="X41656" i="1"/>
  <c r="X41657" i="1"/>
  <c r="X41658" i="1"/>
  <c r="X41659" i="1"/>
  <c r="X41660" i="1"/>
  <c r="X41661" i="1"/>
  <c r="X41662" i="1"/>
  <c r="X41663" i="1"/>
  <c r="X41664" i="1"/>
  <c r="X41665" i="1"/>
  <c r="X41666" i="1"/>
  <c r="X41667" i="1"/>
  <c r="X41668" i="1"/>
  <c r="X41669" i="1"/>
  <c r="X41670" i="1"/>
  <c r="X41671" i="1"/>
  <c r="X41672" i="1"/>
  <c r="X41673" i="1"/>
  <c r="X41674" i="1"/>
  <c r="X41675" i="1"/>
  <c r="X41676" i="1"/>
  <c r="X41677" i="1"/>
  <c r="X41678" i="1"/>
  <c r="X41679" i="1"/>
  <c r="X41680" i="1"/>
  <c r="X41681" i="1"/>
  <c r="X41682" i="1"/>
  <c r="X41683" i="1"/>
  <c r="X41684" i="1"/>
  <c r="X41685" i="1"/>
  <c r="X41686" i="1"/>
  <c r="X41687" i="1"/>
  <c r="X41688" i="1"/>
  <c r="X41689" i="1"/>
  <c r="X41690" i="1"/>
  <c r="X41691" i="1"/>
  <c r="X41692" i="1"/>
  <c r="X41693" i="1"/>
  <c r="X41694" i="1"/>
  <c r="X41695" i="1"/>
  <c r="X41696" i="1"/>
  <c r="X41697" i="1"/>
  <c r="X41698" i="1"/>
  <c r="X41699" i="1"/>
  <c r="X41700" i="1"/>
  <c r="X41701" i="1"/>
  <c r="X41702" i="1"/>
  <c r="X41703" i="1"/>
  <c r="X41704" i="1"/>
  <c r="X41705" i="1"/>
  <c r="X41706" i="1"/>
  <c r="X41707" i="1"/>
  <c r="X41708" i="1"/>
  <c r="X41709" i="1"/>
  <c r="X41710" i="1"/>
  <c r="X41711" i="1"/>
  <c r="X41712" i="1"/>
  <c r="X41713" i="1"/>
  <c r="X41714" i="1"/>
  <c r="X41715" i="1"/>
  <c r="X41716" i="1"/>
  <c r="X41717" i="1"/>
  <c r="X41718" i="1"/>
  <c r="X41719" i="1"/>
  <c r="X41720" i="1"/>
  <c r="X41721" i="1"/>
  <c r="X41722" i="1"/>
  <c r="X41723" i="1"/>
  <c r="X41724" i="1"/>
  <c r="X41725" i="1"/>
  <c r="X41726" i="1"/>
  <c r="X41727" i="1"/>
  <c r="X41728" i="1"/>
  <c r="X41729" i="1"/>
  <c r="X41730" i="1"/>
  <c r="X41731" i="1"/>
  <c r="X41732" i="1"/>
  <c r="X41733" i="1"/>
  <c r="X41734" i="1"/>
  <c r="X41735" i="1"/>
  <c r="X41736" i="1"/>
  <c r="X41737" i="1"/>
  <c r="X41738" i="1"/>
  <c r="X41739" i="1"/>
  <c r="X41740" i="1"/>
  <c r="X41741" i="1"/>
  <c r="X41742" i="1"/>
  <c r="X41743" i="1"/>
  <c r="X41744" i="1"/>
  <c r="X41745" i="1"/>
  <c r="X41746" i="1"/>
  <c r="X41747" i="1"/>
  <c r="X41748" i="1"/>
  <c r="X41749" i="1"/>
  <c r="X41750" i="1"/>
  <c r="X41751" i="1"/>
  <c r="X41752" i="1"/>
  <c r="X41753" i="1"/>
  <c r="X41754" i="1"/>
  <c r="X41755" i="1"/>
  <c r="X41756" i="1"/>
  <c r="X41757" i="1"/>
  <c r="X41758" i="1"/>
  <c r="X41759" i="1"/>
  <c r="X41760" i="1"/>
  <c r="X41761" i="1"/>
  <c r="X41762" i="1"/>
  <c r="X41763" i="1"/>
  <c r="X41764" i="1"/>
  <c r="X41765" i="1"/>
  <c r="X41766" i="1"/>
  <c r="X41767" i="1"/>
  <c r="X41768" i="1"/>
  <c r="X41769" i="1"/>
  <c r="X41770" i="1"/>
  <c r="X41771" i="1"/>
  <c r="X41772" i="1"/>
  <c r="X41773" i="1"/>
  <c r="X41774" i="1"/>
  <c r="X41775" i="1"/>
  <c r="X41776" i="1"/>
  <c r="X41777" i="1"/>
  <c r="X41778" i="1"/>
  <c r="X41779" i="1"/>
  <c r="X41780" i="1"/>
  <c r="X41781" i="1"/>
  <c r="X41782" i="1"/>
  <c r="X41783" i="1"/>
  <c r="X41784" i="1"/>
  <c r="X41785" i="1"/>
  <c r="X41786" i="1"/>
  <c r="X41787" i="1"/>
  <c r="X41788" i="1"/>
  <c r="X41789" i="1"/>
  <c r="X41790" i="1"/>
  <c r="X41791" i="1"/>
  <c r="X41792" i="1"/>
  <c r="X41793" i="1"/>
  <c r="X41794" i="1"/>
  <c r="X41795" i="1"/>
  <c r="X41796" i="1"/>
  <c r="X41797" i="1"/>
  <c r="X41798" i="1"/>
  <c r="X41799" i="1"/>
  <c r="X41800" i="1"/>
  <c r="X41801" i="1"/>
  <c r="X41802" i="1"/>
  <c r="X41803" i="1"/>
  <c r="X41804" i="1"/>
  <c r="X41805" i="1"/>
  <c r="X41806" i="1"/>
  <c r="X41807" i="1"/>
  <c r="X41808" i="1"/>
  <c r="X41809" i="1"/>
  <c r="X41810" i="1"/>
  <c r="X41811" i="1"/>
  <c r="X41812" i="1"/>
  <c r="X41813" i="1"/>
  <c r="X41814" i="1"/>
  <c r="X41815" i="1"/>
  <c r="X41816" i="1"/>
  <c r="X41817" i="1"/>
  <c r="X41818" i="1"/>
  <c r="X41819" i="1"/>
  <c r="X41820" i="1"/>
  <c r="X41821" i="1"/>
  <c r="X41822" i="1"/>
  <c r="X41823" i="1"/>
  <c r="X41824" i="1"/>
  <c r="X41825" i="1"/>
  <c r="X41826" i="1"/>
  <c r="X41827" i="1"/>
  <c r="X41828" i="1"/>
  <c r="X41829" i="1"/>
  <c r="X41830" i="1"/>
  <c r="X41831" i="1"/>
  <c r="X41832" i="1"/>
  <c r="X41833" i="1"/>
  <c r="X41834" i="1"/>
  <c r="X41835" i="1"/>
  <c r="X41836" i="1"/>
  <c r="X41837" i="1"/>
  <c r="X41838" i="1"/>
  <c r="X41839" i="1"/>
  <c r="X41840" i="1"/>
  <c r="X41841" i="1"/>
  <c r="X41842" i="1"/>
  <c r="X41843" i="1"/>
  <c r="X41844" i="1"/>
  <c r="X41845" i="1"/>
  <c r="X41846" i="1"/>
  <c r="X41847" i="1"/>
  <c r="X41848" i="1"/>
  <c r="X41849" i="1"/>
  <c r="X41850" i="1"/>
  <c r="X41851" i="1"/>
  <c r="X41852" i="1"/>
  <c r="X41853" i="1"/>
  <c r="X41854" i="1"/>
  <c r="X41855" i="1"/>
  <c r="X41856" i="1"/>
  <c r="X41857" i="1"/>
  <c r="X41858" i="1"/>
  <c r="X41859" i="1"/>
  <c r="X41860" i="1"/>
  <c r="X41861" i="1"/>
  <c r="X41862" i="1"/>
  <c r="X41863" i="1"/>
  <c r="X41864" i="1"/>
  <c r="X41865" i="1"/>
  <c r="X41866" i="1"/>
  <c r="X41867" i="1"/>
  <c r="X41868" i="1"/>
  <c r="X41869" i="1"/>
  <c r="X41870" i="1"/>
  <c r="X41871" i="1"/>
  <c r="X41872" i="1"/>
  <c r="X41873" i="1"/>
  <c r="X41874" i="1"/>
  <c r="X41875" i="1"/>
  <c r="X41876" i="1"/>
  <c r="X41877" i="1"/>
  <c r="X41878" i="1"/>
  <c r="X41879" i="1"/>
  <c r="X41880" i="1"/>
  <c r="X41881" i="1"/>
  <c r="X41882" i="1"/>
  <c r="X41883" i="1"/>
  <c r="X41884" i="1"/>
  <c r="X41885" i="1"/>
  <c r="X41886" i="1"/>
  <c r="X41887" i="1"/>
  <c r="X41888" i="1"/>
  <c r="X41889" i="1"/>
  <c r="X41890" i="1"/>
  <c r="X41891" i="1"/>
  <c r="X41892" i="1"/>
  <c r="X41893" i="1"/>
  <c r="X41894" i="1"/>
  <c r="X41895" i="1"/>
  <c r="X41896" i="1"/>
  <c r="X41897" i="1"/>
  <c r="X41898" i="1"/>
  <c r="X41899" i="1"/>
  <c r="X41900" i="1"/>
  <c r="X41901" i="1"/>
  <c r="X41902" i="1"/>
  <c r="X41903" i="1"/>
  <c r="X41904" i="1"/>
  <c r="X41905" i="1"/>
  <c r="X41906" i="1"/>
  <c r="X41907" i="1"/>
  <c r="X41908" i="1"/>
  <c r="X41909" i="1"/>
  <c r="X41910" i="1"/>
  <c r="X41911" i="1"/>
  <c r="X41912" i="1"/>
  <c r="X41913" i="1"/>
  <c r="X41914" i="1"/>
  <c r="X41915" i="1"/>
  <c r="X41916" i="1"/>
  <c r="X41917" i="1"/>
  <c r="X41918" i="1"/>
  <c r="X41919" i="1"/>
  <c r="X41920" i="1"/>
  <c r="X41921" i="1"/>
  <c r="X41922" i="1"/>
  <c r="X41923" i="1"/>
  <c r="X41924" i="1"/>
  <c r="X41925" i="1"/>
  <c r="X41926" i="1"/>
  <c r="X41927" i="1"/>
  <c r="X41928" i="1"/>
  <c r="X41929" i="1"/>
  <c r="X41930" i="1"/>
  <c r="X41931" i="1"/>
  <c r="X41932" i="1"/>
  <c r="X41933" i="1"/>
  <c r="X41934" i="1"/>
  <c r="X41935" i="1"/>
  <c r="X41936" i="1"/>
  <c r="X41937" i="1"/>
  <c r="X41938" i="1"/>
  <c r="X41939" i="1"/>
  <c r="X41940" i="1"/>
  <c r="X41941" i="1"/>
  <c r="X41942" i="1"/>
  <c r="X41943" i="1"/>
  <c r="X41944" i="1"/>
  <c r="X41945" i="1"/>
  <c r="X41946" i="1"/>
  <c r="X41947" i="1"/>
  <c r="X41948" i="1"/>
  <c r="X41949" i="1"/>
  <c r="X41950" i="1"/>
  <c r="X41951" i="1"/>
  <c r="X41952" i="1"/>
  <c r="X41953" i="1"/>
  <c r="X41954" i="1"/>
  <c r="X41955" i="1"/>
  <c r="X41956" i="1"/>
  <c r="X41957" i="1"/>
  <c r="X41958" i="1"/>
  <c r="X41959" i="1"/>
  <c r="X41960" i="1"/>
  <c r="X41961" i="1"/>
  <c r="X41962" i="1"/>
  <c r="X41963" i="1"/>
  <c r="X41964" i="1"/>
  <c r="X41965" i="1"/>
  <c r="X41966" i="1"/>
  <c r="X41967" i="1"/>
  <c r="X41968" i="1"/>
  <c r="X41969" i="1"/>
  <c r="X41970" i="1"/>
  <c r="X41971" i="1"/>
  <c r="X41972" i="1"/>
  <c r="X41973" i="1"/>
  <c r="X41974" i="1"/>
  <c r="X41975" i="1"/>
  <c r="X41976" i="1"/>
  <c r="X41977" i="1"/>
  <c r="X41978" i="1"/>
  <c r="X41979" i="1"/>
  <c r="X41980" i="1"/>
  <c r="X41981" i="1"/>
  <c r="X41982" i="1"/>
  <c r="X41983" i="1"/>
  <c r="X41984" i="1"/>
  <c r="X41985" i="1"/>
  <c r="X41986" i="1"/>
  <c r="X41987" i="1"/>
  <c r="X41988" i="1"/>
  <c r="X41989" i="1"/>
  <c r="X41990" i="1"/>
  <c r="X41991" i="1"/>
  <c r="X41992" i="1"/>
  <c r="X41993" i="1"/>
  <c r="X41994" i="1"/>
  <c r="X41995" i="1"/>
  <c r="X41996" i="1"/>
  <c r="X41997" i="1"/>
  <c r="X41998" i="1"/>
  <c r="X41999" i="1"/>
  <c r="X42000" i="1"/>
  <c r="X42001" i="1"/>
  <c r="X42002" i="1"/>
  <c r="X42003" i="1"/>
  <c r="X42004" i="1"/>
  <c r="X42005" i="1"/>
  <c r="X42006" i="1"/>
  <c r="X42007" i="1"/>
  <c r="X42008" i="1"/>
  <c r="X42009" i="1"/>
  <c r="X42010" i="1"/>
  <c r="X42011" i="1"/>
  <c r="X42012" i="1"/>
  <c r="X42013" i="1"/>
  <c r="X42014" i="1"/>
  <c r="X42015" i="1"/>
  <c r="X42016" i="1"/>
  <c r="X42017" i="1"/>
  <c r="X42018" i="1"/>
  <c r="X42019" i="1"/>
  <c r="X42020" i="1"/>
  <c r="X42021" i="1"/>
  <c r="X42022" i="1"/>
  <c r="X42023" i="1"/>
  <c r="X42024" i="1"/>
  <c r="X42025" i="1"/>
  <c r="X42026" i="1"/>
  <c r="X42027" i="1"/>
  <c r="X42028" i="1"/>
  <c r="X42029" i="1"/>
  <c r="X42030" i="1"/>
  <c r="X42031" i="1"/>
  <c r="X42032" i="1"/>
  <c r="X42033" i="1"/>
  <c r="X42034" i="1"/>
  <c r="X42035" i="1"/>
  <c r="X42036" i="1"/>
  <c r="X42037" i="1"/>
  <c r="X42038" i="1"/>
  <c r="X42039" i="1"/>
  <c r="X42040" i="1"/>
  <c r="X42041" i="1"/>
  <c r="X42042" i="1"/>
  <c r="X42043" i="1"/>
  <c r="X42044" i="1"/>
  <c r="X42045" i="1"/>
  <c r="X42046" i="1"/>
  <c r="X42047" i="1"/>
  <c r="X42048" i="1"/>
  <c r="X42049" i="1"/>
  <c r="X42050" i="1"/>
  <c r="X42051" i="1"/>
  <c r="X42052" i="1"/>
  <c r="X42053" i="1"/>
  <c r="X42054" i="1"/>
  <c r="X42055" i="1"/>
  <c r="X42056" i="1"/>
  <c r="X42057" i="1"/>
  <c r="X42058" i="1"/>
  <c r="X42059" i="1"/>
  <c r="X42060" i="1"/>
  <c r="X42061" i="1"/>
  <c r="X42062" i="1"/>
  <c r="X42063" i="1"/>
  <c r="X42064" i="1"/>
  <c r="X42065" i="1"/>
  <c r="X42066" i="1"/>
  <c r="X42067" i="1"/>
  <c r="X42068" i="1"/>
  <c r="X42069" i="1"/>
  <c r="X42070" i="1"/>
  <c r="X42071" i="1"/>
  <c r="X42072" i="1"/>
  <c r="X42073" i="1"/>
  <c r="X42074" i="1"/>
  <c r="X42075" i="1"/>
  <c r="X42076" i="1"/>
  <c r="X42077" i="1"/>
  <c r="X42078" i="1"/>
  <c r="X42079" i="1"/>
  <c r="X42080" i="1"/>
  <c r="X42081" i="1"/>
  <c r="X42082" i="1"/>
  <c r="X42083" i="1"/>
  <c r="X42084" i="1"/>
  <c r="X42085" i="1"/>
  <c r="X42086" i="1"/>
  <c r="X42087" i="1"/>
  <c r="X42088" i="1"/>
  <c r="X42089" i="1"/>
  <c r="X42090" i="1"/>
  <c r="X42091" i="1"/>
  <c r="X42092" i="1"/>
  <c r="X42093" i="1"/>
  <c r="X42094" i="1"/>
  <c r="X42095" i="1"/>
  <c r="X42096" i="1"/>
  <c r="X42097" i="1"/>
  <c r="X42098" i="1"/>
  <c r="X42099" i="1"/>
  <c r="X42100" i="1"/>
  <c r="X42101" i="1"/>
  <c r="X42102" i="1"/>
  <c r="X42103" i="1"/>
  <c r="X42104" i="1"/>
  <c r="X42105" i="1"/>
  <c r="X42106" i="1"/>
  <c r="X42107" i="1"/>
  <c r="X42108" i="1"/>
  <c r="X42109" i="1"/>
  <c r="X42110" i="1"/>
  <c r="X42111" i="1"/>
  <c r="X42112" i="1"/>
  <c r="X42113" i="1"/>
  <c r="X42114" i="1"/>
  <c r="X42115" i="1"/>
  <c r="X42116" i="1"/>
  <c r="X42117" i="1"/>
  <c r="X42118" i="1"/>
  <c r="X42119" i="1"/>
  <c r="X42120" i="1"/>
  <c r="X42121" i="1"/>
  <c r="X42122" i="1"/>
  <c r="X42123" i="1"/>
  <c r="X42124" i="1"/>
  <c r="X42125" i="1"/>
  <c r="X42126" i="1"/>
  <c r="X42127" i="1"/>
  <c r="X42128" i="1"/>
  <c r="X42129" i="1"/>
  <c r="X42130" i="1"/>
  <c r="X42131" i="1"/>
  <c r="X42132" i="1"/>
  <c r="X42133" i="1"/>
  <c r="X42134" i="1"/>
  <c r="X42135" i="1"/>
  <c r="X42136" i="1"/>
  <c r="X42137" i="1"/>
  <c r="X42138" i="1"/>
  <c r="X42139" i="1"/>
  <c r="X42140" i="1"/>
  <c r="X42141" i="1"/>
  <c r="X42142" i="1"/>
  <c r="X42143" i="1"/>
  <c r="X42144" i="1"/>
  <c r="X42145" i="1"/>
  <c r="X42146" i="1"/>
  <c r="X42147" i="1"/>
  <c r="X42148" i="1"/>
  <c r="X42149" i="1"/>
  <c r="X42150" i="1"/>
  <c r="X42151" i="1"/>
  <c r="X42152" i="1"/>
  <c r="X42153" i="1"/>
  <c r="X42154" i="1"/>
  <c r="X42155" i="1"/>
  <c r="X42156" i="1"/>
  <c r="X42157" i="1"/>
  <c r="X42158" i="1"/>
  <c r="X42159" i="1"/>
  <c r="X42160" i="1"/>
  <c r="X42161" i="1"/>
  <c r="X42162" i="1"/>
  <c r="X42163" i="1"/>
  <c r="X42164" i="1"/>
  <c r="X42165" i="1"/>
  <c r="X42166" i="1"/>
  <c r="X42167" i="1"/>
  <c r="X42168" i="1"/>
  <c r="X42169" i="1"/>
  <c r="X42170" i="1"/>
  <c r="X42171" i="1"/>
  <c r="X42172" i="1"/>
  <c r="X42173" i="1"/>
  <c r="X42174" i="1"/>
  <c r="X42175" i="1"/>
  <c r="X42176" i="1"/>
  <c r="X42177" i="1"/>
  <c r="X42178" i="1"/>
  <c r="X42179" i="1"/>
  <c r="X42180" i="1"/>
  <c r="X42181" i="1"/>
  <c r="X42182" i="1"/>
  <c r="X42183" i="1"/>
  <c r="X42184" i="1"/>
  <c r="X42185" i="1"/>
  <c r="X42186" i="1"/>
  <c r="X42187" i="1"/>
  <c r="X42188" i="1"/>
  <c r="X42189" i="1"/>
  <c r="X42190" i="1"/>
  <c r="X42191" i="1"/>
  <c r="X42192" i="1"/>
  <c r="X42193" i="1"/>
  <c r="X42194" i="1"/>
  <c r="X42195" i="1"/>
  <c r="X42196" i="1"/>
  <c r="X42197" i="1"/>
  <c r="X42198" i="1"/>
  <c r="X42199" i="1"/>
  <c r="X42200" i="1"/>
  <c r="X42201" i="1"/>
  <c r="X42202" i="1"/>
  <c r="X42203" i="1"/>
  <c r="X42204" i="1"/>
  <c r="X42205" i="1"/>
  <c r="X42206" i="1"/>
  <c r="X42207" i="1"/>
  <c r="X42208" i="1"/>
  <c r="X42209" i="1"/>
  <c r="X42210" i="1"/>
  <c r="X42211" i="1"/>
  <c r="X42212" i="1"/>
  <c r="X42213" i="1"/>
  <c r="X42214" i="1"/>
  <c r="X42215" i="1"/>
  <c r="X42216" i="1"/>
  <c r="X42217" i="1"/>
  <c r="X42218" i="1"/>
  <c r="X42219" i="1"/>
  <c r="X42220" i="1"/>
  <c r="X42221" i="1"/>
  <c r="X42222" i="1"/>
  <c r="X42223" i="1"/>
  <c r="X42224" i="1"/>
  <c r="X42225" i="1"/>
  <c r="X42226" i="1"/>
  <c r="X42227" i="1"/>
  <c r="X42228" i="1"/>
  <c r="X42229" i="1"/>
  <c r="X42230" i="1"/>
  <c r="X42231" i="1"/>
  <c r="X42232" i="1"/>
  <c r="X42233" i="1"/>
  <c r="X42234" i="1"/>
  <c r="X42235" i="1"/>
  <c r="X42236" i="1"/>
  <c r="X42237" i="1"/>
  <c r="X42238" i="1"/>
  <c r="X42239" i="1"/>
  <c r="X42240" i="1"/>
  <c r="X42241" i="1"/>
  <c r="X42242" i="1"/>
  <c r="X42243" i="1"/>
  <c r="X42244" i="1"/>
  <c r="X42245" i="1"/>
  <c r="X42246" i="1"/>
  <c r="X42247" i="1"/>
  <c r="X42248" i="1"/>
  <c r="X42249" i="1"/>
  <c r="X42250" i="1"/>
  <c r="X42251" i="1"/>
  <c r="X42252" i="1"/>
  <c r="X42253" i="1"/>
  <c r="X42254" i="1"/>
  <c r="X42255" i="1"/>
  <c r="X42256" i="1"/>
  <c r="X42257" i="1"/>
  <c r="X42258" i="1"/>
  <c r="X42259" i="1"/>
  <c r="X42260" i="1"/>
  <c r="X42261" i="1"/>
  <c r="X42262" i="1"/>
  <c r="X42263" i="1"/>
  <c r="X42264" i="1"/>
  <c r="X42265" i="1"/>
  <c r="X42266" i="1"/>
  <c r="X42267" i="1"/>
  <c r="X42268" i="1"/>
  <c r="X42269" i="1"/>
  <c r="X42270" i="1"/>
  <c r="X42271" i="1"/>
  <c r="X42272" i="1"/>
  <c r="X42273" i="1"/>
  <c r="X42274" i="1"/>
  <c r="X42275" i="1"/>
  <c r="X42276" i="1"/>
  <c r="X42277" i="1"/>
  <c r="X42278" i="1"/>
  <c r="X42279" i="1"/>
  <c r="X42280" i="1"/>
  <c r="X42281" i="1"/>
  <c r="X42282" i="1"/>
  <c r="X42283" i="1"/>
  <c r="X42284" i="1"/>
  <c r="X42285" i="1"/>
  <c r="X42286" i="1"/>
  <c r="X42287" i="1"/>
  <c r="X42288" i="1"/>
  <c r="X42289" i="1"/>
  <c r="X42290" i="1"/>
  <c r="X42291" i="1"/>
  <c r="X42292" i="1"/>
  <c r="X42293" i="1"/>
  <c r="X42294" i="1"/>
  <c r="X42295" i="1"/>
  <c r="X42296" i="1"/>
  <c r="X42297" i="1"/>
  <c r="X42298" i="1"/>
  <c r="X42299" i="1"/>
  <c r="X42300" i="1"/>
  <c r="X42301" i="1"/>
  <c r="X42302" i="1"/>
  <c r="X42303" i="1"/>
  <c r="X42304" i="1"/>
  <c r="X42305" i="1"/>
  <c r="X42306" i="1"/>
  <c r="X42307" i="1"/>
  <c r="X42308" i="1"/>
  <c r="X42309" i="1"/>
  <c r="X42310" i="1"/>
  <c r="X42311" i="1"/>
  <c r="X42312" i="1"/>
  <c r="X42313" i="1"/>
  <c r="X42314" i="1"/>
  <c r="X42315" i="1"/>
  <c r="X42316" i="1"/>
  <c r="X42317" i="1"/>
  <c r="X42318" i="1"/>
  <c r="X42319" i="1"/>
  <c r="X42320" i="1"/>
  <c r="X42321" i="1"/>
  <c r="X42322" i="1"/>
  <c r="X42323" i="1"/>
  <c r="X42324" i="1"/>
  <c r="X42325" i="1"/>
  <c r="X42326" i="1"/>
  <c r="X42327" i="1"/>
  <c r="X42328" i="1"/>
  <c r="X42329" i="1"/>
  <c r="X42330" i="1"/>
  <c r="X42331" i="1"/>
  <c r="X42332" i="1"/>
  <c r="X42333" i="1"/>
  <c r="X42334" i="1"/>
  <c r="X42335" i="1"/>
  <c r="X42336" i="1"/>
  <c r="X42337" i="1"/>
  <c r="X42338" i="1"/>
  <c r="X42339" i="1"/>
  <c r="X42340" i="1"/>
  <c r="X42341" i="1"/>
  <c r="X42342" i="1"/>
  <c r="X42343" i="1"/>
  <c r="X42344" i="1"/>
  <c r="X42345" i="1"/>
  <c r="X42346" i="1"/>
  <c r="X42347" i="1"/>
  <c r="X42348" i="1"/>
  <c r="X42349" i="1"/>
  <c r="X42350" i="1"/>
  <c r="X42351" i="1"/>
  <c r="X42352" i="1"/>
  <c r="X42353" i="1"/>
  <c r="X42354" i="1"/>
  <c r="X42355" i="1"/>
  <c r="X42356" i="1"/>
  <c r="X42357" i="1"/>
  <c r="X42358" i="1"/>
  <c r="X42359" i="1"/>
  <c r="X42360" i="1"/>
  <c r="X42361" i="1"/>
  <c r="X42362" i="1"/>
  <c r="X42363" i="1"/>
  <c r="X42364" i="1"/>
  <c r="X42365" i="1"/>
  <c r="X42366" i="1"/>
  <c r="X42367" i="1"/>
  <c r="X42368" i="1"/>
  <c r="X42369" i="1"/>
  <c r="X42370" i="1"/>
  <c r="X42371" i="1"/>
  <c r="X42372" i="1"/>
  <c r="X42373" i="1"/>
  <c r="X42374" i="1"/>
  <c r="X42375" i="1"/>
  <c r="X42376" i="1"/>
  <c r="X42377" i="1"/>
  <c r="X42378" i="1"/>
  <c r="X42379" i="1"/>
  <c r="X42380" i="1"/>
  <c r="X42381" i="1"/>
  <c r="X42382" i="1"/>
  <c r="X42383" i="1"/>
  <c r="X42384" i="1"/>
  <c r="X42385" i="1"/>
  <c r="X42386" i="1"/>
  <c r="X42387" i="1"/>
  <c r="X42388" i="1"/>
  <c r="X42389" i="1"/>
  <c r="X42390" i="1"/>
  <c r="X42391" i="1"/>
  <c r="X42392" i="1"/>
  <c r="X42393" i="1"/>
  <c r="X42394" i="1"/>
  <c r="X42395" i="1"/>
  <c r="X42396" i="1"/>
  <c r="X42397" i="1"/>
  <c r="X42398" i="1"/>
  <c r="X42399" i="1"/>
  <c r="X42400" i="1"/>
  <c r="X42401" i="1"/>
  <c r="X42402" i="1"/>
  <c r="X42403" i="1"/>
  <c r="X42404" i="1"/>
  <c r="X42405" i="1"/>
  <c r="X42406" i="1"/>
  <c r="X42407" i="1"/>
  <c r="X42408" i="1"/>
  <c r="X42409" i="1"/>
  <c r="X42410" i="1"/>
  <c r="X42411" i="1"/>
  <c r="X42412" i="1"/>
  <c r="X42413" i="1"/>
  <c r="X42414" i="1"/>
  <c r="X42415" i="1"/>
  <c r="X42416" i="1"/>
  <c r="X42417" i="1"/>
  <c r="X42418" i="1"/>
  <c r="X42419" i="1"/>
  <c r="X42420" i="1"/>
  <c r="X42421" i="1"/>
  <c r="X42422" i="1"/>
  <c r="X42423" i="1"/>
  <c r="X42424" i="1"/>
  <c r="X42425" i="1"/>
  <c r="X42426" i="1"/>
  <c r="X42427" i="1"/>
  <c r="X42428" i="1"/>
  <c r="X42429" i="1"/>
  <c r="X42430" i="1"/>
  <c r="X42431" i="1"/>
  <c r="X42432" i="1"/>
  <c r="X42433" i="1"/>
  <c r="X42434" i="1"/>
  <c r="X42435" i="1"/>
  <c r="X42436" i="1"/>
  <c r="X42437" i="1"/>
  <c r="X42438" i="1"/>
  <c r="X42439" i="1"/>
  <c r="X42440" i="1"/>
  <c r="X42441" i="1"/>
  <c r="X42442" i="1"/>
  <c r="X42443" i="1"/>
  <c r="X42444" i="1"/>
  <c r="X42445" i="1"/>
  <c r="X42446" i="1"/>
  <c r="X42447" i="1"/>
  <c r="X42448" i="1"/>
  <c r="X42449" i="1"/>
  <c r="X42450" i="1"/>
  <c r="X42451" i="1"/>
  <c r="X42452" i="1"/>
  <c r="X42453" i="1"/>
  <c r="X42454" i="1"/>
  <c r="X42455" i="1"/>
  <c r="X42456" i="1"/>
  <c r="X42457" i="1"/>
  <c r="X42458" i="1"/>
  <c r="X42459" i="1"/>
  <c r="X42460" i="1"/>
  <c r="X42461" i="1"/>
  <c r="X42462" i="1"/>
  <c r="X42463" i="1"/>
  <c r="X42464" i="1"/>
  <c r="X42465" i="1"/>
  <c r="X42466" i="1"/>
  <c r="X42467" i="1"/>
  <c r="X42468" i="1"/>
  <c r="X42469" i="1"/>
  <c r="X42470" i="1"/>
  <c r="X42471" i="1"/>
  <c r="X42472" i="1"/>
  <c r="X42473" i="1"/>
  <c r="X42474" i="1"/>
  <c r="X42475" i="1"/>
  <c r="X42476" i="1"/>
  <c r="X42477" i="1"/>
  <c r="X42478" i="1"/>
  <c r="X42479" i="1"/>
  <c r="X42480" i="1"/>
  <c r="X42481" i="1"/>
  <c r="X42482" i="1"/>
  <c r="X42483" i="1"/>
  <c r="X42484" i="1"/>
  <c r="X42485" i="1"/>
  <c r="X42486" i="1"/>
  <c r="X42487" i="1"/>
  <c r="X42488" i="1"/>
  <c r="X42489" i="1"/>
  <c r="X42490" i="1"/>
  <c r="X42491" i="1"/>
  <c r="X42492" i="1"/>
  <c r="X42493" i="1"/>
  <c r="X42494" i="1"/>
  <c r="X42495" i="1"/>
  <c r="X42496" i="1"/>
  <c r="X42497" i="1"/>
  <c r="X42498" i="1"/>
  <c r="X42499" i="1"/>
  <c r="X42500" i="1"/>
  <c r="X42501" i="1"/>
  <c r="X42502" i="1"/>
  <c r="X42503" i="1"/>
  <c r="X42504" i="1"/>
  <c r="X42505" i="1"/>
  <c r="X42506" i="1"/>
  <c r="X42507" i="1"/>
  <c r="X42508" i="1"/>
  <c r="X42509" i="1"/>
  <c r="X42510" i="1"/>
  <c r="X42511" i="1"/>
  <c r="X42512" i="1"/>
  <c r="X42513" i="1"/>
  <c r="X42514" i="1"/>
  <c r="X42515" i="1"/>
  <c r="X42516" i="1"/>
  <c r="X42517" i="1"/>
  <c r="X42518" i="1"/>
  <c r="X42519" i="1"/>
  <c r="X42520" i="1"/>
  <c r="X42521" i="1"/>
  <c r="X42522" i="1"/>
  <c r="X42523" i="1"/>
  <c r="X42524" i="1"/>
  <c r="X42525" i="1"/>
  <c r="X42526" i="1"/>
  <c r="X42527" i="1"/>
  <c r="X42528" i="1"/>
  <c r="X42529" i="1"/>
  <c r="X42530" i="1"/>
  <c r="X42531" i="1"/>
  <c r="X42532" i="1"/>
  <c r="X42533" i="1"/>
  <c r="X42534" i="1"/>
  <c r="X42535" i="1"/>
  <c r="X42536" i="1"/>
  <c r="X42537" i="1"/>
  <c r="X42538" i="1"/>
  <c r="X42539" i="1"/>
  <c r="X42540" i="1"/>
  <c r="X42541" i="1"/>
  <c r="X42542" i="1"/>
  <c r="X42543" i="1"/>
  <c r="X42544" i="1"/>
  <c r="X42545" i="1"/>
  <c r="X42546" i="1"/>
  <c r="X42547" i="1"/>
  <c r="X42548" i="1"/>
  <c r="X42549" i="1"/>
  <c r="X42550" i="1"/>
  <c r="X42551" i="1"/>
  <c r="X42552" i="1"/>
  <c r="X42553" i="1"/>
  <c r="X42554" i="1"/>
  <c r="X42555" i="1"/>
  <c r="X42556" i="1"/>
  <c r="X42557" i="1"/>
  <c r="X42558" i="1"/>
  <c r="X42559" i="1"/>
  <c r="X42560" i="1"/>
  <c r="X42561" i="1"/>
  <c r="X42562" i="1"/>
  <c r="X42563" i="1"/>
  <c r="X42564" i="1"/>
  <c r="X42565" i="1"/>
  <c r="X42566" i="1"/>
  <c r="X42567" i="1"/>
  <c r="X42568" i="1"/>
  <c r="X42569" i="1"/>
  <c r="X42570" i="1"/>
  <c r="X42571" i="1"/>
  <c r="X42572" i="1"/>
  <c r="X42573" i="1"/>
  <c r="X42574" i="1"/>
  <c r="X42575" i="1"/>
  <c r="X42576" i="1"/>
  <c r="X42577" i="1"/>
  <c r="X42578" i="1"/>
  <c r="X42579" i="1"/>
  <c r="X42580" i="1"/>
  <c r="X42581" i="1"/>
  <c r="X42582" i="1"/>
  <c r="X42583" i="1"/>
  <c r="X42584" i="1"/>
  <c r="X42585" i="1"/>
  <c r="X42586" i="1"/>
  <c r="X42587" i="1"/>
  <c r="X42588" i="1"/>
  <c r="X42589" i="1"/>
  <c r="X42590" i="1"/>
  <c r="X42591" i="1"/>
  <c r="X42592" i="1"/>
  <c r="X42593" i="1"/>
  <c r="X42594" i="1"/>
  <c r="X42595" i="1"/>
  <c r="X42596" i="1"/>
  <c r="X42597" i="1"/>
  <c r="X42598" i="1"/>
  <c r="X42599" i="1"/>
  <c r="X42600" i="1"/>
  <c r="X42601" i="1"/>
  <c r="X42602" i="1"/>
  <c r="X42603" i="1"/>
  <c r="X42604" i="1"/>
  <c r="X42605" i="1"/>
  <c r="X42606" i="1"/>
  <c r="X42607" i="1"/>
  <c r="X42608" i="1"/>
  <c r="X42609" i="1"/>
  <c r="X42610" i="1"/>
  <c r="X42611" i="1"/>
  <c r="X42612" i="1"/>
  <c r="X42613" i="1"/>
  <c r="X42614" i="1"/>
  <c r="X42615" i="1"/>
  <c r="X42616" i="1"/>
  <c r="X42617" i="1"/>
  <c r="X42618" i="1"/>
  <c r="X42619" i="1"/>
  <c r="X42620" i="1"/>
  <c r="X42621" i="1"/>
  <c r="X42622" i="1"/>
  <c r="X42623" i="1"/>
  <c r="X42624" i="1"/>
  <c r="X42625" i="1"/>
  <c r="X42626" i="1"/>
  <c r="X42627" i="1"/>
  <c r="X42628" i="1"/>
  <c r="X42629" i="1"/>
  <c r="X42630" i="1"/>
  <c r="X42631" i="1"/>
  <c r="X42632" i="1"/>
  <c r="X42633" i="1"/>
  <c r="X42634" i="1"/>
  <c r="X42635" i="1"/>
  <c r="X42636" i="1"/>
  <c r="X42637" i="1"/>
  <c r="X42638" i="1"/>
  <c r="X42639" i="1"/>
  <c r="X42640" i="1"/>
  <c r="X42641" i="1"/>
  <c r="X42642" i="1"/>
  <c r="X42643" i="1"/>
  <c r="X42644" i="1"/>
  <c r="X42645" i="1"/>
  <c r="X42646" i="1"/>
  <c r="X42647" i="1"/>
  <c r="X42648" i="1"/>
  <c r="X42649" i="1"/>
  <c r="X42650" i="1"/>
  <c r="X42651" i="1"/>
  <c r="X42652" i="1"/>
  <c r="X42653" i="1"/>
  <c r="X42654" i="1"/>
  <c r="X42655" i="1"/>
  <c r="X42656" i="1"/>
  <c r="X42657" i="1"/>
  <c r="X42658" i="1"/>
  <c r="X42659" i="1"/>
  <c r="X42660" i="1"/>
  <c r="X42661" i="1"/>
  <c r="X42662" i="1"/>
  <c r="X42663" i="1"/>
  <c r="X42664" i="1"/>
  <c r="X42665" i="1"/>
  <c r="X42666" i="1"/>
  <c r="X42667" i="1"/>
  <c r="X42668" i="1"/>
  <c r="X42669" i="1"/>
  <c r="X42670" i="1"/>
  <c r="X42671" i="1"/>
  <c r="X42672" i="1"/>
  <c r="X42673" i="1"/>
  <c r="X42674" i="1"/>
  <c r="X42675" i="1"/>
  <c r="X42676" i="1"/>
  <c r="X42677" i="1"/>
  <c r="X42678" i="1"/>
  <c r="X42679" i="1"/>
  <c r="X42680" i="1"/>
  <c r="X42681" i="1"/>
  <c r="X42682" i="1"/>
  <c r="X42683" i="1"/>
  <c r="X42684" i="1"/>
  <c r="X42685" i="1"/>
  <c r="X42686" i="1"/>
  <c r="X42687" i="1"/>
  <c r="X42688" i="1"/>
  <c r="X42689" i="1"/>
  <c r="X42690" i="1"/>
  <c r="X42691" i="1"/>
  <c r="X42692" i="1"/>
  <c r="X42693" i="1"/>
  <c r="X42694" i="1"/>
  <c r="X42695" i="1"/>
  <c r="X42696" i="1"/>
  <c r="X42697" i="1"/>
  <c r="X42698" i="1"/>
  <c r="X42699" i="1"/>
  <c r="X42700" i="1"/>
  <c r="X42701" i="1"/>
  <c r="X42702" i="1"/>
  <c r="X42703" i="1"/>
  <c r="X42704" i="1"/>
  <c r="X42705" i="1"/>
  <c r="X42706" i="1"/>
  <c r="X42707" i="1"/>
  <c r="X42708" i="1"/>
  <c r="X42709" i="1"/>
  <c r="X42710" i="1"/>
  <c r="X42711" i="1"/>
  <c r="X42712" i="1"/>
  <c r="X42713" i="1"/>
  <c r="X42714" i="1"/>
  <c r="X42715" i="1"/>
  <c r="X42716" i="1"/>
  <c r="X42717" i="1"/>
  <c r="X42718" i="1"/>
  <c r="X42719" i="1"/>
  <c r="X42720" i="1"/>
  <c r="X42721" i="1"/>
  <c r="X42722" i="1"/>
  <c r="X42723" i="1"/>
  <c r="X42724" i="1"/>
  <c r="X42725" i="1"/>
  <c r="X42726" i="1"/>
  <c r="X42727" i="1"/>
  <c r="X42728" i="1"/>
  <c r="X42729" i="1"/>
  <c r="X42730" i="1"/>
  <c r="X42731" i="1"/>
  <c r="X42732" i="1"/>
  <c r="X42733" i="1"/>
  <c r="X42734" i="1"/>
  <c r="X42735" i="1"/>
  <c r="X42736" i="1"/>
  <c r="X42737" i="1"/>
  <c r="X42738" i="1"/>
  <c r="X42739" i="1"/>
  <c r="X42740" i="1"/>
  <c r="X42741" i="1"/>
  <c r="X42742" i="1"/>
  <c r="X42743" i="1"/>
  <c r="X42744" i="1"/>
  <c r="X42745" i="1"/>
  <c r="X42746" i="1"/>
  <c r="X42747" i="1"/>
  <c r="X42748" i="1"/>
  <c r="X42749" i="1"/>
  <c r="X42750" i="1"/>
  <c r="X42751" i="1"/>
  <c r="X42752" i="1"/>
  <c r="X42753" i="1"/>
  <c r="X42754" i="1"/>
  <c r="X42755" i="1"/>
  <c r="X42756" i="1"/>
  <c r="X42757" i="1"/>
  <c r="X42758" i="1"/>
  <c r="X42759" i="1"/>
  <c r="X42760" i="1"/>
  <c r="X42761" i="1"/>
  <c r="X42762" i="1"/>
  <c r="X42763" i="1"/>
  <c r="X42764" i="1"/>
  <c r="X42765" i="1"/>
  <c r="X42766" i="1"/>
  <c r="X42767" i="1"/>
  <c r="X42768" i="1"/>
  <c r="X42769" i="1"/>
  <c r="X42770" i="1"/>
  <c r="X42771" i="1"/>
  <c r="X42772" i="1"/>
  <c r="X42773" i="1"/>
  <c r="X42774" i="1"/>
  <c r="X42775" i="1"/>
  <c r="X42776" i="1"/>
  <c r="X42777" i="1"/>
  <c r="X42778" i="1"/>
  <c r="X42779" i="1"/>
  <c r="X42780" i="1"/>
  <c r="X42781" i="1"/>
  <c r="X42782" i="1"/>
  <c r="X42783" i="1"/>
  <c r="X42784" i="1"/>
  <c r="X42785" i="1"/>
  <c r="X42786" i="1"/>
  <c r="X42787" i="1"/>
  <c r="X42788" i="1"/>
  <c r="X42789" i="1"/>
  <c r="X42790" i="1"/>
  <c r="X42791" i="1"/>
  <c r="X42792" i="1"/>
  <c r="X42793" i="1"/>
  <c r="X42794" i="1"/>
  <c r="X42795" i="1"/>
  <c r="X42796" i="1"/>
  <c r="X42797" i="1"/>
  <c r="X42798" i="1"/>
  <c r="X42799" i="1"/>
  <c r="X42800" i="1"/>
  <c r="X42801" i="1"/>
  <c r="X42802" i="1"/>
  <c r="X42803" i="1"/>
  <c r="X42804" i="1"/>
  <c r="X42805" i="1"/>
  <c r="X42806" i="1"/>
  <c r="X42807" i="1"/>
  <c r="X42808" i="1"/>
  <c r="X42809" i="1"/>
  <c r="X42810" i="1"/>
  <c r="X42811" i="1"/>
  <c r="X42812" i="1"/>
  <c r="X42813" i="1"/>
  <c r="X42814" i="1"/>
  <c r="X42815" i="1"/>
  <c r="X42816" i="1"/>
  <c r="X42817" i="1"/>
  <c r="X42818" i="1"/>
  <c r="X42819" i="1"/>
  <c r="X42820" i="1"/>
  <c r="X42821" i="1"/>
  <c r="X42822" i="1"/>
  <c r="X42823" i="1"/>
  <c r="X42824" i="1"/>
  <c r="X42825" i="1"/>
  <c r="X42826" i="1"/>
  <c r="X42827" i="1"/>
  <c r="X42828" i="1"/>
  <c r="X42829" i="1"/>
  <c r="X42830" i="1"/>
  <c r="X42831" i="1"/>
  <c r="X42832" i="1"/>
  <c r="X42833" i="1"/>
  <c r="X42834" i="1"/>
  <c r="X42835" i="1"/>
  <c r="X42836" i="1"/>
  <c r="X42837" i="1"/>
  <c r="X42838" i="1"/>
  <c r="X42839" i="1"/>
  <c r="X42840" i="1"/>
  <c r="X42841" i="1"/>
  <c r="X42842" i="1"/>
  <c r="X42843" i="1"/>
  <c r="X42844" i="1"/>
  <c r="X42845" i="1"/>
  <c r="X42846" i="1"/>
  <c r="X42847" i="1"/>
  <c r="X42848" i="1"/>
  <c r="X42849" i="1"/>
  <c r="X42850" i="1"/>
  <c r="X42851" i="1"/>
  <c r="X42852" i="1"/>
  <c r="X42853" i="1"/>
  <c r="X42854" i="1"/>
  <c r="X42855" i="1"/>
  <c r="X42856" i="1"/>
  <c r="X42857" i="1"/>
  <c r="X42858" i="1"/>
  <c r="X42859" i="1"/>
  <c r="X42860" i="1"/>
  <c r="X42861" i="1"/>
  <c r="X42862" i="1"/>
  <c r="X42863" i="1"/>
  <c r="X42864" i="1"/>
  <c r="X42865" i="1"/>
  <c r="X42866" i="1"/>
  <c r="X42867" i="1"/>
  <c r="X42868" i="1"/>
  <c r="X42869" i="1"/>
  <c r="X42870" i="1"/>
  <c r="X42871" i="1"/>
  <c r="X42872" i="1"/>
  <c r="X42873" i="1"/>
  <c r="X42874" i="1"/>
  <c r="X42875" i="1"/>
  <c r="X42876" i="1"/>
  <c r="X42877" i="1"/>
  <c r="X42878" i="1"/>
  <c r="X42879" i="1"/>
  <c r="X42880" i="1"/>
  <c r="X42881" i="1"/>
  <c r="X42882" i="1"/>
  <c r="X42883" i="1"/>
  <c r="X42884" i="1"/>
  <c r="X42885" i="1"/>
  <c r="X42886" i="1"/>
  <c r="X42887" i="1"/>
  <c r="X42888" i="1"/>
  <c r="X42889" i="1"/>
  <c r="X42890" i="1"/>
  <c r="X42891" i="1"/>
  <c r="X42892" i="1"/>
  <c r="X42893" i="1"/>
  <c r="X42894" i="1"/>
  <c r="X42895" i="1"/>
  <c r="X42896" i="1"/>
  <c r="X42897" i="1"/>
  <c r="X42898" i="1"/>
  <c r="X42899" i="1"/>
  <c r="X42900" i="1"/>
  <c r="X42901" i="1"/>
  <c r="X42902" i="1"/>
  <c r="X42903" i="1"/>
  <c r="X42904" i="1"/>
  <c r="X42905" i="1"/>
  <c r="X42906" i="1"/>
  <c r="X42907" i="1"/>
  <c r="X42908" i="1"/>
  <c r="X42909" i="1"/>
  <c r="X42910" i="1"/>
  <c r="X42911" i="1"/>
  <c r="X42912" i="1"/>
  <c r="X42913" i="1"/>
  <c r="X42914" i="1"/>
  <c r="X42915" i="1"/>
  <c r="X42916" i="1"/>
  <c r="X42917" i="1"/>
  <c r="X42918" i="1"/>
  <c r="X42919" i="1"/>
  <c r="X42920" i="1"/>
  <c r="X42921" i="1"/>
  <c r="X42922" i="1"/>
  <c r="X42923" i="1"/>
  <c r="X42924" i="1"/>
  <c r="X42925" i="1"/>
  <c r="X42926" i="1"/>
  <c r="X42927" i="1"/>
  <c r="X42928" i="1"/>
  <c r="X42929" i="1"/>
  <c r="X42930" i="1"/>
  <c r="X42931" i="1"/>
  <c r="X42932" i="1"/>
  <c r="X42933" i="1"/>
  <c r="X42934" i="1"/>
  <c r="X42935" i="1"/>
  <c r="X42936" i="1"/>
  <c r="X42937" i="1"/>
  <c r="X42938" i="1"/>
  <c r="X42939" i="1"/>
  <c r="X42940" i="1"/>
  <c r="X42941" i="1"/>
  <c r="X42942" i="1"/>
  <c r="X42943" i="1"/>
  <c r="X42944" i="1"/>
  <c r="X42945" i="1"/>
  <c r="X42946" i="1"/>
  <c r="X42947" i="1"/>
  <c r="X42948" i="1"/>
  <c r="X42949" i="1"/>
  <c r="X42950" i="1"/>
  <c r="X42951" i="1"/>
  <c r="X42952" i="1"/>
  <c r="X42953" i="1"/>
  <c r="X42954" i="1"/>
  <c r="X42955" i="1"/>
  <c r="X42956" i="1"/>
  <c r="X42957" i="1"/>
  <c r="X42958" i="1"/>
  <c r="X42959" i="1"/>
  <c r="X42960" i="1"/>
  <c r="X42961" i="1"/>
  <c r="X42962" i="1"/>
  <c r="X42963" i="1"/>
  <c r="X42964" i="1"/>
  <c r="X42965" i="1"/>
  <c r="X42966" i="1"/>
  <c r="X42967" i="1"/>
  <c r="X42968" i="1"/>
  <c r="X42969" i="1"/>
  <c r="X42970" i="1"/>
  <c r="X42971" i="1"/>
  <c r="X42972" i="1"/>
  <c r="X42973" i="1"/>
  <c r="X42974" i="1"/>
  <c r="X42975" i="1"/>
  <c r="X42976" i="1"/>
  <c r="X42977" i="1"/>
  <c r="X42978" i="1"/>
  <c r="X42979" i="1"/>
  <c r="X42980" i="1"/>
  <c r="X42981" i="1"/>
  <c r="X42982" i="1"/>
  <c r="X42983" i="1"/>
  <c r="X42984" i="1"/>
  <c r="X42985" i="1"/>
  <c r="X42986" i="1"/>
  <c r="X42987" i="1"/>
  <c r="X42988" i="1"/>
  <c r="X42989" i="1"/>
  <c r="X42990" i="1"/>
  <c r="X42991" i="1"/>
  <c r="X42992" i="1"/>
  <c r="X42993" i="1"/>
  <c r="X42994" i="1"/>
  <c r="X42995" i="1"/>
  <c r="X42996" i="1"/>
  <c r="X42997" i="1"/>
  <c r="X42998" i="1"/>
  <c r="X42999" i="1"/>
  <c r="X43000" i="1"/>
  <c r="X43001" i="1"/>
  <c r="X43002" i="1"/>
  <c r="X43003" i="1"/>
  <c r="X43004" i="1"/>
  <c r="X43005" i="1"/>
  <c r="X43006" i="1"/>
  <c r="X43007" i="1"/>
  <c r="X43008" i="1"/>
  <c r="X43009" i="1"/>
  <c r="X43010" i="1"/>
  <c r="X43011" i="1"/>
  <c r="X43012" i="1"/>
  <c r="X43013" i="1"/>
  <c r="X43014" i="1"/>
  <c r="X43015" i="1"/>
  <c r="X43016" i="1"/>
  <c r="X43017" i="1"/>
  <c r="X43018" i="1"/>
  <c r="X43019" i="1"/>
  <c r="X43020" i="1"/>
  <c r="X43021" i="1"/>
  <c r="X43022" i="1"/>
  <c r="X43023" i="1"/>
  <c r="X43024" i="1"/>
  <c r="X43025" i="1"/>
  <c r="X43026" i="1"/>
  <c r="X43027" i="1"/>
  <c r="X43028" i="1"/>
  <c r="X43029" i="1"/>
  <c r="X43030" i="1"/>
  <c r="X43031" i="1"/>
  <c r="X43032" i="1"/>
  <c r="X43033" i="1"/>
  <c r="X43034" i="1"/>
  <c r="X43035" i="1"/>
  <c r="X43036" i="1"/>
  <c r="X43037" i="1"/>
  <c r="X43038" i="1"/>
  <c r="X43039" i="1"/>
  <c r="X43040" i="1"/>
  <c r="X43041" i="1"/>
  <c r="X43042" i="1"/>
  <c r="X43043" i="1"/>
  <c r="X43044" i="1"/>
  <c r="X43045" i="1"/>
  <c r="X43046" i="1"/>
  <c r="X43047" i="1"/>
  <c r="X43048" i="1"/>
  <c r="X43049" i="1"/>
  <c r="X43050" i="1"/>
  <c r="X43051" i="1"/>
  <c r="X43052" i="1"/>
  <c r="X43053" i="1"/>
  <c r="X43054" i="1"/>
  <c r="X43055" i="1"/>
  <c r="X43056" i="1"/>
  <c r="X43057" i="1"/>
  <c r="X43058" i="1"/>
  <c r="X43059" i="1"/>
  <c r="X43060" i="1"/>
  <c r="X43061" i="1"/>
  <c r="X43062" i="1"/>
  <c r="X43063" i="1"/>
  <c r="X43064" i="1"/>
  <c r="X43065" i="1"/>
  <c r="X43066" i="1"/>
  <c r="X43067" i="1"/>
  <c r="X43068" i="1"/>
  <c r="X43069" i="1"/>
  <c r="X43070" i="1"/>
  <c r="X43071" i="1"/>
  <c r="X43072" i="1"/>
  <c r="X43073" i="1"/>
  <c r="X43074" i="1"/>
  <c r="X43075" i="1"/>
  <c r="X43076" i="1"/>
  <c r="X43077" i="1"/>
  <c r="X43078" i="1"/>
  <c r="X43079" i="1"/>
  <c r="X43080" i="1"/>
  <c r="X43081" i="1"/>
  <c r="X43082" i="1"/>
  <c r="X43083" i="1"/>
  <c r="X43084" i="1"/>
  <c r="X43085" i="1"/>
  <c r="X43086" i="1"/>
  <c r="X43087" i="1"/>
  <c r="X43088" i="1"/>
  <c r="X43089" i="1"/>
  <c r="X43090" i="1"/>
  <c r="X43091" i="1"/>
  <c r="X43092" i="1"/>
  <c r="X43093" i="1"/>
  <c r="X43094" i="1"/>
  <c r="X43095" i="1"/>
  <c r="X43096" i="1"/>
  <c r="X43097" i="1"/>
  <c r="X43098" i="1"/>
  <c r="X43099" i="1"/>
  <c r="X43100" i="1"/>
  <c r="X43101" i="1"/>
  <c r="X43102" i="1"/>
  <c r="X43103" i="1"/>
  <c r="X43104" i="1"/>
  <c r="X43105" i="1"/>
  <c r="X43106" i="1"/>
  <c r="X43107" i="1"/>
  <c r="X43108" i="1"/>
  <c r="X43109" i="1"/>
  <c r="X43110" i="1"/>
  <c r="X43111" i="1"/>
  <c r="X43112" i="1"/>
  <c r="X43113" i="1"/>
  <c r="X43114" i="1"/>
  <c r="X43115" i="1"/>
  <c r="X43116" i="1"/>
  <c r="X43117" i="1"/>
  <c r="X43118" i="1"/>
  <c r="X43119" i="1"/>
  <c r="X43120" i="1"/>
  <c r="X43121" i="1"/>
  <c r="X43122" i="1"/>
  <c r="X43123" i="1"/>
  <c r="X43124" i="1"/>
  <c r="X43125" i="1"/>
  <c r="X43126" i="1"/>
  <c r="X43127" i="1"/>
  <c r="X43128" i="1"/>
  <c r="X43129" i="1"/>
  <c r="X43130" i="1"/>
  <c r="X43131" i="1"/>
  <c r="X43132" i="1"/>
  <c r="X43133" i="1"/>
  <c r="X43134" i="1"/>
  <c r="X43135" i="1"/>
  <c r="X43136" i="1"/>
  <c r="X43137" i="1"/>
  <c r="X43138" i="1"/>
  <c r="X43139" i="1"/>
  <c r="X43140" i="1"/>
  <c r="X43141" i="1"/>
  <c r="X43142" i="1"/>
  <c r="X43143" i="1"/>
  <c r="X43144" i="1"/>
  <c r="X43145" i="1"/>
  <c r="X43146" i="1"/>
  <c r="X43147" i="1"/>
  <c r="X43148" i="1"/>
  <c r="X43149" i="1"/>
  <c r="X43150" i="1"/>
  <c r="X43151" i="1"/>
  <c r="X43152" i="1"/>
  <c r="X43153" i="1"/>
  <c r="X43154" i="1"/>
  <c r="X43155" i="1"/>
  <c r="X43156" i="1"/>
  <c r="X43157" i="1"/>
  <c r="X43158" i="1"/>
  <c r="X43159" i="1"/>
  <c r="X43160" i="1"/>
  <c r="X43161" i="1"/>
  <c r="X43162" i="1"/>
  <c r="X43163" i="1"/>
  <c r="X43164" i="1"/>
  <c r="X43165" i="1"/>
  <c r="X43166" i="1"/>
  <c r="X43167" i="1"/>
  <c r="X43168" i="1"/>
  <c r="X43169" i="1"/>
  <c r="X43170" i="1"/>
  <c r="X43171" i="1"/>
  <c r="X43172" i="1"/>
  <c r="X43173" i="1"/>
  <c r="X43174" i="1"/>
  <c r="X43175" i="1"/>
  <c r="X43176" i="1"/>
  <c r="X43177" i="1"/>
  <c r="X43178" i="1"/>
  <c r="X43179" i="1"/>
  <c r="X43180" i="1"/>
  <c r="X43181" i="1"/>
  <c r="X43182" i="1"/>
  <c r="X43183" i="1"/>
  <c r="X43184" i="1"/>
  <c r="X43185" i="1"/>
  <c r="X43186" i="1"/>
  <c r="X43187" i="1"/>
  <c r="X43188" i="1"/>
  <c r="X43189" i="1"/>
  <c r="X43190" i="1"/>
  <c r="X43191" i="1"/>
  <c r="X43192" i="1"/>
  <c r="X43193" i="1"/>
  <c r="X43194" i="1"/>
  <c r="X43195" i="1"/>
  <c r="X43196" i="1"/>
  <c r="X43197" i="1"/>
  <c r="X43198" i="1"/>
  <c r="X43199" i="1"/>
  <c r="X43200" i="1"/>
  <c r="X43201" i="1"/>
  <c r="X43202" i="1"/>
  <c r="X43203" i="1"/>
  <c r="X43204" i="1"/>
  <c r="X43205" i="1"/>
  <c r="X43206" i="1"/>
  <c r="X43207" i="1"/>
  <c r="X43208" i="1"/>
  <c r="X43209" i="1"/>
  <c r="X43210" i="1"/>
  <c r="X43211" i="1"/>
  <c r="X43212" i="1"/>
  <c r="X43213" i="1"/>
  <c r="X43214" i="1"/>
  <c r="X43215" i="1"/>
  <c r="X43216" i="1"/>
  <c r="X43217" i="1"/>
  <c r="X43218" i="1"/>
  <c r="X43219" i="1"/>
  <c r="X43220" i="1"/>
  <c r="X43221" i="1"/>
  <c r="X43222" i="1"/>
  <c r="X43223" i="1"/>
  <c r="X43224" i="1"/>
  <c r="X43225" i="1"/>
  <c r="X43226" i="1"/>
  <c r="X43227" i="1"/>
  <c r="X43228" i="1"/>
  <c r="X43229" i="1"/>
  <c r="X43230" i="1"/>
  <c r="X43231" i="1"/>
  <c r="X43232" i="1"/>
  <c r="X43233" i="1"/>
  <c r="X43234" i="1"/>
  <c r="X43235" i="1"/>
  <c r="X43236" i="1"/>
  <c r="X43237" i="1"/>
  <c r="X43238" i="1"/>
  <c r="X43239" i="1"/>
  <c r="X43240" i="1"/>
  <c r="X43241" i="1"/>
  <c r="X43242" i="1"/>
  <c r="X43243" i="1"/>
  <c r="X43244" i="1"/>
  <c r="X43245" i="1"/>
  <c r="X43246" i="1"/>
  <c r="X43247" i="1"/>
  <c r="X43248" i="1"/>
  <c r="X43249" i="1"/>
  <c r="X43250" i="1"/>
  <c r="X43251" i="1"/>
  <c r="X43252" i="1"/>
  <c r="X43253" i="1"/>
  <c r="X43254" i="1"/>
  <c r="X43255" i="1"/>
  <c r="X43256" i="1"/>
  <c r="X43257" i="1"/>
  <c r="X43258" i="1"/>
  <c r="X43259" i="1"/>
  <c r="X43260" i="1"/>
  <c r="X43261" i="1"/>
  <c r="X43262" i="1"/>
  <c r="X43263" i="1"/>
  <c r="X43264" i="1"/>
  <c r="X43265" i="1"/>
  <c r="X43266" i="1"/>
  <c r="X43267" i="1"/>
  <c r="X43268" i="1"/>
  <c r="X43269" i="1"/>
  <c r="X43270" i="1"/>
  <c r="X43271" i="1"/>
  <c r="X43272" i="1"/>
  <c r="X43273" i="1"/>
  <c r="X43274" i="1"/>
  <c r="X43275" i="1"/>
  <c r="X43276" i="1"/>
  <c r="X43277" i="1"/>
  <c r="X43278" i="1"/>
  <c r="X43279" i="1"/>
  <c r="X43280" i="1"/>
  <c r="X43281" i="1"/>
  <c r="X43282" i="1"/>
  <c r="X43283" i="1"/>
  <c r="X43284" i="1"/>
  <c r="X43285" i="1"/>
  <c r="X43286" i="1"/>
  <c r="X43287" i="1"/>
  <c r="X43288" i="1"/>
  <c r="X43289" i="1"/>
  <c r="X43290" i="1"/>
  <c r="X43291" i="1"/>
  <c r="X43292" i="1"/>
  <c r="X43293" i="1"/>
  <c r="X43294" i="1"/>
  <c r="X43295" i="1"/>
  <c r="X43296" i="1"/>
  <c r="X43297" i="1"/>
  <c r="X43298" i="1"/>
  <c r="X43299" i="1"/>
  <c r="X43300" i="1"/>
  <c r="X43301" i="1"/>
  <c r="X43302" i="1"/>
  <c r="X43303" i="1"/>
  <c r="X43304" i="1"/>
  <c r="X43305" i="1"/>
  <c r="X43306" i="1"/>
  <c r="X43307" i="1"/>
  <c r="X43308" i="1"/>
  <c r="X43309" i="1"/>
  <c r="X43310" i="1"/>
  <c r="X43311" i="1"/>
  <c r="X43312" i="1"/>
  <c r="X43313" i="1"/>
  <c r="X43314" i="1"/>
  <c r="X43315" i="1"/>
  <c r="X43316" i="1"/>
  <c r="X43317" i="1"/>
  <c r="X43318" i="1"/>
  <c r="X43319" i="1"/>
  <c r="X43320" i="1"/>
  <c r="X43321" i="1"/>
  <c r="X43322" i="1"/>
  <c r="X43323" i="1"/>
  <c r="X43324" i="1"/>
  <c r="X43325" i="1"/>
  <c r="X43326" i="1"/>
  <c r="X43327" i="1"/>
  <c r="X43328" i="1"/>
  <c r="X43329" i="1"/>
  <c r="X43330" i="1"/>
  <c r="X43331" i="1"/>
  <c r="X43332" i="1"/>
  <c r="X43333" i="1"/>
  <c r="X43334" i="1"/>
  <c r="X43335" i="1"/>
  <c r="X43336" i="1"/>
  <c r="X43337" i="1"/>
  <c r="X43338" i="1"/>
  <c r="X43339" i="1"/>
  <c r="X43340" i="1"/>
  <c r="X43341" i="1"/>
  <c r="X43342" i="1"/>
  <c r="X43343" i="1"/>
  <c r="X43344" i="1"/>
  <c r="X43345" i="1"/>
  <c r="X43346" i="1"/>
  <c r="X43347" i="1"/>
  <c r="X43348" i="1"/>
  <c r="X43349" i="1"/>
  <c r="X43350" i="1"/>
  <c r="X43351" i="1"/>
  <c r="X43352" i="1"/>
  <c r="X43353" i="1"/>
  <c r="X43354" i="1"/>
  <c r="X43355" i="1"/>
  <c r="X43356" i="1"/>
  <c r="X43357" i="1"/>
  <c r="X43358" i="1"/>
  <c r="X43359" i="1"/>
  <c r="X43360" i="1"/>
  <c r="X43361" i="1"/>
  <c r="X43362" i="1"/>
  <c r="X43363" i="1"/>
  <c r="X43364" i="1"/>
  <c r="X43365" i="1"/>
  <c r="X43366" i="1"/>
  <c r="X43367" i="1"/>
  <c r="X43368" i="1"/>
  <c r="X43369" i="1"/>
  <c r="X43370" i="1"/>
  <c r="X43371" i="1"/>
  <c r="X43372" i="1"/>
  <c r="X43373" i="1"/>
  <c r="X43374" i="1"/>
  <c r="X43375" i="1"/>
  <c r="X43376" i="1"/>
  <c r="X43377" i="1"/>
  <c r="X43378" i="1"/>
  <c r="X43379" i="1"/>
  <c r="X43380" i="1"/>
  <c r="X43381" i="1"/>
  <c r="X43382" i="1"/>
  <c r="X43383" i="1"/>
  <c r="X43384" i="1"/>
  <c r="X43385" i="1"/>
  <c r="X43386" i="1"/>
  <c r="X43387" i="1"/>
  <c r="X43388" i="1"/>
  <c r="X43389" i="1"/>
  <c r="X43390" i="1"/>
  <c r="X43391" i="1"/>
  <c r="X43392" i="1"/>
  <c r="X43393" i="1"/>
  <c r="X43394" i="1"/>
  <c r="X43395" i="1"/>
  <c r="X43396" i="1"/>
  <c r="X43397" i="1"/>
  <c r="X43398" i="1"/>
  <c r="X43399" i="1"/>
  <c r="X43400" i="1"/>
  <c r="X43401" i="1"/>
  <c r="X43402" i="1"/>
  <c r="X43403" i="1"/>
  <c r="X43404" i="1"/>
  <c r="X43405" i="1"/>
  <c r="X43406" i="1"/>
  <c r="X43407" i="1"/>
  <c r="X43408" i="1"/>
  <c r="X43409" i="1"/>
  <c r="X43410" i="1"/>
  <c r="X43411" i="1"/>
  <c r="X43412" i="1"/>
  <c r="X43413" i="1"/>
  <c r="X43414" i="1"/>
  <c r="X43415" i="1"/>
  <c r="X43416" i="1"/>
  <c r="X43417" i="1"/>
  <c r="X43418" i="1"/>
  <c r="X43419" i="1"/>
  <c r="X43420" i="1"/>
  <c r="X43421" i="1"/>
  <c r="X43422" i="1"/>
  <c r="X43423" i="1"/>
  <c r="X43424" i="1"/>
  <c r="X43425" i="1"/>
  <c r="X43426" i="1"/>
  <c r="X43427" i="1"/>
  <c r="X43428" i="1"/>
  <c r="X43429" i="1"/>
  <c r="X43430" i="1"/>
  <c r="X43431" i="1"/>
  <c r="X43432" i="1"/>
  <c r="X43433" i="1"/>
  <c r="X43434" i="1"/>
  <c r="X43435" i="1"/>
  <c r="X43436" i="1"/>
  <c r="X43437" i="1"/>
  <c r="X43438" i="1"/>
  <c r="X43439" i="1"/>
  <c r="X43440" i="1"/>
  <c r="X43441" i="1"/>
  <c r="X43442" i="1"/>
  <c r="X43443" i="1"/>
  <c r="X43444" i="1"/>
  <c r="X43445" i="1"/>
  <c r="X43446" i="1"/>
  <c r="X43447" i="1"/>
  <c r="X43448" i="1"/>
  <c r="X43449" i="1"/>
  <c r="X43450" i="1"/>
  <c r="X43451" i="1"/>
  <c r="X43452" i="1"/>
  <c r="X43453" i="1"/>
  <c r="X43454" i="1"/>
  <c r="X43455" i="1"/>
  <c r="X43456" i="1"/>
  <c r="X43457" i="1"/>
  <c r="X43458" i="1"/>
  <c r="X43459" i="1"/>
  <c r="X43460" i="1"/>
  <c r="X43461" i="1"/>
  <c r="X43462" i="1"/>
  <c r="X43463" i="1"/>
  <c r="X43464" i="1"/>
  <c r="X43465" i="1"/>
  <c r="X43466" i="1"/>
  <c r="X43467" i="1"/>
  <c r="X43468" i="1"/>
  <c r="X43469" i="1"/>
  <c r="X43470" i="1"/>
  <c r="X43471" i="1"/>
  <c r="X43472" i="1"/>
  <c r="X43473" i="1"/>
  <c r="X43474" i="1"/>
  <c r="X43475" i="1"/>
  <c r="X43476" i="1"/>
  <c r="X43477" i="1"/>
  <c r="X43478" i="1"/>
  <c r="X43479" i="1"/>
  <c r="X43480" i="1"/>
  <c r="X43481" i="1"/>
  <c r="X43482" i="1"/>
  <c r="X43483" i="1"/>
  <c r="X43484" i="1"/>
  <c r="X43485" i="1"/>
  <c r="X43486" i="1"/>
  <c r="X43487" i="1"/>
  <c r="X43488" i="1"/>
  <c r="X43489" i="1"/>
  <c r="X43490" i="1"/>
  <c r="X43491" i="1"/>
  <c r="X43492" i="1"/>
  <c r="X43493" i="1"/>
  <c r="X43494" i="1"/>
  <c r="X43495" i="1"/>
  <c r="X43496" i="1"/>
  <c r="X43497" i="1"/>
  <c r="X43498" i="1"/>
  <c r="X43499" i="1"/>
  <c r="X43500" i="1"/>
  <c r="X43501" i="1"/>
  <c r="X43502" i="1"/>
  <c r="X43503" i="1"/>
  <c r="X43504" i="1"/>
  <c r="X43505" i="1"/>
  <c r="X43506" i="1"/>
  <c r="X43507" i="1"/>
  <c r="X43508" i="1"/>
  <c r="X43509" i="1"/>
  <c r="X43510" i="1"/>
  <c r="X43511" i="1"/>
  <c r="X43512" i="1"/>
  <c r="X43513" i="1"/>
  <c r="X43514" i="1"/>
  <c r="X43515" i="1"/>
  <c r="X43516" i="1"/>
  <c r="X43517" i="1"/>
  <c r="X43518" i="1"/>
  <c r="X43519" i="1"/>
  <c r="X43520" i="1"/>
  <c r="X43521" i="1"/>
  <c r="X43522" i="1"/>
  <c r="X43523" i="1"/>
  <c r="X43524" i="1"/>
  <c r="X43525" i="1"/>
  <c r="X43526" i="1"/>
  <c r="X43527" i="1"/>
  <c r="X43528" i="1"/>
  <c r="X43529" i="1"/>
  <c r="X43530" i="1"/>
  <c r="X43531" i="1"/>
  <c r="X43532" i="1"/>
  <c r="X43533" i="1"/>
  <c r="X43534" i="1"/>
  <c r="X43535" i="1"/>
  <c r="X43536" i="1"/>
  <c r="X43537" i="1"/>
  <c r="X43538" i="1"/>
  <c r="X43539" i="1"/>
  <c r="X43540" i="1"/>
  <c r="X43541" i="1"/>
  <c r="X43542" i="1"/>
  <c r="X43543" i="1"/>
  <c r="X43544" i="1"/>
  <c r="X43545" i="1"/>
  <c r="X43546" i="1"/>
  <c r="X43547" i="1"/>
  <c r="X43548" i="1"/>
  <c r="X43549" i="1"/>
  <c r="X43550" i="1"/>
  <c r="X43551" i="1"/>
  <c r="X43552" i="1"/>
  <c r="X43553" i="1"/>
  <c r="X43554" i="1"/>
  <c r="X43555" i="1"/>
  <c r="X43556" i="1"/>
  <c r="X43557" i="1"/>
  <c r="X43558" i="1"/>
  <c r="X43559" i="1"/>
  <c r="X43560" i="1"/>
  <c r="X43561" i="1"/>
  <c r="X43562" i="1"/>
  <c r="X43563" i="1"/>
  <c r="X43564" i="1"/>
  <c r="X43565" i="1"/>
  <c r="X43566" i="1"/>
  <c r="X43567" i="1"/>
  <c r="X43568" i="1"/>
  <c r="X43569" i="1"/>
  <c r="X43570" i="1"/>
  <c r="X43571" i="1"/>
  <c r="X43572" i="1"/>
  <c r="X43573" i="1"/>
  <c r="X43574" i="1"/>
  <c r="X43575" i="1"/>
  <c r="X43576" i="1"/>
  <c r="X43577" i="1"/>
  <c r="X43578" i="1"/>
  <c r="X43579" i="1"/>
  <c r="X43580" i="1"/>
  <c r="X43581" i="1"/>
  <c r="X43582" i="1"/>
  <c r="X43583" i="1"/>
  <c r="X43584" i="1"/>
  <c r="X43585" i="1"/>
  <c r="X43586" i="1"/>
  <c r="X43587" i="1"/>
  <c r="X43588" i="1"/>
  <c r="X43589" i="1"/>
  <c r="X43590" i="1"/>
  <c r="X43591" i="1"/>
  <c r="X43592" i="1"/>
  <c r="X43593" i="1"/>
  <c r="X43594" i="1"/>
  <c r="X43595" i="1"/>
  <c r="X43596" i="1"/>
  <c r="X43597" i="1"/>
  <c r="X43598" i="1"/>
  <c r="X43599" i="1"/>
  <c r="X43600" i="1"/>
  <c r="X43601" i="1"/>
  <c r="X43602" i="1"/>
  <c r="X43603" i="1"/>
  <c r="X43604" i="1"/>
  <c r="X43605" i="1"/>
  <c r="X43606" i="1"/>
  <c r="X43607" i="1"/>
  <c r="X43608" i="1"/>
  <c r="X43609" i="1"/>
  <c r="X43610" i="1"/>
  <c r="X43611" i="1"/>
  <c r="X43612" i="1"/>
  <c r="X43613" i="1"/>
  <c r="X43614" i="1"/>
  <c r="X43615" i="1"/>
  <c r="X43616" i="1"/>
  <c r="X43617" i="1"/>
  <c r="X43618" i="1"/>
  <c r="X43619" i="1"/>
  <c r="X43620" i="1"/>
  <c r="X43621" i="1"/>
  <c r="X43622" i="1"/>
  <c r="X43623" i="1"/>
  <c r="X43624" i="1"/>
  <c r="X43625" i="1"/>
  <c r="X43626" i="1"/>
  <c r="X43627" i="1"/>
  <c r="X43628" i="1"/>
  <c r="X43629" i="1"/>
  <c r="X43630" i="1"/>
  <c r="X43631" i="1"/>
  <c r="X43632" i="1"/>
  <c r="X43633" i="1"/>
  <c r="X43634" i="1"/>
  <c r="X43635" i="1"/>
  <c r="X43636" i="1"/>
  <c r="X43637" i="1"/>
  <c r="X43638" i="1"/>
  <c r="X43639" i="1"/>
  <c r="X43640" i="1"/>
  <c r="X43641" i="1"/>
  <c r="X43642" i="1"/>
  <c r="X43643" i="1"/>
  <c r="X43644" i="1"/>
  <c r="X43645" i="1"/>
  <c r="X43646" i="1"/>
  <c r="X43647" i="1"/>
  <c r="X43648" i="1"/>
  <c r="X43649" i="1"/>
  <c r="X43650" i="1"/>
  <c r="X43651" i="1"/>
  <c r="X43652" i="1"/>
  <c r="X43653" i="1"/>
  <c r="X43654" i="1"/>
  <c r="X43655" i="1"/>
  <c r="X43656" i="1"/>
  <c r="X43657" i="1"/>
  <c r="X43658" i="1"/>
  <c r="X43659" i="1"/>
  <c r="X43660" i="1"/>
  <c r="X43661" i="1"/>
  <c r="X43662" i="1"/>
  <c r="X43663" i="1"/>
  <c r="X43664" i="1"/>
  <c r="X43665" i="1"/>
  <c r="X43666" i="1"/>
  <c r="X43667" i="1"/>
  <c r="X43668" i="1"/>
  <c r="X43669" i="1"/>
  <c r="X43670" i="1"/>
  <c r="X43671" i="1"/>
  <c r="X43672" i="1"/>
  <c r="X43673" i="1"/>
  <c r="X43674" i="1"/>
  <c r="X43675" i="1"/>
  <c r="X43676" i="1"/>
  <c r="X43677" i="1"/>
  <c r="X43678" i="1"/>
  <c r="X43679" i="1"/>
  <c r="X43680" i="1"/>
  <c r="X43681" i="1"/>
  <c r="X43682" i="1"/>
  <c r="X43683" i="1"/>
  <c r="X43684" i="1"/>
  <c r="X43685" i="1"/>
  <c r="X43686" i="1"/>
  <c r="X43687" i="1"/>
  <c r="X43688" i="1"/>
  <c r="X43689" i="1"/>
  <c r="X43690" i="1"/>
  <c r="X43691" i="1"/>
  <c r="X43692" i="1"/>
  <c r="X43693" i="1"/>
  <c r="X43694" i="1"/>
  <c r="X43695" i="1"/>
  <c r="X43696" i="1"/>
  <c r="X43697" i="1"/>
  <c r="X43698" i="1"/>
  <c r="X43699" i="1"/>
  <c r="X43700" i="1"/>
  <c r="X43701" i="1"/>
  <c r="X43702" i="1"/>
  <c r="X43703" i="1"/>
  <c r="X43704" i="1"/>
  <c r="X43705" i="1"/>
  <c r="X43706" i="1"/>
  <c r="X43707" i="1"/>
  <c r="X43708" i="1"/>
  <c r="X43709" i="1"/>
  <c r="X43710" i="1"/>
  <c r="X43711" i="1"/>
  <c r="X43712" i="1"/>
  <c r="X43713" i="1"/>
  <c r="X43714" i="1"/>
  <c r="X43715" i="1"/>
  <c r="X43716" i="1"/>
  <c r="X43717" i="1"/>
  <c r="X43718" i="1"/>
  <c r="X43719" i="1"/>
  <c r="X43720" i="1"/>
  <c r="X43721" i="1"/>
  <c r="X43722" i="1"/>
  <c r="X43723" i="1"/>
  <c r="X43724" i="1"/>
  <c r="X43725" i="1"/>
  <c r="X43726" i="1"/>
  <c r="X43727" i="1"/>
  <c r="X43728" i="1"/>
  <c r="X43729" i="1"/>
  <c r="X43730" i="1"/>
  <c r="X43731" i="1"/>
  <c r="X43732" i="1"/>
  <c r="X43733" i="1"/>
  <c r="X43734" i="1"/>
  <c r="X43735" i="1"/>
  <c r="X43736" i="1"/>
  <c r="X43737" i="1"/>
  <c r="X43738" i="1"/>
  <c r="X43739" i="1"/>
  <c r="X43740" i="1"/>
  <c r="X43741" i="1"/>
  <c r="X43742" i="1"/>
  <c r="X43743" i="1"/>
  <c r="X43744" i="1"/>
  <c r="X43745" i="1"/>
  <c r="X43746" i="1"/>
  <c r="X43747" i="1"/>
  <c r="X43748" i="1"/>
  <c r="X43749" i="1"/>
  <c r="X43750" i="1"/>
  <c r="X43751" i="1"/>
  <c r="X43752" i="1"/>
  <c r="X43753" i="1"/>
  <c r="X43754" i="1"/>
  <c r="X43755" i="1"/>
  <c r="X43756" i="1"/>
  <c r="X43757" i="1"/>
  <c r="X43758" i="1"/>
  <c r="X43759" i="1"/>
  <c r="X43760" i="1"/>
  <c r="X43761" i="1"/>
  <c r="X43762" i="1"/>
  <c r="X43763" i="1"/>
  <c r="X43764" i="1"/>
  <c r="X43765" i="1"/>
  <c r="X43766" i="1"/>
  <c r="X43767" i="1"/>
  <c r="X43768" i="1"/>
  <c r="X43769" i="1"/>
  <c r="X43770" i="1"/>
  <c r="X43771" i="1"/>
  <c r="X43772" i="1"/>
  <c r="X43773" i="1"/>
  <c r="X43774" i="1"/>
  <c r="X43775" i="1"/>
  <c r="X43776" i="1"/>
  <c r="X43777" i="1"/>
  <c r="X43778" i="1"/>
  <c r="X43779" i="1"/>
  <c r="X43780" i="1"/>
  <c r="X43781" i="1"/>
  <c r="X43782" i="1"/>
  <c r="X43783" i="1"/>
  <c r="X43784" i="1"/>
  <c r="X43785" i="1"/>
  <c r="X43786" i="1"/>
  <c r="X43787" i="1"/>
  <c r="X43788" i="1"/>
  <c r="X43789" i="1"/>
  <c r="X43790" i="1"/>
  <c r="X43791" i="1"/>
  <c r="X43792" i="1"/>
  <c r="X43793" i="1"/>
  <c r="X43794" i="1"/>
  <c r="X43795" i="1"/>
  <c r="X43796" i="1"/>
  <c r="X43797" i="1"/>
  <c r="X43798" i="1"/>
  <c r="X43799" i="1"/>
  <c r="X43800" i="1"/>
  <c r="X43801" i="1"/>
  <c r="X43802" i="1"/>
  <c r="X43803" i="1"/>
  <c r="X43804" i="1"/>
  <c r="X43805" i="1"/>
  <c r="X43806" i="1"/>
  <c r="X43807" i="1"/>
  <c r="X43808" i="1"/>
  <c r="X43809" i="1"/>
  <c r="X43810" i="1"/>
  <c r="X43811" i="1"/>
  <c r="X43812" i="1"/>
  <c r="X43813" i="1"/>
  <c r="X43814" i="1"/>
  <c r="X43815" i="1"/>
  <c r="X43816" i="1"/>
  <c r="X43817" i="1"/>
  <c r="X43818" i="1"/>
  <c r="X43819" i="1"/>
  <c r="X43820" i="1"/>
  <c r="X43821" i="1"/>
  <c r="X43822" i="1"/>
  <c r="X43823" i="1"/>
  <c r="X43824" i="1"/>
  <c r="X43825" i="1"/>
  <c r="X43826" i="1"/>
  <c r="X43827" i="1"/>
  <c r="X43828" i="1"/>
  <c r="X43829" i="1"/>
  <c r="X43830" i="1"/>
  <c r="X43831" i="1"/>
  <c r="X43832" i="1"/>
  <c r="X43833" i="1"/>
  <c r="X43834" i="1"/>
  <c r="X43835" i="1"/>
  <c r="X43836" i="1"/>
  <c r="X43837" i="1"/>
  <c r="X43838" i="1"/>
  <c r="X43839" i="1"/>
  <c r="X43840" i="1"/>
  <c r="X43841" i="1"/>
  <c r="X43842" i="1"/>
  <c r="X43843" i="1"/>
  <c r="X43844" i="1"/>
  <c r="X43845" i="1"/>
  <c r="X43846" i="1"/>
  <c r="X43847" i="1"/>
  <c r="X43848" i="1"/>
  <c r="X43849" i="1"/>
  <c r="X43850" i="1"/>
  <c r="X43851" i="1"/>
  <c r="X43852" i="1"/>
  <c r="X43853" i="1"/>
  <c r="X43854" i="1"/>
  <c r="X43855" i="1"/>
  <c r="X43856" i="1"/>
  <c r="X43857" i="1"/>
  <c r="X43858" i="1"/>
  <c r="X43859" i="1"/>
  <c r="X43860" i="1"/>
  <c r="X43861" i="1"/>
  <c r="X43862" i="1"/>
  <c r="X43863" i="1"/>
  <c r="X43864" i="1"/>
  <c r="X43865" i="1"/>
  <c r="X43866" i="1"/>
  <c r="X43867" i="1"/>
  <c r="X43868" i="1"/>
  <c r="X43869" i="1"/>
  <c r="X43870" i="1"/>
  <c r="X43871" i="1"/>
  <c r="X43872" i="1"/>
  <c r="X43873" i="1"/>
  <c r="X43874" i="1"/>
  <c r="X43875" i="1"/>
  <c r="X43876" i="1"/>
  <c r="X43877" i="1"/>
  <c r="X43878" i="1"/>
  <c r="X43879" i="1"/>
  <c r="X43880" i="1"/>
  <c r="X43881" i="1"/>
  <c r="X43882" i="1"/>
  <c r="X43883" i="1"/>
  <c r="X43884" i="1"/>
  <c r="X43885" i="1"/>
  <c r="X43886" i="1"/>
  <c r="X43887" i="1"/>
  <c r="X43888" i="1"/>
  <c r="X43889" i="1"/>
  <c r="X43890" i="1"/>
  <c r="X43891" i="1"/>
  <c r="X43892" i="1"/>
  <c r="X43893" i="1"/>
  <c r="X43894" i="1"/>
  <c r="X43895" i="1"/>
  <c r="X43896" i="1"/>
  <c r="X43897" i="1"/>
  <c r="X43898" i="1"/>
  <c r="X43899" i="1"/>
  <c r="X43900" i="1"/>
  <c r="X43901" i="1"/>
  <c r="X43902" i="1"/>
  <c r="X43903" i="1"/>
  <c r="X43904" i="1"/>
  <c r="X43905" i="1"/>
  <c r="X43906" i="1"/>
  <c r="X43907" i="1"/>
  <c r="X43908" i="1"/>
  <c r="X43909" i="1"/>
  <c r="X43910" i="1"/>
  <c r="X43911" i="1"/>
  <c r="X43912" i="1"/>
  <c r="X43913" i="1"/>
  <c r="X43914" i="1"/>
  <c r="X43915" i="1"/>
  <c r="X43916" i="1"/>
  <c r="X43917" i="1"/>
  <c r="X43918" i="1"/>
  <c r="X43919" i="1"/>
  <c r="X43920" i="1"/>
  <c r="X43921" i="1"/>
  <c r="X43922" i="1"/>
  <c r="X43923" i="1"/>
  <c r="X43924" i="1"/>
  <c r="X43925" i="1"/>
  <c r="X43926" i="1"/>
  <c r="X43927" i="1"/>
  <c r="X43928" i="1"/>
  <c r="X43929" i="1"/>
  <c r="X43930" i="1"/>
  <c r="X43931" i="1"/>
  <c r="X43932" i="1"/>
  <c r="X43933" i="1"/>
  <c r="X43934" i="1"/>
  <c r="X43935" i="1"/>
  <c r="X43936" i="1"/>
  <c r="X43937" i="1"/>
  <c r="X43938" i="1"/>
  <c r="X43939" i="1"/>
  <c r="X43940" i="1"/>
  <c r="X43941" i="1"/>
  <c r="X43942" i="1"/>
  <c r="X43943" i="1"/>
  <c r="X43944" i="1"/>
  <c r="X43945" i="1"/>
  <c r="X43946" i="1"/>
  <c r="X43947" i="1"/>
  <c r="X43948" i="1"/>
  <c r="X43949" i="1"/>
  <c r="X43950" i="1"/>
  <c r="X43951" i="1"/>
  <c r="X43952" i="1"/>
  <c r="X43953" i="1"/>
  <c r="X43954" i="1"/>
  <c r="X43955" i="1"/>
  <c r="X43956" i="1"/>
  <c r="X43957" i="1"/>
  <c r="X43958" i="1"/>
  <c r="X43959" i="1"/>
  <c r="X43960" i="1"/>
  <c r="X43961" i="1"/>
  <c r="X43962" i="1"/>
  <c r="X43963" i="1"/>
  <c r="X43964" i="1"/>
  <c r="X43965" i="1"/>
  <c r="X43966" i="1"/>
  <c r="X43967" i="1"/>
  <c r="X43968" i="1"/>
  <c r="X43969" i="1"/>
  <c r="X43970" i="1"/>
  <c r="X43971" i="1"/>
  <c r="X43972" i="1"/>
  <c r="X43973" i="1"/>
  <c r="X43974" i="1"/>
  <c r="X43975" i="1"/>
  <c r="X43976" i="1"/>
  <c r="X43977" i="1"/>
  <c r="X43978" i="1"/>
  <c r="X43979" i="1"/>
  <c r="X43980" i="1"/>
  <c r="X43981" i="1"/>
  <c r="X43982" i="1"/>
  <c r="X43983" i="1"/>
  <c r="X43984" i="1"/>
  <c r="X43985" i="1"/>
  <c r="X43986" i="1"/>
  <c r="X43987" i="1"/>
  <c r="X43988" i="1"/>
  <c r="X43989" i="1"/>
  <c r="X43990" i="1"/>
  <c r="X43991" i="1"/>
  <c r="X43992" i="1"/>
  <c r="X43993" i="1"/>
  <c r="X43994" i="1"/>
  <c r="X43995" i="1"/>
  <c r="X43996" i="1"/>
  <c r="X43997" i="1"/>
  <c r="X43998" i="1"/>
  <c r="X43999" i="1"/>
  <c r="X44000" i="1"/>
  <c r="X44001" i="1"/>
  <c r="X44002" i="1"/>
  <c r="X44003" i="1"/>
  <c r="X44004" i="1"/>
  <c r="X44005" i="1"/>
  <c r="X44006" i="1"/>
  <c r="X44007" i="1"/>
  <c r="X44008" i="1"/>
  <c r="X44009" i="1"/>
  <c r="X44010" i="1"/>
  <c r="X44011" i="1"/>
  <c r="X44012" i="1"/>
  <c r="X44013" i="1"/>
  <c r="X44014" i="1"/>
  <c r="X44015" i="1"/>
  <c r="X44016" i="1"/>
  <c r="X44017" i="1"/>
  <c r="X44018" i="1"/>
  <c r="X44019" i="1"/>
  <c r="X44020" i="1"/>
  <c r="X44021" i="1"/>
  <c r="X44022" i="1"/>
  <c r="X44023" i="1"/>
  <c r="X44024" i="1"/>
  <c r="X44025" i="1"/>
  <c r="X44026" i="1"/>
  <c r="X44027" i="1"/>
  <c r="X44028" i="1"/>
  <c r="X44029" i="1"/>
  <c r="X44030" i="1"/>
  <c r="X44031" i="1"/>
  <c r="X44032" i="1"/>
  <c r="X44033" i="1"/>
  <c r="X44034" i="1"/>
  <c r="X44035" i="1"/>
  <c r="X44036" i="1"/>
  <c r="X44037" i="1"/>
  <c r="X44038" i="1"/>
  <c r="X44039" i="1"/>
  <c r="X44040" i="1"/>
  <c r="X44041" i="1"/>
  <c r="X44042" i="1"/>
  <c r="X44043" i="1"/>
  <c r="X44044" i="1"/>
  <c r="X44045" i="1"/>
  <c r="X44046" i="1"/>
  <c r="X44047" i="1"/>
  <c r="X44048" i="1"/>
  <c r="X44049" i="1"/>
  <c r="X44050" i="1"/>
  <c r="X44051" i="1"/>
  <c r="X44052" i="1"/>
  <c r="X44053" i="1"/>
  <c r="X44054" i="1"/>
  <c r="X44055" i="1"/>
  <c r="X44056" i="1"/>
  <c r="X44057" i="1"/>
  <c r="X44058" i="1"/>
  <c r="X44059" i="1"/>
  <c r="X44060" i="1"/>
  <c r="X44061" i="1"/>
  <c r="X44062" i="1"/>
  <c r="X44063" i="1"/>
  <c r="X44064" i="1"/>
  <c r="X44065" i="1"/>
  <c r="X44066" i="1"/>
  <c r="X44067" i="1"/>
  <c r="X44068" i="1"/>
  <c r="X44069" i="1"/>
  <c r="X44070" i="1"/>
  <c r="X44071" i="1"/>
  <c r="X44072" i="1"/>
  <c r="X44073" i="1"/>
  <c r="X44074" i="1"/>
  <c r="X44075" i="1"/>
  <c r="X44076" i="1"/>
  <c r="X44077" i="1"/>
  <c r="X44078" i="1"/>
  <c r="X44079" i="1"/>
  <c r="X44080" i="1"/>
  <c r="X44081" i="1"/>
  <c r="X44082" i="1"/>
  <c r="X44083" i="1"/>
  <c r="X44084" i="1"/>
  <c r="X44085" i="1"/>
  <c r="X44086" i="1"/>
  <c r="X44087" i="1"/>
  <c r="X44088" i="1"/>
  <c r="X44089" i="1"/>
  <c r="X44090" i="1"/>
  <c r="X44091" i="1"/>
  <c r="X44092" i="1"/>
  <c r="X44093" i="1"/>
  <c r="X44094" i="1"/>
  <c r="X44095" i="1"/>
  <c r="X44096" i="1"/>
  <c r="X44097" i="1"/>
  <c r="X44098" i="1"/>
  <c r="X44099" i="1"/>
  <c r="X44100" i="1"/>
  <c r="X44101" i="1"/>
  <c r="X44102" i="1"/>
  <c r="X44103" i="1"/>
  <c r="X44104" i="1"/>
  <c r="X44105" i="1"/>
  <c r="X44106" i="1"/>
  <c r="X44107" i="1"/>
  <c r="X44108" i="1"/>
  <c r="X44109" i="1"/>
  <c r="X44110" i="1"/>
  <c r="X44111" i="1"/>
  <c r="X44112" i="1"/>
  <c r="X44113" i="1"/>
  <c r="X44114" i="1"/>
  <c r="X44115" i="1"/>
  <c r="X44116" i="1"/>
  <c r="X44117" i="1"/>
  <c r="X44118" i="1"/>
  <c r="X44119" i="1"/>
  <c r="X44120" i="1"/>
  <c r="X44121" i="1"/>
  <c r="X44122" i="1"/>
  <c r="X44123" i="1"/>
  <c r="X44124" i="1"/>
  <c r="X44125" i="1"/>
  <c r="X44126" i="1"/>
  <c r="X44127" i="1"/>
  <c r="X44128" i="1"/>
  <c r="X44129" i="1"/>
  <c r="X44130" i="1"/>
  <c r="X44131" i="1"/>
  <c r="X44132" i="1"/>
  <c r="X44133" i="1"/>
  <c r="X44134" i="1"/>
  <c r="X44135" i="1"/>
  <c r="X44136" i="1"/>
  <c r="X44137" i="1"/>
  <c r="X44138" i="1"/>
  <c r="X44139" i="1"/>
  <c r="X44140" i="1"/>
  <c r="X44141" i="1"/>
  <c r="X44142" i="1"/>
  <c r="X44143" i="1"/>
  <c r="X44144" i="1"/>
  <c r="X44145" i="1"/>
  <c r="X44146" i="1"/>
  <c r="X44147" i="1"/>
  <c r="X44148" i="1"/>
  <c r="X44149" i="1"/>
  <c r="X44150" i="1"/>
  <c r="X44151" i="1"/>
  <c r="X44152" i="1"/>
  <c r="X44153" i="1"/>
  <c r="X44154" i="1"/>
  <c r="X44155" i="1"/>
  <c r="X44156" i="1"/>
  <c r="X44157" i="1"/>
  <c r="X44158" i="1"/>
  <c r="X44159" i="1"/>
  <c r="X44160" i="1"/>
  <c r="X44161" i="1"/>
  <c r="X44162" i="1"/>
  <c r="X44163" i="1"/>
  <c r="X44164" i="1"/>
  <c r="X44165" i="1"/>
  <c r="X44166" i="1"/>
  <c r="X44167" i="1"/>
  <c r="X44168" i="1"/>
  <c r="X44169" i="1"/>
  <c r="X44170" i="1"/>
  <c r="X44171" i="1"/>
  <c r="X44172" i="1"/>
  <c r="X44173" i="1"/>
  <c r="X44174" i="1"/>
  <c r="X44175" i="1"/>
  <c r="X44176" i="1"/>
  <c r="X44177" i="1"/>
  <c r="X44178" i="1"/>
  <c r="X44179" i="1"/>
  <c r="X44180" i="1"/>
  <c r="X44181" i="1"/>
  <c r="X44182" i="1"/>
  <c r="X44183" i="1"/>
  <c r="X44184" i="1"/>
  <c r="X44185" i="1"/>
  <c r="X44186" i="1"/>
  <c r="X44187" i="1"/>
  <c r="X44188" i="1"/>
  <c r="X44189" i="1"/>
  <c r="X44190" i="1"/>
  <c r="X44191" i="1"/>
  <c r="X44192" i="1"/>
  <c r="X44193" i="1"/>
  <c r="X44194" i="1"/>
  <c r="X44195" i="1"/>
  <c r="X44196" i="1"/>
  <c r="X44197" i="1"/>
  <c r="X44198" i="1"/>
  <c r="X44199" i="1"/>
  <c r="X44200" i="1"/>
  <c r="X44201" i="1"/>
  <c r="X44202" i="1"/>
  <c r="X44203" i="1"/>
  <c r="X44204" i="1"/>
  <c r="X44205" i="1"/>
  <c r="X44206" i="1"/>
  <c r="X44207" i="1"/>
  <c r="X44208" i="1"/>
  <c r="X44209" i="1"/>
  <c r="X44210" i="1"/>
  <c r="X44211" i="1"/>
  <c r="X44212" i="1"/>
  <c r="X44213" i="1"/>
  <c r="X44214" i="1"/>
  <c r="X44215" i="1"/>
  <c r="X44216" i="1"/>
  <c r="X44217" i="1"/>
  <c r="X44218" i="1"/>
  <c r="X44219" i="1"/>
  <c r="X44220" i="1"/>
  <c r="X44221" i="1"/>
  <c r="X44222" i="1"/>
  <c r="X44223" i="1"/>
  <c r="X44224" i="1"/>
  <c r="X44225" i="1"/>
  <c r="X44226" i="1"/>
  <c r="X44227" i="1"/>
  <c r="X44228" i="1"/>
  <c r="X44229" i="1"/>
  <c r="X44230" i="1"/>
  <c r="X44231" i="1"/>
  <c r="X44232" i="1"/>
  <c r="X44233" i="1"/>
  <c r="X44234" i="1"/>
  <c r="X44235" i="1"/>
  <c r="X44236" i="1"/>
  <c r="X44237" i="1"/>
  <c r="X44238" i="1"/>
  <c r="X44239" i="1"/>
  <c r="X44240" i="1"/>
  <c r="X44241" i="1"/>
  <c r="X44242" i="1"/>
  <c r="X44243" i="1"/>
  <c r="X44244" i="1"/>
  <c r="X44245" i="1"/>
  <c r="X44246" i="1"/>
  <c r="X44247" i="1"/>
  <c r="X44248" i="1"/>
  <c r="X44249" i="1"/>
  <c r="X44250" i="1"/>
  <c r="X44251" i="1"/>
  <c r="X44252" i="1"/>
  <c r="X44253" i="1"/>
  <c r="X44254" i="1"/>
  <c r="X44255" i="1"/>
  <c r="X44256" i="1"/>
  <c r="X44257" i="1"/>
  <c r="X44258" i="1"/>
  <c r="X44259" i="1"/>
  <c r="X44260" i="1"/>
  <c r="X44261" i="1"/>
  <c r="X44262" i="1"/>
  <c r="X44263" i="1"/>
  <c r="X44264" i="1"/>
  <c r="X44265" i="1"/>
  <c r="X44266" i="1"/>
  <c r="X44267" i="1"/>
  <c r="X44268" i="1"/>
  <c r="X44269" i="1"/>
  <c r="X44270" i="1"/>
  <c r="X44271" i="1"/>
  <c r="X44272" i="1"/>
  <c r="X44273" i="1"/>
  <c r="X44274" i="1"/>
  <c r="X44275" i="1"/>
  <c r="X44276" i="1"/>
  <c r="X44277" i="1"/>
  <c r="X44278" i="1"/>
  <c r="X44279" i="1"/>
  <c r="X44280" i="1"/>
  <c r="X44281" i="1"/>
  <c r="X44282" i="1"/>
  <c r="X44283" i="1"/>
  <c r="X44284" i="1"/>
  <c r="X44285" i="1"/>
  <c r="X44286" i="1"/>
  <c r="X44287" i="1"/>
  <c r="X44288" i="1"/>
  <c r="X44289" i="1"/>
  <c r="X44290" i="1"/>
  <c r="X44291" i="1"/>
  <c r="X44292" i="1"/>
  <c r="X44293" i="1"/>
  <c r="X44294" i="1"/>
  <c r="X44295" i="1"/>
  <c r="X44296" i="1"/>
  <c r="X44297" i="1"/>
  <c r="X44298" i="1"/>
  <c r="X44299" i="1"/>
  <c r="X44300" i="1"/>
  <c r="X44301" i="1"/>
  <c r="X44302" i="1"/>
  <c r="X44303" i="1"/>
  <c r="X44304" i="1"/>
  <c r="X44305" i="1"/>
  <c r="X44306" i="1"/>
  <c r="X44307" i="1"/>
  <c r="X44308" i="1"/>
  <c r="X44309" i="1"/>
  <c r="X44310" i="1"/>
  <c r="X44311" i="1"/>
  <c r="X44312" i="1"/>
  <c r="X44313" i="1"/>
  <c r="X44314" i="1"/>
  <c r="X44315" i="1"/>
  <c r="X44316" i="1"/>
  <c r="X44317" i="1"/>
  <c r="X44318" i="1"/>
  <c r="X44319" i="1"/>
  <c r="X44320" i="1"/>
  <c r="X44321" i="1"/>
  <c r="X44322" i="1"/>
  <c r="X44323" i="1"/>
  <c r="X44324" i="1"/>
  <c r="X44325" i="1"/>
  <c r="X44326" i="1"/>
  <c r="X44327" i="1"/>
  <c r="X44328" i="1"/>
  <c r="X44329" i="1"/>
  <c r="X44330" i="1"/>
  <c r="X44331" i="1"/>
  <c r="X44332" i="1"/>
  <c r="X44333" i="1"/>
  <c r="X44334" i="1"/>
  <c r="X44335" i="1"/>
  <c r="X44336" i="1"/>
  <c r="X44337" i="1"/>
  <c r="X44338" i="1"/>
  <c r="X44339" i="1"/>
  <c r="X44340" i="1"/>
  <c r="X44341" i="1"/>
  <c r="X44342" i="1"/>
  <c r="X44343" i="1"/>
  <c r="X44344" i="1"/>
  <c r="X44345" i="1"/>
  <c r="X44346" i="1"/>
  <c r="X44347" i="1"/>
  <c r="X44348" i="1"/>
  <c r="X44349" i="1"/>
  <c r="X44350" i="1"/>
  <c r="X44351" i="1"/>
  <c r="X44352" i="1"/>
  <c r="X44353" i="1"/>
  <c r="X44354" i="1"/>
  <c r="X44355" i="1"/>
  <c r="X44356" i="1"/>
  <c r="X44357" i="1"/>
  <c r="X44358" i="1"/>
  <c r="X44359" i="1"/>
  <c r="X44360" i="1"/>
  <c r="X44361" i="1"/>
  <c r="X44362" i="1"/>
  <c r="X44363" i="1"/>
  <c r="X44364" i="1"/>
  <c r="X44365" i="1"/>
  <c r="X44366" i="1"/>
  <c r="X44367" i="1"/>
  <c r="X44368" i="1"/>
  <c r="X44369" i="1"/>
  <c r="X44370" i="1"/>
  <c r="X44371" i="1"/>
  <c r="X44372" i="1"/>
  <c r="X44373" i="1"/>
  <c r="X44374" i="1"/>
  <c r="X44375" i="1"/>
  <c r="X44376" i="1"/>
  <c r="X44377" i="1"/>
  <c r="X44378" i="1"/>
  <c r="X44379" i="1"/>
  <c r="X44380" i="1"/>
  <c r="X44381" i="1"/>
  <c r="X44382" i="1"/>
  <c r="X44383" i="1"/>
  <c r="X44384" i="1"/>
  <c r="X44385" i="1"/>
  <c r="X44386" i="1"/>
  <c r="X44387" i="1"/>
  <c r="X44388" i="1"/>
  <c r="X44389" i="1"/>
  <c r="X44390" i="1"/>
  <c r="X44391" i="1"/>
  <c r="X44392" i="1"/>
  <c r="X44393" i="1"/>
  <c r="X44394" i="1"/>
  <c r="X44395" i="1"/>
  <c r="X44396" i="1"/>
  <c r="X44397" i="1"/>
  <c r="X44398" i="1"/>
  <c r="X44399" i="1"/>
  <c r="X44400" i="1"/>
  <c r="X44401" i="1"/>
  <c r="X44402" i="1"/>
  <c r="X44403" i="1"/>
  <c r="X44404" i="1"/>
  <c r="X44405" i="1"/>
  <c r="X44406" i="1"/>
  <c r="X44407" i="1"/>
  <c r="X44408" i="1"/>
  <c r="X44409" i="1"/>
  <c r="X44410" i="1"/>
  <c r="X44411" i="1"/>
  <c r="X44412" i="1"/>
  <c r="X44413" i="1"/>
  <c r="X44414" i="1"/>
  <c r="X44415" i="1"/>
  <c r="X44416" i="1"/>
  <c r="X44417" i="1"/>
  <c r="X44418" i="1"/>
  <c r="X44419" i="1"/>
  <c r="X44420" i="1"/>
  <c r="X44421" i="1"/>
  <c r="X44422" i="1"/>
  <c r="X44423" i="1"/>
  <c r="X44424" i="1"/>
  <c r="X44425" i="1"/>
  <c r="X44426" i="1"/>
  <c r="X44427" i="1"/>
  <c r="X44428" i="1"/>
  <c r="X44429" i="1"/>
  <c r="X44430" i="1"/>
  <c r="X44431" i="1"/>
  <c r="X44432" i="1"/>
  <c r="X44433" i="1"/>
  <c r="X44434" i="1"/>
  <c r="X44435" i="1"/>
  <c r="X44436" i="1"/>
  <c r="X44437" i="1"/>
  <c r="X44438" i="1"/>
  <c r="X44439" i="1"/>
  <c r="X44440" i="1"/>
  <c r="X44441" i="1"/>
  <c r="X44442" i="1"/>
  <c r="X44443" i="1"/>
  <c r="X44444" i="1"/>
  <c r="X44445" i="1"/>
  <c r="X44446" i="1"/>
  <c r="X44447" i="1"/>
  <c r="X44448" i="1"/>
  <c r="X44449" i="1"/>
  <c r="X44450" i="1"/>
  <c r="X44451" i="1"/>
  <c r="X44452" i="1"/>
  <c r="X44453" i="1"/>
  <c r="X44454" i="1"/>
  <c r="X44455" i="1"/>
  <c r="X44456" i="1"/>
  <c r="X44457" i="1"/>
  <c r="X44458" i="1"/>
  <c r="X44459" i="1"/>
  <c r="X44460" i="1"/>
  <c r="X44461" i="1"/>
  <c r="X44462" i="1"/>
  <c r="X44463" i="1"/>
  <c r="X44464" i="1"/>
  <c r="X44465" i="1"/>
  <c r="X44466" i="1"/>
  <c r="X44467" i="1"/>
  <c r="X44468" i="1"/>
  <c r="X44469" i="1"/>
  <c r="X44470" i="1"/>
  <c r="X44471" i="1"/>
  <c r="X44472" i="1"/>
  <c r="X44473" i="1"/>
  <c r="X44474" i="1"/>
  <c r="X44475" i="1"/>
  <c r="X44476" i="1"/>
  <c r="X44477" i="1"/>
  <c r="X44478" i="1"/>
  <c r="X44479" i="1"/>
  <c r="X44480" i="1"/>
  <c r="X44481" i="1"/>
  <c r="X44482" i="1"/>
  <c r="X44483" i="1"/>
  <c r="X44484" i="1"/>
  <c r="X44485" i="1"/>
  <c r="X44486" i="1"/>
  <c r="X44487" i="1"/>
  <c r="X44488" i="1"/>
  <c r="X44489" i="1"/>
  <c r="X44490" i="1"/>
  <c r="X44491" i="1"/>
  <c r="X44492" i="1"/>
  <c r="X44493" i="1"/>
  <c r="X44494" i="1"/>
  <c r="X44495" i="1"/>
  <c r="X44496" i="1"/>
  <c r="X44497" i="1"/>
  <c r="X44498" i="1"/>
  <c r="X44499" i="1"/>
  <c r="X44500" i="1"/>
  <c r="X44501" i="1"/>
  <c r="X44502" i="1"/>
  <c r="X44503" i="1"/>
  <c r="X44504" i="1"/>
  <c r="X44505" i="1"/>
  <c r="X44506" i="1"/>
  <c r="X44507" i="1"/>
  <c r="X44508" i="1"/>
  <c r="X44509" i="1"/>
  <c r="X44510" i="1"/>
  <c r="X44511" i="1"/>
  <c r="X44512" i="1"/>
  <c r="X44513" i="1"/>
  <c r="X44514" i="1"/>
  <c r="X44515" i="1"/>
  <c r="X44516" i="1"/>
  <c r="X44517" i="1"/>
  <c r="X44518" i="1"/>
  <c r="X44519" i="1"/>
  <c r="X44520" i="1"/>
  <c r="X44521" i="1"/>
  <c r="X44522" i="1"/>
  <c r="X44523" i="1"/>
  <c r="X44524" i="1"/>
  <c r="X44525" i="1"/>
  <c r="X44526" i="1"/>
  <c r="X44527" i="1"/>
  <c r="X44528" i="1"/>
  <c r="X44529" i="1"/>
  <c r="X44530" i="1"/>
  <c r="X44531" i="1"/>
  <c r="X44532" i="1"/>
  <c r="X44533" i="1"/>
  <c r="X44534" i="1"/>
  <c r="X44535" i="1"/>
  <c r="X44536" i="1"/>
  <c r="X44537" i="1"/>
  <c r="X44538" i="1"/>
  <c r="X44539" i="1"/>
  <c r="X44540" i="1"/>
  <c r="X44541" i="1"/>
  <c r="X44542" i="1"/>
  <c r="X44543" i="1"/>
  <c r="X44544" i="1"/>
  <c r="X44545" i="1"/>
  <c r="X44546" i="1"/>
  <c r="X44547" i="1"/>
  <c r="X44548" i="1"/>
  <c r="X44549" i="1"/>
  <c r="X44550" i="1"/>
  <c r="X44551" i="1"/>
  <c r="X44552" i="1"/>
  <c r="X44553" i="1"/>
  <c r="X44554" i="1"/>
  <c r="X44555" i="1"/>
  <c r="X44556" i="1"/>
  <c r="X44557" i="1"/>
  <c r="X44558" i="1"/>
  <c r="X44559" i="1"/>
  <c r="X44560" i="1"/>
  <c r="X44561" i="1"/>
  <c r="X44562" i="1"/>
  <c r="X44563" i="1"/>
  <c r="X44564" i="1"/>
  <c r="X44565" i="1"/>
  <c r="X44566" i="1"/>
  <c r="X44567" i="1"/>
  <c r="X44568" i="1"/>
  <c r="X44569" i="1"/>
  <c r="X44570" i="1"/>
  <c r="X44571" i="1"/>
  <c r="X44572" i="1"/>
  <c r="X44573" i="1"/>
  <c r="X44574" i="1"/>
  <c r="X44575" i="1"/>
  <c r="X44576" i="1"/>
  <c r="X44577" i="1"/>
  <c r="X44578" i="1"/>
  <c r="X44579" i="1"/>
  <c r="X44580" i="1"/>
  <c r="X44581" i="1"/>
  <c r="X44582" i="1"/>
  <c r="X44583" i="1"/>
  <c r="X44584" i="1"/>
  <c r="X44585" i="1"/>
  <c r="X44586" i="1"/>
  <c r="X44587" i="1"/>
  <c r="X44588" i="1"/>
  <c r="X44589" i="1"/>
  <c r="X44590" i="1"/>
  <c r="X44591" i="1"/>
  <c r="X44592" i="1"/>
  <c r="X44593" i="1"/>
  <c r="X44594" i="1"/>
  <c r="X44595" i="1"/>
  <c r="X44596" i="1"/>
  <c r="X44597" i="1"/>
  <c r="X44598" i="1"/>
  <c r="X44599" i="1"/>
  <c r="X44600" i="1"/>
  <c r="X44601" i="1"/>
  <c r="X44602" i="1"/>
  <c r="X44603" i="1"/>
  <c r="X44604" i="1"/>
  <c r="X44605" i="1"/>
  <c r="X44606" i="1"/>
  <c r="X44607" i="1"/>
  <c r="X44608" i="1"/>
  <c r="X44609" i="1"/>
  <c r="X44610" i="1"/>
  <c r="X44611" i="1"/>
  <c r="X44612" i="1"/>
  <c r="X44613" i="1"/>
  <c r="X44614" i="1"/>
  <c r="X44615" i="1"/>
  <c r="X44616" i="1"/>
  <c r="X44617" i="1"/>
  <c r="X44618" i="1"/>
  <c r="X44619" i="1"/>
  <c r="X44620" i="1"/>
  <c r="X44621" i="1"/>
  <c r="X44622" i="1"/>
  <c r="X44623" i="1"/>
  <c r="X44624" i="1"/>
  <c r="X44625" i="1"/>
  <c r="X44626" i="1"/>
  <c r="X44627" i="1"/>
  <c r="X44628" i="1"/>
  <c r="X44629" i="1"/>
  <c r="X44630" i="1"/>
  <c r="X44631" i="1"/>
  <c r="X44632" i="1"/>
  <c r="X44633" i="1"/>
  <c r="X44634" i="1"/>
  <c r="X44635" i="1"/>
  <c r="X44636" i="1"/>
  <c r="X44637" i="1"/>
  <c r="X44638" i="1"/>
  <c r="X44639" i="1"/>
  <c r="X44640" i="1"/>
  <c r="X44641" i="1"/>
  <c r="X44642" i="1"/>
  <c r="X44643" i="1"/>
  <c r="X44644" i="1"/>
  <c r="X44645" i="1"/>
  <c r="X44646" i="1"/>
  <c r="X44647" i="1"/>
  <c r="X44648" i="1"/>
  <c r="X44649" i="1"/>
  <c r="X44650" i="1"/>
  <c r="X44651" i="1"/>
  <c r="X44652" i="1"/>
  <c r="X44653" i="1"/>
  <c r="X44654" i="1"/>
  <c r="X44655" i="1"/>
  <c r="X44656" i="1"/>
  <c r="X44657" i="1"/>
  <c r="X44658" i="1"/>
  <c r="X44659" i="1"/>
  <c r="X44660" i="1"/>
  <c r="X44661" i="1"/>
  <c r="X44662" i="1"/>
  <c r="X44663" i="1"/>
  <c r="X44664" i="1"/>
  <c r="X44665" i="1"/>
  <c r="X44666" i="1"/>
  <c r="X44667" i="1"/>
  <c r="X44668" i="1"/>
  <c r="X44669" i="1"/>
  <c r="X44670" i="1"/>
  <c r="X44671" i="1"/>
  <c r="X44672" i="1"/>
  <c r="X44673" i="1"/>
  <c r="X44674" i="1"/>
  <c r="X44675" i="1"/>
  <c r="X44676" i="1"/>
  <c r="X44677" i="1"/>
  <c r="X44678" i="1"/>
  <c r="X44679" i="1"/>
  <c r="X44680" i="1"/>
  <c r="X44681" i="1"/>
  <c r="X44682" i="1"/>
  <c r="X44683" i="1"/>
  <c r="X44684" i="1"/>
  <c r="X44685" i="1"/>
  <c r="X44686" i="1"/>
  <c r="X44687" i="1"/>
  <c r="X44688" i="1"/>
  <c r="X44689" i="1"/>
  <c r="X44690" i="1"/>
  <c r="X44691" i="1"/>
  <c r="X44692" i="1"/>
  <c r="X44693" i="1"/>
  <c r="X44694" i="1"/>
  <c r="X44695" i="1"/>
  <c r="X44696" i="1"/>
  <c r="X44697" i="1"/>
  <c r="X44698" i="1"/>
  <c r="X44699" i="1"/>
  <c r="X44700" i="1"/>
  <c r="X44701" i="1"/>
  <c r="X44702" i="1"/>
  <c r="X44703" i="1"/>
  <c r="X44704" i="1"/>
  <c r="X44705" i="1"/>
  <c r="X44706" i="1"/>
  <c r="X44707" i="1"/>
  <c r="X44708" i="1"/>
  <c r="X44709" i="1"/>
  <c r="X44710" i="1"/>
  <c r="X44711" i="1"/>
  <c r="X44712" i="1"/>
  <c r="X44713" i="1"/>
  <c r="X44714" i="1"/>
  <c r="X44715" i="1"/>
  <c r="X44716" i="1"/>
  <c r="X44717" i="1"/>
  <c r="X44718" i="1"/>
  <c r="X44719" i="1"/>
  <c r="X44720" i="1"/>
  <c r="X44721" i="1"/>
  <c r="X44722" i="1"/>
  <c r="X44723" i="1"/>
  <c r="X44724" i="1"/>
  <c r="X44725" i="1"/>
  <c r="X44726" i="1"/>
  <c r="X44727" i="1"/>
  <c r="X44728" i="1"/>
  <c r="X44729" i="1"/>
  <c r="X44730" i="1"/>
  <c r="X44731" i="1"/>
  <c r="X44732" i="1"/>
  <c r="X44733" i="1"/>
  <c r="X44734" i="1"/>
  <c r="X44735" i="1"/>
  <c r="X44736" i="1"/>
  <c r="X44737" i="1"/>
  <c r="X44738" i="1"/>
  <c r="X44739" i="1"/>
  <c r="X44740" i="1"/>
  <c r="X44741" i="1"/>
  <c r="X44742" i="1"/>
  <c r="X44743" i="1"/>
  <c r="X44744" i="1"/>
  <c r="X44745" i="1"/>
  <c r="X44746" i="1"/>
  <c r="X44747" i="1"/>
  <c r="X44748" i="1"/>
  <c r="X44749" i="1"/>
  <c r="X44750" i="1"/>
  <c r="X44751" i="1"/>
  <c r="X44752" i="1"/>
  <c r="X44753" i="1"/>
  <c r="X44754" i="1"/>
  <c r="X44755" i="1"/>
  <c r="X44756" i="1"/>
  <c r="X44757" i="1"/>
  <c r="X44758" i="1"/>
  <c r="X44759" i="1"/>
  <c r="X44760" i="1"/>
  <c r="X44761" i="1"/>
  <c r="X44762" i="1"/>
  <c r="X44763" i="1"/>
  <c r="X44764" i="1"/>
  <c r="X44765" i="1"/>
  <c r="X44766" i="1"/>
  <c r="X44767" i="1"/>
  <c r="X44768" i="1"/>
  <c r="X44769" i="1"/>
  <c r="X44770" i="1"/>
  <c r="X44771" i="1"/>
  <c r="X44772" i="1"/>
  <c r="X44773" i="1"/>
  <c r="X44774" i="1"/>
  <c r="X44775" i="1"/>
  <c r="X44776" i="1"/>
  <c r="X44777" i="1"/>
  <c r="X44778" i="1"/>
  <c r="X44779" i="1"/>
  <c r="X44780" i="1"/>
  <c r="X44781" i="1"/>
  <c r="X44782" i="1"/>
  <c r="X44783" i="1"/>
  <c r="X44784" i="1"/>
  <c r="X44785" i="1"/>
  <c r="X44786" i="1"/>
  <c r="X44787" i="1"/>
  <c r="X44788" i="1"/>
  <c r="X44789" i="1"/>
  <c r="X44790" i="1"/>
  <c r="X44791" i="1"/>
  <c r="X44792" i="1"/>
  <c r="X44793" i="1"/>
  <c r="X44794" i="1"/>
  <c r="X44795" i="1"/>
  <c r="X44796" i="1"/>
  <c r="X44797" i="1"/>
  <c r="X44798" i="1"/>
  <c r="X44799" i="1"/>
  <c r="X44800" i="1"/>
  <c r="X44801" i="1"/>
  <c r="X44802" i="1"/>
  <c r="X44803" i="1"/>
  <c r="X44804" i="1"/>
  <c r="X44805" i="1"/>
  <c r="X44806" i="1"/>
  <c r="X44807" i="1"/>
  <c r="X44808" i="1"/>
  <c r="X44809" i="1"/>
  <c r="X44810" i="1"/>
  <c r="X44811" i="1"/>
  <c r="X44812" i="1"/>
  <c r="X44813" i="1"/>
  <c r="X44814" i="1"/>
  <c r="X44815" i="1"/>
  <c r="X44816" i="1"/>
  <c r="X44817" i="1"/>
  <c r="X44818" i="1"/>
  <c r="X44819" i="1"/>
  <c r="X44820" i="1"/>
  <c r="X44821" i="1"/>
  <c r="X44822" i="1"/>
  <c r="X44823" i="1"/>
  <c r="X44824" i="1"/>
  <c r="X44825" i="1"/>
  <c r="X44826" i="1"/>
  <c r="X44827" i="1"/>
  <c r="X44828" i="1"/>
  <c r="X44829" i="1"/>
  <c r="X44830" i="1"/>
  <c r="X44831" i="1"/>
  <c r="X44832" i="1"/>
  <c r="X44833" i="1"/>
  <c r="X44834" i="1"/>
  <c r="X44835" i="1"/>
  <c r="X44836" i="1"/>
  <c r="X44837" i="1"/>
  <c r="X44838" i="1"/>
  <c r="X44839" i="1"/>
  <c r="X44840" i="1"/>
  <c r="X44841" i="1"/>
  <c r="X44842" i="1"/>
  <c r="X44843" i="1"/>
  <c r="X44844" i="1"/>
  <c r="X44845" i="1"/>
  <c r="X44846" i="1"/>
  <c r="X44847" i="1"/>
  <c r="X44848" i="1"/>
  <c r="X44849" i="1"/>
  <c r="X44850" i="1"/>
  <c r="X44851" i="1"/>
  <c r="X44852" i="1"/>
  <c r="X44853" i="1"/>
  <c r="X44854" i="1"/>
  <c r="X44855" i="1"/>
  <c r="X44856" i="1"/>
  <c r="X44857" i="1"/>
  <c r="X44858" i="1"/>
  <c r="X44859" i="1"/>
  <c r="X44860" i="1"/>
  <c r="X44861" i="1"/>
  <c r="X44862" i="1"/>
  <c r="X44863" i="1"/>
  <c r="X44864" i="1"/>
  <c r="X44865" i="1"/>
  <c r="X44866" i="1"/>
  <c r="X44867" i="1"/>
  <c r="X44868" i="1"/>
  <c r="X44869" i="1"/>
  <c r="X44870" i="1"/>
  <c r="X44871" i="1"/>
  <c r="X44872" i="1"/>
  <c r="X44873" i="1"/>
  <c r="X44874" i="1"/>
  <c r="X44875" i="1"/>
  <c r="X44876" i="1"/>
  <c r="X44877" i="1"/>
  <c r="X44878" i="1"/>
  <c r="X44879" i="1"/>
  <c r="X44880" i="1"/>
  <c r="X44881" i="1"/>
  <c r="X44882" i="1"/>
  <c r="X44883" i="1"/>
  <c r="X44884" i="1"/>
  <c r="X44885" i="1"/>
  <c r="X44886" i="1"/>
  <c r="X44887" i="1"/>
  <c r="X44888" i="1"/>
  <c r="X44889" i="1"/>
  <c r="X44890" i="1"/>
  <c r="X44891" i="1"/>
  <c r="X44892" i="1"/>
  <c r="X44893" i="1"/>
  <c r="X44894" i="1"/>
  <c r="X44895" i="1"/>
  <c r="X44896" i="1"/>
  <c r="X44897" i="1"/>
  <c r="X44898" i="1"/>
  <c r="X44899" i="1"/>
  <c r="X44900" i="1"/>
  <c r="X44901" i="1"/>
  <c r="X44902" i="1"/>
  <c r="X44903" i="1"/>
  <c r="X44904" i="1"/>
  <c r="X44905" i="1"/>
  <c r="X44906" i="1"/>
  <c r="X44907" i="1"/>
  <c r="X44908" i="1"/>
  <c r="X44909" i="1"/>
  <c r="X44910" i="1"/>
  <c r="X44911" i="1"/>
  <c r="X44912" i="1"/>
  <c r="X44913" i="1"/>
  <c r="X44914" i="1"/>
  <c r="X44915" i="1"/>
  <c r="X44916" i="1"/>
  <c r="X44917" i="1"/>
  <c r="X44918" i="1"/>
  <c r="X44919" i="1"/>
  <c r="X44920" i="1"/>
  <c r="X44921" i="1"/>
  <c r="X44922" i="1"/>
  <c r="X44923" i="1"/>
  <c r="X44924" i="1"/>
  <c r="X44925" i="1"/>
  <c r="X44926" i="1"/>
  <c r="X44927" i="1"/>
  <c r="X44928" i="1"/>
  <c r="X44929" i="1"/>
  <c r="X44930" i="1"/>
  <c r="X44931" i="1"/>
  <c r="X44932" i="1"/>
  <c r="X44933" i="1"/>
  <c r="X44934" i="1"/>
  <c r="X44935" i="1"/>
  <c r="X44936" i="1"/>
  <c r="X44937" i="1"/>
  <c r="X44938" i="1"/>
  <c r="X44939" i="1"/>
  <c r="X44940" i="1"/>
  <c r="X44941" i="1"/>
  <c r="X44942" i="1"/>
  <c r="X44943" i="1"/>
  <c r="X44944" i="1"/>
  <c r="X44945" i="1"/>
  <c r="X44946" i="1"/>
  <c r="X44947" i="1"/>
  <c r="X44948" i="1"/>
  <c r="X44949" i="1"/>
  <c r="X44950" i="1"/>
  <c r="X44951" i="1"/>
  <c r="X44952" i="1"/>
  <c r="X44953" i="1"/>
  <c r="X44954" i="1"/>
  <c r="X44955" i="1"/>
  <c r="X44956" i="1"/>
  <c r="X44957" i="1"/>
  <c r="X44958" i="1"/>
  <c r="X44959" i="1"/>
  <c r="X44960" i="1"/>
  <c r="X44961" i="1"/>
  <c r="X44962" i="1"/>
  <c r="X44963" i="1"/>
  <c r="X44964" i="1"/>
  <c r="X44965" i="1"/>
  <c r="X44966" i="1"/>
  <c r="X44967" i="1"/>
  <c r="X44968" i="1"/>
  <c r="X44969" i="1"/>
  <c r="X44970" i="1"/>
  <c r="X44971" i="1"/>
  <c r="X44972" i="1"/>
  <c r="X44973" i="1"/>
  <c r="X44974" i="1"/>
  <c r="X44975" i="1"/>
  <c r="X44976" i="1"/>
  <c r="X44977" i="1"/>
  <c r="X44978" i="1"/>
  <c r="X44979" i="1"/>
  <c r="X44980" i="1"/>
  <c r="X44981" i="1"/>
  <c r="X44982" i="1"/>
  <c r="X44983" i="1"/>
  <c r="X44984" i="1"/>
  <c r="X44985" i="1"/>
  <c r="X44986" i="1"/>
  <c r="X44987" i="1"/>
  <c r="X44988" i="1"/>
  <c r="X44989" i="1"/>
  <c r="X44990" i="1"/>
  <c r="X44991" i="1"/>
  <c r="X44992" i="1"/>
  <c r="X44993" i="1"/>
  <c r="X44994" i="1"/>
  <c r="X44995" i="1"/>
  <c r="X44996" i="1"/>
  <c r="X44997" i="1"/>
  <c r="X44998" i="1"/>
  <c r="X44999" i="1"/>
  <c r="X45000" i="1"/>
  <c r="X45001" i="1"/>
  <c r="X45002" i="1"/>
  <c r="X45003" i="1"/>
  <c r="X45004" i="1"/>
  <c r="X45005" i="1"/>
  <c r="X45006" i="1"/>
  <c r="X45007" i="1"/>
  <c r="X45008" i="1"/>
  <c r="X45009" i="1"/>
  <c r="X45010" i="1"/>
  <c r="X45011" i="1"/>
  <c r="X45012" i="1"/>
  <c r="X45013" i="1"/>
  <c r="X45014" i="1"/>
  <c r="X45015" i="1"/>
  <c r="X45016" i="1"/>
  <c r="X45017" i="1"/>
  <c r="X45018" i="1"/>
  <c r="X45019" i="1"/>
  <c r="X45020" i="1"/>
  <c r="X45021" i="1"/>
  <c r="X45022" i="1"/>
  <c r="X45023" i="1"/>
  <c r="X45024" i="1"/>
  <c r="X45025" i="1"/>
  <c r="X45026" i="1"/>
  <c r="X45027" i="1"/>
  <c r="X45028" i="1"/>
  <c r="X45029" i="1"/>
  <c r="X45030" i="1"/>
  <c r="X45031" i="1"/>
  <c r="X45032" i="1"/>
  <c r="X45033" i="1"/>
  <c r="X45034" i="1"/>
  <c r="X45035" i="1"/>
  <c r="X45036" i="1"/>
  <c r="X45037" i="1"/>
  <c r="X45038" i="1"/>
  <c r="X45039" i="1"/>
  <c r="X45040" i="1"/>
  <c r="X45041" i="1"/>
  <c r="X45042" i="1"/>
  <c r="X45043" i="1"/>
  <c r="X45044" i="1"/>
  <c r="X45045" i="1"/>
  <c r="X45046" i="1"/>
  <c r="X45047" i="1"/>
  <c r="X45048" i="1"/>
  <c r="X45049" i="1"/>
  <c r="X45050" i="1"/>
  <c r="X45051" i="1"/>
  <c r="X45052" i="1"/>
  <c r="X45053" i="1"/>
  <c r="X45054" i="1"/>
  <c r="X45055" i="1"/>
  <c r="X45056" i="1"/>
  <c r="X45057" i="1"/>
  <c r="X45058" i="1"/>
  <c r="X45059" i="1"/>
  <c r="X45060" i="1"/>
  <c r="X45061" i="1"/>
  <c r="X45062" i="1"/>
  <c r="X45063" i="1"/>
  <c r="X45064" i="1"/>
  <c r="X45065" i="1"/>
  <c r="X45066" i="1"/>
  <c r="X45067" i="1"/>
  <c r="X45068" i="1"/>
  <c r="X45069" i="1"/>
  <c r="X45070" i="1"/>
  <c r="X45071" i="1"/>
  <c r="X45072" i="1"/>
  <c r="X45073" i="1"/>
  <c r="X45074" i="1"/>
  <c r="X45075" i="1"/>
  <c r="X45076" i="1"/>
  <c r="X45077" i="1"/>
  <c r="X45078" i="1"/>
  <c r="X45079" i="1"/>
  <c r="X45080" i="1"/>
  <c r="X45081" i="1"/>
  <c r="X45082" i="1"/>
  <c r="X45083" i="1"/>
  <c r="X45084" i="1"/>
  <c r="X45085" i="1"/>
  <c r="X45086" i="1"/>
  <c r="X45087" i="1"/>
  <c r="X45088" i="1"/>
  <c r="X45089" i="1"/>
  <c r="X45090" i="1"/>
  <c r="X45091" i="1"/>
  <c r="X45092" i="1"/>
  <c r="X45093" i="1"/>
  <c r="X45094" i="1"/>
  <c r="X45095" i="1"/>
  <c r="X45096" i="1"/>
  <c r="X45097" i="1"/>
  <c r="X45098" i="1"/>
  <c r="X45099" i="1"/>
  <c r="X45100" i="1"/>
  <c r="X45101" i="1"/>
  <c r="X45102" i="1"/>
  <c r="X45103" i="1"/>
  <c r="X45104" i="1"/>
  <c r="X45105" i="1"/>
  <c r="X45106" i="1"/>
  <c r="X45107" i="1"/>
  <c r="X45108" i="1"/>
  <c r="X45109" i="1"/>
  <c r="X45110" i="1"/>
  <c r="X45111" i="1"/>
  <c r="X45112" i="1"/>
  <c r="X45113" i="1"/>
  <c r="X45114" i="1"/>
  <c r="X45115" i="1"/>
  <c r="X45116" i="1"/>
  <c r="X45117" i="1"/>
  <c r="X45118" i="1"/>
  <c r="X45119" i="1"/>
  <c r="X45120" i="1"/>
  <c r="X45121" i="1"/>
  <c r="X45122" i="1"/>
  <c r="X45123" i="1"/>
  <c r="X45124" i="1"/>
  <c r="X45125" i="1"/>
  <c r="X45126" i="1"/>
  <c r="X45127" i="1"/>
  <c r="X45128" i="1"/>
  <c r="X45129" i="1"/>
  <c r="X45130" i="1"/>
  <c r="X45131" i="1"/>
  <c r="X45132" i="1"/>
  <c r="X45133" i="1"/>
  <c r="X45134" i="1"/>
  <c r="X45135" i="1"/>
  <c r="X45136" i="1"/>
  <c r="X45137" i="1"/>
  <c r="X45138" i="1"/>
  <c r="X45139" i="1"/>
  <c r="X45140" i="1"/>
  <c r="X45141" i="1"/>
  <c r="X45142" i="1"/>
  <c r="X45143" i="1"/>
  <c r="X45144" i="1"/>
  <c r="X45145" i="1"/>
  <c r="X45146" i="1"/>
  <c r="X45147" i="1"/>
  <c r="X45148" i="1"/>
  <c r="X45149" i="1"/>
  <c r="X45150" i="1"/>
  <c r="X45151" i="1"/>
  <c r="X45152" i="1"/>
  <c r="X45153" i="1"/>
  <c r="X45154" i="1"/>
  <c r="X45155" i="1"/>
  <c r="X45156" i="1"/>
  <c r="X45157" i="1"/>
  <c r="X45158" i="1"/>
  <c r="X45159" i="1"/>
  <c r="X45160" i="1"/>
  <c r="X45161" i="1"/>
  <c r="X45162" i="1"/>
  <c r="X45163" i="1"/>
  <c r="X45164" i="1"/>
  <c r="X45165" i="1"/>
  <c r="X45166" i="1"/>
  <c r="X45167" i="1"/>
  <c r="X45168" i="1"/>
  <c r="X45169" i="1"/>
  <c r="X45170" i="1"/>
  <c r="X45171" i="1"/>
  <c r="X45172" i="1"/>
  <c r="X45173" i="1"/>
  <c r="X45174" i="1"/>
  <c r="X45175" i="1"/>
  <c r="X45176" i="1"/>
  <c r="X45177" i="1"/>
  <c r="X45178" i="1"/>
  <c r="X45179" i="1"/>
  <c r="X45180" i="1"/>
  <c r="X45181" i="1"/>
  <c r="X45182" i="1"/>
  <c r="X45183" i="1"/>
  <c r="X45184" i="1"/>
  <c r="X45185" i="1"/>
  <c r="X45186" i="1"/>
  <c r="X45187" i="1"/>
  <c r="X45188" i="1"/>
  <c r="X45189" i="1"/>
  <c r="X45190" i="1"/>
  <c r="X45191" i="1"/>
  <c r="X45192" i="1"/>
  <c r="X45193" i="1"/>
  <c r="X45194" i="1"/>
  <c r="X45195" i="1"/>
  <c r="X45196" i="1"/>
  <c r="X45197" i="1"/>
  <c r="X45198" i="1"/>
  <c r="X45199" i="1"/>
  <c r="X45200" i="1"/>
  <c r="X45201" i="1"/>
  <c r="X45202" i="1"/>
  <c r="X45203" i="1"/>
  <c r="X45204" i="1"/>
  <c r="X45205" i="1"/>
  <c r="X45206" i="1"/>
  <c r="X45207" i="1"/>
  <c r="X45208" i="1"/>
  <c r="X45209" i="1"/>
  <c r="X45210" i="1"/>
  <c r="X45211" i="1"/>
  <c r="X45212" i="1"/>
  <c r="X45213" i="1"/>
  <c r="X45214" i="1"/>
  <c r="X45215" i="1"/>
  <c r="X45216" i="1"/>
  <c r="X45217" i="1"/>
  <c r="X45218" i="1"/>
  <c r="X45219" i="1"/>
  <c r="X45220" i="1"/>
  <c r="X45221" i="1"/>
  <c r="X45222" i="1"/>
  <c r="X45223" i="1"/>
  <c r="X45224" i="1"/>
  <c r="X45225" i="1"/>
  <c r="X45226" i="1"/>
  <c r="X45227" i="1"/>
  <c r="X45228" i="1"/>
  <c r="X45229" i="1"/>
  <c r="X45230" i="1"/>
  <c r="X45231" i="1"/>
  <c r="X45232" i="1"/>
  <c r="X45233" i="1"/>
  <c r="X45234" i="1"/>
  <c r="X45235" i="1"/>
  <c r="X45236" i="1"/>
  <c r="X45237" i="1"/>
  <c r="X45238" i="1"/>
  <c r="X45239" i="1"/>
  <c r="X45240" i="1"/>
  <c r="X45241" i="1"/>
  <c r="X45242" i="1"/>
  <c r="X45243" i="1"/>
  <c r="X45244" i="1"/>
  <c r="X45245" i="1"/>
  <c r="X45246" i="1"/>
  <c r="X45247" i="1"/>
  <c r="X45248" i="1"/>
  <c r="X45249" i="1"/>
  <c r="X45250" i="1"/>
  <c r="X45251" i="1"/>
  <c r="X45252" i="1"/>
  <c r="X45253" i="1"/>
  <c r="X45254" i="1"/>
  <c r="X45255" i="1"/>
  <c r="X45256" i="1"/>
  <c r="X45257" i="1"/>
  <c r="X45258" i="1"/>
  <c r="X45259" i="1"/>
  <c r="X45260" i="1"/>
  <c r="X45261" i="1"/>
  <c r="X45262" i="1"/>
  <c r="X45263" i="1"/>
  <c r="X45264" i="1"/>
  <c r="X45265" i="1"/>
  <c r="X45266" i="1"/>
  <c r="X45267" i="1"/>
  <c r="X45268" i="1"/>
  <c r="X45269" i="1"/>
  <c r="X45270" i="1"/>
  <c r="X45271" i="1"/>
  <c r="X45272" i="1"/>
  <c r="X45273" i="1"/>
  <c r="X45274" i="1"/>
  <c r="X45275" i="1"/>
  <c r="X45276" i="1"/>
  <c r="X45277" i="1"/>
  <c r="X45278" i="1"/>
  <c r="X45279" i="1"/>
  <c r="X45280" i="1"/>
  <c r="X45281" i="1"/>
  <c r="X45282" i="1"/>
  <c r="X45283" i="1"/>
  <c r="X45284" i="1"/>
  <c r="X45285" i="1"/>
  <c r="X45286" i="1"/>
  <c r="X45287" i="1"/>
  <c r="X45288" i="1"/>
  <c r="X45289" i="1"/>
  <c r="X45290" i="1"/>
  <c r="X45291" i="1"/>
  <c r="X45292" i="1"/>
  <c r="X45293" i="1"/>
  <c r="X45294" i="1"/>
  <c r="X45295" i="1"/>
  <c r="X45296" i="1"/>
  <c r="X45297" i="1"/>
  <c r="X45298" i="1"/>
  <c r="X45299" i="1"/>
  <c r="X45300" i="1"/>
  <c r="X45301" i="1"/>
  <c r="X45302" i="1"/>
  <c r="X45303" i="1"/>
  <c r="X45304" i="1"/>
  <c r="X45305" i="1"/>
  <c r="X45306" i="1"/>
  <c r="X45307" i="1"/>
  <c r="X45308" i="1"/>
  <c r="X45309" i="1"/>
  <c r="X45310" i="1"/>
  <c r="X45311" i="1"/>
  <c r="X45312" i="1"/>
  <c r="X45313" i="1"/>
  <c r="X45314" i="1"/>
  <c r="X45315" i="1"/>
  <c r="X45316" i="1"/>
  <c r="X45317" i="1"/>
  <c r="X45318" i="1"/>
  <c r="X45319" i="1"/>
  <c r="X45320" i="1"/>
  <c r="X45321" i="1"/>
  <c r="X45322" i="1"/>
  <c r="X45323" i="1"/>
  <c r="X45324" i="1"/>
  <c r="X45325" i="1"/>
  <c r="X45326" i="1"/>
  <c r="X45327" i="1"/>
  <c r="X45328" i="1"/>
  <c r="X45329" i="1"/>
  <c r="X45330" i="1"/>
  <c r="X45331" i="1"/>
  <c r="X45332" i="1"/>
  <c r="X45333" i="1"/>
  <c r="X45334" i="1"/>
  <c r="X45335" i="1"/>
  <c r="X45336" i="1"/>
  <c r="X45337" i="1"/>
  <c r="X45338" i="1"/>
  <c r="X45339" i="1"/>
  <c r="X45340" i="1"/>
  <c r="X45341" i="1"/>
  <c r="X45342" i="1"/>
  <c r="X45343" i="1"/>
  <c r="X45344" i="1"/>
  <c r="X45345" i="1"/>
  <c r="X45346" i="1"/>
  <c r="X45347" i="1"/>
  <c r="X45348" i="1"/>
  <c r="X45349" i="1"/>
  <c r="X45350" i="1"/>
  <c r="X45351" i="1"/>
  <c r="X45352" i="1"/>
  <c r="X45353" i="1"/>
  <c r="X45354" i="1"/>
  <c r="X45355" i="1"/>
  <c r="X45356" i="1"/>
  <c r="X45357" i="1"/>
  <c r="X45358" i="1"/>
  <c r="X45359" i="1"/>
  <c r="X45360" i="1"/>
  <c r="X45361" i="1"/>
  <c r="X45362" i="1"/>
  <c r="X45363" i="1"/>
  <c r="X45364" i="1"/>
  <c r="X45365" i="1"/>
  <c r="X45366" i="1"/>
  <c r="X45367" i="1"/>
  <c r="X45368" i="1"/>
  <c r="X45369" i="1"/>
  <c r="X45370" i="1"/>
  <c r="X45371" i="1"/>
  <c r="X45372" i="1"/>
  <c r="X45373" i="1"/>
  <c r="X45374" i="1"/>
  <c r="X45375" i="1"/>
  <c r="X45376" i="1"/>
  <c r="X45377" i="1"/>
  <c r="X45378" i="1"/>
  <c r="X45379" i="1"/>
  <c r="X45380" i="1"/>
  <c r="X45381" i="1"/>
  <c r="X45382" i="1"/>
  <c r="X45383" i="1"/>
  <c r="X45384" i="1"/>
  <c r="X45385" i="1"/>
  <c r="X45386" i="1"/>
  <c r="X45387" i="1"/>
  <c r="X45388" i="1"/>
  <c r="X45389" i="1"/>
  <c r="X45390" i="1"/>
  <c r="X45391" i="1"/>
  <c r="X45392" i="1"/>
  <c r="X45393" i="1"/>
  <c r="X45394" i="1"/>
  <c r="X45395" i="1"/>
  <c r="X45396" i="1"/>
  <c r="X45397" i="1"/>
  <c r="X45398" i="1"/>
  <c r="X45399" i="1"/>
  <c r="X45400" i="1"/>
  <c r="X45401" i="1"/>
  <c r="X45402" i="1"/>
  <c r="X45403" i="1"/>
  <c r="X45404" i="1"/>
  <c r="X45405" i="1"/>
  <c r="X45406" i="1"/>
  <c r="X45407" i="1"/>
  <c r="X45408" i="1"/>
  <c r="X45409" i="1"/>
  <c r="X45410" i="1"/>
  <c r="X45411" i="1"/>
  <c r="X45412" i="1"/>
  <c r="X45413" i="1"/>
  <c r="X45414" i="1"/>
  <c r="X45415" i="1"/>
  <c r="X45416" i="1"/>
  <c r="X45417" i="1"/>
  <c r="X45418" i="1"/>
  <c r="X45419" i="1"/>
  <c r="X45420" i="1"/>
  <c r="X45421" i="1"/>
  <c r="X45422" i="1"/>
  <c r="X45423" i="1"/>
  <c r="X45424" i="1"/>
  <c r="X45425" i="1"/>
  <c r="X45426" i="1"/>
  <c r="X45427" i="1"/>
  <c r="X45428" i="1"/>
  <c r="X45429" i="1"/>
  <c r="X45430" i="1"/>
  <c r="X45431" i="1"/>
  <c r="X45432" i="1"/>
  <c r="X45433" i="1"/>
  <c r="X45434" i="1"/>
  <c r="X45435" i="1"/>
  <c r="X45436" i="1"/>
  <c r="X45437" i="1"/>
  <c r="X45438" i="1"/>
  <c r="X45439" i="1"/>
  <c r="X45440" i="1"/>
  <c r="X45441" i="1"/>
  <c r="X45442" i="1"/>
  <c r="X45443" i="1"/>
  <c r="X45444" i="1"/>
  <c r="X45445" i="1"/>
  <c r="X45446" i="1"/>
  <c r="X45447" i="1"/>
  <c r="X45448" i="1"/>
  <c r="X45449" i="1"/>
  <c r="X45450" i="1"/>
  <c r="X45451" i="1"/>
  <c r="X45452" i="1"/>
  <c r="X45453" i="1"/>
  <c r="X45454" i="1"/>
  <c r="X45455" i="1"/>
  <c r="X45456" i="1"/>
  <c r="X45457" i="1"/>
  <c r="X45458" i="1"/>
  <c r="X45459" i="1"/>
  <c r="X45460" i="1"/>
  <c r="X45461" i="1"/>
  <c r="X45462" i="1"/>
  <c r="X45463" i="1"/>
  <c r="X45464" i="1"/>
  <c r="X45465" i="1"/>
  <c r="X45466" i="1"/>
  <c r="X45467" i="1"/>
  <c r="X45468" i="1"/>
  <c r="X45469" i="1"/>
  <c r="X45470" i="1"/>
  <c r="X45471" i="1"/>
  <c r="X45472" i="1"/>
  <c r="X45473" i="1"/>
  <c r="X45474" i="1"/>
  <c r="X45475" i="1"/>
  <c r="X45476" i="1"/>
  <c r="X45477" i="1"/>
  <c r="X45478" i="1"/>
  <c r="X45479" i="1"/>
  <c r="X45480" i="1"/>
  <c r="X45481" i="1"/>
  <c r="X45482" i="1"/>
  <c r="X45483" i="1"/>
  <c r="X45484" i="1"/>
  <c r="X45485" i="1"/>
  <c r="X45486" i="1"/>
  <c r="X45487" i="1"/>
  <c r="X45488" i="1"/>
  <c r="X45489" i="1"/>
  <c r="X45490" i="1"/>
  <c r="X45491" i="1"/>
  <c r="X45492" i="1"/>
  <c r="X45493" i="1"/>
  <c r="X45494" i="1"/>
  <c r="X45495" i="1"/>
  <c r="X45496" i="1"/>
  <c r="X45497" i="1"/>
  <c r="X45498" i="1"/>
  <c r="X45499" i="1"/>
  <c r="X45500" i="1"/>
  <c r="X45501" i="1"/>
  <c r="X45502" i="1"/>
  <c r="X45503" i="1"/>
  <c r="X45504" i="1"/>
  <c r="X45505" i="1"/>
  <c r="X45506" i="1"/>
  <c r="X45507" i="1"/>
  <c r="X45508" i="1"/>
  <c r="X45509" i="1"/>
  <c r="X45510" i="1"/>
  <c r="X45511" i="1"/>
  <c r="X45512" i="1"/>
  <c r="X45513" i="1"/>
  <c r="X45514" i="1"/>
  <c r="X45515" i="1"/>
  <c r="X45516" i="1"/>
  <c r="X45517" i="1"/>
  <c r="X45518" i="1"/>
  <c r="X45519" i="1"/>
  <c r="X45520" i="1"/>
  <c r="X45521" i="1"/>
  <c r="X45522" i="1"/>
  <c r="X45523" i="1"/>
  <c r="X45524" i="1"/>
  <c r="X45525" i="1"/>
  <c r="X45526" i="1"/>
  <c r="X45527" i="1"/>
  <c r="X45528" i="1"/>
  <c r="X45529" i="1"/>
  <c r="X45530" i="1"/>
  <c r="X45531" i="1"/>
  <c r="X45532" i="1"/>
  <c r="X45533" i="1"/>
  <c r="X45534" i="1"/>
  <c r="X45535" i="1"/>
  <c r="X45536" i="1"/>
  <c r="X45537" i="1"/>
  <c r="X45538" i="1"/>
  <c r="X45539" i="1"/>
  <c r="X45540" i="1"/>
  <c r="X45541" i="1"/>
  <c r="X45542" i="1"/>
  <c r="X45543" i="1"/>
  <c r="X45544" i="1"/>
  <c r="X45545" i="1"/>
  <c r="X45546" i="1"/>
  <c r="X45547" i="1"/>
  <c r="X45548" i="1"/>
  <c r="X45549" i="1"/>
  <c r="X45550" i="1"/>
  <c r="X45551" i="1"/>
  <c r="X45552" i="1"/>
  <c r="X45553" i="1"/>
  <c r="X45554" i="1"/>
  <c r="X45555" i="1"/>
  <c r="X45556" i="1"/>
  <c r="X45557" i="1"/>
  <c r="X45558" i="1"/>
  <c r="X45559" i="1"/>
  <c r="X45560" i="1"/>
  <c r="X45561" i="1"/>
  <c r="X45562" i="1"/>
  <c r="X45563" i="1"/>
  <c r="X45564" i="1"/>
  <c r="X45565" i="1"/>
  <c r="X45566" i="1"/>
  <c r="X45567" i="1"/>
  <c r="X45568" i="1"/>
  <c r="X45569" i="1"/>
  <c r="X45570" i="1"/>
  <c r="X45571" i="1"/>
  <c r="X45572" i="1"/>
  <c r="X45573" i="1"/>
  <c r="X45574" i="1"/>
  <c r="X45575" i="1"/>
  <c r="X45576" i="1"/>
  <c r="X45577" i="1"/>
  <c r="X45578" i="1"/>
  <c r="X45579" i="1"/>
  <c r="X45580" i="1"/>
  <c r="X45581" i="1"/>
  <c r="X45582" i="1"/>
  <c r="X45583" i="1"/>
  <c r="X45584" i="1"/>
  <c r="X45585" i="1"/>
  <c r="X45586" i="1"/>
  <c r="X45587" i="1"/>
  <c r="X45588" i="1"/>
  <c r="X45589" i="1"/>
  <c r="X45590" i="1"/>
  <c r="X45591" i="1"/>
  <c r="X45592" i="1"/>
  <c r="X45593" i="1"/>
  <c r="X45594" i="1"/>
  <c r="X45595" i="1"/>
  <c r="X45596" i="1"/>
  <c r="X45597" i="1"/>
  <c r="X45598" i="1"/>
  <c r="X45599" i="1"/>
  <c r="X45600" i="1"/>
  <c r="X45601" i="1"/>
  <c r="X45602" i="1"/>
  <c r="X45603" i="1"/>
  <c r="X45604" i="1"/>
  <c r="X45605" i="1"/>
  <c r="X45606" i="1"/>
  <c r="X45607" i="1"/>
  <c r="X45608" i="1"/>
  <c r="X45609" i="1"/>
  <c r="X45610" i="1"/>
  <c r="X45611" i="1"/>
  <c r="X45612" i="1"/>
  <c r="X45613" i="1"/>
  <c r="X45614" i="1"/>
  <c r="X45615" i="1"/>
  <c r="X45616" i="1"/>
  <c r="X45617" i="1"/>
  <c r="X45618" i="1"/>
  <c r="X45619" i="1"/>
  <c r="X45620" i="1"/>
  <c r="X45621" i="1"/>
  <c r="X45622" i="1"/>
  <c r="X45623" i="1"/>
  <c r="X45624" i="1"/>
  <c r="X45625" i="1"/>
  <c r="X45626" i="1"/>
  <c r="X45627" i="1"/>
  <c r="X45628" i="1"/>
  <c r="X45629" i="1"/>
  <c r="X45630" i="1"/>
  <c r="X45631" i="1"/>
  <c r="X45632" i="1"/>
  <c r="X45633" i="1"/>
  <c r="X45634" i="1"/>
  <c r="X45635" i="1"/>
  <c r="X45636" i="1"/>
  <c r="X45637" i="1"/>
  <c r="X45638" i="1"/>
  <c r="X45639" i="1"/>
  <c r="X45640" i="1"/>
  <c r="X45641" i="1"/>
  <c r="X45642" i="1"/>
  <c r="X45643" i="1"/>
  <c r="X45644" i="1"/>
  <c r="X45645" i="1"/>
  <c r="X45646" i="1"/>
  <c r="X45647" i="1"/>
  <c r="X45648" i="1"/>
  <c r="X45649" i="1"/>
  <c r="X45650" i="1"/>
  <c r="X45651" i="1"/>
  <c r="X45652" i="1"/>
  <c r="X45653" i="1"/>
  <c r="X45654" i="1"/>
  <c r="X45655" i="1"/>
  <c r="X45656" i="1"/>
  <c r="X45657" i="1"/>
  <c r="X45658" i="1"/>
  <c r="X45659" i="1"/>
  <c r="X45660" i="1"/>
  <c r="X45661" i="1"/>
  <c r="X45662" i="1"/>
  <c r="X45663" i="1"/>
  <c r="X45664" i="1"/>
  <c r="X45665" i="1"/>
  <c r="X45666" i="1"/>
  <c r="X45667" i="1"/>
  <c r="X45668" i="1"/>
  <c r="X45669" i="1"/>
  <c r="X45670" i="1"/>
  <c r="X45671" i="1"/>
  <c r="X45672" i="1"/>
  <c r="X45673" i="1"/>
  <c r="X45674" i="1"/>
  <c r="X45675" i="1"/>
  <c r="X45676" i="1"/>
  <c r="X45677" i="1"/>
  <c r="X45678" i="1"/>
  <c r="X45679" i="1"/>
  <c r="X45680" i="1"/>
  <c r="X45681" i="1"/>
  <c r="X45682" i="1"/>
  <c r="X45683" i="1"/>
  <c r="X45684" i="1"/>
  <c r="X45685" i="1"/>
  <c r="X45686" i="1"/>
  <c r="X45687" i="1"/>
  <c r="X45688" i="1"/>
  <c r="X45689" i="1"/>
  <c r="X45690" i="1"/>
  <c r="X45691" i="1"/>
  <c r="X45692" i="1"/>
  <c r="X45693" i="1"/>
  <c r="X45694" i="1"/>
  <c r="X45695" i="1"/>
  <c r="X45696" i="1"/>
  <c r="X45697" i="1"/>
  <c r="X45698" i="1"/>
  <c r="X45699" i="1"/>
  <c r="X45700" i="1"/>
  <c r="X45701" i="1"/>
  <c r="X45702" i="1"/>
  <c r="X45703" i="1"/>
  <c r="X45704" i="1"/>
  <c r="X45705" i="1"/>
  <c r="X45706" i="1"/>
  <c r="X45707" i="1"/>
  <c r="X45708" i="1"/>
  <c r="X45709" i="1"/>
  <c r="X45710" i="1"/>
  <c r="X45711" i="1"/>
  <c r="X45712" i="1"/>
  <c r="X45713" i="1"/>
  <c r="X45714" i="1"/>
  <c r="X45715" i="1"/>
  <c r="X45716" i="1"/>
  <c r="X45717" i="1"/>
  <c r="X45718" i="1"/>
  <c r="X45719" i="1"/>
  <c r="X45720" i="1"/>
  <c r="X45721" i="1"/>
  <c r="X45722" i="1"/>
  <c r="X45723" i="1"/>
  <c r="X45724" i="1"/>
  <c r="X45725" i="1"/>
  <c r="X45726" i="1"/>
  <c r="X45727" i="1"/>
  <c r="X45728" i="1"/>
  <c r="X45729" i="1"/>
  <c r="X45730" i="1"/>
  <c r="X45731" i="1"/>
  <c r="X45732" i="1"/>
  <c r="X45733" i="1"/>
  <c r="X45734" i="1"/>
  <c r="X45735" i="1"/>
  <c r="X45736" i="1"/>
  <c r="X45737" i="1"/>
  <c r="X45738" i="1"/>
  <c r="X45739" i="1"/>
  <c r="X45740" i="1"/>
  <c r="X45741" i="1"/>
  <c r="X45742" i="1"/>
  <c r="X45743" i="1"/>
  <c r="X45744" i="1"/>
  <c r="X45745" i="1"/>
  <c r="X45746" i="1"/>
  <c r="X45747" i="1"/>
  <c r="X45748" i="1"/>
  <c r="X45749" i="1"/>
  <c r="X45750" i="1"/>
  <c r="X45751" i="1"/>
  <c r="X45752" i="1"/>
  <c r="X45753" i="1"/>
  <c r="X45754" i="1"/>
  <c r="X45755" i="1"/>
  <c r="X45756" i="1"/>
  <c r="X45757" i="1"/>
  <c r="X45758" i="1"/>
  <c r="X45759" i="1"/>
  <c r="X45760" i="1"/>
  <c r="X45761" i="1"/>
  <c r="X45762" i="1"/>
  <c r="X45763" i="1"/>
  <c r="X45764" i="1"/>
  <c r="X45765" i="1"/>
  <c r="X45766" i="1"/>
  <c r="X45767" i="1"/>
  <c r="X45768" i="1"/>
  <c r="X45769" i="1"/>
  <c r="X45770" i="1"/>
  <c r="X45771" i="1"/>
  <c r="X45772" i="1"/>
  <c r="X45773" i="1"/>
  <c r="X45774" i="1"/>
  <c r="X45775" i="1"/>
  <c r="X45776" i="1"/>
  <c r="X45777" i="1"/>
  <c r="X45778" i="1"/>
  <c r="X45779" i="1"/>
  <c r="X45780" i="1"/>
  <c r="X45781" i="1"/>
  <c r="X45782" i="1"/>
  <c r="X45783" i="1"/>
  <c r="X45784" i="1"/>
  <c r="X45785" i="1"/>
  <c r="X45786" i="1"/>
  <c r="X45787" i="1"/>
  <c r="X45788" i="1"/>
  <c r="X45789" i="1"/>
  <c r="X45790" i="1"/>
  <c r="X45791" i="1"/>
  <c r="X45792" i="1"/>
  <c r="X45793" i="1"/>
  <c r="X45794" i="1"/>
  <c r="X45795" i="1"/>
  <c r="X45796" i="1"/>
  <c r="X45797" i="1"/>
  <c r="X45798" i="1"/>
  <c r="X45799" i="1"/>
  <c r="X45800" i="1"/>
  <c r="X45801" i="1"/>
  <c r="X45802" i="1"/>
  <c r="X45803" i="1"/>
  <c r="X45804" i="1"/>
  <c r="X45805" i="1"/>
  <c r="X45806" i="1"/>
  <c r="X45807" i="1"/>
  <c r="X45808" i="1"/>
  <c r="X45809" i="1"/>
  <c r="X45810" i="1"/>
  <c r="X45811" i="1"/>
  <c r="X45812" i="1"/>
  <c r="X45813" i="1"/>
  <c r="X45814" i="1"/>
  <c r="X45815" i="1"/>
  <c r="X45816" i="1"/>
  <c r="X45817" i="1"/>
  <c r="X45818" i="1"/>
  <c r="X45819" i="1"/>
  <c r="X45820" i="1"/>
  <c r="X45821" i="1"/>
  <c r="X45822" i="1"/>
  <c r="X45823" i="1"/>
  <c r="X45824" i="1"/>
  <c r="X45825" i="1"/>
  <c r="X45826" i="1"/>
  <c r="X45827" i="1"/>
  <c r="X45828" i="1"/>
  <c r="X45829" i="1"/>
  <c r="X45830" i="1"/>
  <c r="X45831" i="1"/>
  <c r="X45832" i="1"/>
  <c r="X45833" i="1"/>
  <c r="X45834" i="1"/>
  <c r="X45835" i="1"/>
  <c r="X45836" i="1"/>
  <c r="X45837" i="1"/>
  <c r="X45838" i="1"/>
  <c r="X45839" i="1"/>
  <c r="X45840" i="1"/>
  <c r="X45841" i="1"/>
  <c r="X45842" i="1"/>
  <c r="X45843" i="1"/>
  <c r="X45844" i="1"/>
  <c r="X45845" i="1"/>
  <c r="X45846" i="1"/>
  <c r="X45847" i="1"/>
  <c r="X45848" i="1"/>
  <c r="X45849" i="1"/>
  <c r="X45850" i="1"/>
  <c r="X45851" i="1"/>
  <c r="X45852" i="1"/>
  <c r="X45853" i="1"/>
  <c r="X45854" i="1"/>
  <c r="X45855" i="1"/>
  <c r="X45856" i="1"/>
  <c r="X45857" i="1"/>
  <c r="X45858" i="1"/>
  <c r="X45859" i="1"/>
  <c r="X45860" i="1"/>
  <c r="X45861" i="1"/>
  <c r="X45862" i="1"/>
  <c r="X45863" i="1"/>
  <c r="X45864" i="1"/>
  <c r="X45865" i="1"/>
  <c r="X45866" i="1"/>
  <c r="X45867" i="1"/>
  <c r="X45868" i="1"/>
  <c r="X45869" i="1"/>
  <c r="X45870" i="1"/>
  <c r="X45871" i="1"/>
  <c r="X45872" i="1"/>
  <c r="X45873" i="1"/>
  <c r="X45874" i="1"/>
  <c r="X45875" i="1"/>
  <c r="X45876" i="1"/>
  <c r="X45877" i="1"/>
  <c r="X45878" i="1"/>
  <c r="X45879" i="1"/>
  <c r="X45880" i="1"/>
  <c r="X45881" i="1"/>
  <c r="X45882" i="1"/>
  <c r="X45883" i="1"/>
  <c r="X45884" i="1"/>
  <c r="X45885" i="1"/>
  <c r="X45886" i="1"/>
  <c r="X45887" i="1"/>
  <c r="X45888" i="1"/>
  <c r="X45889" i="1"/>
  <c r="X45890" i="1"/>
  <c r="X45891" i="1"/>
  <c r="X45892" i="1"/>
  <c r="X45893" i="1"/>
  <c r="X45894" i="1"/>
  <c r="X45895" i="1"/>
  <c r="X45896" i="1"/>
  <c r="X45897" i="1"/>
  <c r="X45898" i="1"/>
  <c r="X45899" i="1"/>
  <c r="X45900" i="1"/>
  <c r="X45901" i="1"/>
  <c r="X45902" i="1"/>
  <c r="X45903" i="1"/>
  <c r="X45904" i="1"/>
  <c r="X45905" i="1"/>
  <c r="X45906" i="1"/>
  <c r="X45907" i="1"/>
  <c r="X45908" i="1"/>
  <c r="X45909" i="1"/>
  <c r="X45910" i="1"/>
  <c r="X45911" i="1"/>
  <c r="X45912" i="1"/>
  <c r="X45913" i="1"/>
  <c r="X45914" i="1"/>
  <c r="X45915" i="1"/>
  <c r="X45916" i="1"/>
  <c r="X45917" i="1"/>
  <c r="X45918" i="1"/>
  <c r="X45919" i="1"/>
  <c r="X45920" i="1"/>
  <c r="X45921" i="1"/>
  <c r="X45922" i="1"/>
  <c r="X45923" i="1"/>
  <c r="X45924" i="1"/>
  <c r="X45925" i="1"/>
  <c r="X45926" i="1"/>
  <c r="X45927" i="1"/>
  <c r="X45928" i="1"/>
  <c r="X45929" i="1"/>
  <c r="X45930" i="1"/>
  <c r="X45931" i="1"/>
  <c r="X45932" i="1"/>
  <c r="X45933" i="1"/>
  <c r="X45934" i="1"/>
  <c r="X45935" i="1"/>
  <c r="X45936" i="1"/>
  <c r="X45937" i="1"/>
  <c r="X45938" i="1"/>
  <c r="X45939" i="1"/>
  <c r="X45940" i="1"/>
  <c r="X45941" i="1"/>
  <c r="X45942" i="1"/>
  <c r="X45943" i="1"/>
  <c r="X45944" i="1"/>
  <c r="X45945" i="1"/>
  <c r="X45946" i="1"/>
  <c r="X45947" i="1"/>
  <c r="X45948" i="1"/>
  <c r="X45949" i="1"/>
  <c r="X45950" i="1"/>
  <c r="X45951" i="1"/>
  <c r="X45952" i="1"/>
  <c r="X45953" i="1"/>
  <c r="X45954" i="1"/>
  <c r="X45955" i="1"/>
  <c r="X45956" i="1"/>
  <c r="X45957" i="1"/>
  <c r="X45958" i="1"/>
  <c r="X45959" i="1"/>
  <c r="X45960" i="1"/>
  <c r="X45961" i="1"/>
  <c r="X45962" i="1"/>
  <c r="X45963" i="1"/>
  <c r="X45964" i="1"/>
  <c r="X45965" i="1"/>
  <c r="X45966" i="1"/>
  <c r="X45967" i="1"/>
  <c r="X45968" i="1"/>
  <c r="X45969" i="1"/>
  <c r="X45970" i="1"/>
  <c r="X45971" i="1"/>
  <c r="X45972" i="1"/>
  <c r="X45973" i="1"/>
  <c r="X45974" i="1"/>
  <c r="X45975" i="1"/>
  <c r="X45976" i="1"/>
  <c r="X45977" i="1"/>
  <c r="X45978" i="1"/>
  <c r="X45979" i="1"/>
  <c r="X45980" i="1"/>
  <c r="X45981" i="1"/>
  <c r="X45982" i="1"/>
  <c r="X45983" i="1"/>
  <c r="X45984" i="1"/>
  <c r="X45985" i="1"/>
  <c r="X45986" i="1"/>
  <c r="X45987" i="1"/>
  <c r="X45988" i="1"/>
  <c r="X45989" i="1"/>
  <c r="X45990" i="1"/>
  <c r="X45991" i="1"/>
  <c r="X45992" i="1"/>
  <c r="X45993" i="1"/>
  <c r="X45994" i="1"/>
  <c r="X45995" i="1"/>
  <c r="X45996" i="1"/>
  <c r="X45997" i="1"/>
  <c r="X45998" i="1"/>
  <c r="X45999" i="1"/>
  <c r="X46000" i="1"/>
  <c r="X46001" i="1"/>
  <c r="X46002" i="1"/>
  <c r="X46003" i="1"/>
  <c r="X46004" i="1"/>
  <c r="X46005" i="1"/>
  <c r="X46006" i="1"/>
  <c r="X46007" i="1"/>
  <c r="X46008" i="1"/>
  <c r="X46009" i="1"/>
  <c r="X46010" i="1"/>
  <c r="X46011" i="1"/>
  <c r="X46012" i="1"/>
  <c r="X46013" i="1"/>
  <c r="X46014" i="1"/>
  <c r="X46015" i="1"/>
  <c r="X46016" i="1"/>
  <c r="X46017" i="1"/>
  <c r="X46018" i="1"/>
  <c r="X46019" i="1"/>
  <c r="X46020" i="1"/>
  <c r="X46021" i="1"/>
  <c r="X46022" i="1"/>
  <c r="X46023" i="1"/>
  <c r="X46024" i="1"/>
  <c r="X46025" i="1"/>
  <c r="X46026" i="1"/>
  <c r="X46027" i="1"/>
  <c r="X46028" i="1"/>
  <c r="X46029" i="1"/>
  <c r="X46030" i="1"/>
  <c r="X46031" i="1"/>
  <c r="X46032" i="1"/>
  <c r="X46033" i="1"/>
  <c r="X46034" i="1"/>
  <c r="X46035" i="1"/>
  <c r="X46036" i="1"/>
  <c r="X46037" i="1"/>
  <c r="X46038" i="1"/>
  <c r="X46039" i="1"/>
  <c r="X46040" i="1"/>
  <c r="X46041" i="1"/>
  <c r="X46042" i="1"/>
  <c r="X46043" i="1"/>
  <c r="X46044" i="1"/>
  <c r="X46045" i="1"/>
  <c r="X46046" i="1"/>
  <c r="X46047" i="1"/>
  <c r="X46048" i="1"/>
  <c r="X46049" i="1"/>
  <c r="X46050" i="1"/>
  <c r="X46051" i="1"/>
  <c r="X46052" i="1"/>
  <c r="X46053" i="1"/>
  <c r="X46054" i="1"/>
  <c r="X46055" i="1"/>
  <c r="X46056" i="1"/>
  <c r="X46057" i="1"/>
  <c r="X46058" i="1"/>
  <c r="X46059" i="1"/>
  <c r="X46060" i="1"/>
  <c r="X46061" i="1"/>
  <c r="X46062" i="1"/>
  <c r="X46063" i="1"/>
  <c r="X46064" i="1"/>
  <c r="X46065" i="1"/>
  <c r="X46066" i="1"/>
  <c r="X46067" i="1"/>
  <c r="X46068" i="1"/>
  <c r="X46069" i="1"/>
  <c r="X46070" i="1"/>
  <c r="X46071" i="1"/>
  <c r="X46072" i="1"/>
  <c r="X46073" i="1"/>
  <c r="X46074" i="1"/>
  <c r="X46075" i="1"/>
  <c r="X46076" i="1"/>
  <c r="X46077" i="1"/>
  <c r="X46078" i="1"/>
  <c r="X46079" i="1"/>
  <c r="X46080" i="1"/>
  <c r="X46081" i="1"/>
  <c r="X46082" i="1"/>
  <c r="X46083" i="1"/>
  <c r="X46084" i="1"/>
  <c r="X46085" i="1"/>
  <c r="X46086" i="1"/>
  <c r="X46087" i="1"/>
  <c r="X46088" i="1"/>
  <c r="X46089" i="1"/>
  <c r="X46090" i="1"/>
  <c r="X46091" i="1"/>
  <c r="X46092" i="1"/>
  <c r="X46093" i="1"/>
  <c r="X46094" i="1"/>
  <c r="X46095" i="1"/>
  <c r="X46096" i="1"/>
  <c r="X46097" i="1"/>
  <c r="X46098" i="1"/>
  <c r="X46099" i="1"/>
  <c r="X46100" i="1"/>
  <c r="X46101" i="1"/>
  <c r="X46102" i="1"/>
  <c r="X46103" i="1"/>
  <c r="X46104" i="1"/>
  <c r="X46105" i="1"/>
  <c r="X46106" i="1"/>
  <c r="X46107" i="1"/>
  <c r="X46108" i="1"/>
  <c r="X46109" i="1"/>
  <c r="X46110" i="1"/>
  <c r="X46111" i="1"/>
  <c r="X46112" i="1"/>
  <c r="X46113" i="1"/>
  <c r="X46114" i="1"/>
  <c r="X46115" i="1"/>
  <c r="X46116" i="1"/>
  <c r="X46117" i="1"/>
  <c r="X46118" i="1"/>
  <c r="X46119" i="1"/>
  <c r="X46120" i="1"/>
  <c r="X46121" i="1"/>
  <c r="X46122" i="1"/>
  <c r="X46123" i="1"/>
  <c r="X46124" i="1"/>
  <c r="X46125" i="1"/>
  <c r="X46126" i="1"/>
  <c r="X46127" i="1"/>
  <c r="X46128" i="1"/>
  <c r="X46129" i="1"/>
  <c r="X46130" i="1"/>
  <c r="X46131" i="1"/>
  <c r="X46132" i="1"/>
  <c r="X46133" i="1"/>
  <c r="X46134" i="1"/>
  <c r="X46135" i="1"/>
  <c r="X46136" i="1"/>
  <c r="X46137" i="1"/>
  <c r="X46138" i="1"/>
  <c r="X46139" i="1"/>
  <c r="X46140" i="1"/>
  <c r="X46141" i="1"/>
  <c r="X46142" i="1"/>
  <c r="X46143" i="1"/>
  <c r="X46144" i="1"/>
  <c r="X46145" i="1"/>
  <c r="X46146" i="1"/>
  <c r="X46147" i="1"/>
  <c r="X46148" i="1"/>
  <c r="X46149" i="1"/>
  <c r="X46150" i="1"/>
  <c r="X46151" i="1"/>
  <c r="X46152" i="1"/>
  <c r="X46153" i="1"/>
  <c r="X46154" i="1"/>
  <c r="X46155" i="1"/>
  <c r="X46156" i="1"/>
  <c r="X46157" i="1"/>
  <c r="X46158" i="1"/>
  <c r="X46159" i="1"/>
  <c r="X46160" i="1"/>
  <c r="X46161" i="1"/>
  <c r="X46162" i="1"/>
  <c r="X46163" i="1"/>
  <c r="X46164" i="1"/>
  <c r="X46165" i="1"/>
  <c r="X46166" i="1"/>
  <c r="X46167" i="1"/>
  <c r="X46168" i="1"/>
  <c r="X46169" i="1"/>
  <c r="X46170" i="1"/>
  <c r="X46171" i="1"/>
  <c r="X46172" i="1"/>
  <c r="X46173" i="1"/>
  <c r="X46174" i="1"/>
  <c r="X46175" i="1"/>
  <c r="X46176" i="1"/>
  <c r="X46177" i="1"/>
  <c r="X46178" i="1"/>
  <c r="X46179" i="1"/>
  <c r="X46180" i="1"/>
  <c r="X46181" i="1"/>
  <c r="X46182" i="1"/>
  <c r="X46183" i="1"/>
  <c r="X46184" i="1"/>
  <c r="X46185" i="1"/>
  <c r="X46186" i="1"/>
  <c r="X46187" i="1"/>
  <c r="X46188" i="1"/>
  <c r="X46189" i="1"/>
  <c r="X46190" i="1"/>
  <c r="X46191" i="1"/>
  <c r="X46192" i="1"/>
  <c r="X46193" i="1"/>
  <c r="X46194" i="1"/>
  <c r="X46195" i="1"/>
  <c r="X46196" i="1"/>
  <c r="X46197" i="1"/>
  <c r="X46198" i="1"/>
  <c r="X46199" i="1"/>
  <c r="X46200" i="1"/>
  <c r="X46201" i="1"/>
  <c r="X46202" i="1"/>
  <c r="X46203" i="1"/>
  <c r="X46204" i="1"/>
  <c r="X46205" i="1"/>
  <c r="X46206" i="1"/>
  <c r="X46207" i="1"/>
  <c r="X46208" i="1"/>
  <c r="X46209" i="1"/>
  <c r="X46210" i="1"/>
  <c r="X46211" i="1"/>
  <c r="X46212" i="1"/>
  <c r="X46213" i="1"/>
  <c r="X46214" i="1"/>
  <c r="X46215" i="1"/>
  <c r="X46216" i="1"/>
  <c r="X46217" i="1"/>
  <c r="X46218" i="1"/>
  <c r="X46219" i="1"/>
  <c r="X46220" i="1"/>
  <c r="X46221" i="1"/>
  <c r="X46222" i="1"/>
  <c r="X46223" i="1"/>
  <c r="X46224" i="1"/>
  <c r="X46225" i="1"/>
  <c r="X46226" i="1"/>
  <c r="X46227" i="1"/>
  <c r="X46228" i="1"/>
  <c r="X46229" i="1"/>
  <c r="X46230" i="1"/>
  <c r="X46231" i="1"/>
  <c r="X46232" i="1"/>
  <c r="X46233" i="1"/>
  <c r="X46234" i="1"/>
  <c r="X46235" i="1"/>
  <c r="X46236" i="1"/>
  <c r="X46237" i="1"/>
  <c r="X46238" i="1"/>
  <c r="X46239" i="1"/>
  <c r="X46240" i="1"/>
  <c r="X46241" i="1"/>
  <c r="X46242" i="1"/>
  <c r="X46243" i="1"/>
  <c r="X46244" i="1"/>
  <c r="X46245" i="1"/>
  <c r="X46246" i="1"/>
  <c r="X46247" i="1"/>
  <c r="X46248" i="1"/>
  <c r="X46249" i="1"/>
  <c r="X46250" i="1"/>
  <c r="X46251" i="1"/>
  <c r="X46252" i="1"/>
  <c r="X46253" i="1"/>
  <c r="X46254" i="1"/>
  <c r="X46255" i="1"/>
  <c r="X46256" i="1"/>
  <c r="X46257" i="1"/>
  <c r="X46258" i="1"/>
  <c r="X46259" i="1"/>
  <c r="X46260" i="1"/>
  <c r="X46261" i="1"/>
  <c r="X46262" i="1"/>
  <c r="X46263" i="1"/>
  <c r="X46264" i="1"/>
  <c r="X46265" i="1"/>
  <c r="X46266" i="1"/>
  <c r="X46267" i="1"/>
  <c r="X46268" i="1"/>
  <c r="X46269" i="1"/>
  <c r="X46270" i="1"/>
  <c r="X46271" i="1"/>
  <c r="X46272" i="1"/>
  <c r="X46273" i="1"/>
  <c r="X46274" i="1"/>
  <c r="X46275" i="1"/>
  <c r="X46276" i="1"/>
  <c r="X46277" i="1"/>
  <c r="X46278" i="1"/>
  <c r="X46279" i="1"/>
  <c r="X46280" i="1"/>
  <c r="X46281" i="1"/>
  <c r="X46282" i="1"/>
  <c r="X46283" i="1"/>
  <c r="X46284" i="1"/>
  <c r="X46285" i="1"/>
  <c r="X46286" i="1"/>
  <c r="X46287" i="1"/>
  <c r="X46288" i="1"/>
  <c r="X46289" i="1"/>
  <c r="X46290" i="1"/>
  <c r="X46291" i="1"/>
  <c r="X46292" i="1"/>
  <c r="X46293" i="1"/>
  <c r="X46294" i="1"/>
  <c r="X46295" i="1"/>
  <c r="X46296" i="1"/>
  <c r="X46297" i="1"/>
  <c r="X46298" i="1"/>
  <c r="X46299" i="1"/>
  <c r="X46300" i="1"/>
  <c r="X46301" i="1"/>
  <c r="X46302" i="1"/>
  <c r="X46303" i="1"/>
  <c r="X46304" i="1"/>
  <c r="X46305" i="1"/>
  <c r="X46306" i="1"/>
  <c r="X46307" i="1"/>
  <c r="X46308" i="1"/>
  <c r="X46309" i="1"/>
  <c r="X46310" i="1"/>
  <c r="X46311" i="1"/>
  <c r="X46312" i="1"/>
  <c r="X46313" i="1"/>
  <c r="X46314" i="1"/>
  <c r="X46315" i="1"/>
  <c r="X46316" i="1"/>
  <c r="X46317" i="1"/>
  <c r="X46318" i="1"/>
  <c r="X46319" i="1"/>
  <c r="X46320" i="1"/>
  <c r="X46321" i="1"/>
  <c r="X46322" i="1"/>
  <c r="X46323" i="1"/>
  <c r="X46324" i="1"/>
  <c r="X46325" i="1"/>
  <c r="X46326" i="1"/>
  <c r="X46327" i="1"/>
  <c r="X46328" i="1"/>
  <c r="X46329" i="1"/>
  <c r="X46330" i="1"/>
  <c r="X46331" i="1"/>
  <c r="X46332" i="1"/>
  <c r="X46333" i="1"/>
  <c r="X46334" i="1"/>
  <c r="X46335" i="1"/>
  <c r="X46336" i="1"/>
  <c r="X46337" i="1"/>
  <c r="X46338" i="1"/>
  <c r="X46339" i="1"/>
  <c r="X46340" i="1"/>
  <c r="X46341" i="1"/>
  <c r="X46342" i="1"/>
  <c r="X46343" i="1"/>
  <c r="X46344" i="1"/>
  <c r="X46345" i="1"/>
  <c r="X46346" i="1"/>
  <c r="X46347" i="1"/>
  <c r="X46348" i="1"/>
  <c r="X46349" i="1"/>
  <c r="X46350" i="1"/>
  <c r="X46351" i="1"/>
  <c r="X46352" i="1"/>
  <c r="X46353" i="1"/>
  <c r="X46354" i="1"/>
  <c r="X46355" i="1"/>
  <c r="X46356" i="1"/>
  <c r="X46357" i="1"/>
  <c r="X46358" i="1"/>
  <c r="X46359" i="1"/>
  <c r="X46360" i="1"/>
  <c r="X46361" i="1"/>
  <c r="X46362" i="1"/>
  <c r="X46363" i="1"/>
  <c r="X46364" i="1"/>
  <c r="X46365" i="1"/>
  <c r="X46366" i="1"/>
  <c r="X46367" i="1"/>
  <c r="X46368" i="1"/>
  <c r="X46369" i="1"/>
  <c r="X46370" i="1"/>
  <c r="X46371" i="1"/>
  <c r="X46372" i="1"/>
  <c r="X46373" i="1"/>
  <c r="X46374" i="1"/>
  <c r="X46375" i="1"/>
  <c r="X46376" i="1"/>
  <c r="X46377" i="1"/>
  <c r="X46378" i="1"/>
  <c r="X46379" i="1"/>
  <c r="X46380" i="1"/>
  <c r="X46381" i="1"/>
  <c r="X46382" i="1"/>
  <c r="X46383" i="1"/>
  <c r="X46384" i="1"/>
  <c r="X46385" i="1"/>
  <c r="X46386" i="1"/>
  <c r="X46387" i="1"/>
  <c r="X46388" i="1"/>
  <c r="X46389" i="1"/>
  <c r="X46390" i="1"/>
  <c r="X46391" i="1"/>
  <c r="X46392" i="1"/>
  <c r="X46393" i="1"/>
  <c r="X46394" i="1"/>
  <c r="X46395" i="1"/>
  <c r="X46396" i="1"/>
  <c r="X46397" i="1"/>
  <c r="X46398" i="1"/>
  <c r="X46399" i="1"/>
  <c r="X46400" i="1"/>
  <c r="X46401" i="1"/>
  <c r="X46402" i="1"/>
  <c r="X46403" i="1"/>
  <c r="X46404" i="1"/>
  <c r="X46405" i="1"/>
  <c r="X46406" i="1"/>
  <c r="X46407" i="1"/>
  <c r="X46408" i="1"/>
  <c r="X46409" i="1"/>
  <c r="X46410" i="1"/>
  <c r="X46411" i="1"/>
  <c r="X46412" i="1"/>
  <c r="X46413" i="1"/>
  <c r="X46414" i="1"/>
  <c r="X46415" i="1"/>
  <c r="X46416" i="1"/>
  <c r="X46417" i="1"/>
  <c r="X46418" i="1"/>
  <c r="X46419" i="1"/>
  <c r="X46420" i="1"/>
  <c r="X46421" i="1"/>
  <c r="X46422" i="1"/>
  <c r="X46423" i="1"/>
  <c r="X46424" i="1"/>
  <c r="X46425" i="1"/>
  <c r="X46426" i="1"/>
  <c r="X46427" i="1"/>
  <c r="X46428" i="1"/>
  <c r="X46429" i="1"/>
  <c r="X46430" i="1"/>
  <c r="X46431" i="1"/>
  <c r="X46432" i="1"/>
  <c r="X46433" i="1"/>
  <c r="X46434" i="1"/>
  <c r="X46435" i="1"/>
  <c r="X46436" i="1"/>
  <c r="X46437" i="1"/>
  <c r="X46438" i="1"/>
  <c r="X46439" i="1"/>
  <c r="X46440" i="1"/>
  <c r="X46441" i="1"/>
  <c r="X46442" i="1"/>
  <c r="X46443" i="1"/>
  <c r="X46444" i="1"/>
  <c r="X46445" i="1"/>
  <c r="X46446" i="1"/>
  <c r="X46447" i="1"/>
  <c r="X46448" i="1"/>
  <c r="X46449" i="1"/>
  <c r="X46450" i="1"/>
  <c r="X46451" i="1"/>
  <c r="X46452" i="1"/>
  <c r="X46453" i="1"/>
  <c r="X46454" i="1"/>
  <c r="X46455" i="1"/>
  <c r="X46456" i="1"/>
  <c r="X46457" i="1"/>
  <c r="X46458" i="1"/>
  <c r="X46459" i="1"/>
  <c r="X46460" i="1"/>
  <c r="X46461" i="1"/>
  <c r="X46462" i="1"/>
  <c r="X46463" i="1"/>
  <c r="X46464" i="1"/>
  <c r="X46465" i="1"/>
  <c r="X46466" i="1"/>
  <c r="X46467" i="1"/>
  <c r="X46468" i="1"/>
  <c r="X46469" i="1"/>
  <c r="X46470" i="1"/>
  <c r="X46471" i="1"/>
  <c r="X46472" i="1"/>
  <c r="X46473" i="1"/>
  <c r="X46474" i="1"/>
  <c r="X46475" i="1"/>
  <c r="X46476" i="1"/>
  <c r="X46477" i="1"/>
  <c r="X46478" i="1"/>
  <c r="X46479" i="1"/>
  <c r="X46480" i="1"/>
  <c r="X46481" i="1"/>
  <c r="X46482" i="1"/>
  <c r="X46483" i="1"/>
  <c r="X46484" i="1"/>
  <c r="X46485" i="1"/>
  <c r="X46486" i="1"/>
  <c r="X46487" i="1"/>
  <c r="X46488" i="1"/>
  <c r="X46489" i="1"/>
  <c r="X46490" i="1"/>
  <c r="X46491" i="1"/>
  <c r="X46492" i="1"/>
  <c r="X46493" i="1"/>
  <c r="X46494" i="1"/>
  <c r="X46495" i="1"/>
  <c r="X46496" i="1"/>
  <c r="X46497" i="1"/>
  <c r="X46498" i="1"/>
  <c r="X46499" i="1"/>
  <c r="X46500" i="1"/>
  <c r="X46501" i="1"/>
  <c r="X46502" i="1"/>
  <c r="X46503" i="1"/>
  <c r="X46504" i="1"/>
  <c r="X46505" i="1"/>
  <c r="X46506" i="1"/>
  <c r="X46507" i="1"/>
  <c r="X46508" i="1"/>
  <c r="X46509" i="1"/>
  <c r="X46510" i="1"/>
  <c r="X46511" i="1"/>
  <c r="X46512" i="1"/>
  <c r="X46513" i="1"/>
  <c r="X46514" i="1"/>
  <c r="X46515" i="1"/>
  <c r="X46516" i="1"/>
  <c r="X46517" i="1"/>
  <c r="X46518" i="1"/>
  <c r="X46519" i="1"/>
  <c r="X46520" i="1"/>
  <c r="X46521" i="1"/>
  <c r="X46522" i="1"/>
  <c r="X46523" i="1"/>
  <c r="X46524" i="1"/>
  <c r="X46525" i="1"/>
  <c r="X46526" i="1"/>
  <c r="X46527" i="1"/>
  <c r="X46528" i="1"/>
  <c r="X46529" i="1"/>
  <c r="X46530" i="1"/>
  <c r="X46531" i="1"/>
  <c r="X46532" i="1"/>
  <c r="X46533" i="1"/>
  <c r="X46534" i="1"/>
  <c r="X46535" i="1"/>
  <c r="X46536" i="1"/>
  <c r="X46537" i="1"/>
  <c r="X46538" i="1"/>
  <c r="X46539" i="1"/>
  <c r="X46540" i="1"/>
  <c r="X46541" i="1"/>
  <c r="X46542" i="1"/>
  <c r="X46543" i="1"/>
  <c r="X46544" i="1"/>
  <c r="X46545" i="1"/>
  <c r="X46546" i="1"/>
  <c r="X46547" i="1"/>
  <c r="X46548" i="1"/>
  <c r="X46549" i="1"/>
  <c r="X46550" i="1"/>
  <c r="X46551" i="1"/>
  <c r="X46552" i="1"/>
  <c r="X46553" i="1"/>
  <c r="X46554" i="1"/>
  <c r="X46555" i="1"/>
  <c r="X46556" i="1"/>
  <c r="X46557" i="1"/>
  <c r="X46558" i="1"/>
  <c r="X46559" i="1"/>
  <c r="X46560" i="1"/>
  <c r="X46561" i="1"/>
  <c r="X46562" i="1"/>
  <c r="X46563" i="1"/>
  <c r="X46564" i="1"/>
  <c r="X46565" i="1"/>
  <c r="X46566" i="1"/>
  <c r="X46567" i="1"/>
  <c r="X46568" i="1"/>
  <c r="X46569" i="1"/>
  <c r="X46570" i="1"/>
  <c r="X46571" i="1"/>
  <c r="X46572" i="1"/>
  <c r="X46573" i="1"/>
  <c r="X46574" i="1"/>
  <c r="X46575" i="1"/>
  <c r="X46576" i="1"/>
  <c r="X46577" i="1"/>
  <c r="X46578" i="1"/>
  <c r="X46579" i="1"/>
  <c r="X46580" i="1"/>
  <c r="X46581" i="1"/>
  <c r="X46582" i="1"/>
  <c r="X46583" i="1"/>
  <c r="X46584" i="1"/>
  <c r="X46585" i="1"/>
  <c r="X46586" i="1"/>
  <c r="X46587" i="1"/>
  <c r="X46588" i="1"/>
  <c r="X46589" i="1"/>
  <c r="X46590" i="1"/>
  <c r="X46591" i="1"/>
  <c r="X46592" i="1"/>
  <c r="X46593" i="1"/>
  <c r="X46594" i="1"/>
  <c r="X46595" i="1"/>
  <c r="X46596" i="1"/>
  <c r="X46597" i="1"/>
  <c r="X46598" i="1"/>
  <c r="X46599" i="1"/>
  <c r="X46600" i="1"/>
  <c r="X46601" i="1"/>
  <c r="X46602" i="1"/>
  <c r="X46603" i="1"/>
  <c r="X46604" i="1"/>
  <c r="X46605" i="1"/>
  <c r="X46606" i="1"/>
  <c r="X46607" i="1"/>
  <c r="X46608" i="1"/>
  <c r="X46609" i="1"/>
  <c r="X46610" i="1"/>
  <c r="X46611" i="1"/>
  <c r="X46612" i="1"/>
  <c r="X46613" i="1"/>
  <c r="X46614" i="1"/>
  <c r="X46615" i="1"/>
  <c r="X46616" i="1"/>
  <c r="X46617" i="1"/>
  <c r="X46618" i="1"/>
  <c r="X46619" i="1"/>
  <c r="X46620" i="1"/>
  <c r="X46621" i="1"/>
  <c r="X46622" i="1"/>
  <c r="X46623" i="1"/>
  <c r="X46624" i="1"/>
  <c r="X46625" i="1"/>
  <c r="X46626" i="1"/>
  <c r="X46627" i="1"/>
  <c r="X46628" i="1"/>
  <c r="X46629" i="1"/>
  <c r="X46630" i="1"/>
  <c r="X46631" i="1"/>
  <c r="X46632" i="1"/>
  <c r="X46633" i="1"/>
  <c r="X46634" i="1"/>
  <c r="X46635" i="1"/>
  <c r="X46636" i="1"/>
  <c r="X46637" i="1"/>
  <c r="X46638" i="1"/>
  <c r="X46639" i="1"/>
  <c r="X46640" i="1"/>
  <c r="X46641" i="1"/>
  <c r="X46642" i="1"/>
  <c r="X46643" i="1"/>
  <c r="X46644" i="1"/>
  <c r="X46645" i="1"/>
  <c r="X46646" i="1"/>
  <c r="X46647" i="1"/>
  <c r="X46648" i="1"/>
  <c r="X46649" i="1"/>
  <c r="X46650" i="1"/>
  <c r="X46651" i="1"/>
  <c r="X46652" i="1"/>
  <c r="X46653" i="1"/>
  <c r="X46654" i="1"/>
  <c r="X46655" i="1"/>
  <c r="X46656" i="1"/>
  <c r="X46657" i="1"/>
  <c r="X46658" i="1"/>
  <c r="X46659" i="1"/>
  <c r="X46660" i="1"/>
  <c r="X46661" i="1"/>
  <c r="X46662" i="1"/>
  <c r="X46663" i="1"/>
  <c r="X46664" i="1"/>
  <c r="X46665" i="1"/>
  <c r="X46666" i="1"/>
  <c r="X46667" i="1"/>
  <c r="X46668" i="1"/>
  <c r="X46669" i="1"/>
  <c r="X46670" i="1"/>
  <c r="X46671" i="1"/>
  <c r="X46672" i="1"/>
  <c r="X46673" i="1"/>
  <c r="X46674" i="1"/>
  <c r="X46675" i="1"/>
  <c r="X46676" i="1"/>
  <c r="X46677" i="1"/>
  <c r="X46678" i="1"/>
  <c r="X46679" i="1"/>
  <c r="X46680" i="1"/>
  <c r="X46681" i="1"/>
  <c r="X46682" i="1"/>
  <c r="X46683" i="1"/>
  <c r="X46684" i="1"/>
  <c r="X46685" i="1"/>
  <c r="X46686" i="1"/>
  <c r="X46687" i="1"/>
  <c r="X46688" i="1"/>
  <c r="X46689" i="1"/>
  <c r="X46690" i="1"/>
  <c r="X46691" i="1"/>
  <c r="X46692" i="1"/>
  <c r="X46693" i="1"/>
  <c r="X46694" i="1"/>
  <c r="X46695" i="1"/>
  <c r="X46696" i="1"/>
  <c r="X46697" i="1"/>
  <c r="X46698" i="1"/>
  <c r="X46699" i="1"/>
  <c r="X46700" i="1"/>
  <c r="X46701" i="1"/>
  <c r="X46702" i="1"/>
  <c r="X46703" i="1"/>
  <c r="X46704" i="1"/>
  <c r="X46705" i="1"/>
  <c r="X46706" i="1"/>
  <c r="X46707" i="1"/>
  <c r="X46708" i="1"/>
  <c r="X46709" i="1"/>
  <c r="X46710" i="1"/>
  <c r="X46711" i="1"/>
  <c r="X46712" i="1"/>
  <c r="X46713" i="1"/>
  <c r="X46714" i="1"/>
  <c r="X46715" i="1"/>
  <c r="X46716" i="1"/>
  <c r="X46717" i="1"/>
  <c r="X46718" i="1"/>
  <c r="X46719" i="1"/>
  <c r="X46720" i="1"/>
  <c r="X46721" i="1"/>
  <c r="X46722" i="1"/>
  <c r="X46723" i="1"/>
  <c r="X46724" i="1"/>
  <c r="X46725" i="1"/>
  <c r="X46726" i="1"/>
  <c r="X46727" i="1"/>
  <c r="X46728" i="1"/>
  <c r="X46729" i="1"/>
  <c r="X46730" i="1"/>
  <c r="X46731" i="1"/>
  <c r="X46732" i="1"/>
  <c r="X46733" i="1"/>
  <c r="X46734" i="1"/>
  <c r="X46735" i="1"/>
  <c r="X46736" i="1"/>
  <c r="X46737" i="1"/>
  <c r="X46738" i="1"/>
  <c r="X46739" i="1"/>
  <c r="X46740" i="1"/>
  <c r="X46741" i="1"/>
  <c r="X46742" i="1"/>
  <c r="X46743" i="1"/>
  <c r="X46744" i="1"/>
  <c r="X46745" i="1"/>
  <c r="X46746" i="1"/>
  <c r="X46747" i="1"/>
  <c r="X46748" i="1"/>
  <c r="X46749" i="1"/>
  <c r="X46750" i="1"/>
  <c r="X46751" i="1"/>
  <c r="X46752" i="1"/>
  <c r="X46753" i="1"/>
  <c r="X46754" i="1"/>
  <c r="X46755" i="1"/>
  <c r="X46756" i="1"/>
  <c r="X46757" i="1"/>
  <c r="X46758" i="1"/>
  <c r="X46759" i="1"/>
  <c r="X46760" i="1"/>
  <c r="X46761" i="1"/>
  <c r="X46762" i="1"/>
  <c r="X46763" i="1"/>
  <c r="X46764" i="1"/>
  <c r="X46765" i="1"/>
  <c r="X46766" i="1"/>
  <c r="X46767" i="1"/>
  <c r="X46768" i="1"/>
  <c r="X46769" i="1"/>
  <c r="X46770" i="1"/>
  <c r="X46771" i="1"/>
  <c r="X46772" i="1"/>
  <c r="X46773" i="1"/>
  <c r="X46774" i="1"/>
  <c r="X46775" i="1"/>
  <c r="X46776" i="1"/>
  <c r="X46777" i="1"/>
  <c r="X46778" i="1"/>
  <c r="X46779" i="1"/>
  <c r="X46780" i="1"/>
  <c r="X46781" i="1"/>
  <c r="X46782" i="1"/>
  <c r="X46783" i="1"/>
  <c r="X46784" i="1"/>
  <c r="X46785" i="1"/>
  <c r="X46786" i="1"/>
  <c r="X46787" i="1"/>
  <c r="X46788" i="1"/>
  <c r="X46789" i="1"/>
  <c r="X46790" i="1"/>
  <c r="X46791" i="1"/>
  <c r="X46792" i="1"/>
  <c r="X46793" i="1"/>
  <c r="X46794" i="1"/>
  <c r="X46795" i="1"/>
  <c r="X46796" i="1"/>
  <c r="X46797" i="1"/>
  <c r="X46798" i="1"/>
  <c r="X46799" i="1"/>
  <c r="X46800" i="1"/>
  <c r="X46801" i="1"/>
  <c r="X46802" i="1"/>
  <c r="X46803" i="1"/>
  <c r="X46804" i="1"/>
  <c r="X46805" i="1"/>
  <c r="X46806" i="1"/>
  <c r="X46807" i="1"/>
  <c r="X46808" i="1"/>
  <c r="X46809" i="1"/>
  <c r="X46810" i="1"/>
  <c r="X46811" i="1"/>
  <c r="X46812" i="1"/>
  <c r="X46813" i="1"/>
  <c r="X46814" i="1"/>
  <c r="X46815" i="1"/>
  <c r="X46816" i="1"/>
  <c r="X46817" i="1"/>
  <c r="X46818" i="1"/>
  <c r="X46819" i="1"/>
  <c r="X46820" i="1"/>
  <c r="X46821" i="1"/>
  <c r="X46822" i="1"/>
  <c r="X46823" i="1"/>
  <c r="X46824" i="1"/>
  <c r="X46825" i="1"/>
  <c r="X46826" i="1"/>
  <c r="X46827" i="1"/>
  <c r="X46828" i="1"/>
  <c r="X46829" i="1"/>
  <c r="X46830" i="1"/>
  <c r="X46831" i="1"/>
  <c r="X46832" i="1"/>
  <c r="X46833" i="1"/>
  <c r="X46834" i="1"/>
  <c r="X46835" i="1"/>
  <c r="X46836" i="1"/>
  <c r="X46837" i="1"/>
  <c r="X46838" i="1"/>
  <c r="X46839" i="1"/>
  <c r="X46840" i="1"/>
  <c r="X46841" i="1"/>
  <c r="X46842" i="1"/>
  <c r="X46843" i="1"/>
  <c r="X46844" i="1"/>
  <c r="X46845" i="1"/>
  <c r="X46846" i="1"/>
  <c r="X46847" i="1"/>
  <c r="X46848" i="1"/>
  <c r="X46849" i="1"/>
  <c r="X46850" i="1"/>
  <c r="X46851" i="1"/>
  <c r="X46852" i="1"/>
  <c r="X46853" i="1"/>
  <c r="X46854" i="1"/>
  <c r="X46855" i="1"/>
  <c r="X46856" i="1"/>
  <c r="X46857" i="1"/>
  <c r="X46858" i="1"/>
  <c r="X46859" i="1"/>
  <c r="X46860" i="1"/>
  <c r="X46861" i="1"/>
  <c r="X46862" i="1"/>
  <c r="X46863" i="1"/>
  <c r="X46864" i="1"/>
  <c r="X46865" i="1"/>
  <c r="X46866" i="1"/>
  <c r="X46867" i="1"/>
  <c r="X46868" i="1"/>
  <c r="X46869" i="1"/>
  <c r="X46870" i="1"/>
  <c r="X46871" i="1"/>
  <c r="X46872" i="1"/>
  <c r="X46873" i="1"/>
  <c r="X46874" i="1"/>
  <c r="X46875" i="1"/>
  <c r="X46876" i="1"/>
  <c r="X46877" i="1"/>
  <c r="X46878" i="1"/>
  <c r="X46879" i="1"/>
  <c r="X46880" i="1"/>
  <c r="X46881" i="1"/>
  <c r="X46882" i="1"/>
  <c r="X46883" i="1"/>
  <c r="X46884" i="1"/>
  <c r="X46885" i="1"/>
  <c r="X46886" i="1"/>
  <c r="X46887" i="1"/>
  <c r="X46888" i="1"/>
  <c r="X46889" i="1"/>
  <c r="X46890" i="1"/>
  <c r="X46891" i="1"/>
  <c r="X46892" i="1"/>
  <c r="X46893" i="1"/>
  <c r="X46894" i="1"/>
  <c r="X46895" i="1"/>
  <c r="X46896" i="1"/>
  <c r="X46897" i="1"/>
  <c r="X46898" i="1"/>
  <c r="X46899" i="1"/>
  <c r="X46900" i="1"/>
  <c r="X46901" i="1"/>
  <c r="X46902" i="1"/>
  <c r="X46903" i="1"/>
  <c r="X46904" i="1"/>
  <c r="X46905" i="1"/>
  <c r="X46906" i="1"/>
  <c r="X46907" i="1"/>
  <c r="X46908" i="1"/>
  <c r="X46909" i="1"/>
  <c r="X46910" i="1"/>
  <c r="X46911" i="1"/>
  <c r="X46912" i="1"/>
  <c r="X46913" i="1"/>
  <c r="X46914" i="1"/>
  <c r="X46915" i="1"/>
  <c r="X46916" i="1"/>
  <c r="X46917" i="1"/>
  <c r="X46918" i="1"/>
  <c r="X46919" i="1"/>
  <c r="X46920" i="1"/>
  <c r="X46921" i="1"/>
  <c r="X46922" i="1"/>
  <c r="X46923" i="1"/>
  <c r="X46924" i="1"/>
  <c r="X46925" i="1"/>
  <c r="X46926" i="1"/>
  <c r="X46927" i="1"/>
  <c r="X46928" i="1"/>
  <c r="X46929" i="1"/>
  <c r="X46930" i="1"/>
  <c r="X46931" i="1"/>
  <c r="X46932" i="1"/>
  <c r="X46933" i="1"/>
  <c r="X46934" i="1"/>
  <c r="X46935" i="1"/>
  <c r="X46936" i="1"/>
  <c r="X46937" i="1"/>
  <c r="X46938" i="1"/>
  <c r="X46939" i="1"/>
  <c r="X46940" i="1"/>
  <c r="X46941" i="1"/>
  <c r="X46942" i="1"/>
  <c r="X46943" i="1"/>
  <c r="X46944" i="1"/>
  <c r="X46945" i="1"/>
  <c r="X46946" i="1"/>
  <c r="X46947" i="1"/>
  <c r="X46948" i="1"/>
  <c r="X46949" i="1"/>
  <c r="X46950" i="1"/>
  <c r="X46951" i="1"/>
  <c r="X46952" i="1"/>
  <c r="X46953" i="1"/>
  <c r="X46954" i="1"/>
  <c r="X46955" i="1"/>
  <c r="X46956" i="1"/>
  <c r="X46957" i="1"/>
  <c r="X46958" i="1"/>
  <c r="X46959" i="1"/>
  <c r="X46960" i="1"/>
  <c r="X46961" i="1"/>
  <c r="X46962" i="1"/>
  <c r="X46963" i="1"/>
  <c r="X46964" i="1"/>
  <c r="X46965" i="1"/>
  <c r="X46966" i="1"/>
  <c r="X46967" i="1"/>
  <c r="X46968" i="1"/>
  <c r="X46969" i="1"/>
  <c r="X46970" i="1"/>
  <c r="X46971" i="1"/>
  <c r="X46972" i="1"/>
  <c r="X46973" i="1"/>
  <c r="X46974" i="1"/>
  <c r="X46975" i="1"/>
  <c r="X46976" i="1"/>
  <c r="X46977" i="1"/>
  <c r="X46978" i="1"/>
  <c r="X46979" i="1"/>
  <c r="X46980" i="1"/>
  <c r="X46981" i="1"/>
  <c r="X46982" i="1"/>
  <c r="X46983" i="1"/>
  <c r="X46984" i="1"/>
  <c r="X46985" i="1"/>
  <c r="X46986" i="1"/>
  <c r="X46987" i="1"/>
  <c r="X46988" i="1"/>
  <c r="X46989" i="1"/>
  <c r="X46990" i="1"/>
  <c r="X46991" i="1"/>
  <c r="X46992" i="1"/>
  <c r="X46993" i="1"/>
  <c r="X46994" i="1"/>
  <c r="X46995" i="1"/>
  <c r="X46996" i="1"/>
  <c r="X46997" i="1"/>
  <c r="X46998" i="1"/>
  <c r="X46999" i="1"/>
  <c r="X47000" i="1"/>
  <c r="X47001" i="1"/>
  <c r="X47002" i="1"/>
  <c r="X47003" i="1"/>
  <c r="X47004" i="1"/>
  <c r="X47005" i="1"/>
  <c r="X47006" i="1"/>
  <c r="X47007" i="1"/>
  <c r="X47008" i="1"/>
  <c r="X47009" i="1"/>
  <c r="X47010" i="1"/>
  <c r="X47011" i="1"/>
  <c r="X47012" i="1"/>
  <c r="X47013" i="1"/>
  <c r="X47014" i="1"/>
  <c r="X47015" i="1"/>
  <c r="X47016" i="1"/>
  <c r="X47017" i="1"/>
  <c r="X47018" i="1"/>
  <c r="X47019" i="1"/>
  <c r="X47020" i="1"/>
  <c r="X47021" i="1"/>
  <c r="X47022" i="1"/>
  <c r="X47023" i="1"/>
  <c r="X47024" i="1"/>
  <c r="X47025" i="1"/>
  <c r="X47026" i="1"/>
  <c r="X47027" i="1"/>
  <c r="X47028" i="1"/>
  <c r="X47029" i="1"/>
  <c r="X47030" i="1"/>
  <c r="X47031" i="1"/>
  <c r="X47032" i="1"/>
  <c r="X47033" i="1"/>
  <c r="X47034" i="1"/>
  <c r="X47035" i="1"/>
  <c r="X47036" i="1"/>
  <c r="X47037" i="1"/>
  <c r="X47038" i="1"/>
  <c r="X47039" i="1"/>
  <c r="X47040" i="1"/>
  <c r="X47041" i="1"/>
  <c r="X47042" i="1"/>
  <c r="X47043" i="1"/>
  <c r="X47044" i="1"/>
  <c r="X47045" i="1"/>
  <c r="X47046" i="1"/>
  <c r="X47047" i="1"/>
  <c r="X47048" i="1"/>
  <c r="X47049" i="1"/>
  <c r="X47050" i="1"/>
  <c r="X47051" i="1"/>
  <c r="X47052" i="1"/>
  <c r="X47053" i="1"/>
  <c r="X47054" i="1"/>
  <c r="X47055" i="1"/>
  <c r="X47056" i="1"/>
  <c r="X47057" i="1"/>
  <c r="X47058" i="1"/>
  <c r="X47059" i="1"/>
  <c r="X47060" i="1"/>
  <c r="X47061" i="1"/>
  <c r="X47062" i="1"/>
  <c r="X47063" i="1"/>
  <c r="X47064" i="1"/>
  <c r="X47065" i="1"/>
  <c r="X47066" i="1"/>
  <c r="X47067" i="1"/>
  <c r="X47068" i="1"/>
  <c r="X47069" i="1"/>
  <c r="X47070" i="1"/>
  <c r="X47071" i="1"/>
  <c r="X47072" i="1"/>
  <c r="X47073" i="1"/>
  <c r="X47074" i="1"/>
  <c r="X47075" i="1"/>
  <c r="X47076" i="1"/>
  <c r="X47077" i="1"/>
  <c r="X47078" i="1"/>
  <c r="X47079" i="1"/>
  <c r="X47080" i="1"/>
  <c r="X47081" i="1"/>
  <c r="X47082" i="1"/>
  <c r="X47083" i="1"/>
  <c r="X47084" i="1"/>
  <c r="X47085" i="1"/>
  <c r="X47086" i="1"/>
  <c r="X47087" i="1"/>
  <c r="X47088" i="1"/>
  <c r="X47089" i="1"/>
  <c r="X47090" i="1"/>
  <c r="X47091" i="1"/>
  <c r="X47092" i="1"/>
  <c r="X47093" i="1"/>
  <c r="X47094" i="1"/>
  <c r="X47095" i="1"/>
  <c r="X47096" i="1"/>
  <c r="X47097" i="1"/>
  <c r="X47098" i="1"/>
  <c r="X47099" i="1"/>
  <c r="X47100" i="1"/>
  <c r="X47101" i="1"/>
  <c r="X47102" i="1"/>
  <c r="X47103" i="1"/>
  <c r="X47104" i="1"/>
  <c r="X47105" i="1"/>
  <c r="X47106" i="1"/>
  <c r="X47107" i="1"/>
  <c r="X47108" i="1"/>
  <c r="X47109" i="1"/>
  <c r="X47110" i="1"/>
  <c r="X47111" i="1"/>
  <c r="X47112" i="1"/>
  <c r="X47113" i="1"/>
  <c r="X47114" i="1"/>
  <c r="X47115" i="1"/>
  <c r="X47116" i="1"/>
  <c r="X47117" i="1"/>
  <c r="X47118" i="1"/>
  <c r="X47119" i="1"/>
  <c r="X47120" i="1"/>
  <c r="X47121" i="1"/>
  <c r="X47122" i="1"/>
  <c r="X47123" i="1"/>
  <c r="X47124" i="1"/>
  <c r="X47125" i="1"/>
  <c r="X47126" i="1"/>
  <c r="X47127" i="1"/>
  <c r="X47128" i="1"/>
  <c r="X47129" i="1"/>
  <c r="X47130" i="1"/>
  <c r="X47131" i="1"/>
  <c r="X47132" i="1"/>
  <c r="X47133" i="1"/>
  <c r="X47134" i="1"/>
  <c r="X47135" i="1"/>
  <c r="X47136" i="1"/>
  <c r="X47137" i="1"/>
  <c r="X47138" i="1"/>
  <c r="X47139" i="1"/>
  <c r="X47140" i="1"/>
  <c r="X47141" i="1"/>
  <c r="X47142" i="1"/>
  <c r="X47143" i="1"/>
  <c r="X47144" i="1"/>
  <c r="X47145" i="1"/>
  <c r="X47146" i="1"/>
  <c r="X47147" i="1"/>
  <c r="X47148" i="1"/>
  <c r="X47149" i="1"/>
  <c r="X47150" i="1"/>
  <c r="X47151" i="1"/>
  <c r="X47152" i="1"/>
  <c r="X47153" i="1"/>
  <c r="X47154" i="1"/>
  <c r="X47155" i="1"/>
  <c r="X47156" i="1"/>
  <c r="X47157" i="1"/>
  <c r="X47158" i="1"/>
  <c r="X47159" i="1"/>
  <c r="X47160" i="1"/>
  <c r="X47161" i="1"/>
  <c r="X47162" i="1"/>
  <c r="X47163" i="1"/>
  <c r="X47164" i="1"/>
  <c r="X47165" i="1"/>
  <c r="X47166" i="1"/>
  <c r="X47167" i="1"/>
  <c r="X47168" i="1"/>
  <c r="X47169" i="1"/>
  <c r="X47170" i="1"/>
  <c r="X47171" i="1"/>
  <c r="X47172" i="1"/>
  <c r="X47173" i="1"/>
  <c r="X47174" i="1"/>
  <c r="X47175" i="1"/>
  <c r="X47176" i="1"/>
  <c r="X47177" i="1"/>
  <c r="X47178" i="1"/>
  <c r="X47179" i="1"/>
  <c r="X47180" i="1"/>
  <c r="X47181" i="1"/>
  <c r="X47182" i="1"/>
  <c r="X47183" i="1"/>
  <c r="X47184" i="1"/>
  <c r="X47185" i="1"/>
  <c r="X47186" i="1"/>
  <c r="X47187" i="1"/>
  <c r="X47188" i="1"/>
  <c r="X47189" i="1"/>
  <c r="X47190" i="1"/>
  <c r="X47191" i="1"/>
  <c r="X47192" i="1"/>
  <c r="X47193" i="1"/>
  <c r="X47194" i="1"/>
  <c r="X47195" i="1"/>
  <c r="X47196" i="1"/>
  <c r="X47197" i="1"/>
  <c r="X47198" i="1"/>
  <c r="X47199" i="1"/>
  <c r="X47200" i="1"/>
  <c r="X47201" i="1"/>
  <c r="X47202" i="1"/>
  <c r="X47203" i="1"/>
  <c r="X47204" i="1"/>
  <c r="X47205" i="1"/>
  <c r="X47206" i="1"/>
  <c r="X47207" i="1"/>
  <c r="X47208" i="1"/>
  <c r="X47209" i="1"/>
  <c r="X47210" i="1"/>
  <c r="X47211" i="1"/>
  <c r="X47212" i="1"/>
  <c r="X47213" i="1"/>
  <c r="X47214" i="1"/>
  <c r="X47215" i="1"/>
  <c r="X47216" i="1"/>
  <c r="X47217" i="1"/>
  <c r="X47218" i="1"/>
  <c r="X47219" i="1"/>
  <c r="X47220" i="1"/>
  <c r="X47221" i="1"/>
  <c r="X47222" i="1"/>
  <c r="X47223" i="1"/>
  <c r="X47224" i="1"/>
  <c r="X47225" i="1"/>
  <c r="X47226" i="1"/>
  <c r="X47227" i="1"/>
  <c r="X47228" i="1"/>
  <c r="X47229" i="1"/>
  <c r="X47230" i="1"/>
  <c r="X47231" i="1"/>
  <c r="X47232" i="1"/>
  <c r="X47233" i="1"/>
  <c r="X47234" i="1"/>
  <c r="X47235" i="1"/>
  <c r="X47236" i="1"/>
  <c r="X47237" i="1"/>
  <c r="X47238" i="1"/>
  <c r="X47239" i="1"/>
  <c r="X47240" i="1"/>
  <c r="X47241" i="1"/>
  <c r="X47242" i="1"/>
  <c r="X47243" i="1"/>
  <c r="X47244" i="1"/>
  <c r="X47245" i="1"/>
  <c r="X47246" i="1"/>
  <c r="X47247" i="1"/>
  <c r="X47248" i="1"/>
  <c r="X47249" i="1"/>
  <c r="X47250" i="1"/>
  <c r="X47251" i="1"/>
  <c r="X47252" i="1"/>
  <c r="X47253" i="1"/>
  <c r="X47254" i="1"/>
  <c r="X47255" i="1"/>
  <c r="X47256" i="1"/>
  <c r="X47257" i="1"/>
  <c r="X47258" i="1"/>
  <c r="X47259" i="1"/>
  <c r="X47260" i="1"/>
  <c r="X47261" i="1"/>
  <c r="X47262" i="1"/>
  <c r="X47263" i="1"/>
  <c r="X47264" i="1"/>
  <c r="X47265" i="1"/>
  <c r="X47266" i="1"/>
  <c r="X47267" i="1"/>
  <c r="X47268" i="1"/>
  <c r="X47269" i="1"/>
  <c r="X47270" i="1"/>
  <c r="X47271" i="1"/>
  <c r="X47272" i="1"/>
  <c r="X47273" i="1"/>
  <c r="X47274" i="1"/>
  <c r="X47275" i="1"/>
  <c r="X47276" i="1"/>
  <c r="X47277" i="1"/>
  <c r="X47278" i="1"/>
  <c r="X47279" i="1"/>
  <c r="X47280" i="1"/>
  <c r="X47281" i="1"/>
  <c r="X47282" i="1"/>
  <c r="X47283" i="1"/>
  <c r="X47284" i="1"/>
  <c r="X47285" i="1"/>
  <c r="X47286" i="1"/>
  <c r="X47287" i="1"/>
  <c r="X47288" i="1"/>
  <c r="X47289" i="1"/>
  <c r="X47290" i="1"/>
  <c r="X47291" i="1"/>
  <c r="X47292" i="1"/>
  <c r="X47293" i="1"/>
  <c r="X47294" i="1"/>
  <c r="X47295" i="1"/>
  <c r="X47296" i="1"/>
  <c r="X47297" i="1"/>
  <c r="X47298" i="1"/>
  <c r="X47299" i="1"/>
  <c r="X47300" i="1"/>
  <c r="X47301" i="1"/>
  <c r="X47302" i="1"/>
  <c r="X47303" i="1"/>
  <c r="X47304" i="1"/>
  <c r="X47305" i="1"/>
  <c r="X47306" i="1"/>
  <c r="X47307" i="1"/>
  <c r="X47308" i="1"/>
  <c r="X47309" i="1"/>
  <c r="X47310" i="1"/>
  <c r="X47311" i="1"/>
  <c r="X47312" i="1"/>
  <c r="X47313" i="1"/>
  <c r="X47314" i="1"/>
  <c r="X47315" i="1"/>
  <c r="X47316" i="1"/>
  <c r="X47317" i="1"/>
  <c r="X47318" i="1"/>
  <c r="X47319" i="1"/>
  <c r="X47320" i="1"/>
  <c r="X47321" i="1"/>
  <c r="X47322" i="1"/>
  <c r="X47323" i="1"/>
  <c r="X47324" i="1"/>
  <c r="X47325" i="1"/>
  <c r="X47326" i="1"/>
  <c r="X47327" i="1"/>
  <c r="X47328" i="1"/>
  <c r="X47329" i="1"/>
  <c r="X47330" i="1"/>
  <c r="X47331" i="1"/>
  <c r="X47332" i="1"/>
  <c r="X47333" i="1"/>
  <c r="X47334" i="1"/>
  <c r="X47335" i="1"/>
  <c r="X47336" i="1"/>
  <c r="X47337" i="1"/>
  <c r="X47338" i="1"/>
  <c r="X47339" i="1"/>
  <c r="X47340" i="1"/>
  <c r="X47341" i="1"/>
  <c r="X47342" i="1"/>
  <c r="X47343" i="1"/>
  <c r="X47344" i="1"/>
  <c r="X47345" i="1"/>
  <c r="X47346" i="1"/>
  <c r="X47347" i="1"/>
  <c r="X47348" i="1"/>
  <c r="X47349" i="1"/>
  <c r="X47350" i="1"/>
  <c r="X47351" i="1"/>
  <c r="X47352" i="1"/>
  <c r="X47353" i="1"/>
  <c r="X47354" i="1"/>
  <c r="X47355" i="1"/>
  <c r="X47356" i="1"/>
  <c r="X47357" i="1"/>
  <c r="X47358" i="1"/>
  <c r="X47359" i="1"/>
  <c r="X47360" i="1"/>
  <c r="X47361" i="1"/>
  <c r="X47362" i="1"/>
  <c r="X47363" i="1"/>
  <c r="X47364" i="1"/>
  <c r="X47365" i="1"/>
  <c r="X47366" i="1"/>
  <c r="X47367" i="1"/>
  <c r="X47368" i="1"/>
  <c r="X47369" i="1"/>
  <c r="X47370" i="1"/>
  <c r="X47371" i="1"/>
  <c r="X47372" i="1"/>
  <c r="X47373" i="1"/>
  <c r="X47374" i="1"/>
  <c r="X47375" i="1"/>
  <c r="X47376" i="1"/>
  <c r="X47377" i="1"/>
  <c r="X47378" i="1"/>
  <c r="X47379" i="1"/>
  <c r="X47380" i="1"/>
  <c r="X47381" i="1"/>
  <c r="X47382" i="1"/>
  <c r="X47383" i="1"/>
  <c r="X47384" i="1"/>
  <c r="X47385" i="1"/>
  <c r="X47386" i="1"/>
  <c r="X47387" i="1"/>
  <c r="X47388" i="1"/>
  <c r="X47389" i="1"/>
  <c r="X47390" i="1"/>
  <c r="X47391" i="1"/>
  <c r="X47392" i="1"/>
  <c r="X47393" i="1"/>
  <c r="X47394" i="1"/>
  <c r="X47395" i="1"/>
  <c r="X47396" i="1"/>
  <c r="X47397" i="1"/>
  <c r="X47398" i="1"/>
  <c r="X47399" i="1"/>
  <c r="X47400" i="1"/>
  <c r="X47401" i="1"/>
  <c r="X47402" i="1"/>
  <c r="X47403" i="1"/>
  <c r="X47404" i="1"/>
  <c r="X47405" i="1"/>
  <c r="X47406" i="1"/>
  <c r="X47407" i="1"/>
  <c r="X47408" i="1"/>
  <c r="X47409" i="1"/>
  <c r="X47410" i="1"/>
  <c r="X47411" i="1"/>
  <c r="X47412" i="1"/>
  <c r="X47413" i="1"/>
  <c r="X47414" i="1"/>
  <c r="X47415" i="1"/>
  <c r="X47416" i="1"/>
  <c r="X47417" i="1"/>
  <c r="X47418" i="1"/>
  <c r="X47419" i="1"/>
  <c r="X47420" i="1"/>
  <c r="X47421" i="1"/>
  <c r="X47422" i="1"/>
  <c r="X47423" i="1"/>
  <c r="X47424" i="1"/>
  <c r="X47425" i="1"/>
  <c r="X47426" i="1"/>
  <c r="X47427" i="1"/>
  <c r="X47428" i="1"/>
  <c r="X47429" i="1"/>
  <c r="X47430" i="1"/>
  <c r="X47431" i="1"/>
  <c r="X47432" i="1"/>
  <c r="X47433" i="1"/>
  <c r="X47434" i="1"/>
  <c r="X47435" i="1"/>
  <c r="X47436" i="1"/>
  <c r="X47437" i="1"/>
  <c r="X47438" i="1"/>
  <c r="X47439" i="1"/>
  <c r="X47440" i="1"/>
  <c r="X47441" i="1"/>
  <c r="X47442" i="1"/>
  <c r="X47443" i="1"/>
  <c r="X47444" i="1"/>
  <c r="X47445" i="1"/>
  <c r="X47446" i="1"/>
  <c r="X47447" i="1"/>
  <c r="X47448" i="1"/>
  <c r="X47449" i="1"/>
  <c r="X47450" i="1"/>
  <c r="X47451" i="1"/>
  <c r="X47452" i="1"/>
  <c r="X47453" i="1"/>
  <c r="X47454" i="1"/>
  <c r="X47455" i="1"/>
  <c r="X47456" i="1"/>
  <c r="X47457" i="1"/>
  <c r="X47458" i="1"/>
  <c r="X47459" i="1"/>
  <c r="X47460" i="1"/>
  <c r="X47461" i="1"/>
  <c r="X47462" i="1"/>
  <c r="X47463" i="1"/>
  <c r="X47464" i="1"/>
  <c r="X47465" i="1"/>
  <c r="X47466" i="1"/>
  <c r="X47467" i="1"/>
  <c r="X47468" i="1"/>
  <c r="X47469" i="1"/>
  <c r="X47470" i="1"/>
  <c r="X47471" i="1"/>
  <c r="X47472" i="1"/>
  <c r="X47473" i="1"/>
  <c r="X47474" i="1"/>
  <c r="X47475" i="1"/>
  <c r="X47476" i="1"/>
  <c r="X47477" i="1"/>
  <c r="X47478" i="1"/>
  <c r="X47479" i="1"/>
  <c r="X47480" i="1"/>
  <c r="X47481" i="1"/>
  <c r="X47482" i="1"/>
  <c r="X47483" i="1"/>
  <c r="X47484" i="1"/>
  <c r="X47485" i="1"/>
  <c r="X47486" i="1"/>
  <c r="X47487" i="1"/>
  <c r="X47488" i="1"/>
  <c r="X47489" i="1"/>
  <c r="X47490" i="1"/>
  <c r="X47491" i="1"/>
  <c r="X47492" i="1"/>
  <c r="X47493" i="1"/>
  <c r="X47494" i="1"/>
  <c r="X47495" i="1"/>
  <c r="X47496" i="1"/>
  <c r="X47497" i="1"/>
  <c r="X47498" i="1"/>
  <c r="X47499" i="1"/>
  <c r="X47500" i="1"/>
  <c r="X47501" i="1"/>
  <c r="X47502" i="1"/>
  <c r="X47503" i="1"/>
  <c r="X47504" i="1"/>
  <c r="X47505" i="1"/>
  <c r="X47506" i="1"/>
  <c r="X47507" i="1"/>
  <c r="X47508" i="1"/>
  <c r="X47509" i="1"/>
  <c r="X47510" i="1"/>
  <c r="X47511" i="1"/>
  <c r="X47512" i="1"/>
  <c r="X47513" i="1"/>
  <c r="X47514" i="1"/>
  <c r="X47515" i="1"/>
  <c r="X47516" i="1"/>
  <c r="X47517" i="1"/>
  <c r="X47518" i="1"/>
  <c r="X47519" i="1"/>
  <c r="X47520" i="1"/>
  <c r="X47521" i="1"/>
  <c r="X47522" i="1"/>
  <c r="X47523" i="1"/>
  <c r="X47524" i="1"/>
  <c r="X47525" i="1"/>
  <c r="X47526" i="1"/>
  <c r="X47527" i="1"/>
  <c r="X47528" i="1"/>
  <c r="X47529" i="1"/>
  <c r="X47530" i="1"/>
  <c r="X47531" i="1"/>
  <c r="X47532" i="1"/>
  <c r="X47533" i="1"/>
  <c r="X47534" i="1"/>
  <c r="X47535" i="1"/>
  <c r="X47536" i="1"/>
  <c r="X47537" i="1"/>
  <c r="X47538" i="1"/>
  <c r="X47539" i="1"/>
  <c r="X47540" i="1"/>
  <c r="X47541" i="1"/>
  <c r="X47542" i="1"/>
  <c r="X47543" i="1"/>
  <c r="X47544" i="1"/>
  <c r="X47545" i="1"/>
  <c r="X47546" i="1"/>
  <c r="X47547" i="1"/>
  <c r="X47548" i="1"/>
  <c r="X47549" i="1"/>
  <c r="X47550" i="1"/>
  <c r="X47551" i="1"/>
  <c r="X47552" i="1"/>
  <c r="X47553" i="1"/>
  <c r="X47554" i="1"/>
  <c r="X47555" i="1"/>
  <c r="X47556" i="1"/>
  <c r="X47557" i="1"/>
  <c r="X47558" i="1"/>
  <c r="X47559" i="1"/>
  <c r="X47560" i="1"/>
  <c r="X47561" i="1"/>
  <c r="X47562" i="1"/>
  <c r="X47563" i="1"/>
  <c r="X47564" i="1"/>
  <c r="X47565" i="1"/>
  <c r="X47566" i="1"/>
  <c r="X47567" i="1"/>
  <c r="X47568" i="1"/>
  <c r="X47569" i="1"/>
  <c r="X47570" i="1"/>
  <c r="X47571" i="1"/>
  <c r="X47572" i="1"/>
  <c r="X47573" i="1"/>
  <c r="X47574" i="1"/>
  <c r="X47575" i="1"/>
  <c r="X47576" i="1"/>
  <c r="X47577" i="1"/>
  <c r="X47578" i="1"/>
  <c r="X47579" i="1"/>
  <c r="X47580" i="1"/>
  <c r="X47581" i="1"/>
  <c r="X47582" i="1"/>
  <c r="X47583" i="1"/>
  <c r="X47584" i="1"/>
  <c r="X47585" i="1"/>
  <c r="X47586" i="1"/>
  <c r="X47587" i="1"/>
  <c r="X47588" i="1"/>
  <c r="X47589" i="1"/>
  <c r="X47590" i="1"/>
  <c r="X47591" i="1"/>
  <c r="X47592" i="1"/>
  <c r="X47593" i="1"/>
  <c r="X47594" i="1"/>
  <c r="X47595" i="1"/>
  <c r="X47596" i="1"/>
  <c r="X47597" i="1"/>
  <c r="X47598" i="1"/>
  <c r="X47599" i="1"/>
  <c r="X47600" i="1"/>
  <c r="X47601" i="1"/>
  <c r="X47602" i="1"/>
  <c r="X47603" i="1"/>
  <c r="X47604" i="1"/>
  <c r="X47605" i="1"/>
  <c r="X47606" i="1"/>
  <c r="X47607" i="1"/>
  <c r="X47608" i="1"/>
  <c r="X47609" i="1"/>
  <c r="X47610" i="1"/>
  <c r="X47611" i="1"/>
  <c r="X47612" i="1"/>
  <c r="X47613" i="1"/>
  <c r="X47614" i="1"/>
  <c r="X47615" i="1"/>
  <c r="X47616" i="1"/>
  <c r="X47617" i="1"/>
  <c r="X47618" i="1"/>
  <c r="X47619" i="1"/>
  <c r="X47620" i="1"/>
  <c r="X47621" i="1"/>
  <c r="X47622" i="1"/>
  <c r="X47623" i="1"/>
  <c r="X47624" i="1"/>
  <c r="X47625" i="1"/>
  <c r="X47626" i="1"/>
  <c r="X47627" i="1"/>
  <c r="X47628" i="1"/>
  <c r="X47629" i="1"/>
  <c r="X47630" i="1"/>
  <c r="X47631" i="1"/>
  <c r="X47632" i="1"/>
  <c r="X47633" i="1"/>
  <c r="X47634" i="1"/>
  <c r="X47635" i="1"/>
  <c r="X47636" i="1"/>
  <c r="X47637" i="1"/>
  <c r="X47638" i="1"/>
  <c r="X47639" i="1"/>
  <c r="X47640" i="1"/>
  <c r="X47641" i="1"/>
  <c r="X47642" i="1"/>
  <c r="X47643" i="1"/>
  <c r="X47644" i="1"/>
  <c r="X47645" i="1"/>
  <c r="X47646" i="1"/>
  <c r="X47647" i="1"/>
  <c r="X47648" i="1"/>
  <c r="X47649" i="1"/>
  <c r="X47650" i="1"/>
  <c r="X47651" i="1"/>
  <c r="X47652" i="1"/>
  <c r="X47653" i="1"/>
  <c r="X47654" i="1"/>
  <c r="X47655" i="1"/>
  <c r="X47656" i="1"/>
  <c r="X47657" i="1"/>
  <c r="X47658" i="1"/>
  <c r="X47659" i="1"/>
  <c r="X47660" i="1"/>
  <c r="X47661" i="1"/>
  <c r="X47662" i="1"/>
  <c r="X47663" i="1"/>
  <c r="X47664" i="1"/>
  <c r="X47665" i="1"/>
  <c r="X47666" i="1"/>
  <c r="X47667" i="1"/>
  <c r="X47668" i="1"/>
  <c r="X47669" i="1"/>
  <c r="X47670" i="1"/>
  <c r="X47671" i="1"/>
  <c r="X47672" i="1"/>
  <c r="X47673" i="1"/>
  <c r="X47674" i="1"/>
  <c r="X47675" i="1"/>
  <c r="X47676" i="1"/>
  <c r="X47677" i="1"/>
  <c r="X47678" i="1"/>
  <c r="X47679" i="1"/>
  <c r="X47680" i="1"/>
  <c r="X47681" i="1"/>
  <c r="X47682" i="1"/>
  <c r="X47683" i="1"/>
  <c r="X47684" i="1"/>
  <c r="X47685" i="1"/>
  <c r="X47686" i="1"/>
  <c r="X47687" i="1"/>
  <c r="X47688" i="1"/>
  <c r="X47689" i="1"/>
  <c r="X47690" i="1"/>
  <c r="X47691" i="1"/>
  <c r="X47692" i="1"/>
  <c r="X47693" i="1"/>
  <c r="X47694" i="1"/>
  <c r="X47695" i="1"/>
  <c r="X47696" i="1"/>
  <c r="X47697" i="1"/>
  <c r="X47698" i="1"/>
  <c r="X47699" i="1"/>
  <c r="X47700" i="1"/>
  <c r="X47701" i="1"/>
  <c r="X47702" i="1"/>
  <c r="X47703" i="1"/>
  <c r="X47704" i="1"/>
  <c r="X47705" i="1"/>
  <c r="X47706" i="1"/>
  <c r="X47707" i="1"/>
  <c r="X47708" i="1"/>
  <c r="X47709" i="1"/>
  <c r="X47710" i="1"/>
  <c r="X47711" i="1"/>
  <c r="X47712" i="1"/>
  <c r="X47713" i="1"/>
  <c r="X47714" i="1"/>
  <c r="X47715" i="1"/>
  <c r="X47716" i="1"/>
  <c r="X47717" i="1"/>
  <c r="X47718" i="1"/>
  <c r="X47719" i="1"/>
  <c r="X47720" i="1"/>
  <c r="X47721" i="1"/>
  <c r="X47722" i="1"/>
  <c r="X47723" i="1"/>
  <c r="X47724" i="1"/>
  <c r="X47725" i="1"/>
  <c r="X47726" i="1"/>
  <c r="X47727" i="1"/>
  <c r="X47728" i="1"/>
  <c r="X47729" i="1"/>
  <c r="X47730" i="1"/>
  <c r="X47731" i="1"/>
  <c r="X47732" i="1"/>
  <c r="X47733" i="1"/>
  <c r="X47734" i="1"/>
  <c r="X47735" i="1"/>
  <c r="X47736" i="1"/>
  <c r="X47737" i="1"/>
  <c r="X47738" i="1"/>
  <c r="X47739" i="1"/>
  <c r="X47740" i="1"/>
  <c r="X47741" i="1"/>
  <c r="X47742" i="1"/>
  <c r="X47743" i="1"/>
  <c r="X47744" i="1"/>
  <c r="X47745" i="1"/>
  <c r="X47746" i="1"/>
  <c r="X47747" i="1"/>
  <c r="X47748" i="1"/>
  <c r="X47749" i="1"/>
  <c r="X47750" i="1"/>
  <c r="X47751" i="1"/>
  <c r="X47752" i="1"/>
  <c r="X47753" i="1"/>
  <c r="X47754" i="1"/>
  <c r="X47755" i="1"/>
  <c r="X47756" i="1"/>
  <c r="X47757" i="1"/>
  <c r="X47758" i="1"/>
  <c r="X47759" i="1"/>
  <c r="X47760" i="1"/>
  <c r="X47761" i="1"/>
  <c r="X47762" i="1"/>
  <c r="X47763" i="1"/>
  <c r="X47764" i="1"/>
  <c r="X47765" i="1"/>
  <c r="X47766" i="1"/>
  <c r="X47767" i="1"/>
  <c r="X47768" i="1"/>
  <c r="X47769" i="1"/>
  <c r="X47770" i="1"/>
  <c r="X47771" i="1"/>
  <c r="X47772" i="1"/>
  <c r="X47773" i="1"/>
  <c r="X47774" i="1"/>
  <c r="X47775" i="1"/>
  <c r="X47776" i="1"/>
  <c r="X47777" i="1"/>
  <c r="X47778" i="1"/>
  <c r="X47779" i="1"/>
  <c r="X47780" i="1"/>
  <c r="X47781" i="1"/>
  <c r="X47782" i="1"/>
  <c r="X47783" i="1"/>
  <c r="X47784" i="1"/>
  <c r="X47785" i="1"/>
  <c r="X47786" i="1"/>
  <c r="X47787" i="1"/>
  <c r="X47788" i="1"/>
  <c r="X47789" i="1"/>
  <c r="X47790" i="1"/>
  <c r="X47791" i="1"/>
  <c r="X47792" i="1"/>
  <c r="X47793" i="1"/>
  <c r="X47794" i="1"/>
  <c r="X47795" i="1"/>
  <c r="X47796" i="1"/>
  <c r="X47797" i="1"/>
  <c r="X47798" i="1"/>
  <c r="X47799" i="1"/>
  <c r="X47800" i="1"/>
  <c r="X47801" i="1"/>
  <c r="X47802" i="1"/>
  <c r="X47803" i="1"/>
  <c r="X47804" i="1"/>
  <c r="X47805" i="1"/>
  <c r="X47806" i="1"/>
  <c r="X47807" i="1"/>
  <c r="X47808" i="1"/>
  <c r="X47809" i="1"/>
  <c r="X47810" i="1"/>
  <c r="X47811" i="1"/>
  <c r="X47812" i="1"/>
  <c r="X47813" i="1"/>
  <c r="X47814" i="1"/>
  <c r="X47815" i="1"/>
  <c r="X47816" i="1"/>
  <c r="X47817" i="1"/>
  <c r="X47818" i="1"/>
  <c r="X47819" i="1"/>
  <c r="X47820" i="1"/>
  <c r="X47821" i="1"/>
  <c r="X47822" i="1"/>
  <c r="X47823" i="1"/>
  <c r="X47824" i="1"/>
  <c r="X47825" i="1"/>
  <c r="X47826" i="1"/>
  <c r="X47827" i="1"/>
  <c r="X47828" i="1"/>
  <c r="X47829" i="1"/>
  <c r="X47830" i="1"/>
  <c r="X47831" i="1"/>
  <c r="X47832" i="1"/>
  <c r="X47833" i="1"/>
  <c r="X47834" i="1"/>
  <c r="X47835" i="1"/>
  <c r="X47836" i="1"/>
  <c r="X47837" i="1"/>
  <c r="X47838" i="1"/>
  <c r="X47839" i="1"/>
  <c r="X47840" i="1"/>
  <c r="X47841" i="1"/>
  <c r="X47842" i="1"/>
  <c r="X47843" i="1"/>
  <c r="X47844" i="1"/>
  <c r="X47845" i="1"/>
  <c r="X47846" i="1"/>
  <c r="X47847" i="1"/>
  <c r="X47848" i="1"/>
  <c r="X47849" i="1"/>
  <c r="X47850" i="1"/>
  <c r="X47851" i="1"/>
  <c r="X47852" i="1"/>
  <c r="X47853" i="1"/>
  <c r="X47854" i="1"/>
  <c r="X47855" i="1"/>
  <c r="X47856" i="1"/>
  <c r="X47857" i="1"/>
  <c r="X47858" i="1"/>
  <c r="X47859" i="1"/>
  <c r="X47860" i="1"/>
  <c r="X47861" i="1"/>
  <c r="X47862" i="1"/>
  <c r="X47863" i="1"/>
  <c r="X47864" i="1"/>
  <c r="X47865" i="1"/>
  <c r="X47866" i="1"/>
  <c r="X47867" i="1"/>
  <c r="X47868" i="1"/>
  <c r="X47869" i="1"/>
  <c r="X47870" i="1"/>
  <c r="X47871" i="1"/>
  <c r="X47872" i="1"/>
  <c r="X47873" i="1"/>
  <c r="X47874" i="1"/>
  <c r="X47875" i="1"/>
  <c r="X47876" i="1"/>
  <c r="X47877" i="1"/>
  <c r="X47878" i="1"/>
  <c r="X47879" i="1"/>
  <c r="X47880" i="1"/>
  <c r="X47881" i="1"/>
  <c r="X47882" i="1"/>
  <c r="X47883" i="1"/>
  <c r="X47884" i="1"/>
  <c r="X47885" i="1"/>
  <c r="X47886" i="1"/>
  <c r="X47887" i="1"/>
  <c r="X47888" i="1"/>
  <c r="X47889" i="1"/>
  <c r="X47890" i="1"/>
  <c r="X47891" i="1"/>
  <c r="X47892" i="1"/>
  <c r="X47893" i="1"/>
  <c r="X47894" i="1"/>
  <c r="X47895" i="1"/>
  <c r="X47896" i="1"/>
  <c r="X47897" i="1"/>
  <c r="X47898" i="1"/>
  <c r="X47899" i="1"/>
  <c r="X47900" i="1"/>
  <c r="X47901" i="1"/>
  <c r="X47902" i="1"/>
  <c r="X47903" i="1"/>
  <c r="X47904" i="1"/>
  <c r="X47905" i="1"/>
  <c r="X47906" i="1"/>
  <c r="X47907" i="1"/>
  <c r="X47908" i="1"/>
  <c r="X47909" i="1"/>
  <c r="X47910" i="1"/>
  <c r="X47911" i="1"/>
  <c r="X47912" i="1"/>
  <c r="X47913" i="1"/>
  <c r="X47914" i="1"/>
  <c r="X47915" i="1"/>
  <c r="X47916" i="1"/>
  <c r="X47917" i="1"/>
  <c r="X47918" i="1"/>
  <c r="X47919" i="1"/>
  <c r="X47920" i="1"/>
  <c r="X47921" i="1"/>
  <c r="X47922" i="1"/>
  <c r="X47923" i="1"/>
  <c r="X47924" i="1"/>
  <c r="X47925" i="1"/>
  <c r="X47926" i="1"/>
  <c r="X47927" i="1"/>
  <c r="X47928" i="1"/>
  <c r="X47929" i="1"/>
  <c r="X47930" i="1"/>
  <c r="X47931" i="1"/>
  <c r="X47932" i="1"/>
  <c r="X47933" i="1"/>
  <c r="X47934" i="1"/>
  <c r="X47935" i="1"/>
  <c r="X47936" i="1"/>
  <c r="X47937" i="1"/>
  <c r="X47938" i="1"/>
  <c r="X47939" i="1"/>
  <c r="X47940" i="1"/>
  <c r="X47941" i="1"/>
  <c r="X47942" i="1"/>
  <c r="X47943" i="1"/>
  <c r="X47944" i="1"/>
  <c r="X47945" i="1"/>
  <c r="X47946" i="1"/>
  <c r="X47947" i="1"/>
  <c r="X47948" i="1"/>
  <c r="X47949" i="1"/>
  <c r="X47950" i="1"/>
  <c r="X47951" i="1"/>
  <c r="X47952" i="1"/>
  <c r="X47953" i="1"/>
  <c r="X47954" i="1"/>
  <c r="X47955" i="1"/>
  <c r="X47956" i="1"/>
  <c r="X47957" i="1"/>
  <c r="X47958" i="1"/>
  <c r="X47959" i="1"/>
  <c r="X47960" i="1"/>
  <c r="X47961" i="1"/>
  <c r="X47962" i="1"/>
  <c r="X47963" i="1"/>
  <c r="X47964" i="1"/>
  <c r="X47965" i="1"/>
  <c r="X47966" i="1"/>
  <c r="X47967" i="1"/>
  <c r="X47968" i="1"/>
  <c r="X47969" i="1"/>
  <c r="X47970" i="1"/>
  <c r="X47971" i="1"/>
  <c r="X47972" i="1"/>
  <c r="X47973" i="1"/>
  <c r="X47974" i="1"/>
  <c r="X47975" i="1"/>
  <c r="X47976" i="1"/>
  <c r="X47977" i="1"/>
  <c r="X47978" i="1"/>
  <c r="X47979" i="1"/>
  <c r="X47980" i="1"/>
  <c r="X47981" i="1"/>
  <c r="X47982" i="1"/>
  <c r="X47983" i="1"/>
  <c r="X47984" i="1"/>
  <c r="X47985" i="1"/>
  <c r="X47986" i="1"/>
  <c r="X47987" i="1"/>
  <c r="X47988" i="1"/>
  <c r="X47989" i="1"/>
  <c r="X47990" i="1"/>
  <c r="X47991" i="1"/>
  <c r="X47992" i="1"/>
  <c r="X47993" i="1"/>
  <c r="X47994" i="1"/>
  <c r="X47995" i="1"/>
  <c r="X47996" i="1"/>
  <c r="X47997" i="1"/>
  <c r="X47998" i="1"/>
  <c r="X47999" i="1"/>
  <c r="X48000" i="1"/>
  <c r="X48001" i="1"/>
  <c r="X48002" i="1"/>
  <c r="X48003" i="1"/>
  <c r="X48004" i="1"/>
  <c r="X48005" i="1"/>
  <c r="X48006" i="1"/>
  <c r="X48007" i="1"/>
  <c r="X48008" i="1"/>
  <c r="X48009" i="1"/>
  <c r="X48010" i="1"/>
  <c r="X48011" i="1"/>
  <c r="X48012" i="1"/>
  <c r="X48013" i="1"/>
  <c r="X48014" i="1"/>
  <c r="X48015" i="1"/>
  <c r="X48016" i="1"/>
  <c r="X48017" i="1"/>
  <c r="X48018" i="1"/>
  <c r="X48019" i="1"/>
  <c r="X48020" i="1"/>
  <c r="X48021" i="1"/>
  <c r="X48022" i="1"/>
  <c r="X48023" i="1"/>
  <c r="X48024" i="1"/>
  <c r="X48025" i="1"/>
  <c r="X48026" i="1"/>
  <c r="X48027" i="1"/>
  <c r="X48028" i="1"/>
  <c r="X48029" i="1"/>
  <c r="X48030" i="1"/>
  <c r="X48031" i="1"/>
  <c r="X48032" i="1"/>
  <c r="X48033" i="1"/>
  <c r="X48034" i="1"/>
  <c r="X48035" i="1"/>
  <c r="X48036" i="1"/>
  <c r="X48037" i="1"/>
  <c r="X48038" i="1"/>
  <c r="X48039" i="1"/>
  <c r="X48040" i="1"/>
  <c r="X48041" i="1"/>
  <c r="X48042" i="1"/>
  <c r="X48043" i="1"/>
  <c r="X48044" i="1"/>
  <c r="X48045" i="1"/>
  <c r="X48046" i="1"/>
  <c r="X48047" i="1"/>
  <c r="X48048" i="1"/>
  <c r="X48049" i="1"/>
  <c r="X48050" i="1"/>
  <c r="X48051" i="1"/>
  <c r="X48052" i="1"/>
  <c r="X48053" i="1"/>
  <c r="X48054" i="1"/>
  <c r="X48055" i="1"/>
  <c r="X48056" i="1"/>
  <c r="X48057" i="1"/>
  <c r="X48058" i="1"/>
  <c r="X48059" i="1"/>
  <c r="X48060" i="1"/>
  <c r="X48061" i="1"/>
  <c r="X48062" i="1"/>
  <c r="X48063" i="1"/>
  <c r="X48064" i="1"/>
  <c r="X48065" i="1"/>
  <c r="X48066" i="1"/>
  <c r="X48067" i="1"/>
  <c r="X48068" i="1"/>
  <c r="X48069" i="1"/>
  <c r="X48070" i="1"/>
  <c r="X48071" i="1"/>
  <c r="X48072" i="1"/>
  <c r="X48073" i="1"/>
  <c r="X48074" i="1"/>
  <c r="X48075" i="1"/>
  <c r="X48076" i="1"/>
  <c r="X48077" i="1"/>
  <c r="X48078" i="1"/>
  <c r="X48079" i="1"/>
  <c r="X48080" i="1"/>
  <c r="X48081" i="1"/>
  <c r="X48082" i="1"/>
  <c r="X48083" i="1"/>
  <c r="X48084" i="1"/>
  <c r="X48085" i="1"/>
  <c r="X48086" i="1"/>
  <c r="X48087" i="1"/>
  <c r="X48088" i="1"/>
  <c r="X48089" i="1"/>
  <c r="X48090" i="1"/>
  <c r="X48091" i="1"/>
  <c r="X48092" i="1"/>
  <c r="X48093" i="1"/>
  <c r="X48094" i="1"/>
  <c r="X48095" i="1"/>
  <c r="X48096" i="1"/>
  <c r="X48097" i="1"/>
  <c r="X48098" i="1"/>
  <c r="X48099" i="1"/>
  <c r="X48100" i="1"/>
  <c r="X48101" i="1"/>
  <c r="X48102" i="1"/>
  <c r="X48103" i="1"/>
  <c r="X48104" i="1"/>
  <c r="X48105" i="1"/>
  <c r="X48106" i="1"/>
  <c r="X48107" i="1"/>
  <c r="X48108" i="1"/>
  <c r="X48109" i="1"/>
  <c r="X48110" i="1"/>
  <c r="X48111" i="1"/>
  <c r="X48112" i="1"/>
  <c r="X48113" i="1"/>
  <c r="X48114" i="1"/>
  <c r="X48115" i="1"/>
  <c r="X48116" i="1"/>
  <c r="X48117" i="1"/>
  <c r="X48118" i="1"/>
  <c r="X48119" i="1"/>
  <c r="X48120" i="1"/>
  <c r="X48121" i="1"/>
  <c r="X48122" i="1"/>
  <c r="X48123" i="1"/>
  <c r="X48124" i="1"/>
  <c r="X48125" i="1"/>
  <c r="X48126" i="1"/>
  <c r="X48127" i="1"/>
  <c r="X48128" i="1"/>
  <c r="X48129" i="1"/>
  <c r="X48130" i="1"/>
  <c r="X48131" i="1"/>
  <c r="X48132" i="1"/>
  <c r="X48133" i="1"/>
  <c r="X48134" i="1"/>
  <c r="X48135" i="1"/>
  <c r="X48136" i="1"/>
  <c r="X48137" i="1"/>
  <c r="X48138" i="1"/>
  <c r="X48139" i="1"/>
  <c r="X48140" i="1"/>
  <c r="X48141" i="1"/>
  <c r="X48142" i="1"/>
  <c r="X48143" i="1"/>
  <c r="X48144" i="1"/>
  <c r="X48145" i="1"/>
  <c r="X48146" i="1"/>
  <c r="X48147" i="1"/>
  <c r="X48148" i="1"/>
  <c r="X48149" i="1"/>
  <c r="X48150" i="1"/>
  <c r="X48151" i="1"/>
  <c r="X48152" i="1"/>
  <c r="X48153" i="1"/>
  <c r="X48154" i="1"/>
  <c r="X48155" i="1"/>
  <c r="X48156" i="1"/>
  <c r="X48157" i="1"/>
  <c r="X48158" i="1"/>
  <c r="X48159" i="1"/>
  <c r="X48160" i="1"/>
  <c r="X48161" i="1"/>
  <c r="X48162" i="1"/>
  <c r="X48163" i="1"/>
  <c r="X48164" i="1"/>
  <c r="X48165" i="1"/>
  <c r="X48166" i="1"/>
  <c r="X48167" i="1"/>
  <c r="X48168" i="1"/>
  <c r="X48169" i="1"/>
  <c r="X48170" i="1"/>
  <c r="X48171" i="1"/>
  <c r="X48172" i="1"/>
  <c r="X48173" i="1"/>
  <c r="X48174" i="1"/>
  <c r="X48175" i="1"/>
  <c r="X48176" i="1"/>
  <c r="X48177" i="1"/>
  <c r="X48178" i="1"/>
  <c r="X48179" i="1"/>
  <c r="X48180" i="1"/>
  <c r="X48181" i="1"/>
  <c r="X48182" i="1"/>
  <c r="X48183" i="1"/>
  <c r="X48184" i="1"/>
  <c r="X48185" i="1"/>
  <c r="X48186" i="1"/>
  <c r="X48187" i="1"/>
  <c r="X48188" i="1"/>
  <c r="X48189" i="1"/>
  <c r="X48190" i="1"/>
  <c r="X48191" i="1"/>
  <c r="X48192" i="1"/>
  <c r="X48193" i="1"/>
  <c r="X48194" i="1"/>
  <c r="X48195" i="1"/>
  <c r="X48196" i="1"/>
  <c r="X48197" i="1"/>
  <c r="X48198" i="1"/>
  <c r="X48199" i="1"/>
  <c r="X48200" i="1"/>
  <c r="X48201" i="1"/>
  <c r="X48202" i="1"/>
  <c r="X48203" i="1"/>
  <c r="X48204" i="1"/>
  <c r="X48205" i="1"/>
  <c r="X48206" i="1"/>
  <c r="X48207" i="1"/>
  <c r="X48208" i="1"/>
  <c r="X48209" i="1"/>
  <c r="X48210" i="1"/>
  <c r="X48211" i="1"/>
  <c r="X48212" i="1"/>
  <c r="X48213" i="1"/>
  <c r="X48214" i="1"/>
  <c r="X48215" i="1"/>
  <c r="X48216" i="1"/>
  <c r="X48217" i="1"/>
  <c r="X48218" i="1"/>
  <c r="X48219" i="1"/>
  <c r="X48220" i="1"/>
  <c r="X48221" i="1"/>
  <c r="X48222" i="1"/>
  <c r="X48223" i="1"/>
  <c r="X48224" i="1"/>
  <c r="X48225" i="1"/>
  <c r="X48226" i="1"/>
  <c r="X48227" i="1"/>
  <c r="X48228" i="1"/>
  <c r="X48229" i="1"/>
  <c r="X48230" i="1"/>
  <c r="X48231" i="1"/>
  <c r="X48232" i="1"/>
  <c r="X48233" i="1"/>
  <c r="X48234" i="1"/>
  <c r="X48235" i="1"/>
  <c r="X48236" i="1"/>
  <c r="X48237" i="1"/>
  <c r="X48238" i="1"/>
  <c r="X48239" i="1"/>
  <c r="X48240" i="1"/>
  <c r="X48241" i="1"/>
  <c r="X48242" i="1"/>
  <c r="X48243" i="1"/>
  <c r="X48244" i="1"/>
  <c r="X48245" i="1"/>
  <c r="X48246" i="1"/>
  <c r="X48247" i="1"/>
  <c r="X48248" i="1"/>
  <c r="X48249" i="1"/>
  <c r="X48250" i="1"/>
  <c r="X48251" i="1"/>
  <c r="X48252" i="1"/>
  <c r="X48253" i="1"/>
  <c r="X48254" i="1"/>
  <c r="X48255" i="1"/>
  <c r="X48256" i="1"/>
  <c r="X48257" i="1"/>
  <c r="X48258" i="1"/>
  <c r="X48259" i="1"/>
  <c r="X48260" i="1"/>
  <c r="X48261" i="1"/>
  <c r="X48262" i="1"/>
  <c r="X48263" i="1"/>
  <c r="X48264" i="1"/>
  <c r="X48265" i="1"/>
  <c r="X48266" i="1"/>
  <c r="X48267" i="1"/>
  <c r="X48268" i="1"/>
  <c r="X48269" i="1"/>
  <c r="X48270" i="1"/>
  <c r="X48271" i="1"/>
  <c r="X48272" i="1"/>
  <c r="X48273" i="1"/>
  <c r="X48274" i="1"/>
  <c r="X48275" i="1"/>
  <c r="X48276" i="1"/>
  <c r="X48277" i="1"/>
  <c r="X48278" i="1"/>
  <c r="X48279" i="1"/>
  <c r="X48280" i="1"/>
  <c r="X48281" i="1"/>
  <c r="X48282" i="1"/>
  <c r="X48283" i="1"/>
  <c r="X48284" i="1"/>
  <c r="X48285" i="1"/>
  <c r="X48286" i="1"/>
  <c r="X48287" i="1"/>
  <c r="X48288" i="1"/>
  <c r="X48289" i="1"/>
  <c r="X48290" i="1"/>
  <c r="X48291" i="1"/>
  <c r="X48292" i="1"/>
  <c r="X48293" i="1"/>
  <c r="X48294" i="1"/>
  <c r="X48295" i="1"/>
  <c r="X48296" i="1"/>
  <c r="X48297" i="1"/>
  <c r="X48298" i="1"/>
  <c r="X48299" i="1"/>
  <c r="X48300" i="1"/>
  <c r="X48301" i="1"/>
  <c r="X48302" i="1"/>
  <c r="X48303" i="1"/>
  <c r="X48304" i="1"/>
  <c r="X48305" i="1"/>
  <c r="X48306" i="1"/>
  <c r="X48307" i="1"/>
  <c r="X48308" i="1"/>
  <c r="X48309" i="1"/>
  <c r="X48310" i="1"/>
  <c r="X48311" i="1"/>
  <c r="X48312" i="1"/>
  <c r="X48313" i="1"/>
  <c r="X48314" i="1"/>
  <c r="X48315" i="1"/>
  <c r="X48316" i="1"/>
  <c r="X48317" i="1"/>
  <c r="X48318" i="1"/>
  <c r="X48319" i="1"/>
  <c r="X48320" i="1"/>
  <c r="X48321" i="1"/>
  <c r="X48322" i="1"/>
  <c r="X48323" i="1"/>
  <c r="X48324" i="1"/>
  <c r="X48325" i="1"/>
  <c r="X48326" i="1"/>
  <c r="X48327" i="1"/>
  <c r="X48328" i="1"/>
  <c r="X48329" i="1"/>
  <c r="X48330" i="1"/>
  <c r="X48331" i="1"/>
  <c r="X48332" i="1"/>
  <c r="X48333" i="1"/>
  <c r="X48334" i="1"/>
  <c r="X48335" i="1"/>
  <c r="X48336" i="1"/>
  <c r="X48337" i="1"/>
  <c r="X48338" i="1"/>
  <c r="X48339" i="1"/>
  <c r="X48340" i="1"/>
  <c r="X48341" i="1"/>
  <c r="X48342" i="1"/>
  <c r="X48343" i="1"/>
  <c r="X48344" i="1"/>
  <c r="X48345" i="1"/>
  <c r="X48346" i="1"/>
  <c r="X48347" i="1"/>
  <c r="X48348" i="1"/>
  <c r="X48349" i="1"/>
  <c r="X48350" i="1"/>
  <c r="X48351" i="1"/>
  <c r="X48352" i="1"/>
  <c r="X48353" i="1"/>
  <c r="X48354" i="1"/>
  <c r="X48355" i="1"/>
  <c r="X48356" i="1"/>
  <c r="X48357" i="1"/>
  <c r="X48358" i="1"/>
  <c r="X48359" i="1"/>
  <c r="X48360" i="1"/>
  <c r="X48361" i="1"/>
  <c r="X48362" i="1"/>
  <c r="X48363" i="1"/>
  <c r="X48364" i="1"/>
  <c r="X48365" i="1"/>
  <c r="X48366" i="1"/>
  <c r="X48367" i="1"/>
  <c r="X48368" i="1"/>
  <c r="X48369" i="1"/>
  <c r="X48370" i="1"/>
  <c r="X48371" i="1"/>
  <c r="X48372" i="1"/>
  <c r="X48373" i="1"/>
  <c r="X48374" i="1"/>
  <c r="X48375" i="1"/>
  <c r="X48376" i="1"/>
  <c r="X48377" i="1"/>
  <c r="X48378" i="1"/>
  <c r="X48379" i="1"/>
  <c r="X48380" i="1"/>
  <c r="X48381" i="1"/>
  <c r="X48382" i="1"/>
  <c r="X48383" i="1"/>
  <c r="X48384" i="1"/>
  <c r="X48385" i="1"/>
  <c r="X48386" i="1"/>
  <c r="X48387" i="1"/>
  <c r="X48388" i="1"/>
  <c r="X48389" i="1"/>
  <c r="X48390" i="1"/>
  <c r="X48391" i="1"/>
  <c r="X48392" i="1"/>
  <c r="X48393" i="1"/>
  <c r="X48394" i="1"/>
  <c r="X48395" i="1"/>
  <c r="X48396" i="1"/>
  <c r="X48397" i="1"/>
  <c r="X48398" i="1"/>
  <c r="X48399" i="1"/>
  <c r="X48400" i="1"/>
  <c r="X48401" i="1"/>
  <c r="X48402" i="1"/>
  <c r="X48403" i="1"/>
  <c r="X48404" i="1"/>
  <c r="X48405" i="1"/>
  <c r="X48406" i="1"/>
  <c r="X48407" i="1"/>
  <c r="X48408" i="1"/>
  <c r="X48409" i="1"/>
  <c r="X48410" i="1"/>
  <c r="X48411" i="1"/>
  <c r="X48412" i="1"/>
  <c r="X48413" i="1"/>
  <c r="X48414" i="1"/>
  <c r="X48415" i="1"/>
  <c r="X48416" i="1"/>
  <c r="X48417" i="1"/>
  <c r="X48418" i="1"/>
  <c r="X48419" i="1"/>
  <c r="X48420" i="1"/>
  <c r="X48421" i="1"/>
  <c r="X48422" i="1"/>
  <c r="X48423" i="1"/>
  <c r="X48424" i="1"/>
  <c r="X48425" i="1"/>
  <c r="X48426" i="1"/>
  <c r="X48427" i="1"/>
  <c r="X48428" i="1"/>
  <c r="X48429" i="1"/>
  <c r="X48430" i="1"/>
  <c r="X48431" i="1"/>
  <c r="X48432" i="1"/>
  <c r="X48433" i="1"/>
  <c r="X48434" i="1"/>
  <c r="X48435" i="1"/>
  <c r="X48436" i="1"/>
  <c r="X48437" i="1"/>
  <c r="X48438" i="1"/>
  <c r="X48439" i="1"/>
  <c r="X48440" i="1"/>
  <c r="X48441" i="1"/>
  <c r="X48442" i="1"/>
  <c r="X48443" i="1"/>
  <c r="X48444" i="1"/>
  <c r="X48445" i="1"/>
  <c r="X48446" i="1"/>
  <c r="X48447" i="1"/>
  <c r="X48448" i="1"/>
  <c r="X48449" i="1"/>
  <c r="X48450" i="1"/>
  <c r="X48451" i="1"/>
  <c r="X48452" i="1"/>
  <c r="X48453" i="1"/>
  <c r="X48454" i="1"/>
  <c r="X48455" i="1"/>
  <c r="X48456" i="1"/>
  <c r="X48457" i="1"/>
  <c r="X48458" i="1"/>
  <c r="X48459" i="1"/>
  <c r="X48460" i="1"/>
  <c r="X48461" i="1"/>
  <c r="X48462" i="1"/>
  <c r="X48463" i="1"/>
  <c r="X48464" i="1"/>
  <c r="X48465" i="1"/>
  <c r="X48466" i="1"/>
  <c r="X48467" i="1"/>
  <c r="X48468" i="1"/>
  <c r="X48469" i="1"/>
  <c r="X48470" i="1"/>
  <c r="X48471" i="1"/>
  <c r="X48472" i="1"/>
  <c r="X48473" i="1"/>
  <c r="X48474" i="1"/>
  <c r="X48475" i="1"/>
  <c r="X48476" i="1"/>
  <c r="X48477" i="1"/>
  <c r="X48478" i="1"/>
  <c r="X48479" i="1"/>
  <c r="X48480" i="1"/>
  <c r="X48481" i="1"/>
  <c r="X48482" i="1"/>
  <c r="X48483" i="1"/>
  <c r="X48484" i="1"/>
  <c r="X48485" i="1"/>
  <c r="X48486" i="1"/>
  <c r="X48487" i="1"/>
  <c r="X48488" i="1"/>
  <c r="X48489" i="1"/>
  <c r="X48490" i="1"/>
  <c r="X48491" i="1"/>
  <c r="X48492" i="1"/>
  <c r="X48493" i="1"/>
  <c r="X48494" i="1"/>
  <c r="X48495" i="1"/>
  <c r="X48496" i="1"/>
  <c r="X48497" i="1"/>
  <c r="X48498" i="1"/>
  <c r="X48499" i="1"/>
  <c r="X48500" i="1"/>
  <c r="X48501" i="1"/>
  <c r="X48502" i="1"/>
  <c r="X48503" i="1"/>
  <c r="X48504" i="1"/>
  <c r="X48505" i="1"/>
  <c r="X48506" i="1"/>
  <c r="X48507" i="1"/>
  <c r="X48508" i="1"/>
  <c r="X48509" i="1"/>
  <c r="X48510" i="1"/>
  <c r="X48511" i="1"/>
  <c r="X48512" i="1"/>
  <c r="X48513" i="1"/>
  <c r="X48514" i="1"/>
  <c r="X48515" i="1"/>
  <c r="X48516" i="1"/>
  <c r="X48517" i="1"/>
  <c r="X48518" i="1"/>
  <c r="X48519" i="1"/>
  <c r="X48520" i="1"/>
  <c r="X48521" i="1"/>
  <c r="X48522" i="1"/>
  <c r="X48523" i="1"/>
  <c r="X48524" i="1"/>
  <c r="X48525" i="1"/>
  <c r="X48526" i="1"/>
  <c r="X48527" i="1"/>
  <c r="X48528" i="1"/>
  <c r="X48529" i="1"/>
  <c r="X48530" i="1"/>
  <c r="X48531" i="1"/>
  <c r="X48532" i="1"/>
  <c r="X48533" i="1"/>
  <c r="X48534" i="1"/>
  <c r="X48535" i="1"/>
  <c r="X48536" i="1"/>
  <c r="X48537" i="1"/>
  <c r="X48538" i="1"/>
  <c r="X48539" i="1"/>
  <c r="X48540" i="1"/>
  <c r="X48541" i="1"/>
  <c r="X48542" i="1"/>
  <c r="X48543" i="1"/>
  <c r="X48544" i="1"/>
  <c r="X48545" i="1"/>
  <c r="X48546" i="1"/>
  <c r="X48547" i="1"/>
  <c r="X48548" i="1"/>
  <c r="X48549" i="1"/>
  <c r="X48550" i="1"/>
  <c r="X48551" i="1"/>
  <c r="X48552" i="1"/>
  <c r="X48553" i="1"/>
  <c r="X48554" i="1"/>
  <c r="X48555" i="1"/>
  <c r="X48556" i="1"/>
  <c r="X48557" i="1"/>
  <c r="X48558" i="1"/>
  <c r="X48559" i="1"/>
  <c r="X48560" i="1"/>
  <c r="X48561" i="1"/>
  <c r="X48562" i="1"/>
  <c r="X48563" i="1"/>
  <c r="X48564" i="1"/>
  <c r="X48565" i="1"/>
  <c r="X48566" i="1"/>
  <c r="X48567" i="1"/>
  <c r="X48568" i="1"/>
  <c r="X48569" i="1"/>
  <c r="X48570" i="1"/>
  <c r="X48571" i="1"/>
  <c r="X48572" i="1"/>
  <c r="X48573" i="1"/>
  <c r="X48574" i="1"/>
  <c r="X48575" i="1"/>
  <c r="X48576" i="1"/>
  <c r="X48577" i="1"/>
  <c r="X48578" i="1"/>
  <c r="X48579" i="1"/>
  <c r="X48580" i="1"/>
  <c r="X48581" i="1"/>
  <c r="X48582" i="1"/>
  <c r="X48583" i="1"/>
  <c r="X48584" i="1"/>
  <c r="X48585" i="1"/>
  <c r="X48586" i="1"/>
  <c r="X48587" i="1"/>
  <c r="X48588" i="1"/>
  <c r="X48589" i="1"/>
  <c r="X48590" i="1"/>
  <c r="X48591" i="1"/>
  <c r="X48592" i="1"/>
  <c r="X48593" i="1"/>
  <c r="X48594" i="1"/>
  <c r="X48595" i="1"/>
  <c r="X48596" i="1"/>
  <c r="X48597" i="1"/>
  <c r="X48598" i="1"/>
  <c r="X48599" i="1"/>
  <c r="X48600" i="1"/>
  <c r="X48601" i="1"/>
  <c r="X48602" i="1"/>
  <c r="X48603" i="1"/>
  <c r="X48604" i="1"/>
  <c r="X48605" i="1"/>
  <c r="X48606" i="1"/>
  <c r="X48607" i="1"/>
  <c r="X48608" i="1"/>
  <c r="X48609" i="1"/>
  <c r="X48610" i="1"/>
  <c r="X48611" i="1"/>
  <c r="X48612" i="1"/>
  <c r="X48613" i="1"/>
  <c r="X48614" i="1"/>
  <c r="X48615" i="1"/>
  <c r="X48616" i="1"/>
  <c r="X48617" i="1"/>
  <c r="X48618" i="1"/>
  <c r="X48619" i="1"/>
  <c r="X48620" i="1"/>
  <c r="X48621" i="1"/>
  <c r="X48622" i="1"/>
  <c r="X48623" i="1"/>
  <c r="X48624" i="1"/>
  <c r="X48625" i="1"/>
  <c r="X48626" i="1"/>
  <c r="X48627" i="1"/>
  <c r="X48628" i="1"/>
  <c r="X48629" i="1"/>
  <c r="X48630" i="1"/>
  <c r="X48631" i="1"/>
  <c r="X48632" i="1"/>
  <c r="X48633" i="1"/>
  <c r="X48634" i="1"/>
  <c r="X48635" i="1"/>
  <c r="X48636" i="1"/>
  <c r="X48637" i="1"/>
  <c r="X48638" i="1"/>
  <c r="X48639" i="1"/>
  <c r="X48640" i="1"/>
  <c r="X48641" i="1"/>
  <c r="X48642" i="1"/>
  <c r="X48643" i="1"/>
  <c r="X48644" i="1"/>
  <c r="X48645" i="1"/>
  <c r="X48646" i="1"/>
  <c r="X48647" i="1"/>
  <c r="X48648" i="1"/>
  <c r="X48649" i="1"/>
  <c r="X48650" i="1"/>
  <c r="X48651" i="1"/>
  <c r="X48652" i="1"/>
  <c r="X48653" i="1"/>
  <c r="X48654" i="1"/>
  <c r="X48655" i="1"/>
  <c r="X48656" i="1"/>
  <c r="X48657" i="1"/>
  <c r="X48658" i="1"/>
  <c r="X48659" i="1"/>
  <c r="X48660" i="1"/>
  <c r="X48661" i="1"/>
  <c r="X48662" i="1"/>
  <c r="X48663" i="1"/>
  <c r="X48664" i="1"/>
  <c r="X48665" i="1"/>
  <c r="X48666" i="1"/>
  <c r="X48667" i="1"/>
  <c r="X48668" i="1"/>
  <c r="X48669" i="1"/>
  <c r="X48670" i="1"/>
  <c r="X48671" i="1"/>
  <c r="X48672" i="1"/>
  <c r="X48673" i="1"/>
  <c r="X48674" i="1"/>
  <c r="X48675" i="1"/>
  <c r="X48676" i="1"/>
  <c r="X48677" i="1"/>
  <c r="X48678" i="1"/>
  <c r="X48679" i="1"/>
  <c r="X48680" i="1"/>
  <c r="X48681" i="1"/>
  <c r="X48682" i="1"/>
  <c r="X48683" i="1"/>
  <c r="X48684" i="1"/>
  <c r="X48685" i="1"/>
  <c r="X48686" i="1"/>
  <c r="X48687" i="1"/>
  <c r="X48688" i="1"/>
  <c r="X48689" i="1"/>
  <c r="X48690" i="1"/>
  <c r="X48691" i="1"/>
  <c r="X48692" i="1"/>
  <c r="X48693" i="1"/>
  <c r="X48694" i="1"/>
  <c r="X48695" i="1"/>
  <c r="X48696" i="1"/>
  <c r="X48697" i="1"/>
  <c r="X48698" i="1"/>
  <c r="X48699" i="1"/>
  <c r="X48700" i="1"/>
  <c r="X48701" i="1"/>
  <c r="X48702" i="1"/>
  <c r="X48703" i="1"/>
  <c r="X48704" i="1"/>
  <c r="X48705" i="1"/>
  <c r="X48706" i="1"/>
  <c r="X48707" i="1"/>
  <c r="X48708" i="1"/>
  <c r="X48709" i="1"/>
  <c r="X48710" i="1"/>
  <c r="X48711" i="1"/>
  <c r="X48712" i="1"/>
  <c r="X48713" i="1"/>
  <c r="X48714" i="1"/>
  <c r="X48715" i="1"/>
  <c r="X48716" i="1"/>
  <c r="X48717" i="1"/>
  <c r="X48718" i="1"/>
  <c r="X48719" i="1"/>
  <c r="X48720" i="1"/>
  <c r="X48721" i="1"/>
  <c r="X48722" i="1"/>
  <c r="X48723" i="1"/>
  <c r="X48724" i="1"/>
  <c r="X48725" i="1"/>
  <c r="X48726" i="1"/>
  <c r="X48727" i="1"/>
  <c r="X48728" i="1"/>
  <c r="X48729" i="1"/>
  <c r="X48730" i="1"/>
  <c r="X48731" i="1"/>
  <c r="X48732" i="1"/>
  <c r="X48733" i="1"/>
  <c r="X48734" i="1"/>
  <c r="X48735" i="1"/>
  <c r="X48736" i="1"/>
  <c r="X48737" i="1"/>
  <c r="X48738" i="1"/>
  <c r="X48739" i="1"/>
  <c r="X48740" i="1"/>
  <c r="X48741" i="1"/>
  <c r="X48742" i="1"/>
  <c r="X48743" i="1"/>
  <c r="X48744" i="1"/>
  <c r="X48745" i="1"/>
  <c r="X48746" i="1"/>
  <c r="X48747" i="1"/>
  <c r="X48748" i="1"/>
  <c r="X48749" i="1"/>
  <c r="X48750" i="1"/>
  <c r="X48751" i="1"/>
  <c r="X48752" i="1"/>
  <c r="X48753" i="1"/>
  <c r="X48754" i="1"/>
  <c r="X48755" i="1"/>
  <c r="X48756" i="1"/>
  <c r="X48757" i="1"/>
  <c r="X48758" i="1"/>
  <c r="X48759" i="1"/>
  <c r="X48760" i="1"/>
  <c r="X48761" i="1"/>
  <c r="X48762" i="1"/>
  <c r="X48763" i="1"/>
  <c r="X48764" i="1"/>
  <c r="X48765" i="1"/>
  <c r="X48766" i="1"/>
  <c r="X48767" i="1"/>
  <c r="X48768" i="1"/>
  <c r="X48769" i="1"/>
  <c r="X48770" i="1"/>
  <c r="X48771" i="1"/>
  <c r="X48772" i="1"/>
  <c r="X48773" i="1"/>
  <c r="X48774" i="1"/>
  <c r="X48775" i="1"/>
  <c r="X48776" i="1"/>
  <c r="X48777" i="1"/>
  <c r="X48778" i="1"/>
  <c r="X48779" i="1"/>
  <c r="X48780" i="1"/>
  <c r="X48781" i="1"/>
  <c r="X48782" i="1"/>
  <c r="X48783" i="1"/>
  <c r="X48784" i="1"/>
  <c r="X48785" i="1"/>
  <c r="X48786" i="1"/>
  <c r="X48787" i="1"/>
  <c r="X48788" i="1"/>
  <c r="X48789" i="1"/>
  <c r="X48790" i="1"/>
  <c r="X48791" i="1"/>
  <c r="X48792" i="1"/>
  <c r="X48793" i="1"/>
  <c r="X48794" i="1"/>
  <c r="X48795" i="1"/>
  <c r="X48796" i="1"/>
  <c r="X48797" i="1"/>
  <c r="X48798" i="1"/>
  <c r="X48799" i="1"/>
  <c r="X48800" i="1"/>
  <c r="X48801" i="1"/>
  <c r="X48802" i="1"/>
  <c r="X48803" i="1"/>
  <c r="X48804" i="1"/>
  <c r="X48805" i="1"/>
  <c r="X48806" i="1"/>
  <c r="X48807" i="1"/>
  <c r="X48808" i="1"/>
  <c r="X48809" i="1"/>
  <c r="X48810" i="1"/>
  <c r="X48811" i="1"/>
  <c r="X48812" i="1"/>
  <c r="X48813" i="1"/>
  <c r="X48814" i="1"/>
  <c r="X48815" i="1"/>
  <c r="X48816" i="1"/>
  <c r="X48817" i="1"/>
  <c r="X48818" i="1"/>
  <c r="X48819" i="1"/>
  <c r="X48820" i="1"/>
  <c r="X48821" i="1"/>
  <c r="X48822" i="1"/>
  <c r="X48823" i="1"/>
  <c r="X48824" i="1"/>
  <c r="X48825" i="1"/>
  <c r="X48826" i="1"/>
  <c r="X48827" i="1"/>
  <c r="X48828" i="1"/>
  <c r="X48829" i="1"/>
  <c r="X48830" i="1"/>
  <c r="X48831" i="1"/>
  <c r="X48832" i="1"/>
  <c r="X48833" i="1"/>
  <c r="X48834" i="1"/>
  <c r="X48835" i="1"/>
  <c r="X48836" i="1"/>
  <c r="X48837" i="1"/>
  <c r="X48838" i="1"/>
  <c r="X48839" i="1"/>
  <c r="X48840" i="1"/>
  <c r="X48841" i="1"/>
  <c r="X48842" i="1"/>
  <c r="X48843" i="1"/>
  <c r="X48844" i="1"/>
  <c r="X48845" i="1"/>
  <c r="X48846" i="1"/>
  <c r="X48847" i="1"/>
  <c r="X48848" i="1"/>
  <c r="X48849" i="1"/>
  <c r="X48850" i="1"/>
  <c r="X48851" i="1"/>
  <c r="X48852" i="1"/>
  <c r="X48853" i="1"/>
  <c r="X48854" i="1"/>
  <c r="X48855" i="1"/>
  <c r="X48856" i="1"/>
  <c r="X48857" i="1"/>
  <c r="X48858" i="1"/>
  <c r="X48859" i="1"/>
  <c r="X48860" i="1"/>
  <c r="X48861" i="1"/>
  <c r="X48862" i="1"/>
  <c r="X48863" i="1"/>
  <c r="X48864" i="1"/>
  <c r="X48865" i="1"/>
  <c r="X48866" i="1"/>
  <c r="X48867" i="1"/>
  <c r="X48868" i="1"/>
  <c r="X48869" i="1"/>
  <c r="X48870" i="1"/>
  <c r="X48871" i="1"/>
  <c r="X48872" i="1"/>
  <c r="X48873" i="1"/>
  <c r="X48874" i="1"/>
  <c r="X48875" i="1"/>
  <c r="X48876" i="1"/>
  <c r="X48877" i="1"/>
  <c r="X48878" i="1"/>
  <c r="X48879" i="1"/>
  <c r="X48880" i="1"/>
  <c r="X48881" i="1"/>
  <c r="X48882" i="1"/>
  <c r="X48883" i="1"/>
  <c r="X48884" i="1"/>
  <c r="X48885" i="1"/>
  <c r="X48886" i="1"/>
  <c r="X48887" i="1"/>
  <c r="X48888" i="1"/>
  <c r="X48889" i="1"/>
  <c r="X48890" i="1"/>
  <c r="X48891" i="1"/>
  <c r="X48892" i="1"/>
  <c r="X48893" i="1"/>
  <c r="X48894" i="1"/>
  <c r="X48895" i="1"/>
  <c r="X48896" i="1"/>
  <c r="X48897" i="1"/>
  <c r="X48898" i="1"/>
  <c r="X48899" i="1"/>
  <c r="X48900" i="1"/>
  <c r="X48901" i="1"/>
  <c r="X48902" i="1"/>
  <c r="X48903" i="1"/>
  <c r="X48904" i="1"/>
  <c r="X48905" i="1"/>
  <c r="X48906" i="1"/>
  <c r="X48907" i="1"/>
  <c r="X48908" i="1"/>
  <c r="X48909" i="1"/>
  <c r="X48910" i="1"/>
  <c r="X48911" i="1"/>
  <c r="X48912" i="1"/>
  <c r="X48913" i="1"/>
  <c r="X48914" i="1"/>
  <c r="X48915" i="1"/>
  <c r="X48916" i="1"/>
  <c r="X48917" i="1"/>
  <c r="X48918" i="1"/>
  <c r="X48919" i="1"/>
  <c r="X48920" i="1"/>
  <c r="X48921" i="1"/>
  <c r="X48922" i="1"/>
  <c r="X48923" i="1"/>
  <c r="X48924" i="1"/>
  <c r="X48925" i="1"/>
  <c r="X48926" i="1"/>
  <c r="X48927" i="1"/>
  <c r="X48928" i="1"/>
  <c r="X48929" i="1"/>
  <c r="X48930" i="1"/>
  <c r="X48931" i="1"/>
  <c r="X48932" i="1"/>
  <c r="X48933" i="1"/>
  <c r="X48934" i="1"/>
  <c r="X48935" i="1"/>
  <c r="X48936" i="1"/>
  <c r="X48937" i="1"/>
  <c r="X48938" i="1"/>
  <c r="X48939" i="1"/>
  <c r="X48940" i="1"/>
  <c r="X48941" i="1"/>
  <c r="X48942" i="1"/>
  <c r="X48943" i="1"/>
  <c r="X48944" i="1"/>
  <c r="X48945" i="1"/>
  <c r="X48946" i="1"/>
  <c r="X48947" i="1"/>
  <c r="X48948" i="1"/>
  <c r="X48949" i="1"/>
  <c r="X48950" i="1"/>
  <c r="X48951" i="1"/>
  <c r="X48952" i="1"/>
  <c r="X48953" i="1"/>
  <c r="X48954" i="1"/>
  <c r="X48955" i="1"/>
  <c r="X48956" i="1"/>
  <c r="X48957" i="1"/>
  <c r="X48958" i="1"/>
  <c r="X48959" i="1"/>
  <c r="X48960" i="1"/>
  <c r="X48961" i="1"/>
  <c r="X48962" i="1"/>
  <c r="X48963" i="1"/>
  <c r="X48964" i="1"/>
  <c r="X48965" i="1"/>
  <c r="X48966" i="1"/>
  <c r="X48967" i="1"/>
  <c r="X48968" i="1"/>
  <c r="X48969" i="1"/>
  <c r="X48970" i="1"/>
  <c r="X48971" i="1"/>
  <c r="X48972" i="1"/>
  <c r="X48973" i="1"/>
  <c r="X48974" i="1"/>
  <c r="X48975" i="1"/>
  <c r="X48976" i="1"/>
  <c r="X48977" i="1"/>
  <c r="X48978" i="1"/>
  <c r="X48979" i="1"/>
  <c r="X48980" i="1"/>
  <c r="X48981" i="1"/>
  <c r="X48982" i="1"/>
  <c r="X48983" i="1"/>
  <c r="X48984" i="1"/>
  <c r="X48985" i="1"/>
  <c r="X48986" i="1"/>
  <c r="X48987" i="1"/>
  <c r="X48988" i="1"/>
  <c r="X48989" i="1"/>
  <c r="X48990" i="1"/>
  <c r="X48991" i="1"/>
  <c r="X48992" i="1"/>
  <c r="X48993" i="1"/>
  <c r="X48994" i="1"/>
  <c r="X48995" i="1"/>
  <c r="X48996" i="1"/>
  <c r="X48997" i="1"/>
  <c r="X48998" i="1"/>
  <c r="X48999" i="1"/>
  <c r="X49000" i="1"/>
  <c r="X49001" i="1"/>
  <c r="X49002" i="1"/>
  <c r="X49003" i="1"/>
  <c r="X49004" i="1"/>
  <c r="X49005" i="1"/>
  <c r="X49006" i="1"/>
  <c r="X49007" i="1"/>
  <c r="X49008" i="1"/>
  <c r="X49009" i="1"/>
  <c r="X49010" i="1"/>
  <c r="X49011" i="1"/>
  <c r="X49012" i="1"/>
  <c r="X49013" i="1"/>
  <c r="X49014" i="1"/>
  <c r="X49015" i="1"/>
  <c r="X49016" i="1"/>
  <c r="X49017" i="1"/>
  <c r="X49018" i="1"/>
  <c r="X49019" i="1"/>
  <c r="X49020" i="1"/>
  <c r="X49021" i="1"/>
  <c r="X49022" i="1"/>
  <c r="X49023" i="1"/>
  <c r="X49024" i="1"/>
  <c r="X49025" i="1"/>
  <c r="X49026" i="1"/>
  <c r="X49027" i="1"/>
  <c r="X49028" i="1"/>
  <c r="X49029" i="1"/>
  <c r="X49030" i="1"/>
  <c r="X49031" i="1"/>
  <c r="X49032" i="1"/>
  <c r="X49033" i="1"/>
  <c r="X49034" i="1"/>
  <c r="X49035" i="1"/>
  <c r="X49036" i="1"/>
  <c r="X49037" i="1"/>
  <c r="X49038" i="1"/>
  <c r="X49039" i="1"/>
  <c r="X49040" i="1"/>
  <c r="X49041" i="1"/>
  <c r="X49042" i="1"/>
  <c r="X49043" i="1"/>
  <c r="X49044" i="1"/>
  <c r="X49045" i="1"/>
  <c r="X49046" i="1"/>
  <c r="X49047" i="1"/>
  <c r="X49048" i="1"/>
  <c r="X49049" i="1"/>
  <c r="X49050" i="1"/>
  <c r="X49051" i="1"/>
  <c r="X49052" i="1"/>
  <c r="X49053" i="1"/>
  <c r="X49054" i="1"/>
  <c r="X49055" i="1"/>
  <c r="X49056" i="1"/>
  <c r="X49057" i="1"/>
  <c r="X49058" i="1"/>
  <c r="X49059" i="1"/>
  <c r="X49060" i="1"/>
  <c r="X49061" i="1"/>
  <c r="X49062" i="1"/>
  <c r="X49063" i="1"/>
  <c r="X49064" i="1"/>
  <c r="X49065" i="1"/>
  <c r="X49066" i="1"/>
  <c r="X49067" i="1"/>
  <c r="X49068" i="1"/>
  <c r="X49069" i="1"/>
  <c r="X49070" i="1"/>
  <c r="X49071" i="1"/>
  <c r="X49072" i="1"/>
  <c r="X49073" i="1"/>
  <c r="X49074" i="1"/>
  <c r="X49075" i="1"/>
  <c r="X49076" i="1"/>
  <c r="X49077" i="1"/>
  <c r="X49078" i="1"/>
  <c r="X49079" i="1"/>
  <c r="X49080" i="1"/>
  <c r="X49081" i="1"/>
  <c r="X49082" i="1"/>
  <c r="X49083" i="1"/>
  <c r="X49084" i="1"/>
  <c r="X49085" i="1"/>
  <c r="X49086" i="1"/>
  <c r="X49087" i="1"/>
  <c r="X49088" i="1"/>
  <c r="X49089" i="1"/>
  <c r="X49090" i="1"/>
  <c r="X49091" i="1"/>
  <c r="X49092" i="1"/>
  <c r="X49093" i="1"/>
  <c r="X49094" i="1"/>
  <c r="X49095" i="1"/>
  <c r="X49096" i="1"/>
  <c r="X49097" i="1"/>
  <c r="X49098" i="1"/>
  <c r="X49099" i="1"/>
  <c r="X49100" i="1"/>
  <c r="X49101" i="1"/>
  <c r="X49102" i="1"/>
  <c r="X49103" i="1"/>
  <c r="X49104" i="1"/>
  <c r="X49105" i="1"/>
  <c r="X49106" i="1"/>
  <c r="X49107" i="1"/>
  <c r="X49108" i="1"/>
  <c r="X49109" i="1"/>
  <c r="X49110" i="1"/>
  <c r="X49111" i="1"/>
  <c r="X49112" i="1"/>
  <c r="X49113" i="1"/>
  <c r="X49114" i="1"/>
  <c r="X49115" i="1"/>
  <c r="X49116" i="1"/>
  <c r="X49117" i="1"/>
  <c r="X49118" i="1"/>
  <c r="X49119" i="1"/>
  <c r="X49120" i="1"/>
  <c r="X49121" i="1"/>
  <c r="X49122" i="1"/>
  <c r="X49123" i="1"/>
  <c r="X49124" i="1"/>
  <c r="X49125" i="1"/>
  <c r="X49126" i="1"/>
  <c r="X49127" i="1"/>
  <c r="X49128" i="1"/>
  <c r="X49129" i="1"/>
  <c r="X49130" i="1"/>
  <c r="X49131" i="1"/>
  <c r="X49132" i="1"/>
  <c r="X49133" i="1"/>
  <c r="X49134" i="1"/>
  <c r="X49135" i="1"/>
  <c r="X49136" i="1"/>
  <c r="X49137" i="1"/>
  <c r="X49138" i="1"/>
  <c r="X49139" i="1"/>
  <c r="X49140" i="1"/>
  <c r="X49141" i="1"/>
  <c r="X49142" i="1"/>
  <c r="X49143" i="1"/>
  <c r="X49144" i="1"/>
  <c r="X49145" i="1"/>
  <c r="X49146" i="1"/>
  <c r="X49147" i="1"/>
  <c r="X49148" i="1"/>
  <c r="X49149" i="1"/>
  <c r="X49150" i="1"/>
  <c r="X49151" i="1"/>
  <c r="X49152" i="1"/>
  <c r="X49153" i="1"/>
  <c r="X49154" i="1"/>
  <c r="X49155" i="1"/>
  <c r="X49156" i="1"/>
  <c r="X49157" i="1"/>
  <c r="X49158" i="1"/>
  <c r="X49159" i="1"/>
  <c r="X49160" i="1"/>
  <c r="X49161" i="1"/>
  <c r="X49162" i="1"/>
  <c r="X49163" i="1"/>
  <c r="X49164" i="1"/>
  <c r="X49165" i="1"/>
  <c r="X49166" i="1"/>
  <c r="X49167" i="1"/>
  <c r="X49168" i="1"/>
  <c r="X49169" i="1"/>
  <c r="X49170" i="1"/>
  <c r="X49171" i="1"/>
  <c r="X49172" i="1"/>
  <c r="X49173" i="1"/>
  <c r="X49174" i="1"/>
  <c r="X49175" i="1"/>
  <c r="X49176" i="1"/>
  <c r="X49177" i="1"/>
  <c r="X49178" i="1"/>
  <c r="X49179" i="1"/>
  <c r="X49180" i="1"/>
  <c r="X49181" i="1"/>
  <c r="X49182" i="1"/>
  <c r="X49183" i="1"/>
  <c r="X49184" i="1"/>
  <c r="X49185" i="1"/>
  <c r="X49186" i="1"/>
  <c r="X49187" i="1"/>
  <c r="X49188" i="1"/>
  <c r="X49189" i="1"/>
  <c r="X49190" i="1"/>
  <c r="X49191" i="1"/>
  <c r="X49192" i="1"/>
  <c r="X49193" i="1"/>
  <c r="X49194" i="1"/>
  <c r="X49195" i="1"/>
  <c r="X49196" i="1"/>
  <c r="X49197" i="1"/>
  <c r="X49198" i="1"/>
  <c r="X49199" i="1"/>
  <c r="X49200" i="1"/>
  <c r="X49201" i="1"/>
  <c r="X49202" i="1"/>
  <c r="X49203" i="1"/>
  <c r="X49204" i="1"/>
  <c r="X49205" i="1"/>
  <c r="X49206" i="1"/>
  <c r="X49207" i="1"/>
  <c r="X49208" i="1"/>
  <c r="X49209" i="1"/>
  <c r="X49210" i="1"/>
  <c r="X49211" i="1"/>
  <c r="X49212" i="1"/>
  <c r="X49213" i="1"/>
  <c r="X49214" i="1"/>
  <c r="X49215" i="1"/>
  <c r="X49216" i="1"/>
  <c r="X49217" i="1"/>
  <c r="X49218" i="1"/>
  <c r="X49219" i="1"/>
  <c r="X49220" i="1"/>
  <c r="X49221" i="1"/>
  <c r="X49222" i="1"/>
  <c r="X49223" i="1"/>
  <c r="X49224" i="1"/>
  <c r="X49225" i="1"/>
  <c r="X49226" i="1"/>
  <c r="X49227" i="1"/>
  <c r="X49228" i="1"/>
  <c r="X49229" i="1"/>
  <c r="X49230" i="1"/>
  <c r="X49231" i="1"/>
  <c r="X49232" i="1"/>
  <c r="X49233" i="1"/>
  <c r="X49234" i="1"/>
  <c r="X49235" i="1"/>
  <c r="X49236" i="1"/>
  <c r="X49237" i="1"/>
  <c r="X49238" i="1"/>
  <c r="X49239" i="1"/>
  <c r="X49240" i="1"/>
  <c r="X49241" i="1"/>
  <c r="X49242" i="1"/>
  <c r="X49243" i="1"/>
  <c r="X49244" i="1"/>
  <c r="X49245" i="1"/>
  <c r="X49246" i="1"/>
  <c r="X49247" i="1"/>
  <c r="X49248" i="1"/>
  <c r="X49249" i="1"/>
  <c r="X49250" i="1"/>
  <c r="X49251" i="1"/>
  <c r="X49252" i="1"/>
  <c r="X49253" i="1"/>
  <c r="X49254" i="1"/>
  <c r="X49255" i="1"/>
  <c r="X49256" i="1"/>
  <c r="X49257" i="1"/>
  <c r="X49258" i="1"/>
  <c r="X49259" i="1"/>
  <c r="X49260" i="1"/>
  <c r="X49261" i="1"/>
  <c r="X49262" i="1"/>
  <c r="X49263" i="1"/>
  <c r="X49264" i="1"/>
  <c r="X49265" i="1"/>
  <c r="X49266" i="1"/>
  <c r="X49267" i="1"/>
  <c r="X49268" i="1"/>
  <c r="X49269" i="1"/>
  <c r="X49270" i="1"/>
  <c r="X49271" i="1"/>
  <c r="X49272" i="1"/>
  <c r="X49273" i="1"/>
  <c r="X49274" i="1"/>
  <c r="X49275" i="1"/>
  <c r="X49276" i="1"/>
  <c r="X49277" i="1"/>
  <c r="X49278" i="1"/>
  <c r="X49279" i="1"/>
  <c r="X49280" i="1"/>
  <c r="X49281" i="1"/>
  <c r="X49282" i="1"/>
  <c r="X49283" i="1"/>
  <c r="X49284" i="1"/>
  <c r="X49285" i="1"/>
  <c r="X49286" i="1"/>
  <c r="X49287" i="1"/>
  <c r="X49288" i="1"/>
  <c r="X49289" i="1"/>
  <c r="X49290" i="1"/>
  <c r="X49291" i="1"/>
  <c r="X49292" i="1"/>
  <c r="X49293" i="1"/>
  <c r="X49294" i="1"/>
  <c r="X49295" i="1"/>
  <c r="X49296" i="1"/>
  <c r="X49297" i="1"/>
  <c r="X49298" i="1"/>
  <c r="X49299" i="1"/>
  <c r="X49300" i="1"/>
  <c r="X49301" i="1"/>
  <c r="X49302" i="1"/>
  <c r="X49303" i="1"/>
  <c r="X49304" i="1"/>
  <c r="X49305" i="1"/>
  <c r="X49306" i="1"/>
  <c r="X49307" i="1"/>
  <c r="X49308" i="1"/>
  <c r="X49309" i="1"/>
  <c r="X49310" i="1"/>
  <c r="X49311" i="1"/>
  <c r="X49312" i="1"/>
  <c r="X49313" i="1"/>
  <c r="X49314" i="1"/>
  <c r="X49315" i="1"/>
  <c r="X49316" i="1"/>
  <c r="X49317" i="1"/>
  <c r="X49318" i="1"/>
  <c r="X49319" i="1"/>
  <c r="X49320" i="1"/>
  <c r="X49321" i="1"/>
  <c r="X49322" i="1"/>
  <c r="X49323" i="1"/>
  <c r="X49324" i="1"/>
  <c r="X49325" i="1"/>
  <c r="X49326" i="1"/>
  <c r="X49327" i="1"/>
  <c r="X49328" i="1"/>
  <c r="X49329" i="1"/>
  <c r="X49330" i="1"/>
  <c r="X49331" i="1"/>
  <c r="X49332" i="1"/>
  <c r="X49333" i="1"/>
  <c r="X49334" i="1"/>
  <c r="X49335" i="1"/>
  <c r="X49336" i="1"/>
  <c r="X49337" i="1"/>
  <c r="X49338" i="1"/>
  <c r="X49339" i="1"/>
  <c r="X49340" i="1"/>
  <c r="X49341" i="1"/>
  <c r="X49342" i="1"/>
  <c r="X49343" i="1"/>
  <c r="X49344" i="1"/>
  <c r="X49345" i="1"/>
  <c r="X49346" i="1"/>
  <c r="X49347" i="1"/>
  <c r="X49348" i="1"/>
  <c r="X49349" i="1"/>
  <c r="X49350" i="1"/>
  <c r="X49351" i="1"/>
  <c r="X49352" i="1"/>
  <c r="X49353" i="1"/>
  <c r="X49354" i="1"/>
  <c r="X49355" i="1"/>
  <c r="X49356" i="1"/>
  <c r="X49357" i="1"/>
  <c r="X49358" i="1"/>
  <c r="X49359" i="1"/>
  <c r="X49360" i="1"/>
  <c r="X49361" i="1"/>
  <c r="X49362" i="1"/>
  <c r="X49363" i="1"/>
  <c r="X49364" i="1"/>
  <c r="X49365" i="1"/>
  <c r="X49366" i="1"/>
  <c r="X49367" i="1"/>
  <c r="X49368" i="1"/>
  <c r="X49369" i="1"/>
  <c r="X49370" i="1"/>
  <c r="X49371" i="1"/>
  <c r="X49372" i="1"/>
  <c r="X49373" i="1"/>
  <c r="X49374" i="1"/>
  <c r="X49375" i="1"/>
  <c r="X49376" i="1"/>
  <c r="X49377" i="1"/>
  <c r="X49378" i="1"/>
  <c r="X49379" i="1"/>
  <c r="X49380" i="1"/>
  <c r="X49381" i="1"/>
  <c r="X49382" i="1"/>
  <c r="X49383" i="1"/>
  <c r="X49384" i="1"/>
  <c r="X49385" i="1"/>
  <c r="X49386" i="1"/>
  <c r="X49387" i="1"/>
  <c r="X49388" i="1"/>
  <c r="X49389" i="1"/>
  <c r="X49390" i="1"/>
  <c r="X49391" i="1"/>
  <c r="X49392" i="1"/>
  <c r="X49393" i="1"/>
  <c r="X49394" i="1"/>
  <c r="X49395" i="1"/>
  <c r="X49396" i="1"/>
  <c r="X49397" i="1"/>
  <c r="X49398" i="1"/>
  <c r="X49399" i="1"/>
  <c r="X49400" i="1"/>
  <c r="X49401" i="1"/>
  <c r="X49402" i="1"/>
  <c r="X49403" i="1"/>
  <c r="X49404" i="1"/>
  <c r="X49405" i="1"/>
  <c r="X49406" i="1"/>
  <c r="X49407" i="1"/>
  <c r="X49408" i="1"/>
  <c r="X49409" i="1"/>
  <c r="X49410" i="1"/>
  <c r="X49411" i="1"/>
  <c r="X49412" i="1"/>
  <c r="X49413" i="1"/>
  <c r="X49414" i="1"/>
  <c r="X49415" i="1"/>
  <c r="X49416" i="1"/>
  <c r="X49417" i="1"/>
  <c r="X49418" i="1"/>
  <c r="X49419" i="1"/>
  <c r="X49420" i="1"/>
  <c r="X49421" i="1"/>
  <c r="X49422" i="1"/>
  <c r="X49423" i="1"/>
  <c r="X49424" i="1"/>
  <c r="X49425" i="1"/>
  <c r="X49426" i="1"/>
  <c r="X49427" i="1"/>
  <c r="X49428" i="1"/>
  <c r="X49429" i="1"/>
  <c r="X49430" i="1"/>
  <c r="X49431" i="1"/>
  <c r="X49432" i="1"/>
  <c r="X49433" i="1"/>
  <c r="X49434" i="1"/>
  <c r="X49435" i="1"/>
  <c r="X49436" i="1"/>
  <c r="X49437" i="1"/>
  <c r="X49438" i="1"/>
  <c r="X49439" i="1"/>
  <c r="X49440" i="1"/>
  <c r="X49441" i="1"/>
  <c r="X49442" i="1"/>
  <c r="X49443" i="1"/>
  <c r="X49444" i="1"/>
  <c r="X49445" i="1"/>
  <c r="X49446" i="1"/>
  <c r="X49447" i="1"/>
  <c r="X49448" i="1"/>
  <c r="X49449" i="1"/>
  <c r="X49450" i="1"/>
  <c r="X49451" i="1"/>
  <c r="X49452" i="1"/>
  <c r="X49453" i="1"/>
  <c r="X49454" i="1"/>
  <c r="X49455" i="1"/>
  <c r="X49456" i="1"/>
  <c r="X49457" i="1"/>
  <c r="X49458" i="1"/>
  <c r="X49459" i="1"/>
  <c r="X49460" i="1"/>
  <c r="X49461" i="1"/>
  <c r="X49462" i="1"/>
  <c r="X49463" i="1"/>
  <c r="X49464" i="1"/>
  <c r="X49465" i="1"/>
  <c r="X49466" i="1"/>
  <c r="X49467" i="1"/>
  <c r="X49468" i="1"/>
  <c r="X49469" i="1"/>
  <c r="X49470" i="1"/>
  <c r="X49471" i="1"/>
  <c r="X49472" i="1"/>
  <c r="X49473" i="1"/>
  <c r="X49474" i="1"/>
  <c r="X49475" i="1"/>
  <c r="X49476" i="1"/>
  <c r="X49477" i="1"/>
  <c r="X49478" i="1"/>
  <c r="X49479" i="1"/>
  <c r="X49480" i="1"/>
  <c r="X49481" i="1"/>
  <c r="X49482" i="1"/>
  <c r="X49483" i="1"/>
  <c r="X49484" i="1"/>
  <c r="X49485" i="1"/>
  <c r="X49486" i="1"/>
  <c r="X49487" i="1"/>
  <c r="X49488" i="1"/>
  <c r="X49489" i="1"/>
  <c r="X49490" i="1"/>
  <c r="X49491" i="1"/>
  <c r="X49492" i="1"/>
  <c r="X49493" i="1"/>
  <c r="X49494" i="1"/>
  <c r="X49495" i="1"/>
  <c r="X49496" i="1"/>
  <c r="X49497" i="1"/>
  <c r="X49498" i="1"/>
  <c r="X49499" i="1"/>
  <c r="X49500" i="1"/>
  <c r="X49501" i="1"/>
  <c r="X49502" i="1"/>
  <c r="X49503" i="1"/>
  <c r="X49504" i="1"/>
  <c r="X49505" i="1"/>
  <c r="X49506" i="1"/>
  <c r="X49507" i="1"/>
  <c r="X49508" i="1"/>
  <c r="X49509" i="1"/>
  <c r="X49510" i="1"/>
  <c r="X49511" i="1"/>
  <c r="X49512" i="1"/>
  <c r="X49513" i="1"/>
  <c r="X49514" i="1"/>
  <c r="X49515" i="1"/>
  <c r="X49516" i="1"/>
  <c r="X49517" i="1"/>
  <c r="X49518" i="1"/>
  <c r="X49519" i="1"/>
  <c r="X49520" i="1"/>
  <c r="X49521" i="1"/>
  <c r="X49522" i="1"/>
  <c r="X49523" i="1"/>
  <c r="X49524" i="1"/>
  <c r="X49525" i="1"/>
  <c r="X49526" i="1"/>
  <c r="X49527" i="1"/>
  <c r="X49528" i="1"/>
  <c r="X49529" i="1"/>
  <c r="X49530" i="1"/>
  <c r="X49531" i="1"/>
  <c r="X49532" i="1"/>
  <c r="X49533" i="1"/>
  <c r="X49534" i="1"/>
  <c r="X49535" i="1"/>
  <c r="X49536" i="1"/>
  <c r="X49537" i="1"/>
  <c r="X49538" i="1"/>
  <c r="X49539" i="1"/>
  <c r="X49540" i="1"/>
  <c r="X49541" i="1"/>
  <c r="X49542" i="1"/>
  <c r="X49543" i="1"/>
  <c r="X49544" i="1"/>
  <c r="X49545" i="1"/>
  <c r="X49546" i="1"/>
  <c r="X49547" i="1"/>
  <c r="X49548" i="1"/>
  <c r="X49549" i="1"/>
  <c r="X49550" i="1"/>
  <c r="X49551" i="1"/>
  <c r="X49552" i="1"/>
  <c r="X49553" i="1"/>
  <c r="X49554" i="1"/>
  <c r="X49555" i="1"/>
  <c r="X49556" i="1"/>
  <c r="X49557" i="1"/>
  <c r="X49558" i="1"/>
  <c r="X49559" i="1"/>
  <c r="X49560" i="1"/>
  <c r="X49561" i="1"/>
  <c r="X49562" i="1"/>
  <c r="X49563" i="1"/>
  <c r="X49564" i="1"/>
  <c r="X49565" i="1"/>
  <c r="X49566" i="1"/>
  <c r="X49567" i="1"/>
  <c r="X49568" i="1"/>
  <c r="X49569" i="1"/>
  <c r="X49570" i="1"/>
  <c r="X49571" i="1"/>
  <c r="X49572" i="1"/>
  <c r="X49573" i="1"/>
  <c r="X49574" i="1"/>
  <c r="X49575" i="1"/>
  <c r="X49576" i="1"/>
  <c r="X49577" i="1"/>
  <c r="X49578" i="1"/>
  <c r="X49579" i="1"/>
  <c r="X49580" i="1"/>
  <c r="X49581" i="1"/>
  <c r="X49582" i="1"/>
  <c r="X49583" i="1"/>
  <c r="X49584" i="1"/>
  <c r="X49585" i="1"/>
  <c r="X49586" i="1"/>
  <c r="X49587" i="1"/>
  <c r="X49588" i="1"/>
  <c r="X49589" i="1"/>
  <c r="X49590" i="1"/>
  <c r="X49591" i="1"/>
  <c r="X49592" i="1"/>
  <c r="X49593" i="1"/>
  <c r="X49594" i="1"/>
  <c r="X49595" i="1"/>
  <c r="X49596" i="1"/>
  <c r="X49597" i="1"/>
  <c r="X49598" i="1"/>
  <c r="X49599" i="1"/>
  <c r="X49600" i="1"/>
  <c r="X49601" i="1"/>
  <c r="X49602" i="1"/>
  <c r="X49603" i="1"/>
  <c r="X49604" i="1"/>
  <c r="X49605" i="1"/>
  <c r="X49606" i="1"/>
  <c r="X49607" i="1"/>
  <c r="X49608" i="1"/>
  <c r="X49609" i="1"/>
  <c r="X49610" i="1"/>
  <c r="X49611" i="1"/>
  <c r="X49612" i="1"/>
  <c r="X49613" i="1"/>
  <c r="X49614" i="1"/>
  <c r="X49615" i="1"/>
  <c r="X49616" i="1"/>
  <c r="X49617" i="1"/>
  <c r="X49618" i="1"/>
  <c r="X49619" i="1"/>
  <c r="X49620" i="1"/>
  <c r="X49621" i="1"/>
  <c r="X49622" i="1"/>
  <c r="X49623" i="1"/>
  <c r="X49624" i="1"/>
  <c r="X49625" i="1"/>
  <c r="X49626" i="1"/>
  <c r="X49627" i="1"/>
  <c r="X49628" i="1"/>
  <c r="X49629" i="1"/>
  <c r="X49630" i="1"/>
  <c r="X49631" i="1"/>
  <c r="X49632" i="1"/>
  <c r="X49633" i="1"/>
  <c r="X49634" i="1"/>
  <c r="X49635" i="1"/>
  <c r="X49636" i="1"/>
  <c r="X49637" i="1"/>
  <c r="X49638" i="1"/>
  <c r="X49639" i="1"/>
  <c r="X49640" i="1"/>
  <c r="X49641" i="1"/>
  <c r="X49642" i="1"/>
  <c r="X49643" i="1"/>
  <c r="X49644" i="1"/>
  <c r="X49645" i="1"/>
  <c r="X49646" i="1"/>
  <c r="X49647" i="1"/>
  <c r="X49648" i="1"/>
  <c r="X49649" i="1"/>
  <c r="X49650" i="1"/>
  <c r="X49651" i="1"/>
  <c r="X49652" i="1"/>
  <c r="X49653" i="1"/>
  <c r="X49654" i="1"/>
  <c r="X49655" i="1"/>
  <c r="X49656" i="1"/>
  <c r="X49657" i="1"/>
  <c r="X49658" i="1"/>
  <c r="X49659" i="1"/>
  <c r="X49660" i="1"/>
  <c r="X49661" i="1"/>
  <c r="X49662" i="1"/>
  <c r="X49663" i="1"/>
  <c r="X49664" i="1"/>
  <c r="X49665" i="1"/>
  <c r="X49666" i="1"/>
  <c r="X49667" i="1"/>
  <c r="X49668" i="1"/>
  <c r="X49669" i="1"/>
  <c r="X49670" i="1"/>
  <c r="X49671" i="1"/>
  <c r="X49672" i="1"/>
  <c r="X49673" i="1"/>
  <c r="X49674" i="1"/>
  <c r="X49675" i="1"/>
  <c r="X49676" i="1"/>
  <c r="X49677" i="1"/>
  <c r="X49678" i="1"/>
  <c r="X49679" i="1"/>
  <c r="X49680" i="1"/>
  <c r="X49681" i="1"/>
  <c r="X49682" i="1"/>
  <c r="X49683" i="1"/>
  <c r="X49684" i="1"/>
  <c r="X49685" i="1"/>
  <c r="X49686" i="1"/>
  <c r="X49687" i="1"/>
  <c r="X49688" i="1"/>
  <c r="X49689" i="1"/>
  <c r="X49690" i="1"/>
  <c r="X49691" i="1"/>
  <c r="X49692" i="1"/>
  <c r="X49693" i="1"/>
  <c r="X49694" i="1"/>
  <c r="X49695" i="1"/>
  <c r="X49696" i="1"/>
  <c r="X49697" i="1"/>
  <c r="X49698" i="1"/>
  <c r="X49699" i="1"/>
  <c r="X49700" i="1"/>
  <c r="X49701" i="1"/>
  <c r="X49702" i="1"/>
  <c r="X49703" i="1"/>
  <c r="X49704" i="1"/>
  <c r="X49705" i="1"/>
  <c r="X49706" i="1"/>
  <c r="X49707" i="1"/>
  <c r="X49708" i="1"/>
  <c r="X49709" i="1"/>
  <c r="X49710" i="1"/>
  <c r="X49711" i="1"/>
  <c r="X49712" i="1"/>
  <c r="X49713" i="1"/>
  <c r="X49714" i="1"/>
  <c r="X49715" i="1"/>
  <c r="X49716" i="1"/>
  <c r="X49717" i="1"/>
  <c r="X49718" i="1"/>
  <c r="X49719" i="1"/>
  <c r="X49720" i="1"/>
  <c r="X49721" i="1"/>
  <c r="X49722" i="1"/>
  <c r="X49723" i="1"/>
  <c r="X49724" i="1"/>
  <c r="X49725" i="1"/>
  <c r="X49726" i="1"/>
  <c r="X49727" i="1"/>
  <c r="X49728" i="1"/>
  <c r="X49729" i="1"/>
  <c r="X49730" i="1"/>
  <c r="X49731" i="1"/>
  <c r="X49732" i="1"/>
  <c r="X49733" i="1"/>
  <c r="X49734" i="1"/>
  <c r="X49735" i="1"/>
  <c r="X49736" i="1"/>
  <c r="X49737" i="1"/>
  <c r="X49738" i="1"/>
  <c r="X49739" i="1"/>
  <c r="X49740" i="1"/>
  <c r="X49741" i="1"/>
  <c r="X49742" i="1"/>
  <c r="X49743" i="1"/>
  <c r="X49744" i="1"/>
  <c r="X49745" i="1"/>
  <c r="X49746" i="1"/>
  <c r="X49747" i="1"/>
  <c r="X49748" i="1"/>
  <c r="X49749" i="1"/>
  <c r="X49750" i="1"/>
  <c r="X49751" i="1"/>
  <c r="X49752" i="1"/>
  <c r="X49753" i="1"/>
  <c r="X49754" i="1"/>
  <c r="X49755" i="1"/>
  <c r="X49756" i="1"/>
  <c r="X49757" i="1"/>
  <c r="X49758" i="1"/>
  <c r="X49759" i="1"/>
  <c r="X49760" i="1"/>
  <c r="X49761" i="1"/>
  <c r="X49762" i="1"/>
  <c r="X49763" i="1"/>
  <c r="X49764" i="1"/>
  <c r="X49765" i="1"/>
  <c r="X49766" i="1"/>
  <c r="X49767" i="1"/>
  <c r="X49768" i="1"/>
  <c r="X49769" i="1"/>
  <c r="X49770" i="1"/>
  <c r="X49771" i="1"/>
  <c r="X49772" i="1"/>
  <c r="X49773" i="1"/>
  <c r="X49774" i="1"/>
  <c r="X49775" i="1"/>
  <c r="X49776" i="1"/>
  <c r="X49777" i="1"/>
  <c r="X49778" i="1"/>
  <c r="X49779" i="1"/>
  <c r="X49780" i="1"/>
  <c r="X49781" i="1"/>
  <c r="X49782" i="1"/>
  <c r="X49783" i="1"/>
  <c r="X49784" i="1"/>
  <c r="X49785" i="1"/>
  <c r="X49786" i="1"/>
  <c r="X49787" i="1"/>
  <c r="X49788" i="1"/>
  <c r="X49789" i="1"/>
  <c r="X49790" i="1"/>
  <c r="X49791" i="1"/>
  <c r="X49792" i="1"/>
  <c r="X49793" i="1"/>
  <c r="X49794" i="1"/>
  <c r="X49795" i="1"/>
  <c r="X49796" i="1"/>
  <c r="X49797" i="1"/>
  <c r="X49798" i="1"/>
  <c r="X49799" i="1"/>
  <c r="X49800" i="1"/>
  <c r="X49801" i="1"/>
  <c r="X49802" i="1"/>
  <c r="X49803" i="1"/>
  <c r="X49804" i="1"/>
  <c r="X49805" i="1"/>
  <c r="X49806" i="1"/>
  <c r="X49807" i="1"/>
  <c r="X49808" i="1"/>
  <c r="X49809" i="1"/>
  <c r="X49810" i="1"/>
  <c r="X49811" i="1"/>
  <c r="X49812" i="1"/>
  <c r="X49813" i="1"/>
  <c r="X49814" i="1"/>
  <c r="X49815" i="1"/>
  <c r="X49816" i="1"/>
  <c r="X49817" i="1"/>
  <c r="X49818" i="1"/>
  <c r="X49819" i="1"/>
  <c r="X49820" i="1"/>
  <c r="X49821" i="1"/>
  <c r="X49822" i="1"/>
  <c r="X49823" i="1"/>
  <c r="X49824" i="1"/>
  <c r="X49825" i="1"/>
  <c r="X49826" i="1"/>
  <c r="X49827" i="1"/>
  <c r="X49828" i="1"/>
  <c r="X49829" i="1"/>
  <c r="X49830" i="1"/>
  <c r="X49831" i="1"/>
  <c r="X49832" i="1"/>
  <c r="X49833" i="1"/>
  <c r="X49834" i="1"/>
  <c r="X49835" i="1"/>
  <c r="X49836" i="1"/>
  <c r="X49837" i="1"/>
  <c r="X49838" i="1"/>
  <c r="X49839" i="1"/>
  <c r="X49840" i="1"/>
  <c r="X49841" i="1"/>
  <c r="X49842" i="1"/>
  <c r="X49843" i="1"/>
  <c r="X49844" i="1"/>
  <c r="X49845" i="1"/>
  <c r="X49846" i="1"/>
  <c r="X49847" i="1"/>
  <c r="X49848" i="1"/>
  <c r="X49849" i="1"/>
  <c r="X49850" i="1"/>
  <c r="X49851" i="1"/>
  <c r="X49852" i="1"/>
  <c r="X49853" i="1"/>
  <c r="X49854" i="1"/>
  <c r="X49855" i="1"/>
  <c r="X49856" i="1"/>
  <c r="X49857" i="1"/>
  <c r="X49858" i="1"/>
  <c r="X49859" i="1"/>
  <c r="X49860" i="1"/>
  <c r="X49861" i="1"/>
  <c r="X49862" i="1"/>
  <c r="X49863" i="1"/>
  <c r="X49864" i="1"/>
  <c r="X49865" i="1"/>
  <c r="X49866" i="1"/>
  <c r="X49867" i="1"/>
  <c r="X49868" i="1"/>
  <c r="X49869" i="1"/>
  <c r="X49870" i="1"/>
  <c r="X49871" i="1"/>
  <c r="X49872" i="1"/>
  <c r="X49873" i="1"/>
  <c r="X49874" i="1"/>
  <c r="X49875" i="1"/>
  <c r="X49876" i="1"/>
  <c r="X49877" i="1"/>
  <c r="X49878" i="1"/>
  <c r="X49879" i="1"/>
  <c r="X49880" i="1"/>
  <c r="X49881" i="1"/>
  <c r="X49882" i="1"/>
  <c r="X49883" i="1"/>
  <c r="X49884" i="1"/>
  <c r="X49885" i="1"/>
  <c r="X49886" i="1"/>
  <c r="X49887" i="1"/>
  <c r="X49888" i="1"/>
  <c r="X49889" i="1"/>
  <c r="X49890" i="1"/>
  <c r="X49891" i="1"/>
  <c r="X49892" i="1"/>
  <c r="X49893" i="1"/>
  <c r="X49894" i="1"/>
  <c r="X49895" i="1"/>
  <c r="X49896" i="1"/>
  <c r="X49897" i="1"/>
  <c r="X49898" i="1"/>
  <c r="X49899" i="1"/>
  <c r="X49900" i="1"/>
  <c r="X49901" i="1"/>
  <c r="X49902" i="1"/>
  <c r="X49903" i="1"/>
  <c r="X49904" i="1"/>
  <c r="X49905" i="1"/>
  <c r="X49906" i="1"/>
  <c r="X49907" i="1"/>
  <c r="X49908" i="1"/>
  <c r="X49909" i="1"/>
  <c r="X49910" i="1"/>
  <c r="X49911" i="1"/>
  <c r="X49912" i="1"/>
  <c r="X49913" i="1"/>
  <c r="X49914" i="1"/>
  <c r="X49915" i="1"/>
  <c r="X49916" i="1"/>
  <c r="X49917" i="1"/>
  <c r="X49918" i="1"/>
  <c r="X49919" i="1"/>
  <c r="X49920" i="1"/>
  <c r="X49921" i="1"/>
  <c r="X49922" i="1"/>
  <c r="X49923" i="1"/>
  <c r="X49924" i="1"/>
  <c r="X49925" i="1"/>
  <c r="X49926" i="1"/>
  <c r="X49927" i="1"/>
  <c r="X49928" i="1"/>
  <c r="X49929" i="1"/>
  <c r="X49930" i="1"/>
  <c r="X49931" i="1"/>
  <c r="X49932" i="1"/>
  <c r="X49933" i="1"/>
  <c r="X49934" i="1"/>
  <c r="X49935" i="1"/>
  <c r="X49936" i="1"/>
  <c r="X49937" i="1"/>
  <c r="X49938" i="1"/>
  <c r="X49939" i="1"/>
  <c r="X49940" i="1"/>
  <c r="X49941" i="1"/>
  <c r="X49942" i="1"/>
  <c r="X49943" i="1"/>
  <c r="X49944" i="1"/>
  <c r="X49945" i="1"/>
  <c r="X49946" i="1"/>
  <c r="X49947" i="1"/>
  <c r="X49948" i="1"/>
  <c r="X49949" i="1"/>
  <c r="X49950" i="1"/>
  <c r="X49951" i="1"/>
  <c r="X49952" i="1"/>
  <c r="X49953" i="1"/>
  <c r="X49954" i="1"/>
  <c r="X49955" i="1"/>
  <c r="X49956" i="1"/>
  <c r="X49957" i="1"/>
  <c r="X49958" i="1"/>
  <c r="X49959" i="1"/>
  <c r="X49960" i="1"/>
  <c r="X49961" i="1"/>
  <c r="X49962" i="1"/>
  <c r="X49963" i="1"/>
  <c r="X49964" i="1"/>
  <c r="X49965" i="1"/>
  <c r="X49966" i="1"/>
  <c r="X49967" i="1"/>
  <c r="X49968" i="1"/>
  <c r="X49969" i="1"/>
  <c r="X49970" i="1"/>
  <c r="X49971" i="1"/>
  <c r="X49972" i="1"/>
  <c r="X49973" i="1"/>
  <c r="X49974" i="1"/>
  <c r="X49975" i="1"/>
  <c r="X49976" i="1"/>
  <c r="X49977" i="1"/>
  <c r="X49978" i="1"/>
  <c r="X49979" i="1"/>
  <c r="X49980" i="1"/>
  <c r="X49981" i="1"/>
  <c r="X49982" i="1"/>
  <c r="X49983" i="1"/>
  <c r="X49984" i="1"/>
  <c r="X49985" i="1"/>
  <c r="X49986" i="1"/>
  <c r="X49987" i="1"/>
  <c r="X49988" i="1"/>
  <c r="X49989" i="1"/>
  <c r="X49990" i="1"/>
  <c r="X49991" i="1"/>
  <c r="X49992" i="1"/>
  <c r="X49993" i="1"/>
  <c r="X49994" i="1"/>
  <c r="X49995" i="1"/>
  <c r="X49996" i="1"/>
  <c r="X49997" i="1"/>
  <c r="X49998" i="1"/>
  <c r="X49999" i="1"/>
  <c r="X50000" i="1"/>
  <c r="X50001" i="1"/>
  <c r="X50002" i="1"/>
  <c r="X50003" i="1"/>
  <c r="X50004" i="1"/>
  <c r="X50005" i="1"/>
  <c r="X50006" i="1"/>
  <c r="X50007" i="1"/>
  <c r="X50008" i="1"/>
  <c r="X50009" i="1"/>
  <c r="X50010" i="1"/>
  <c r="X50011" i="1"/>
  <c r="X50012" i="1"/>
  <c r="X50013" i="1"/>
  <c r="X50014" i="1"/>
  <c r="X50015" i="1"/>
  <c r="X50016" i="1"/>
  <c r="X50017" i="1"/>
  <c r="X50018" i="1"/>
  <c r="X50019" i="1"/>
  <c r="X50020" i="1"/>
  <c r="X50021" i="1"/>
  <c r="X50022" i="1"/>
  <c r="X50023" i="1"/>
  <c r="X50024" i="1"/>
  <c r="X50025" i="1"/>
  <c r="X50026" i="1"/>
  <c r="X50027" i="1"/>
  <c r="X50028" i="1"/>
  <c r="X50029" i="1"/>
  <c r="X50030" i="1"/>
  <c r="X50031" i="1"/>
  <c r="X50032" i="1"/>
  <c r="X50033" i="1"/>
  <c r="X50034" i="1"/>
  <c r="X50035" i="1"/>
  <c r="X50036" i="1"/>
  <c r="X50037" i="1"/>
  <c r="X50038" i="1"/>
  <c r="X50039" i="1"/>
  <c r="X50040" i="1"/>
  <c r="X50041" i="1"/>
  <c r="X50042" i="1"/>
  <c r="X50043" i="1"/>
  <c r="X50044" i="1"/>
  <c r="X50045" i="1"/>
  <c r="X50046" i="1"/>
  <c r="X50047" i="1"/>
  <c r="X50048" i="1"/>
  <c r="X50049" i="1"/>
  <c r="X50050" i="1"/>
  <c r="X50051" i="1"/>
  <c r="X50052" i="1"/>
  <c r="X50053" i="1"/>
  <c r="X50054" i="1"/>
  <c r="X50055" i="1"/>
  <c r="X50056" i="1"/>
  <c r="X50057" i="1"/>
  <c r="X50058" i="1"/>
  <c r="X50059" i="1"/>
  <c r="X50060" i="1"/>
  <c r="X50061" i="1"/>
  <c r="X50062" i="1"/>
  <c r="X50063" i="1"/>
  <c r="X50064" i="1"/>
  <c r="X50065" i="1"/>
  <c r="X50066" i="1"/>
  <c r="X50067" i="1"/>
  <c r="X50068" i="1"/>
  <c r="X50069" i="1"/>
  <c r="X50070" i="1"/>
  <c r="X50071" i="1"/>
  <c r="X50072" i="1"/>
  <c r="X50073" i="1"/>
  <c r="X50074" i="1"/>
  <c r="X50075" i="1"/>
  <c r="X50076" i="1"/>
  <c r="X50077" i="1"/>
  <c r="X50078" i="1"/>
  <c r="X50079" i="1"/>
  <c r="X50080" i="1"/>
  <c r="X50081" i="1"/>
  <c r="X50082" i="1"/>
  <c r="X50083" i="1"/>
  <c r="X50084" i="1"/>
  <c r="X50085" i="1"/>
  <c r="X50086" i="1"/>
  <c r="X50087" i="1"/>
  <c r="X50088" i="1"/>
  <c r="X50089" i="1"/>
  <c r="X50090" i="1"/>
  <c r="X50091" i="1"/>
  <c r="X50092" i="1"/>
  <c r="X50093" i="1"/>
  <c r="X50094" i="1"/>
  <c r="X50095" i="1"/>
  <c r="X50096" i="1"/>
  <c r="X50097" i="1"/>
  <c r="X50098" i="1"/>
  <c r="X50099" i="1"/>
  <c r="X50100" i="1"/>
  <c r="X50101" i="1"/>
  <c r="X50102" i="1"/>
  <c r="X50103" i="1"/>
  <c r="X50104" i="1"/>
  <c r="X50105" i="1"/>
  <c r="X50106" i="1"/>
  <c r="X50107" i="1"/>
  <c r="X50108" i="1"/>
  <c r="X50109" i="1"/>
  <c r="X50110" i="1"/>
  <c r="X50111" i="1"/>
  <c r="X50112" i="1"/>
  <c r="X50113" i="1"/>
  <c r="X50114" i="1"/>
  <c r="X50115" i="1"/>
  <c r="X50116" i="1"/>
  <c r="X50117" i="1"/>
  <c r="X50118" i="1"/>
  <c r="X50119" i="1"/>
  <c r="X50120" i="1"/>
  <c r="X50121" i="1"/>
  <c r="X50122" i="1"/>
  <c r="X50123" i="1"/>
  <c r="X50124" i="1"/>
  <c r="X50125" i="1"/>
  <c r="X50126" i="1"/>
  <c r="X50127" i="1"/>
  <c r="X50128" i="1"/>
  <c r="X50129" i="1"/>
  <c r="X50130" i="1"/>
  <c r="X50131" i="1"/>
  <c r="X50132" i="1"/>
  <c r="X50133" i="1"/>
  <c r="X50134" i="1"/>
  <c r="X50135" i="1"/>
  <c r="X50136" i="1"/>
  <c r="X50137" i="1"/>
  <c r="X50138" i="1"/>
  <c r="X50139" i="1"/>
  <c r="X50140" i="1"/>
  <c r="X50141" i="1"/>
  <c r="X50142" i="1"/>
  <c r="X50143" i="1"/>
  <c r="X50144" i="1"/>
  <c r="X50145" i="1"/>
  <c r="X50146" i="1"/>
  <c r="X50147" i="1"/>
  <c r="X50148" i="1"/>
  <c r="X50149" i="1"/>
  <c r="X50150" i="1"/>
  <c r="X50151" i="1"/>
  <c r="X50152" i="1"/>
  <c r="X50153" i="1"/>
  <c r="X50154" i="1"/>
  <c r="X50155" i="1"/>
  <c r="X50156" i="1"/>
  <c r="X50157" i="1"/>
  <c r="X50158" i="1"/>
  <c r="X50159" i="1"/>
  <c r="X50160" i="1"/>
  <c r="X50161" i="1"/>
  <c r="X50162" i="1"/>
  <c r="X50163" i="1"/>
  <c r="X50164" i="1"/>
  <c r="X50165" i="1"/>
  <c r="X50166" i="1"/>
  <c r="X50167" i="1"/>
  <c r="X50168" i="1"/>
  <c r="X50169" i="1"/>
  <c r="X50170" i="1"/>
  <c r="X50171" i="1"/>
  <c r="X50172" i="1"/>
  <c r="X50173" i="1"/>
  <c r="X50174" i="1"/>
  <c r="X50175" i="1"/>
  <c r="X50176" i="1"/>
  <c r="X50177" i="1"/>
  <c r="X50178" i="1"/>
  <c r="X50179" i="1"/>
  <c r="X50180" i="1"/>
  <c r="X50181" i="1"/>
  <c r="X50182" i="1"/>
  <c r="X50183" i="1"/>
  <c r="X50184" i="1"/>
  <c r="X50185" i="1"/>
  <c r="X50186" i="1"/>
  <c r="X50187" i="1"/>
  <c r="X50188" i="1"/>
  <c r="X50189" i="1"/>
  <c r="X50190" i="1"/>
  <c r="X50191" i="1"/>
  <c r="X50192" i="1"/>
  <c r="X50193" i="1"/>
  <c r="X50194" i="1"/>
  <c r="X50195" i="1"/>
  <c r="X50196" i="1"/>
  <c r="X50197" i="1"/>
  <c r="X50198" i="1"/>
  <c r="X50199" i="1"/>
  <c r="X50200" i="1"/>
  <c r="X50201" i="1"/>
  <c r="X50202" i="1"/>
  <c r="X50203" i="1"/>
  <c r="X50204" i="1"/>
  <c r="X50205" i="1"/>
  <c r="X50206" i="1"/>
  <c r="X50207" i="1"/>
  <c r="X50208" i="1"/>
  <c r="X50209" i="1"/>
  <c r="X50210" i="1"/>
  <c r="X50211" i="1"/>
  <c r="X50212" i="1"/>
  <c r="X50213" i="1"/>
  <c r="X50214" i="1"/>
  <c r="X50215" i="1"/>
  <c r="X50216" i="1"/>
  <c r="X50217" i="1"/>
  <c r="X50218" i="1"/>
  <c r="X50219" i="1"/>
  <c r="X50220" i="1"/>
  <c r="X50221" i="1"/>
  <c r="X50222" i="1"/>
  <c r="X50223" i="1"/>
  <c r="X50224" i="1"/>
  <c r="X50225" i="1"/>
  <c r="X50226" i="1"/>
  <c r="X50227" i="1"/>
  <c r="X50228" i="1"/>
  <c r="X50229" i="1"/>
  <c r="X50230" i="1"/>
  <c r="X50231" i="1"/>
  <c r="X50232" i="1"/>
  <c r="X50233" i="1"/>
  <c r="X50234" i="1"/>
  <c r="X50235" i="1"/>
  <c r="X50236" i="1"/>
  <c r="X50237" i="1"/>
  <c r="X50238" i="1"/>
  <c r="X50239" i="1"/>
  <c r="X50240" i="1"/>
  <c r="X50241" i="1"/>
  <c r="X50242" i="1"/>
  <c r="X50243" i="1"/>
  <c r="X50244" i="1"/>
  <c r="X50245" i="1"/>
  <c r="X50246" i="1"/>
  <c r="X50247" i="1"/>
  <c r="X50248" i="1"/>
  <c r="X50249" i="1"/>
  <c r="X50250" i="1"/>
  <c r="X50251" i="1"/>
  <c r="X50252" i="1"/>
  <c r="X50253" i="1"/>
  <c r="X50254" i="1"/>
  <c r="X50255" i="1"/>
  <c r="X50256" i="1"/>
  <c r="X50257" i="1"/>
  <c r="X50258" i="1"/>
  <c r="X50259" i="1"/>
  <c r="X50260" i="1"/>
  <c r="X50261" i="1"/>
  <c r="X50262" i="1"/>
  <c r="X50263" i="1"/>
  <c r="X50264" i="1"/>
  <c r="X50265" i="1"/>
  <c r="X50266" i="1"/>
  <c r="X50267" i="1"/>
  <c r="X50268" i="1"/>
  <c r="X50269" i="1"/>
  <c r="X50270" i="1"/>
  <c r="X50271" i="1"/>
  <c r="X50272" i="1"/>
  <c r="X50273" i="1"/>
  <c r="X50274" i="1"/>
  <c r="X50275" i="1"/>
  <c r="X50276" i="1"/>
  <c r="X50277" i="1"/>
  <c r="X50278" i="1"/>
  <c r="X50279" i="1"/>
  <c r="X50280" i="1"/>
  <c r="X50281" i="1"/>
  <c r="X50282" i="1"/>
  <c r="X50283" i="1"/>
  <c r="X50284" i="1"/>
  <c r="X50285" i="1"/>
  <c r="X50286" i="1"/>
  <c r="X50287" i="1"/>
  <c r="X50288" i="1"/>
  <c r="X50289" i="1"/>
  <c r="X50290" i="1"/>
  <c r="X50291" i="1"/>
  <c r="X50292" i="1"/>
  <c r="X50293" i="1"/>
  <c r="X50294" i="1"/>
  <c r="X50295" i="1"/>
  <c r="X50296" i="1"/>
  <c r="X50297" i="1"/>
  <c r="X50298" i="1"/>
  <c r="X50299" i="1"/>
  <c r="X50300" i="1"/>
  <c r="X50301" i="1"/>
  <c r="X50302" i="1"/>
  <c r="X50303" i="1"/>
  <c r="X50304" i="1"/>
  <c r="X50305" i="1"/>
  <c r="X50306" i="1"/>
  <c r="X50307" i="1"/>
  <c r="X50308" i="1"/>
  <c r="X50309" i="1"/>
  <c r="X50310" i="1"/>
  <c r="X50311" i="1"/>
  <c r="X50312" i="1"/>
  <c r="X50313" i="1"/>
  <c r="X50314" i="1"/>
  <c r="X50315" i="1"/>
  <c r="X50316" i="1"/>
  <c r="X50317" i="1"/>
  <c r="X50318" i="1"/>
  <c r="X50319" i="1"/>
  <c r="X50320" i="1"/>
  <c r="X50321" i="1"/>
  <c r="X50322" i="1"/>
  <c r="X50323" i="1"/>
  <c r="X50324" i="1"/>
  <c r="X50325" i="1"/>
  <c r="X50326" i="1"/>
  <c r="X50327" i="1"/>
  <c r="X50328" i="1"/>
  <c r="X50329" i="1"/>
  <c r="X50330" i="1"/>
  <c r="X50331" i="1"/>
  <c r="X50332" i="1"/>
  <c r="X50333" i="1"/>
  <c r="X50334" i="1"/>
  <c r="X50335" i="1"/>
  <c r="X50336" i="1"/>
  <c r="X50337" i="1"/>
  <c r="X50338" i="1"/>
  <c r="X50339" i="1"/>
  <c r="X50340" i="1"/>
  <c r="X50341" i="1"/>
  <c r="X50342" i="1"/>
  <c r="X50343" i="1"/>
  <c r="X50344" i="1"/>
  <c r="X50345" i="1"/>
  <c r="X50346" i="1"/>
  <c r="X50347" i="1"/>
  <c r="X50348" i="1"/>
  <c r="X50349" i="1"/>
  <c r="X50350" i="1"/>
  <c r="X50351" i="1"/>
  <c r="X50352" i="1"/>
  <c r="X50353" i="1"/>
  <c r="X50354" i="1"/>
  <c r="X50355" i="1"/>
  <c r="X50356" i="1"/>
  <c r="X50357" i="1"/>
  <c r="X50358" i="1"/>
  <c r="X50359" i="1"/>
  <c r="X50360" i="1"/>
  <c r="X50361" i="1"/>
  <c r="X50362" i="1"/>
  <c r="X50363" i="1"/>
  <c r="X50364" i="1"/>
  <c r="X50365" i="1"/>
  <c r="X50366" i="1"/>
  <c r="X50367" i="1"/>
  <c r="X50368" i="1"/>
  <c r="X50369" i="1"/>
  <c r="X50370" i="1"/>
  <c r="X50371" i="1"/>
  <c r="X50372" i="1"/>
  <c r="X50373" i="1"/>
  <c r="X50374" i="1"/>
  <c r="X50375" i="1"/>
  <c r="X50376" i="1"/>
  <c r="X50377" i="1"/>
  <c r="X50378" i="1"/>
  <c r="X50379" i="1"/>
  <c r="X50380" i="1"/>
  <c r="X50381" i="1"/>
  <c r="X50382" i="1"/>
  <c r="X50383" i="1"/>
  <c r="X50384" i="1"/>
  <c r="X50385" i="1"/>
  <c r="X50386" i="1"/>
  <c r="X50387" i="1"/>
  <c r="X50388" i="1"/>
  <c r="X50389" i="1"/>
  <c r="X50390" i="1"/>
  <c r="X50391" i="1"/>
  <c r="X50392" i="1"/>
  <c r="X50393" i="1"/>
  <c r="X50394" i="1"/>
  <c r="X50395" i="1"/>
  <c r="X50396" i="1"/>
  <c r="X50397" i="1"/>
  <c r="X50398" i="1"/>
  <c r="X50399" i="1"/>
  <c r="X50400" i="1"/>
  <c r="X50401" i="1"/>
  <c r="X50402" i="1"/>
  <c r="X50403" i="1"/>
  <c r="X50404" i="1"/>
  <c r="X50405" i="1"/>
  <c r="X50406" i="1"/>
  <c r="X50407" i="1"/>
  <c r="X50408" i="1"/>
  <c r="X50409" i="1"/>
  <c r="X50410" i="1"/>
  <c r="X50411" i="1"/>
  <c r="X50412" i="1"/>
  <c r="X50413" i="1"/>
  <c r="X50414" i="1"/>
  <c r="X50415" i="1"/>
  <c r="X50416" i="1"/>
  <c r="X50417" i="1"/>
  <c r="X50418" i="1"/>
  <c r="X50419" i="1"/>
  <c r="X50420" i="1"/>
  <c r="X50421" i="1"/>
  <c r="X50422" i="1"/>
  <c r="X50423" i="1"/>
  <c r="X50424" i="1"/>
  <c r="X50425" i="1"/>
  <c r="X50426" i="1"/>
  <c r="X50427" i="1"/>
  <c r="X50428" i="1"/>
  <c r="X50429" i="1"/>
  <c r="X50430" i="1"/>
  <c r="X50431" i="1"/>
  <c r="X50432" i="1"/>
  <c r="X50433" i="1"/>
  <c r="X50434" i="1"/>
  <c r="X50435" i="1"/>
  <c r="X50436" i="1"/>
  <c r="X50437" i="1"/>
  <c r="X50438" i="1"/>
  <c r="X50439" i="1"/>
  <c r="X50440" i="1"/>
  <c r="X50441" i="1"/>
  <c r="X50442" i="1"/>
  <c r="X50443" i="1"/>
  <c r="X50444" i="1"/>
  <c r="X50445" i="1"/>
  <c r="X50446" i="1"/>
  <c r="X50447" i="1"/>
  <c r="X50448" i="1"/>
  <c r="X50449" i="1"/>
  <c r="X50450" i="1"/>
  <c r="X50451" i="1"/>
  <c r="X50452" i="1"/>
  <c r="X50453" i="1"/>
  <c r="X50454" i="1"/>
  <c r="X50455" i="1"/>
  <c r="X50456" i="1"/>
  <c r="X50457" i="1"/>
  <c r="X50458" i="1"/>
  <c r="X50459" i="1"/>
  <c r="X50460" i="1"/>
  <c r="X50461" i="1"/>
  <c r="X50462" i="1"/>
  <c r="X50463" i="1"/>
  <c r="X50464" i="1"/>
  <c r="X50465" i="1"/>
  <c r="X50466" i="1"/>
  <c r="X50467" i="1"/>
  <c r="X50468" i="1"/>
  <c r="X50469" i="1"/>
  <c r="X50470" i="1"/>
  <c r="X50471" i="1"/>
  <c r="X50472" i="1"/>
  <c r="X50473" i="1"/>
  <c r="X50474" i="1"/>
  <c r="X50475" i="1"/>
  <c r="X50476" i="1"/>
  <c r="X50477" i="1"/>
  <c r="X50478" i="1"/>
  <c r="X50479" i="1"/>
  <c r="X50480" i="1"/>
  <c r="X50481" i="1"/>
  <c r="X50482" i="1"/>
  <c r="X50483" i="1"/>
  <c r="X50484" i="1"/>
  <c r="X50485" i="1"/>
  <c r="X50486" i="1"/>
  <c r="X50487" i="1"/>
  <c r="X50488" i="1"/>
  <c r="X50489" i="1"/>
  <c r="X50490" i="1"/>
  <c r="X50491" i="1"/>
  <c r="X50492" i="1"/>
  <c r="X50493" i="1"/>
  <c r="X50494" i="1"/>
  <c r="X50495" i="1"/>
  <c r="X50496" i="1"/>
  <c r="X50497" i="1"/>
  <c r="X50498" i="1"/>
  <c r="X50499" i="1"/>
  <c r="X50500" i="1"/>
  <c r="X50501" i="1"/>
  <c r="X50502" i="1"/>
  <c r="X50503" i="1"/>
  <c r="X50504" i="1"/>
  <c r="X50505" i="1"/>
  <c r="X50506" i="1"/>
  <c r="X50507" i="1"/>
  <c r="X50508" i="1"/>
  <c r="X50509" i="1"/>
  <c r="X50510" i="1"/>
  <c r="X50511" i="1"/>
  <c r="X50512" i="1"/>
  <c r="X50513" i="1"/>
  <c r="X50514" i="1"/>
  <c r="X50515" i="1"/>
  <c r="X50516" i="1"/>
  <c r="X50517" i="1"/>
  <c r="X50518" i="1"/>
  <c r="X50519" i="1"/>
  <c r="X50520" i="1"/>
  <c r="X50521" i="1"/>
  <c r="X50522" i="1"/>
  <c r="X50523" i="1"/>
  <c r="X50524" i="1"/>
  <c r="X50525" i="1"/>
  <c r="X50526" i="1"/>
  <c r="X50527" i="1"/>
  <c r="X50528" i="1"/>
  <c r="X50529" i="1"/>
  <c r="X50530" i="1"/>
  <c r="X50531" i="1"/>
  <c r="X50532" i="1"/>
  <c r="X50533" i="1"/>
  <c r="X50534" i="1"/>
  <c r="X50535" i="1"/>
  <c r="X50536" i="1"/>
  <c r="X50537" i="1"/>
  <c r="X50538" i="1"/>
  <c r="X50539" i="1"/>
  <c r="X50540" i="1"/>
  <c r="X50541" i="1"/>
  <c r="X50542" i="1"/>
  <c r="X50543" i="1"/>
  <c r="X50544" i="1"/>
  <c r="X50545" i="1"/>
  <c r="X50546" i="1"/>
  <c r="X50547" i="1"/>
  <c r="X50548" i="1"/>
  <c r="X50549" i="1"/>
  <c r="X50550" i="1"/>
  <c r="X50551" i="1"/>
  <c r="X50552" i="1"/>
  <c r="X50553" i="1"/>
  <c r="X50554" i="1"/>
  <c r="X50555" i="1"/>
  <c r="X50556" i="1"/>
  <c r="X50557" i="1"/>
  <c r="X50558" i="1"/>
  <c r="X50559" i="1"/>
  <c r="X50560" i="1"/>
  <c r="X50561" i="1"/>
  <c r="X50562" i="1"/>
  <c r="X50563" i="1"/>
  <c r="X50564" i="1"/>
  <c r="X50565" i="1"/>
  <c r="X50566" i="1"/>
  <c r="X50567" i="1"/>
  <c r="X50568" i="1"/>
  <c r="X50569" i="1"/>
  <c r="X50570" i="1"/>
  <c r="X50571" i="1"/>
  <c r="X50572" i="1"/>
  <c r="X50573" i="1"/>
  <c r="X50574" i="1"/>
  <c r="X50575" i="1"/>
  <c r="X50576" i="1"/>
  <c r="X50577" i="1"/>
  <c r="X50578" i="1"/>
  <c r="X50579" i="1"/>
  <c r="X50580" i="1"/>
  <c r="X50581" i="1"/>
  <c r="X50582" i="1"/>
  <c r="X50583" i="1"/>
  <c r="X50584" i="1"/>
  <c r="X50585" i="1"/>
  <c r="X50586" i="1"/>
  <c r="X50587" i="1"/>
  <c r="X50588" i="1"/>
  <c r="X50589" i="1"/>
  <c r="X50590" i="1"/>
  <c r="X50591" i="1"/>
  <c r="X50592" i="1"/>
  <c r="X50593" i="1"/>
  <c r="X50594" i="1"/>
  <c r="X50595" i="1"/>
  <c r="X50596" i="1"/>
  <c r="X50597" i="1"/>
  <c r="X50598" i="1"/>
  <c r="X50599" i="1"/>
  <c r="X50600" i="1"/>
  <c r="X50601" i="1"/>
  <c r="X50602" i="1"/>
  <c r="X50603" i="1"/>
  <c r="X50604" i="1"/>
  <c r="X50605" i="1"/>
  <c r="X50606" i="1"/>
  <c r="X50607" i="1"/>
  <c r="X50608" i="1"/>
  <c r="X50609" i="1"/>
  <c r="X50610" i="1"/>
  <c r="X50611" i="1"/>
  <c r="X50612" i="1"/>
  <c r="X50613" i="1"/>
  <c r="X50614" i="1"/>
  <c r="X50615" i="1"/>
  <c r="X50616" i="1"/>
  <c r="X50617" i="1"/>
  <c r="X50618" i="1"/>
  <c r="X50619" i="1"/>
  <c r="X50620" i="1"/>
  <c r="X50621" i="1"/>
  <c r="X50622" i="1"/>
  <c r="X50623" i="1"/>
  <c r="X50624" i="1"/>
  <c r="X50625" i="1"/>
  <c r="X50626" i="1"/>
  <c r="X50627" i="1"/>
  <c r="X50628" i="1"/>
  <c r="X50629" i="1"/>
  <c r="X50630" i="1"/>
  <c r="X50631" i="1"/>
  <c r="X50632" i="1"/>
  <c r="X50633" i="1"/>
  <c r="X50634" i="1"/>
  <c r="X50635" i="1"/>
  <c r="X50636" i="1"/>
  <c r="X50637" i="1"/>
  <c r="X50638" i="1"/>
  <c r="X50639" i="1"/>
  <c r="X50640" i="1"/>
  <c r="X50641" i="1"/>
  <c r="X50642" i="1"/>
  <c r="X50643" i="1"/>
  <c r="X50644" i="1"/>
  <c r="X50645" i="1"/>
  <c r="X50646" i="1"/>
  <c r="X50647" i="1"/>
  <c r="X50648" i="1"/>
  <c r="X50649" i="1"/>
  <c r="X50650" i="1"/>
  <c r="X50651" i="1"/>
  <c r="X50652" i="1"/>
  <c r="X50653" i="1"/>
  <c r="X50654" i="1"/>
  <c r="X50655" i="1"/>
  <c r="X50656" i="1"/>
  <c r="X50657" i="1"/>
  <c r="X50658" i="1"/>
  <c r="X50659" i="1"/>
  <c r="X50660" i="1"/>
  <c r="X50661" i="1"/>
  <c r="X50662" i="1"/>
  <c r="X50663" i="1"/>
  <c r="X50664" i="1"/>
  <c r="X50665" i="1"/>
  <c r="X50666" i="1"/>
  <c r="X50667" i="1"/>
  <c r="X50668" i="1"/>
  <c r="X50669" i="1"/>
  <c r="X50670" i="1"/>
  <c r="X50671" i="1"/>
  <c r="X50672" i="1"/>
  <c r="X50673" i="1"/>
  <c r="X50674" i="1"/>
  <c r="X50675" i="1"/>
  <c r="X50676" i="1"/>
  <c r="X50677" i="1"/>
  <c r="X50678" i="1"/>
  <c r="X50679" i="1"/>
  <c r="X50680" i="1"/>
  <c r="X50681" i="1"/>
  <c r="X50682" i="1"/>
  <c r="X50683" i="1"/>
  <c r="X50684" i="1"/>
  <c r="X50685" i="1"/>
  <c r="X50686" i="1"/>
  <c r="X50687" i="1"/>
  <c r="X50688" i="1"/>
  <c r="X50689" i="1"/>
  <c r="X50690" i="1"/>
  <c r="X50691" i="1"/>
  <c r="X50692" i="1"/>
  <c r="X50693" i="1"/>
  <c r="X50694" i="1"/>
  <c r="X50695" i="1"/>
  <c r="X50696" i="1"/>
  <c r="X50697" i="1"/>
  <c r="X50698" i="1"/>
  <c r="X50699" i="1"/>
  <c r="X50700" i="1"/>
  <c r="X50701" i="1"/>
  <c r="X50702" i="1"/>
  <c r="X50703" i="1"/>
  <c r="X50704" i="1"/>
  <c r="X50705" i="1"/>
  <c r="X50706" i="1"/>
  <c r="X50707" i="1"/>
  <c r="X50708" i="1"/>
  <c r="X50709" i="1"/>
  <c r="X50710" i="1"/>
  <c r="X50711" i="1"/>
  <c r="X50712" i="1"/>
  <c r="X50713" i="1"/>
  <c r="X50714" i="1"/>
  <c r="X50715" i="1"/>
  <c r="X50716" i="1"/>
  <c r="X50717" i="1"/>
  <c r="X50718" i="1"/>
  <c r="X50719" i="1"/>
  <c r="X50720" i="1"/>
  <c r="X50721" i="1"/>
  <c r="X50722" i="1"/>
  <c r="X50723" i="1"/>
  <c r="X50724" i="1"/>
  <c r="X50725" i="1"/>
  <c r="X50726" i="1"/>
  <c r="X50727" i="1"/>
  <c r="X50728" i="1"/>
  <c r="X50729" i="1"/>
  <c r="X50730" i="1"/>
  <c r="X50731" i="1"/>
  <c r="X50732" i="1"/>
  <c r="X50733" i="1"/>
  <c r="X50734" i="1"/>
  <c r="X50735" i="1"/>
  <c r="X50736" i="1"/>
  <c r="X50737" i="1"/>
  <c r="X50738" i="1"/>
  <c r="X50739" i="1"/>
  <c r="X50740" i="1"/>
  <c r="X50741" i="1"/>
  <c r="X50742" i="1"/>
  <c r="X50743" i="1"/>
  <c r="X50744" i="1"/>
  <c r="X50745" i="1"/>
  <c r="X50746" i="1"/>
  <c r="X50747" i="1"/>
  <c r="X50748" i="1"/>
  <c r="X50749" i="1"/>
  <c r="X50750" i="1"/>
  <c r="X50751" i="1"/>
  <c r="X50752" i="1"/>
  <c r="X50753" i="1"/>
  <c r="X50754" i="1"/>
  <c r="X50755" i="1"/>
  <c r="X50756" i="1"/>
  <c r="X50757" i="1"/>
  <c r="X50758" i="1"/>
  <c r="X50759" i="1"/>
  <c r="X50760" i="1"/>
  <c r="X50761" i="1"/>
  <c r="X50762" i="1"/>
  <c r="X50763" i="1"/>
  <c r="X50764" i="1"/>
  <c r="X50765" i="1"/>
  <c r="X50766" i="1"/>
  <c r="X50767" i="1"/>
  <c r="X50768" i="1"/>
  <c r="X50769" i="1"/>
  <c r="X50770" i="1"/>
  <c r="X50771" i="1"/>
  <c r="X50772" i="1"/>
  <c r="X50773" i="1"/>
  <c r="X50774" i="1"/>
  <c r="X50775" i="1"/>
  <c r="X50776" i="1"/>
  <c r="X50777" i="1"/>
  <c r="X50778" i="1"/>
  <c r="X50779" i="1"/>
  <c r="X50780" i="1"/>
  <c r="X50781" i="1"/>
  <c r="X50782" i="1"/>
  <c r="X50783" i="1"/>
  <c r="X50784" i="1"/>
  <c r="X50785" i="1"/>
  <c r="X50786" i="1"/>
  <c r="X50787" i="1"/>
  <c r="X50788" i="1"/>
  <c r="X50789" i="1"/>
  <c r="X50790" i="1"/>
  <c r="X50791" i="1"/>
  <c r="X50792" i="1"/>
  <c r="X50793" i="1"/>
  <c r="X50794" i="1"/>
  <c r="X50795" i="1"/>
  <c r="X50796" i="1"/>
  <c r="X50797" i="1"/>
  <c r="X50798" i="1"/>
  <c r="X50799" i="1"/>
  <c r="X50800" i="1"/>
  <c r="X50801" i="1"/>
  <c r="X50802" i="1"/>
  <c r="X50803" i="1"/>
  <c r="X50804" i="1"/>
  <c r="X50805" i="1"/>
  <c r="X50806" i="1"/>
  <c r="X50807" i="1"/>
  <c r="X50808" i="1"/>
  <c r="X50809" i="1"/>
  <c r="X50810" i="1"/>
  <c r="X50811" i="1"/>
  <c r="X50812" i="1"/>
  <c r="X50813" i="1"/>
  <c r="X50814" i="1"/>
  <c r="X50815" i="1"/>
  <c r="X50816" i="1"/>
  <c r="X50817" i="1"/>
  <c r="X50818" i="1"/>
  <c r="X50819" i="1"/>
  <c r="X50820" i="1"/>
  <c r="X50821" i="1"/>
  <c r="X50822" i="1"/>
  <c r="X50823" i="1"/>
  <c r="X50824" i="1"/>
  <c r="X50825" i="1"/>
  <c r="X50826" i="1"/>
  <c r="X50827" i="1"/>
  <c r="X50828" i="1"/>
  <c r="X50829" i="1"/>
  <c r="X50830" i="1"/>
  <c r="X50831" i="1"/>
  <c r="X50832" i="1"/>
  <c r="X50833" i="1"/>
  <c r="X50834" i="1"/>
  <c r="X50835" i="1"/>
  <c r="X50836" i="1"/>
  <c r="X50837" i="1"/>
  <c r="X50838" i="1"/>
  <c r="X50839" i="1"/>
  <c r="X50840" i="1"/>
  <c r="X50841" i="1"/>
  <c r="X50842" i="1"/>
  <c r="X50843" i="1"/>
  <c r="X50844" i="1"/>
  <c r="X50845" i="1"/>
  <c r="X50846" i="1"/>
  <c r="X50847" i="1"/>
  <c r="X50848" i="1"/>
  <c r="X50849" i="1"/>
  <c r="X50850" i="1"/>
  <c r="X50851" i="1"/>
  <c r="X50852" i="1"/>
  <c r="X50853" i="1"/>
  <c r="X50854" i="1"/>
  <c r="X50855" i="1"/>
  <c r="X50856" i="1"/>
  <c r="X50857" i="1"/>
  <c r="X50858" i="1"/>
  <c r="X50859" i="1"/>
  <c r="X50860" i="1"/>
  <c r="X50861" i="1"/>
  <c r="X50862" i="1"/>
  <c r="X50863" i="1"/>
  <c r="X50864" i="1"/>
  <c r="X50865" i="1"/>
  <c r="X50866" i="1"/>
  <c r="X50867" i="1"/>
  <c r="X50868" i="1"/>
  <c r="X50869" i="1"/>
  <c r="X50870" i="1"/>
  <c r="X50871" i="1"/>
  <c r="X50872" i="1"/>
  <c r="X50873" i="1"/>
  <c r="X50874" i="1"/>
  <c r="X50875" i="1"/>
  <c r="X50876" i="1"/>
  <c r="X50877" i="1"/>
  <c r="X50878" i="1"/>
  <c r="X50879" i="1"/>
  <c r="X50880" i="1"/>
  <c r="X50881" i="1"/>
  <c r="X50882" i="1"/>
  <c r="X50883" i="1"/>
  <c r="X50884" i="1"/>
  <c r="X50885" i="1"/>
  <c r="X50886" i="1"/>
  <c r="X50887" i="1"/>
  <c r="X50888" i="1"/>
  <c r="X50889" i="1"/>
  <c r="X50890" i="1"/>
  <c r="X50891" i="1"/>
  <c r="X50892" i="1"/>
  <c r="X50893" i="1"/>
  <c r="X50894" i="1"/>
  <c r="X50895" i="1"/>
  <c r="X50896" i="1"/>
  <c r="X50897" i="1"/>
  <c r="X50898" i="1"/>
  <c r="X50899" i="1"/>
  <c r="X50900" i="1"/>
  <c r="X50901" i="1"/>
  <c r="X50902" i="1"/>
  <c r="X50903" i="1"/>
  <c r="X50904" i="1"/>
  <c r="X50905" i="1"/>
  <c r="X50906" i="1"/>
  <c r="X50907" i="1"/>
  <c r="X50908" i="1"/>
  <c r="X50909" i="1"/>
  <c r="X50910" i="1"/>
  <c r="X50911" i="1"/>
  <c r="X50912" i="1"/>
  <c r="X50913" i="1"/>
  <c r="X50914" i="1"/>
  <c r="X50915" i="1"/>
  <c r="X50916" i="1"/>
  <c r="X50917" i="1"/>
  <c r="X50918" i="1"/>
  <c r="X50919" i="1"/>
  <c r="X50920" i="1"/>
  <c r="X50921" i="1"/>
  <c r="X50922" i="1"/>
  <c r="X50923" i="1"/>
  <c r="X50924" i="1"/>
  <c r="X50925" i="1"/>
  <c r="X50926" i="1"/>
  <c r="X50927" i="1"/>
  <c r="X50928" i="1"/>
  <c r="X50929" i="1"/>
  <c r="X50930" i="1"/>
  <c r="X50931" i="1"/>
  <c r="X50932" i="1"/>
  <c r="X50933" i="1"/>
  <c r="X50934" i="1"/>
  <c r="X50935" i="1"/>
  <c r="X50936" i="1"/>
  <c r="X50937" i="1"/>
  <c r="X50938" i="1"/>
  <c r="X50939" i="1"/>
  <c r="X50940" i="1"/>
  <c r="X50941" i="1"/>
  <c r="X50942" i="1"/>
  <c r="X50943" i="1"/>
  <c r="X50944" i="1"/>
  <c r="X50945" i="1"/>
  <c r="X50946" i="1"/>
  <c r="X50947" i="1"/>
  <c r="X50948" i="1"/>
  <c r="X50949" i="1"/>
  <c r="X50950" i="1"/>
  <c r="X50951" i="1"/>
  <c r="X50952" i="1"/>
  <c r="X50953" i="1"/>
  <c r="X50954" i="1"/>
  <c r="X50955" i="1"/>
  <c r="X50956" i="1"/>
  <c r="X50957" i="1"/>
  <c r="X50958" i="1"/>
  <c r="X50959" i="1"/>
  <c r="X50960" i="1"/>
  <c r="X50961" i="1"/>
  <c r="X50962" i="1"/>
  <c r="X50963" i="1"/>
  <c r="X50964" i="1"/>
  <c r="X50965" i="1"/>
  <c r="X50966" i="1"/>
  <c r="X50967" i="1"/>
  <c r="X50968" i="1"/>
  <c r="X50969" i="1"/>
  <c r="X50970" i="1"/>
  <c r="X50971" i="1"/>
  <c r="X50972" i="1"/>
  <c r="X50973" i="1"/>
  <c r="X50974" i="1"/>
  <c r="X50975" i="1"/>
  <c r="X50976" i="1"/>
  <c r="X50977" i="1"/>
  <c r="X50978" i="1"/>
  <c r="X50979" i="1"/>
  <c r="X50980" i="1"/>
  <c r="X50981" i="1"/>
  <c r="X50982" i="1"/>
  <c r="X50983" i="1"/>
  <c r="X50984" i="1"/>
  <c r="X50985" i="1"/>
  <c r="X50986" i="1"/>
  <c r="X50987" i="1"/>
  <c r="X50988" i="1"/>
  <c r="X50989" i="1"/>
  <c r="X50990" i="1"/>
  <c r="X50991" i="1"/>
  <c r="X50992" i="1"/>
  <c r="X50993" i="1"/>
  <c r="X50994" i="1"/>
  <c r="X50995" i="1"/>
  <c r="X50996" i="1"/>
  <c r="X50997" i="1"/>
  <c r="X50998" i="1"/>
  <c r="X50999" i="1"/>
  <c r="X51000" i="1"/>
  <c r="X51001" i="1"/>
  <c r="X51002" i="1"/>
  <c r="X51003" i="1"/>
  <c r="X51004" i="1"/>
  <c r="X51005" i="1"/>
  <c r="X51006" i="1"/>
  <c r="X51007" i="1"/>
  <c r="X51008" i="1"/>
  <c r="X51009" i="1"/>
  <c r="X51010" i="1"/>
  <c r="X51011" i="1"/>
  <c r="X51012" i="1"/>
  <c r="X51013" i="1"/>
  <c r="X51014" i="1"/>
  <c r="X51015" i="1"/>
  <c r="X51016" i="1"/>
  <c r="X51017" i="1"/>
  <c r="X51018" i="1"/>
  <c r="X51019" i="1"/>
  <c r="X51020" i="1"/>
  <c r="X51021" i="1"/>
  <c r="X51022" i="1"/>
  <c r="X51023" i="1"/>
  <c r="X51024" i="1"/>
  <c r="X51025" i="1"/>
  <c r="X51026" i="1"/>
  <c r="X51027" i="1"/>
  <c r="X51028" i="1"/>
  <c r="X51029" i="1"/>
  <c r="X51030" i="1"/>
  <c r="X51031" i="1"/>
  <c r="X51032" i="1"/>
  <c r="X51033" i="1"/>
  <c r="X51034" i="1"/>
  <c r="X51035" i="1"/>
  <c r="X51036" i="1"/>
  <c r="X51037" i="1"/>
  <c r="X51038" i="1"/>
  <c r="X51039" i="1"/>
  <c r="X51040" i="1"/>
  <c r="X51041" i="1"/>
  <c r="X51042" i="1"/>
  <c r="X51043" i="1"/>
  <c r="X51044" i="1"/>
  <c r="X51045" i="1"/>
  <c r="X51046" i="1"/>
  <c r="X51047" i="1"/>
  <c r="X51048" i="1"/>
  <c r="X51049" i="1"/>
  <c r="X51050" i="1"/>
  <c r="X51051" i="1"/>
  <c r="X51052" i="1"/>
  <c r="X51053" i="1"/>
  <c r="X51054" i="1"/>
  <c r="X51055" i="1"/>
  <c r="X51056" i="1"/>
  <c r="X51057" i="1"/>
  <c r="X51058" i="1"/>
  <c r="X51059" i="1"/>
  <c r="X51060" i="1"/>
  <c r="X51061" i="1"/>
  <c r="X51062" i="1"/>
  <c r="X51063" i="1"/>
  <c r="X51064" i="1"/>
  <c r="X51065" i="1"/>
  <c r="X51066" i="1"/>
  <c r="X51067" i="1"/>
  <c r="X51068" i="1"/>
  <c r="X51069" i="1"/>
  <c r="X51070" i="1"/>
  <c r="X51071" i="1"/>
  <c r="X51072" i="1"/>
  <c r="X51073" i="1"/>
  <c r="X51074" i="1"/>
  <c r="X51075" i="1"/>
  <c r="X51076" i="1"/>
  <c r="X51077" i="1"/>
  <c r="X51078" i="1"/>
  <c r="X51079" i="1"/>
  <c r="X51080" i="1"/>
  <c r="X51081" i="1"/>
  <c r="X51082" i="1"/>
  <c r="X51083" i="1"/>
  <c r="X51084" i="1"/>
  <c r="X51085" i="1"/>
  <c r="X51086" i="1"/>
  <c r="X51087" i="1"/>
  <c r="X51088" i="1"/>
  <c r="X51089" i="1"/>
  <c r="X51090" i="1"/>
  <c r="X51091" i="1"/>
  <c r="X51092" i="1"/>
  <c r="X51093" i="1"/>
  <c r="X51094" i="1"/>
  <c r="X51095" i="1"/>
  <c r="X51096" i="1"/>
  <c r="X51097" i="1"/>
  <c r="X51098" i="1"/>
  <c r="X51099" i="1"/>
  <c r="X51100" i="1"/>
  <c r="X51101" i="1"/>
  <c r="X51102" i="1"/>
  <c r="X51103" i="1"/>
  <c r="X51104" i="1"/>
  <c r="X51105" i="1"/>
  <c r="X51106" i="1"/>
  <c r="X51107" i="1"/>
  <c r="X51108" i="1"/>
  <c r="X51109" i="1"/>
  <c r="X51110" i="1"/>
  <c r="X51111" i="1"/>
  <c r="X51112" i="1"/>
  <c r="X51113" i="1"/>
  <c r="X51114" i="1"/>
  <c r="X51115" i="1"/>
  <c r="X51116" i="1"/>
  <c r="X51117" i="1"/>
  <c r="X51118" i="1"/>
  <c r="X51119" i="1"/>
  <c r="X51120" i="1"/>
  <c r="X51121" i="1"/>
  <c r="X51122" i="1"/>
  <c r="X51123" i="1"/>
  <c r="X51124" i="1"/>
  <c r="X51125" i="1"/>
  <c r="X51126" i="1"/>
  <c r="X51127" i="1"/>
  <c r="X51128" i="1"/>
  <c r="X51129" i="1"/>
  <c r="X51130" i="1"/>
  <c r="X51131" i="1"/>
  <c r="X51132" i="1"/>
  <c r="X51133" i="1"/>
  <c r="X51134" i="1"/>
  <c r="X51135" i="1"/>
  <c r="X51136" i="1"/>
  <c r="X51137" i="1"/>
  <c r="X51138" i="1"/>
  <c r="X51139" i="1"/>
  <c r="X51140" i="1"/>
  <c r="X51141" i="1"/>
  <c r="X51142" i="1"/>
  <c r="X51143" i="1"/>
  <c r="X51144" i="1"/>
  <c r="X51145" i="1"/>
  <c r="X51146" i="1"/>
  <c r="X51147" i="1"/>
  <c r="X51148" i="1"/>
  <c r="X51149" i="1"/>
  <c r="X51150" i="1"/>
  <c r="X51151" i="1"/>
  <c r="X51152" i="1"/>
  <c r="X51153" i="1"/>
  <c r="X51154" i="1"/>
  <c r="X51155" i="1"/>
  <c r="X51156" i="1"/>
  <c r="X51157" i="1"/>
  <c r="X51158" i="1"/>
  <c r="X51159" i="1"/>
  <c r="X51160" i="1"/>
  <c r="X51161" i="1"/>
  <c r="X51162" i="1"/>
  <c r="X51163" i="1"/>
  <c r="X51164" i="1"/>
  <c r="X51165" i="1"/>
  <c r="X51166" i="1"/>
  <c r="X51167" i="1"/>
  <c r="X51168" i="1"/>
  <c r="X51169" i="1"/>
  <c r="X51170" i="1"/>
  <c r="X51171" i="1"/>
  <c r="X51172" i="1"/>
  <c r="X51173" i="1"/>
  <c r="X51174" i="1"/>
  <c r="X51175" i="1"/>
  <c r="X51176" i="1"/>
  <c r="X51177" i="1"/>
  <c r="X51178" i="1"/>
  <c r="X51179" i="1"/>
  <c r="X51180" i="1"/>
  <c r="X51181" i="1"/>
  <c r="X51182" i="1"/>
  <c r="X51183" i="1"/>
  <c r="X51184" i="1"/>
  <c r="X51185" i="1"/>
  <c r="X51186" i="1"/>
  <c r="X51187" i="1"/>
  <c r="X51188" i="1"/>
  <c r="X51189" i="1"/>
  <c r="X51190" i="1"/>
  <c r="X51191" i="1"/>
  <c r="X51192" i="1"/>
  <c r="X51193" i="1"/>
  <c r="X51194" i="1"/>
  <c r="X51195" i="1"/>
  <c r="X51196" i="1"/>
  <c r="X51197" i="1"/>
  <c r="X51198" i="1"/>
  <c r="X51199" i="1"/>
  <c r="X51200" i="1"/>
  <c r="X51201" i="1"/>
  <c r="X51202" i="1"/>
  <c r="X51203" i="1"/>
  <c r="X51204" i="1"/>
  <c r="X51205" i="1"/>
  <c r="X51206" i="1"/>
  <c r="X51207" i="1"/>
  <c r="X51208" i="1"/>
  <c r="X51209" i="1"/>
  <c r="X51210" i="1"/>
  <c r="X51211" i="1"/>
  <c r="X51212" i="1"/>
  <c r="X51213" i="1"/>
  <c r="X51214" i="1"/>
  <c r="X51215" i="1"/>
  <c r="X51216" i="1"/>
  <c r="X51217" i="1"/>
  <c r="X51218" i="1"/>
  <c r="X51219" i="1"/>
  <c r="X51220" i="1"/>
  <c r="X51221" i="1"/>
  <c r="X51222" i="1"/>
  <c r="X51223" i="1"/>
  <c r="X51224" i="1"/>
  <c r="X51225" i="1"/>
  <c r="X51226" i="1"/>
  <c r="X51227" i="1"/>
  <c r="X51228" i="1"/>
  <c r="X51229" i="1"/>
  <c r="X51230" i="1"/>
  <c r="X51231" i="1"/>
  <c r="X51232" i="1"/>
  <c r="X51233" i="1"/>
  <c r="X51234" i="1"/>
  <c r="X51235" i="1"/>
  <c r="X51236" i="1"/>
  <c r="X51237" i="1"/>
  <c r="X51238" i="1"/>
  <c r="X51239" i="1"/>
  <c r="X51240" i="1"/>
  <c r="X51241" i="1"/>
  <c r="X51242" i="1"/>
  <c r="X51243" i="1"/>
  <c r="X51244" i="1"/>
  <c r="X51245" i="1"/>
  <c r="X51246" i="1"/>
  <c r="X51247" i="1"/>
  <c r="X51248" i="1"/>
  <c r="X51249" i="1"/>
  <c r="X51250" i="1"/>
  <c r="X51251" i="1"/>
  <c r="X51252" i="1"/>
  <c r="X51253" i="1"/>
  <c r="X51254" i="1"/>
  <c r="X51255" i="1"/>
  <c r="X51256" i="1"/>
  <c r="X51257" i="1"/>
  <c r="X51258" i="1"/>
  <c r="X51259" i="1"/>
  <c r="X51260" i="1"/>
  <c r="X51261" i="1"/>
  <c r="X51262" i="1"/>
  <c r="X51263" i="1"/>
  <c r="X51264" i="1"/>
  <c r="X51265" i="1"/>
  <c r="X51266" i="1"/>
  <c r="X51267" i="1"/>
  <c r="X51268" i="1"/>
  <c r="X51269" i="1"/>
  <c r="X51270" i="1"/>
  <c r="X51271" i="1"/>
  <c r="X51272" i="1"/>
  <c r="X51273" i="1"/>
  <c r="X51274" i="1"/>
  <c r="X51275" i="1"/>
  <c r="X51276" i="1"/>
  <c r="X51277" i="1"/>
  <c r="X51278" i="1"/>
  <c r="X51279" i="1"/>
  <c r="X51280" i="1"/>
  <c r="X51281" i="1"/>
  <c r="X51282" i="1"/>
  <c r="X51283" i="1"/>
  <c r="X51284" i="1"/>
  <c r="X51285" i="1"/>
  <c r="X51286" i="1"/>
  <c r="X51287" i="1"/>
  <c r="X51288" i="1"/>
  <c r="X51289" i="1"/>
  <c r="X51290" i="1"/>
  <c r="X51291" i="1"/>
  <c r="X51292" i="1"/>
  <c r="X51293" i="1"/>
  <c r="X51294" i="1"/>
  <c r="X51295" i="1"/>
  <c r="X51296" i="1"/>
  <c r="X51297" i="1"/>
  <c r="X51298" i="1"/>
  <c r="X51299" i="1"/>
  <c r="X51300" i="1"/>
  <c r="X51301" i="1"/>
  <c r="X51302" i="1"/>
  <c r="X51303" i="1"/>
  <c r="X51304" i="1"/>
  <c r="X51305" i="1"/>
  <c r="X51306" i="1"/>
  <c r="X51307" i="1"/>
  <c r="X51308" i="1"/>
  <c r="X51309" i="1"/>
  <c r="X51310" i="1"/>
  <c r="X51311" i="1"/>
  <c r="X51312" i="1"/>
  <c r="X51313" i="1"/>
  <c r="X51314" i="1"/>
  <c r="X51315" i="1"/>
  <c r="X51316" i="1"/>
  <c r="X51317" i="1"/>
  <c r="X51318" i="1"/>
  <c r="X51319" i="1"/>
  <c r="X51320" i="1"/>
  <c r="X51321" i="1"/>
  <c r="X51322" i="1"/>
  <c r="X51323" i="1"/>
  <c r="X51324" i="1"/>
  <c r="X51325" i="1"/>
  <c r="X51326" i="1"/>
  <c r="X51327" i="1"/>
  <c r="X51328" i="1"/>
  <c r="X51329" i="1"/>
  <c r="X51330" i="1"/>
  <c r="X51331" i="1"/>
  <c r="X51332" i="1"/>
  <c r="X51333" i="1"/>
  <c r="X51334" i="1"/>
  <c r="X51335" i="1"/>
  <c r="X51336" i="1"/>
  <c r="X51337" i="1"/>
  <c r="X51338" i="1"/>
  <c r="X51339" i="1"/>
  <c r="X51340" i="1"/>
  <c r="X51341" i="1"/>
  <c r="X51342" i="1"/>
  <c r="X51343" i="1"/>
  <c r="X51344" i="1"/>
  <c r="X51345" i="1"/>
  <c r="X51346" i="1"/>
  <c r="X51347" i="1"/>
  <c r="X51348" i="1"/>
  <c r="X51349" i="1"/>
  <c r="X51350" i="1"/>
  <c r="X51351" i="1"/>
  <c r="X51352" i="1"/>
  <c r="X51353" i="1"/>
  <c r="X51354" i="1"/>
  <c r="X51355" i="1"/>
  <c r="X51356" i="1"/>
  <c r="X51357" i="1"/>
  <c r="X51358" i="1"/>
  <c r="X51359" i="1"/>
  <c r="X51360" i="1"/>
  <c r="X51361" i="1"/>
  <c r="X51362" i="1"/>
  <c r="X51363" i="1"/>
  <c r="X51364" i="1"/>
  <c r="X51365" i="1"/>
  <c r="X51366" i="1"/>
  <c r="X51367" i="1"/>
  <c r="X51368" i="1"/>
  <c r="X51369" i="1"/>
  <c r="X51370" i="1"/>
  <c r="X51371" i="1"/>
  <c r="X51372" i="1"/>
  <c r="X51373" i="1"/>
  <c r="X51374" i="1"/>
  <c r="X51375" i="1"/>
  <c r="X51376" i="1"/>
  <c r="X51377" i="1"/>
  <c r="X51378" i="1"/>
  <c r="X51379" i="1"/>
  <c r="X51380" i="1"/>
  <c r="X51381" i="1"/>
  <c r="X51382" i="1"/>
  <c r="X51383" i="1"/>
  <c r="X51384" i="1"/>
  <c r="X51385" i="1"/>
  <c r="X51386" i="1"/>
  <c r="X51387" i="1"/>
  <c r="X51388" i="1"/>
  <c r="X51389" i="1"/>
  <c r="X51390" i="1"/>
  <c r="X51391" i="1"/>
  <c r="X51392" i="1"/>
  <c r="X51393" i="1"/>
  <c r="X51394" i="1"/>
  <c r="X51395" i="1"/>
  <c r="X51396" i="1"/>
  <c r="X51397" i="1"/>
  <c r="X51398" i="1"/>
  <c r="X51399" i="1"/>
  <c r="X51400" i="1"/>
  <c r="X51401" i="1"/>
  <c r="X51402" i="1"/>
  <c r="X51403" i="1"/>
  <c r="X51404" i="1"/>
  <c r="X51405" i="1"/>
  <c r="X51406" i="1"/>
  <c r="X51407" i="1"/>
  <c r="X51408" i="1"/>
  <c r="X51409" i="1"/>
  <c r="X51410" i="1"/>
  <c r="X51411" i="1"/>
  <c r="X51412" i="1"/>
  <c r="X51413" i="1"/>
  <c r="X51414" i="1"/>
  <c r="X51415" i="1"/>
  <c r="X51416" i="1"/>
  <c r="X51417" i="1"/>
  <c r="X51418" i="1"/>
  <c r="X51419" i="1"/>
  <c r="X51420" i="1"/>
  <c r="X51421" i="1"/>
  <c r="X51422" i="1"/>
  <c r="X51423" i="1"/>
  <c r="X51424" i="1"/>
  <c r="X51425" i="1"/>
  <c r="X51426" i="1"/>
  <c r="X51427" i="1"/>
  <c r="X51428" i="1"/>
  <c r="X51429" i="1"/>
  <c r="X51430" i="1"/>
  <c r="X51431" i="1"/>
  <c r="X51432" i="1"/>
  <c r="X51433" i="1"/>
  <c r="X51434" i="1"/>
  <c r="X51435" i="1"/>
  <c r="X51436" i="1"/>
  <c r="X51437" i="1"/>
  <c r="X51438" i="1"/>
  <c r="X51439" i="1"/>
  <c r="X51440" i="1"/>
  <c r="X51441" i="1"/>
  <c r="X51442" i="1"/>
  <c r="X51443" i="1"/>
  <c r="X51444" i="1"/>
  <c r="X51445" i="1"/>
  <c r="X51446" i="1"/>
  <c r="X51447" i="1"/>
  <c r="X51448" i="1"/>
  <c r="X51449" i="1"/>
  <c r="X51450" i="1"/>
  <c r="X51451" i="1"/>
  <c r="X51452" i="1"/>
  <c r="X51453" i="1"/>
  <c r="X51454" i="1"/>
  <c r="X51455" i="1"/>
  <c r="X51456" i="1"/>
  <c r="X51457" i="1"/>
  <c r="X51458" i="1"/>
  <c r="X51459" i="1"/>
  <c r="X51460" i="1"/>
  <c r="X51461" i="1"/>
  <c r="X51462" i="1"/>
  <c r="X51463" i="1"/>
  <c r="X51464" i="1"/>
  <c r="X51465" i="1"/>
  <c r="X51466" i="1"/>
  <c r="X51467" i="1"/>
  <c r="X51468" i="1"/>
  <c r="X51469" i="1"/>
  <c r="X51470" i="1"/>
  <c r="X51471" i="1"/>
  <c r="X51472" i="1"/>
  <c r="X51473" i="1"/>
  <c r="X51474" i="1"/>
  <c r="X51475" i="1"/>
  <c r="X51476" i="1"/>
  <c r="X51477" i="1"/>
  <c r="X51478" i="1"/>
  <c r="X51479" i="1"/>
  <c r="X51480" i="1"/>
  <c r="X51481" i="1"/>
  <c r="X51482" i="1"/>
  <c r="X51483" i="1"/>
  <c r="X51484" i="1"/>
  <c r="X51485" i="1"/>
  <c r="X51486" i="1"/>
  <c r="X51487" i="1"/>
  <c r="X51488" i="1"/>
  <c r="X51489" i="1"/>
  <c r="X51490" i="1"/>
  <c r="X51491" i="1"/>
  <c r="X51492" i="1"/>
  <c r="X51493" i="1"/>
  <c r="X51494" i="1"/>
  <c r="X51495" i="1"/>
  <c r="X51496" i="1"/>
  <c r="X51497" i="1"/>
  <c r="X51498" i="1"/>
  <c r="X51499" i="1"/>
  <c r="X51500" i="1"/>
  <c r="X51501" i="1"/>
  <c r="X51502" i="1"/>
  <c r="X51503" i="1"/>
  <c r="X51504" i="1"/>
  <c r="X51505" i="1"/>
  <c r="X51506" i="1"/>
  <c r="X51507" i="1"/>
  <c r="X51508" i="1"/>
  <c r="X51509" i="1"/>
  <c r="X51510" i="1"/>
  <c r="X51511" i="1"/>
  <c r="X51512" i="1"/>
  <c r="X51513" i="1"/>
  <c r="X51514" i="1"/>
  <c r="X51515" i="1"/>
  <c r="X51516" i="1"/>
  <c r="X51517" i="1"/>
  <c r="X51518" i="1"/>
  <c r="X51519" i="1"/>
  <c r="X51520" i="1"/>
  <c r="X51521" i="1"/>
  <c r="X51522" i="1"/>
  <c r="X51523" i="1"/>
  <c r="X51524" i="1"/>
  <c r="X51525" i="1"/>
  <c r="X51526" i="1"/>
  <c r="X51527" i="1"/>
  <c r="X51528" i="1"/>
  <c r="X51529" i="1"/>
  <c r="X51530" i="1"/>
  <c r="X51531" i="1"/>
  <c r="X51532" i="1"/>
  <c r="X51533" i="1"/>
  <c r="X51534" i="1"/>
  <c r="X51535" i="1"/>
  <c r="X51536" i="1"/>
  <c r="X51537" i="1"/>
  <c r="X51538" i="1"/>
  <c r="X51539" i="1"/>
  <c r="X51540" i="1"/>
  <c r="X51541" i="1"/>
  <c r="X51542" i="1"/>
  <c r="X51543" i="1"/>
  <c r="X51544" i="1"/>
  <c r="X51545" i="1"/>
  <c r="X51546" i="1"/>
  <c r="X51547" i="1"/>
  <c r="X51548" i="1"/>
  <c r="X51549" i="1"/>
  <c r="X51550" i="1"/>
  <c r="X51551" i="1"/>
  <c r="X51552" i="1"/>
  <c r="X51553" i="1"/>
  <c r="X51554" i="1"/>
  <c r="X51555" i="1"/>
  <c r="X51556" i="1"/>
  <c r="X51557" i="1"/>
  <c r="X51558" i="1"/>
  <c r="X51559" i="1"/>
  <c r="X51560" i="1"/>
  <c r="X51561" i="1"/>
  <c r="X51562" i="1"/>
  <c r="X51563" i="1"/>
  <c r="X51564" i="1"/>
  <c r="X51565" i="1"/>
  <c r="X51566" i="1"/>
  <c r="X51567" i="1"/>
  <c r="X51568" i="1"/>
  <c r="X51569" i="1"/>
  <c r="X51570" i="1"/>
  <c r="X51571" i="1"/>
  <c r="X51572" i="1"/>
  <c r="X51573" i="1"/>
  <c r="X51574" i="1"/>
  <c r="X51575" i="1"/>
  <c r="X51576" i="1"/>
  <c r="X51577" i="1"/>
  <c r="X51578" i="1"/>
  <c r="X51579" i="1"/>
  <c r="X51580" i="1"/>
  <c r="X51581" i="1"/>
  <c r="X51582" i="1"/>
  <c r="X51583" i="1"/>
  <c r="X51584" i="1"/>
  <c r="X51585" i="1"/>
  <c r="X51586" i="1"/>
  <c r="X51587" i="1"/>
  <c r="X51588" i="1"/>
  <c r="X51589" i="1"/>
  <c r="X51590" i="1"/>
  <c r="X51591" i="1"/>
  <c r="X51592" i="1"/>
  <c r="X51593" i="1"/>
  <c r="X51594" i="1"/>
  <c r="X51595" i="1"/>
  <c r="X51596" i="1"/>
  <c r="X51597" i="1"/>
  <c r="X51598" i="1"/>
  <c r="X51599" i="1"/>
  <c r="X51600" i="1"/>
  <c r="X51601" i="1"/>
  <c r="X51602" i="1"/>
  <c r="X51603" i="1"/>
  <c r="X51604" i="1"/>
  <c r="X51605" i="1"/>
  <c r="X51606" i="1"/>
  <c r="X51607" i="1"/>
  <c r="X51608" i="1"/>
  <c r="X51609" i="1"/>
  <c r="X51610" i="1"/>
  <c r="X51611" i="1"/>
  <c r="X51612" i="1"/>
  <c r="X51613" i="1"/>
  <c r="X51614" i="1"/>
  <c r="X51615" i="1"/>
  <c r="X51616" i="1"/>
  <c r="X51617" i="1"/>
  <c r="X51618" i="1"/>
  <c r="X51619" i="1"/>
  <c r="X51620" i="1"/>
  <c r="X51621" i="1"/>
  <c r="X51622" i="1"/>
  <c r="X51623" i="1"/>
  <c r="X51624" i="1"/>
  <c r="X51625" i="1"/>
  <c r="X51626" i="1"/>
  <c r="X51627" i="1"/>
  <c r="X51628" i="1"/>
  <c r="X51629" i="1"/>
  <c r="X51630" i="1"/>
  <c r="X51631" i="1"/>
  <c r="X51632" i="1"/>
  <c r="X51633" i="1"/>
  <c r="X51634" i="1"/>
  <c r="X51635" i="1"/>
  <c r="X51636" i="1"/>
  <c r="X51637" i="1"/>
  <c r="X51638" i="1"/>
  <c r="X51639" i="1"/>
  <c r="X51640" i="1"/>
  <c r="X51641" i="1"/>
  <c r="X51642" i="1"/>
  <c r="X51643" i="1"/>
  <c r="X51644" i="1"/>
  <c r="X51645" i="1"/>
  <c r="X51646" i="1"/>
  <c r="X51647" i="1"/>
  <c r="X51648" i="1"/>
  <c r="X51649" i="1"/>
  <c r="X51650" i="1"/>
  <c r="X51651" i="1"/>
  <c r="X51652" i="1"/>
  <c r="X51653" i="1"/>
  <c r="X51654" i="1"/>
  <c r="X51655" i="1"/>
  <c r="X51656" i="1"/>
  <c r="X51657" i="1"/>
  <c r="X51658" i="1"/>
  <c r="X51659" i="1"/>
  <c r="X51660" i="1"/>
  <c r="X51661" i="1"/>
  <c r="X51662" i="1"/>
  <c r="X51663" i="1"/>
  <c r="X51664" i="1"/>
  <c r="X51665" i="1"/>
  <c r="X51666" i="1"/>
  <c r="X51667" i="1"/>
  <c r="X51668" i="1"/>
  <c r="X51669" i="1"/>
  <c r="X51670" i="1"/>
  <c r="X51671" i="1"/>
  <c r="X51672" i="1"/>
  <c r="X51673" i="1"/>
  <c r="X51674" i="1"/>
  <c r="X51675" i="1"/>
  <c r="X51676" i="1"/>
  <c r="X51677" i="1"/>
  <c r="X51678" i="1"/>
  <c r="X51679" i="1"/>
  <c r="X51680" i="1"/>
  <c r="X51681" i="1"/>
  <c r="X51682" i="1"/>
  <c r="X51683" i="1"/>
  <c r="X51684" i="1"/>
  <c r="X51685" i="1"/>
  <c r="X51686" i="1"/>
  <c r="X51687" i="1"/>
  <c r="X51688" i="1"/>
  <c r="X51689" i="1"/>
  <c r="X51690" i="1"/>
  <c r="X51691" i="1"/>
  <c r="X51692" i="1"/>
  <c r="X51693" i="1"/>
  <c r="X51694" i="1"/>
  <c r="X51695" i="1"/>
  <c r="X51696" i="1"/>
  <c r="X51697" i="1"/>
  <c r="X51698" i="1"/>
  <c r="X51699" i="1"/>
  <c r="X51700" i="1"/>
  <c r="X51701" i="1"/>
  <c r="X51702" i="1"/>
  <c r="X51703" i="1"/>
  <c r="X51704" i="1"/>
  <c r="X51705" i="1"/>
  <c r="X51706" i="1"/>
  <c r="X51707" i="1"/>
  <c r="X51708" i="1"/>
  <c r="X51709" i="1"/>
  <c r="X51710" i="1"/>
  <c r="X51711" i="1"/>
  <c r="X51712" i="1"/>
  <c r="X51713" i="1"/>
  <c r="X51714" i="1"/>
  <c r="X51715" i="1"/>
  <c r="X51716" i="1"/>
  <c r="X51717" i="1"/>
  <c r="X51718" i="1"/>
  <c r="X51719" i="1"/>
  <c r="X51720" i="1"/>
  <c r="X51721" i="1"/>
  <c r="X51722" i="1"/>
  <c r="X51723" i="1"/>
  <c r="X51724" i="1"/>
  <c r="X51725" i="1"/>
  <c r="X51726" i="1"/>
  <c r="X51727" i="1"/>
  <c r="X51728" i="1"/>
  <c r="X51729" i="1"/>
  <c r="X51730" i="1"/>
  <c r="X51731" i="1"/>
  <c r="X51732" i="1"/>
  <c r="X51733" i="1"/>
  <c r="X51734" i="1"/>
  <c r="X51735" i="1"/>
  <c r="X51736" i="1"/>
  <c r="X51737" i="1"/>
  <c r="X51738" i="1"/>
  <c r="X51739" i="1"/>
  <c r="X51740" i="1"/>
  <c r="X51741" i="1"/>
  <c r="X51742" i="1"/>
  <c r="X51743" i="1"/>
  <c r="X51744" i="1"/>
  <c r="X51745" i="1"/>
  <c r="X51746" i="1"/>
  <c r="X51747" i="1"/>
  <c r="X51748" i="1"/>
  <c r="X51749" i="1"/>
  <c r="X51750" i="1"/>
  <c r="X51751" i="1"/>
  <c r="X51752" i="1"/>
  <c r="X51753" i="1"/>
  <c r="X51754" i="1"/>
  <c r="X51755" i="1"/>
  <c r="X51756" i="1"/>
  <c r="X51757" i="1"/>
  <c r="X51758" i="1"/>
  <c r="X51759" i="1"/>
  <c r="X51760" i="1"/>
  <c r="X51761" i="1"/>
  <c r="X51762" i="1"/>
  <c r="X51763" i="1"/>
  <c r="X51764" i="1"/>
  <c r="X51765" i="1"/>
  <c r="X51766" i="1"/>
  <c r="X51767" i="1"/>
  <c r="X51768" i="1"/>
  <c r="X51769" i="1"/>
  <c r="X51770" i="1"/>
  <c r="X51771" i="1"/>
  <c r="X51772" i="1"/>
  <c r="X51773" i="1"/>
  <c r="X51774" i="1"/>
  <c r="X51775" i="1"/>
  <c r="X51776" i="1"/>
  <c r="X51777" i="1"/>
  <c r="X51778" i="1"/>
  <c r="X51779" i="1"/>
  <c r="X51780" i="1"/>
  <c r="X51781" i="1"/>
  <c r="X51782" i="1"/>
  <c r="X51783" i="1"/>
  <c r="X51784" i="1"/>
  <c r="X51785" i="1"/>
  <c r="X51786" i="1"/>
  <c r="X51787" i="1"/>
  <c r="X51788" i="1"/>
  <c r="X51789" i="1"/>
  <c r="X51790" i="1"/>
  <c r="X51791" i="1"/>
  <c r="X51792" i="1"/>
  <c r="X51793" i="1"/>
  <c r="X51794" i="1"/>
  <c r="X51795" i="1"/>
  <c r="X51796" i="1"/>
  <c r="X51797" i="1"/>
  <c r="X51798" i="1"/>
  <c r="X51799" i="1"/>
  <c r="X51800" i="1"/>
  <c r="X51801" i="1"/>
  <c r="X51802" i="1"/>
  <c r="X51803" i="1"/>
  <c r="X51804" i="1"/>
  <c r="X51805" i="1"/>
  <c r="X51806" i="1"/>
  <c r="X51807" i="1"/>
  <c r="X51808" i="1"/>
  <c r="X51809" i="1"/>
  <c r="X51810" i="1"/>
  <c r="X51811" i="1"/>
  <c r="X51812" i="1"/>
  <c r="X51813" i="1"/>
  <c r="X51814" i="1"/>
  <c r="X51815" i="1"/>
  <c r="X51816" i="1"/>
  <c r="X51817" i="1"/>
  <c r="X51818" i="1"/>
  <c r="X51819" i="1"/>
  <c r="X51820" i="1"/>
  <c r="X51821" i="1"/>
  <c r="X51822" i="1"/>
  <c r="X51823" i="1"/>
  <c r="X51824" i="1"/>
  <c r="X51825" i="1"/>
  <c r="X51826" i="1"/>
  <c r="X51827" i="1"/>
  <c r="X51828" i="1"/>
  <c r="X51829" i="1"/>
  <c r="X51830" i="1"/>
  <c r="X51831" i="1"/>
  <c r="X51832" i="1"/>
  <c r="X51833" i="1"/>
  <c r="X51834" i="1"/>
  <c r="X51835" i="1"/>
  <c r="X51836" i="1"/>
  <c r="X51837" i="1"/>
  <c r="X51838" i="1"/>
  <c r="X51839" i="1"/>
  <c r="X51840" i="1"/>
  <c r="X51841" i="1"/>
  <c r="X51842" i="1"/>
  <c r="X51843" i="1"/>
  <c r="X51844" i="1"/>
  <c r="X51845" i="1"/>
  <c r="X51846" i="1"/>
  <c r="X51847" i="1"/>
  <c r="X51848" i="1"/>
  <c r="X51849" i="1"/>
  <c r="X51850" i="1"/>
  <c r="X51851" i="1"/>
  <c r="X51852" i="1"/>
  <c r="X51853" i="1"/>
  <c r="X51854" i="1"/>
  <c r="X51855" i="1"/>
  <c r="X51856" i="1"/>
  <c r="X51857" i="1"/>
  <c r="X51858" i="1"/>
  <c r="X51859" i="1"/>
  <c r="X51860" i="1"/>
  <c r="X51861" i="1"/>
  <c r="X51862" i="1"/>
  <c r="X51863" i="1"/>
  <c r="X51864" i="1"/>
  <c r="X51865" i="1"/>
  <c r="X51866" i="1"/>
  <c r="X51867" i="1"/>
  <c r="X51868" i="1"/>
  <c r="X51869" i="1"/>
  <c r="X51870" i="1"/>
  <c r="X51871" i="1"/>
  <c r="X51872" i="1"/>
  <c r="X51873" i="1"/>
  <c r="X51874" i="1"/>
  <c r="X51875" i="1"/>
  <c r="X51876" i="1"/>
  <c r="X51877" i="1"/>
  <c r="X51878" i="1"/>
  <c r="X51879" i="1"/>
  <c r="X51880" i="1"/>
  <c r="X51881" i="1"/>
  <c r="X51882" i="1"/>
  <c r="X51883" i="1"/>
  <c r="X51884" i="1"/>
  <c r="X51885" i="1"/>
  <c r="X51886" i="1"/>
  <c r="X51887" i="1"/>
  <c r="X51888" i="1"/>
  <c r="X51889" i="1"/>
  <c r="X51890" i="1"/>
  <c r="X51891" i="1"/>
  <c r="X51892" i="1"/>
  <c r="X51893" i="1"/>
  <c r="X51894" i="1"/>
  <c r="X51895" i="1"/>
  <c r="X51896" i="1"/>
  <c r="X51897" i="1"/>
  <c r="X51898" i="1"/>
  <c r="X51899" i="1"/>
  <c r="X51900" i="1"/>
  <c r="X51901" i="1"/>
  <c r="X51902" i="1"/>
  <c r="X51903" i="1"/>
  <c r="X51904" i="1"/>
  <c r="X51905" i="1"/>
  <c r="X51906" i="1"/>
  <c r="X51907" i="1"/>
  <c r="X51908" i="1"/>
  <c r="X51909" i="1"/>
  <c r="X51910" i="1"/>
  <c r="X51911" i="1"/>
  <c r="X51912" i="1"/>
  <c r="X51913" i="1"/>
  <c r="X51914" i="1"/>
  <c r="X51915" i="1"/>
  <c r="X51916" i="1"/>
  <c r="X51917" i="1"/>
  <c r="X51918" i="1"/>
  <c r="X51919" i="1"/>
  <c r="X51920" i="1"/>
  <c r="X51921" i="1"/>
  <c r="X51922" i="1"/>
  <c r="X51923" i="1"/>
  <c r="X51924" i="1"/>
  <c r="X51925" i="1"/>
  <c r="X51926" i="1"/>
  <c r="X51927" i="1"/>
  <c r="X51928" i="1"/>
  <c r="X51929" i="1"/>
  <c r="X51930" i="1"/>
  <c r="X51931" i="1"/>
  <c r="X51932" i="1"/>
  <c r="X51933" i="1"/>
  <c r="X51934" i="1"/>
  <c r="X51935" i="1"/>
  <c r="X51936" i="1"/>
  <c r="X51937" i="1"/>
  <c r="X51938" i="1"/>
  <c r="X51939" i="1"/>
  <c r="X51940" i="1"/>
  <c r="X51941" i="1"/>
  <c r="X51942" i="1"/>
  <c r="X51943" i="1"/>
  <c r="X51944" i="1"/>
  <c r="X51945" i="1"/>
  <c r="X51946" i="1"/>
  <c r="X51947" i="1"/>
  <c r="X51948" i="1"/>
  <c r="X51949" i="1"/>
  <c r="X51950" i="1"/>
  <c r="X51951" i="1"/>
  <c r="X51952" i="1"/>
  <c r="X51953" i="1"/>
  <c r="X51954" i="1"/>
  <c r="X51955" i="1"/>
  <c r="X51956" i="1"/>
  <c r="X51957" i="1"/>
  <c r="X51958" i="1"/>
  <c r="X51959" i="1"/>
  <c r="X51960" i="1"/>
  <c r="X51961" i="1"/>
  <c r="X51962" i="1"/>
  <c r="X51963" i="1"/>
  <c r="X51964" i="1"/>
  <c r="X51965" i="1"/>
  <c r="X51966" i="1"/>
  <c r="X51967" i="1"/>
  <c r="X51968" i="1"/>
  <c r="X51969" i="1"/>
  <c r="X51970" i="1"/>
  <c r="X51971" i="1"/>
  <c r="X51972" i="1"/>
  <c r="X51973" i="1"/>
  <c r="X51974" i="1"/>
  <c r="X51975" i="1"/>
  <c r="X51976" i="1"/>
  <c r="X51977" i="1"/>
  <c r="X51978" i="1"/>
  <c r="X51979" i="1"/>
  <c r="X51980" i="1"/>
  <c r="X51981" i="1"/>
  <c r="X51982" i="1"/>
  <c r="X51983" i="1"/>
  <c r="X51984" i="1"/>
  <c r="X51985" i="1"/>
  <c r="X51986" i="1"/>
  <c r="X51987" i="1"/>
  <c r="X51988" i="1"/>
  <c r="X51989" i="1"/>
  <c r="X51990" i="1"/>
  <c r="X51991" i="1"/>
  <c r="X51992" i="1"/>
  <c r="X51993" i="1"/>
  <c r="X51994" i="1"/>
  <c r="X51995" i="1"/>
  <c r="X51996" i="1"/>
  <c r="X51997" i="1"/>
  <c r="X51998" i="1"/>
  <c r="X51999" i="1"/>
  <c r="X52000" i="1"/>
  <c r="X52001" i="1"/>
  <c r="X52002" i="1"/>
  <c r="X52003" i="1"/>
  <c r="X52004" i="1"/>
  <c r="X52005" i="1"/>
  <c r="X52006" i="1"/>
  <c r="X52007" i="1"/>
  <c r="X52008" i="1"/>
  <c r="X52009" i="1"/>
  <c r="X52010" i="1"/>
  <c r="X52011" i="1"/>
  <c r="X52012" i="1"/>
  <c r="X52013" i="1"/>
  <c r="X52014" i="1"/>
  <c r="X52015" i="1"/>
  <c r="X52016" i="1"/>
  <c r="X52017" i="1"/>
  <c r="X52018" i="1"/>
  <c r="X52019" i="1"/>
  <c r="X52020" i="1"/>
  <c r="X52021" i="1"/>
  <c r="X52022" i="1"/>
  <c r="X52023" i="1"/>
  <c r="X52024" i="1"/>
  <c r="X52025" i="1"/>
  <c r="X52026" i="1"/>
  <c r="X52027" i="1"/>
  <c r="X52028" i="1"/>
  <c r="X52029" i="1"/>
  <c r="X52030" i="1"/>
  <c r="X52031" i="1"/>
  <c r="X52032" i="1"/>
  <c r="X52033" i="1"/>
  <c r="X52034" i="1"/>
  <c r="X52035" i="1"/>
  <c r="X52036" i="1"/>
  <c r="X52037" i="1"/>
  <c r="X52038" i="1"/>
  <c r="X52039" i="1"/>
  <c r="X52040" i="1"/>
  <c r="X52041" i="1"/>
  <c r="X52042" i="1"/>
  <c r="X52043" i="1"/>
  <c r="X52044" i="1"/>
  <c r="X52045" i="1"/>
  <c r="X52046" i="1"/>
  <c r="X52047" i="1"/>
  <c r="X52048" i="1"/>
  <c r="X52049" i="1"/>
  <c r="X52050" i="1"/>
  <c r="X52051" i="1"/>
  <c r="X52052" i="1"/>
  <c r="X52053" i="1"/>
  <c r="X52054" i="1"/>
  <c r="X52055" i="1"/>
  <c r="X52056" i="1"/>
  <c r="X52057" i="1"/>
  <c r="X52058" i="1"/>
  <c r="X52059" i="1"/>
  <c r="X52060" i="1"/>
  <c r="X52061" i="1"/>
  <c r="X52062" i="1"/>
  <c r="X52063" i="1"/>
  <c r="X52064" i="1"/>
  <c r="X52065" i="1"/>
  <c r="X52066" i="1"/>
  <c r="X52067" i="1"/>
  <c r="X52068" i="1"/>
  <c r="X52069" i="1"/>
  <c r="X52070" i="1"/>
  <c r="X52071" i="1"/>
  <c r="X52072" i="1"/>
  <c r="X52073" i="1"/>
  <c r="X52074" i="1"/>
  <c r="X52075" i="1"/>
  <c r="X52076" i="1"/>
  <c r="X52077" i="1"/>
  <c r="X52078" i="1"/>
  <c r="X52079" i="1"/>
  <c r="X52080" i="1"/>
  <c r="X52081" i="1"/>
  <c r="X52082" i="1"/>
  <c r="X52083" i="1"/>
  <c r="X52084" i="1"/>
  <c r="X52085" i="1"/>
  <c r="X52086" i="1"/>
  <c r="X52087" i="1"/>
  <c r="X52088" i="1"/>
  <c r="X52089" i="1"/>
  <c r="X52090" i="1"/>
  <c r="X52091" i="1"/>
  <c r="X52092" i="1"/>
  <c r="X52093" i="1"/>
  <c r="X52094" i="1"/>
  <c r="X52095" i="1"/>
  <c r="X52096" i="1"/>
  <c r="X52097" i="1"/>
  <c r="X52098" i="1"/>
  <c r="X52099" i="1"/>
  <c r="X52100" i="1"/>
  <c r="X52101" i="1"/>
  <c r="X52102" i="1"/>
  <c r="X52103" i="1"/>
  <c r="X52104" i="1"/>
  <c r="X52105" i="1"/>
  <c r="X52106" i="1"/>
  <c r="X52107" i="1"/>
  <c r="X52108" i="1"/>
  <c r="X52109" i="1"/>
  <c r="X52110" i="1"/>
  <c r="X52111" i="1"/>
  <c r="X52112" i="1"/>
  <c r="X52113" i="1"/>
  <c r="X52114" i="1"/>
  <c r="X52115" i="1"/>
  <c r="X52116" i="1"/>
  <c r="X52117" i="1"/>
  <c r="X52118" i="1"/>
  <c r="X52119" i="1"/>
  <c r="X52120" i="1"/>
  <c r="X52121" i="1"/>
  <c r="X52122" i="1"/>
  <c r="X52123" i="1"/>
  <c r="X52124" i="1"/>
  <c r="X52125" i="1"/>
  <c r="X52126" i="1"/>
  <c r="X52127" i="1"/>
  <c r="X52128" i="1"/>
  <c r="X52129" i="1"/>
  <c r="X52130" i="1"/>
  <c r="X52131" i="1"/>
  <c r="X52132" i="1"/>
  <c r="X52133" i="1"/>
  <c r="X52134" i="1"/>
  <c r="X52135" i="1"/>
  <c r="X52136" i="1"/>
  <c r="X52137" i="1"/>
  <c r="X52138" i="1"/>
  <c r="X52139" i="1"/>
  <c r="X52140" i="1"/>
  <c r="X52141" i="1"/>
  <c r="X52142" i="1"/>
  <c r="X52143" i="1"/>
  <c r="X52144" i="1"/>
  <c r="X52145" i="1"/>
  <c r="X52146" i="1"/>
  <c r="X52147" i="1"/>
  <c r="X52148" i="1"/>
  <c r="X52149" i="1"/>
  <c r="X52150" i="1"/>
  <c r="X52151" i="1"/>
  <c r="X52152" i="1"/>
  <c r="X52153" i="1"/>
  <c r="X52154" i="1"/>
  <c r="X52155" i="1"/>
  <c r="X52156" i="1"/>
  <c r="X52157" i="1"/>
  <c r="X52158" i="1"/>
  <c r="X52159" i="1"/>
  <c r="X52160" i="1"/>
  <c r="X52161" i="1"/>
  <c r="X52162" i="1"/>
  <c r="X52163" i="1"/>
  <c r="X52164" i="1"/>
  <c r="X52165" i="1"/>
  <c r="X52166" i="1"/>
  <c r="X52167" i="1"/>
  <c r="X52168" i="1"/>
  <c r="X52169" i="1"/>
  <c r="X52170" i="1"/>
  <c r="X52171" i="1"/>
  <c r="X52172" i="1"/>
  <c r="X52173" i="1"/>
  <c r="X52174" i="1"/>
  <c r="X52175" i="1"/>
  <c r="X52176" i="1"/>
  <c r="X52177" i="1"/>
  <c r="X52178" i="1"/>
  <c r="X52179" i="1"/>
  <c r="X52180" i="1"/>
  <c r="X52181" i="1"/>
  <c r="X52182" i="1"/>
  <c r="X52183" i="1"/>
  <c r="X52184" i="1"/>
  <c r="X52185" i="1"/>
  <c r="X52186" i="1"/>
  <c r="X52187" i="1"/>
  <c r="X52188" i="1"/>
  <c r="X52189" i="1"/>
  <c r="X52190" i="1"/>
  <c r="X52191" i="1"/>
  <c r="X52192" i="1"/>
  <c r="X52193" i="1"/>
  <c r="X52194" i="1"/>
  <c r="X52195" i="1"/>
  <c r="X52196" i="1"/>
  <c r="X52197" i="1"/>
  <c r="X52198" i="1"/>
  <c r="X52199" i="1"/>
  <c r="X52200" i="1"/>
  <c r="X52201" i="1"/>
  <c r="X52202" i="1"/>
  <c r="X52203" i="1"/>
  <c r="X52204" i="1"/>
  <c r="X52205" i="1"/>
  <c r="X52206" i="1"/>
  <c r="X52207" i="1"/>
  <c r="X52208" i="1"/>
  <c r="X52209" i="1"/>
  <c r="X52210" i="1"/>
  <c r="X52211" i="1"/>
  <c r="X52212" i="1"/>
  <c r="X52213" i="1"/>
  <c r="X52214" i="1"/>
  <c r="X52215" i="1"/>
  <c r="X52216" i="1"/>
  <c r="X52217" i="1"/>
  <c r="X52218" i="1"/>
  <c r="X52219" i="1"/>
  <c r="X52220" i="1"/>
  <c r="X52221" i="1"/>
  <c r="X52222" i="1"/>
  <c r="X52223" i="1"/>
  <c r="X52224" i="1"/>
  <c r="X52225" i="1"/>
  <c r="X52226" i="1"/>
  <c r="X52227" i="1"/>
  <c r="X52228" i="1"/>
  <c r="X52229" i="1"/>
  <c r="X52230" i="1"/>
  <c r="X52231" i="1"/>
  <c r="X52232" i="1"/>
  <c r="X52233" i="1"/>
  <c r="X52234" i="1"/>
  <c r="X52235" i="1"/>
  <c r="X52236" i="1"/>
  <c r="X52237" i="1"/>
  <c r="X52238" i="1"/>
  <c r="X52239" i="1"/>
  <c r="X52240" i="1"/>
  <c r="X52241" i="1"/>
  <c r="X52242" i="1"/>
  <c r="X52243" i="1"/>
  <c r="X52244" i="1"/>
  <c r="X52245" i="1"/>
  <c r="X52246" i="1"/>
  <c r="X52247" i="1"/>
  <c r="X52248" i="1"/>
  <c r="X52249" i="1"/>
  <c r="X52250" i="1"/>
  <c r="X52251" i="1"/>
  <c r="X52252" i="1"/>
  <c r="X52253" i="1"/>
  <c r="X52254" i="1"/>
  <c r="X52255" i="1"/>
  <c r="X52256" i="1"/>
  <c r="X52257" i="1"/>
  <c r="X52258" i="1"/>
  <c r="X52259" i="1"/>
  <c r="X52260" i="1"/>
  <c r="X52261" i="1"/>
  <c r="X52262" i="1"/>
  <c r="X52263" i="1"/>
  <c r="X52264" i="1"/>
  <c r="X52265" i="1"/>
  <c r="X52266" i="1"/>
  <c r="X52267" i="1"/>
  <c r="X52268" i="1"/>
  <c r="X52269" i="1"/>
  <c r="X52270" i="1"/>
  <c r="X52271" i="1"/>
  <c r="X52272" i="1"/>
  <c r="X52273" i="1"/>
  <c r="X52274" i="1"/>
  <c r="X52275" i="1"/>
  <c r="X52276" i="1"/>
  <c r="X52277" i="1"/>
  <c r="X52278" i="1"/>
  <c r="X52279" i="1"/>
  <c r="X52280" i="1"/>
  <c r="X52281" i="1"/>
  <c r="X52282" i="1"/>
  <c r="X52283" i="1"/>
  <c r="X52284" i="1"/>
  <c r="X52285" i="1"/>
  <c r="X52286" i="1"/>
  <c r="X52287" i="1"/>
  <c r="X52288" i="1"/>
  <c r="X52289" i="1"/>
  <c r="X52290" i="1"/>
  <c r="X52291" i="1"/>
  <c r="X52292" i="1"/>
  <c r="X52293" i="1"/>
  <c r="X52294" i="1"/>
  <c r="X52295" i="1"/>
  <c r="X52296" i="1"/>
  <c r="X52297" i="1"/>
  <c r="X52298" i="1"/>
  <c r="X52299" i="1"/>
  <c r="X52300" i="1"/>
  <c r="X52301" i="1"/>
  <c r="X52302" i="1"/>
  <c r="X52303" i="1"/>
  <c r="X52304" i="1"/>
  <c r="X52305" i="1"/>
  <c r="X52306" i="1"/>
  <c r="X52307" i="1"/>
  <c r="X52308" i="1"/>
  <c r="X52309" i="1"/>
  <c r="X52310" i="1"/>
  <c r="X52311" i="1"/>
  <c r="X52312" i="1"/>
  <c r="X52313" i="1"/>
  <c r="X52314" i="1"/>
  <c r="X52315" i="1"/>
  <c r="X52316" i="1"/>
  <c r="X52317" i="1"/>
  <c r="X52318" i="1"/>
  <c r="X52319" i="1"/>
  <c r="X52320" i="1"/>
  <c r="X52321" i="1"/>
  <c r="X52322" i="1"/>
  <c r="X52323" i="1"/>
  <c r="X52324" i="1"/>
  <c r="X52325" i="1"/>
  <c r="X52326" i="1"/>
  <c r="X52327" i="1"/>
  <c r="X52328" i="1"/>
  <c r="X52329" i="1"/>
  <c r="X52330" i="1"/>
  <c r="X52331" i="1"/>
  <c r="X52332" i="1"/>
  <c r="X52333" i="1"/>
  <c r="X52334" i="1"/>
  <c r="X52335" i="1"/>
  <c r="X52336" i="1"/>
  <c r="X52337" i="1"/>
  <c r="X52338" i="1"/>
  <c r="X52339" i="1"/>
  <c r="X52340" i="1"/>
  <c r="X52341" i="1"/>
  <c r="X52342" i="1"/>
  <c r="X52343" i="1"/>
  <c r="X52344" i="1"/>
  <c r="X52345" i="1"/>
  <c r="X52346" i="1"/>
  <c r="X52347" i="1"/>
  <c r="X52348" i="1"/>
  <c r="X52349" i="1"/>
  <c r="X52350" i="1"/>
  <c r="X52351" i="1"/>
  <c r="X52352" i="1"/>
  <c r="X52353" i="1"/>
  <c r="X52354" i="1"/>
  <c r="X52355" i="1"/>
  <c r="X52356" i="1"/>
  <c r="X52357" i="1"/>
  <c r="X52358" i="1"/>
  <c r="X52359" i="1"/>
  <c r="X52360" i="1"/>
  <c r="X52361" i="1"/>
  <c r="X52362" i="1"/>
  <c r="X52363" i="1"/>
  <c r="X52364" i="1"/>
  <c r="X52365" i="1"/>
  <c r="X52366" i="1"/>
  <c r="X52367" i="1"/>
  <c r="X52368" i="1"/>
  <c r="X52369" i="1"/>
  <c r="X52370" i="1"/>
  <c r="X52371" i="1"/>
  <c r="X52372" i="1"/>
  <c r="X52373" i="1"/>
  <c r="X52374" i="1"/>
  <c r="X52375" i="1"/>
  <c r="X52376" i="1"/>
  <c r="X52377" i="1"/>
  <c r="X52378" i="1"/>
  <c r="X52379" i="1"/>
  <c r="X52380" i="1"/>
  <c r="X52381" i="1"/>
  <c r="X52382" i="1"/>
  <c r="X52383" i="1"/>
  <c r="X52384" i="1"/>
  <c r="X52385" i="1"/>
  <c r="X52386" i="1"/>
  <c r="X52387" i="1"/>
  <c r="X52388" i="1"/>
  <c r="X52389" i="1"/>
  <c r="X52390" i="1"/>
  <c r="X52391" i="1"/>
  <c r="X52392" i="1"/>
  <c r="X52393" i="1"/>
  <c r="X52394" i="1"/>
  <c r="X52395" i="1"/>
  <c r="X52396" i="1"/>
  <c r="X52397" i="1"/>
  <c r="X52398" i="1"/>
  <c r="X52399" i="1"/>
  <c r="X52400" i="1"/>
  <c r="X52401" i="1"/>
  <c r="X52402" i="1"/>
  <c r="X52403" i="1"/>
  <c r="X52404" i="1"/>
  <c r="X52405" i="1"/>
  <c r="X52406" i="1"/>
  <c r="X52407" i="1"/>
  <c r="X52408" i="1"/>
  <c r="X52409" i="1"/>
  <c r="X52410" i="1"/>
  <c r="X52411" i="1"/>
  <c r="X52412" i="1"/>
  <c r="X52413" i="1"/>
  <c r="X52414" i="1"/>
  <c r="X52415" i="1"/>
  <c r="X52416" i="1"/>
  <c r="X52417" i="1"/>
  <c r="X52418" i="1"/>
  <c r="X52419" i="1"/>
  <c r="X52420" i="1"/>
  <c r="X52421" i="1"/>
  <c r="X52422" i="1"/>
  <c r="X52423" i="1"/>
  <c r="X52424" i="1"/>
  <c r="X52425" i="1"/>
  <c r="X52426" i="1"/>
  <c r="X52427" i="1"/>
  <c r="X52428" i="1"/>
  <c r="X52429" i="1"/>
  <c r="X52430" i="1"/>
  <c r="X52431" i="1"/>
  <c r="X52432" i="1"/>
  <c r="X52433" i="1"/>
  <c r="X52434" i="1"/>
  <c r="X52435" i="1"/>
  <c r="X52436" i="1"/>
  <c r="X52437" i="1"/>
  <c r="X52438" i="1"/>
  <c r="X52439" i="1"/>
  <c r="X52440" i="1"/>
  <c r="X52441" i="1"/>
  <c r="X52442" i="1"/>
  <c r="X52443" i="1"/>
  <c r="X52444" i="1"/>
  <c r="X52445" i="1"/>
  <c r="X52446" i="1"/>
  <c r="X52447" i="1"/>
  <c r="X52448" i="1"/>
  <c r="X52449" i="1"/>
  <c r="X52450" i="1"/>
  <c r="X52451" i="1"/>
  <c r="X52452" i="1"/>
  <c r="X52453" i="1"/>
  <c r="X52454" i="1"/>
  <c r="X52455" i="1"/>
  <c r="X52456" i="1"/>
  <c r="X52457" i="1"/>
  <c r="X52458" i="1"/>
  <c r="X52459" i="1"/>
  <c r="X52460" i="1"/>
  <c r="X52461" i="1"/>
  <c r="X52462" i="1"/>
  <c r="X52463" i="1"/>
  <c r="X52464" i="1"/>
  <c r="X52465" i="1"/>
  <c r="X52466" i="1"/>
  <c r="X52467" i="1"/>
  <c r="X52468" i="1"/>
  <c r="X52469" i="1"/>
  <c r="X52470" i="1"/>
  <c r="X52471" i="1"/>
  <c r="X52472" i="1"/>
  <c r="X52473" i="1"/>
  <c r="X52474" i="1"/>
  <c r="X52475" i="1"/>
  <c r="X52476" i="1"/>
  <c r="X52477" i="1"/>
  <c r="X52478" i="1"/>
  <c r="X52479" i="1"/>
  <c r="X52480" i="1"/>
  <c r="X52481" i="1"/>
  <c r="X52482" i="1"/>
  <c r="X52483" i="1"/>
  <c r="X52484" i="1"/>
  <c r="X52485" i="1"/>
  <c r="X52486" i="1"/>
  <c r="X52487" i="1"/>
  <c r="X52488" i="1"/>
  <c r="X52489" i="1"/>
  <c r="X52490" i="1"/>
  <c r="X52491" i="1"/>
  <c r="X52492" i="1"/>
  <c r="X52493" i="1"/>
  <c r="X52494" i="1"/>
  <c r="X52495" i="1"/>
  <c r="X52496" i="1"/>
  <c r="X52497" i="1"/>
  <c r="X52498" i="1"/>
  <c r="X52499" i="1"/>
  <c r="X52500" i="1"/>
  <c r="X52501" i="1"/>
  <c r="X52502" i="1"/>
  <c r="X52503" i="1"/>
  <c r="X52504" i="1"/>
  <c r="X52505" i="1"/>
  <c r="X52506" i="1"/>
  <c r="X52507" i="1"/>
  <c r="X52508" i="1"/>
  <c r="X52509" i="1"/>
  <c r="X52510" i="1"/>
  <c r="X52511" i="1"/>
  <c r="X52512" i="1"/>
  <c r="X52513" i="1"/>
  <c r="X52514" i="1"/>
  <c r="X52515" i="1"/>
  <c r="X52516" i="1"/>
  <c r="X52517" i="1"/>
  <c r="X52518" i="1"/>
  <c r="X52519" i="1"/>
  <c r="X52520" i="1"/>
  <c r="X52521" i="1"/>
  <c r="X52522" i="1"/>
  <c r="X52523" i="1"/>
  <c r="X52524" i="1"/>
  <c r="X52525" i="1"/>
  <c r="X52526" i="1"/>
  <c r="X52527" i="1"/>
  <c r="X52528" i="1"/>
  <c r="X52529" i="1"/>
  <c r="X52530" i="1"/>
  <c r="X52531" i="1"/>
  <c r="X52532" i="1"/>
  <c r="X52533" i="1"/>
  <c r="X52534" i="1"/>
  <c r="X52535" i="1"/>
  <c r="X52536" i="1"/>
  <c r="X52537" i="1"/>
  <c r="X52538" i="1"/>
  <c r="X52539" i="1"/>
  <c r="X52540" i="1"/>
  <c r="X52541" i="1"/>
  <c r="X52542" i="1"/>
  <c r="X52543" i="1"/>
  <c r="X52544" i="1"/>
  <c r="X52545" i="1"/>
  <c r="X52546" i="1"/>
  <c r="X52547" i="1"/>
  <c r="X52548" i="1"/>
  <c r="X52549" i="1"/>
  <c r="X52550" i="1"/>
  <c r="X52551" i="1"/>
  <c r="X52552" i="1"/>
  <c r="X52553" i="1"/>
  <c r="X52554" i="1"/>
  <c r="X52555" i="1"/>
  <c r="X52556" i="1"/>
  <c r="X52557" i="1"/>
  <c r="X52558" i="1"/>
  <c r="X52559" i="1"/>
  <c r="X52560" i="1"/>
  <c r="X52561" i="1"/>
  <c r="X52562" i="1"/>
  <c r="X52563" i="1"/>
  <c r="X52564" i="1"/>
  <c r="X52565" i="1"/>
  <c r="X52566" i="1"/>
  <c r="X52567" i="1"/>
  <c r="X52568" i="1"/>
  <c r="X52569" i="1"/>
  <c r="X52570" i="1"/>
  <c r="X52571" i="1"/>
  <c r="X52572" i="1"/>
  <c r="X52573" i="1"/>
  <c r="X52574" i="1"/>
  <c r="X52575" i="1"/>
  <c r="X52576" i="1"/>
  <c r="X52577" i="1"/>
  <c r="X52578" i="1"/>
  <c r="X52579" i="1"/>
  <c r="X52580" i="1"/>
  <c r="X52581" i="1"/>
  <c r="X52582" i="1"/>
  <c r="X52583" i="1"/>
  <c r="X52584" i="1"/>
  <c r="X52585" i="1"/>
  <c r="X52586" i="1"/>
  <c r="X52587" i="1"/>
  <c r="X52588" i="1"/>
  <c r="X52589" i="1"/>
  <c r="X52590" i="1"/>
  <c r="X52591" i="1"/>
  <c r="X52592" i="1"/>
  <c r="X52593" i="1"/>
  <c r="X52594" i="1"/>
  <c r="X52595" i="1"/>
  <c r="X52596" i="1"/>
  <c r="X52597" i="1"/>
  <c r="X52598" i="1"/>
  <c r="X52599" i="1"/>
  <c r="X52600" i="1"/>
  <c r="X52601" i="1"/>
  <c r="X52602" i="1"/>
  <c r="X52603" i="1"/>
  <c r="X52604" i="1"/>
  <c r="X52605" i="1"/>
  <c r="X52606" i="1"/>
  <c r="X52607" i="1"/>
  <c r="X52608" i="1"/>
  <c r="X52609" i="1"/>
  <c r="X52610" i="1"/>
  <c r="X52611" i="1"/>
  <c r="X52612" i="1"/>
  <c r="X52613" i="1"/>
  <c r="X52614" i="1"/>
  <c r="X52615" i="1"/>
  <c r="X52616" i="1"/>
  <c r="X52617" i="1"/>
  <c r="X52618" i="1"/>
  <c r="X52619" i="1"/>
  <c r="X52620" i="1"/>
  <c r="X52621" i="1"/>
  <c r="X52622" i="1"/>
  <c r="X52623" i="1"/>
  <c r="X52624" i="1"/>
  <c r="X52625" i="1"/>
  <c r="X52626" i="1"/>
  <c r="X52627" i="1"/>
  <c r="X52628" i="1"/>
  <c r="X52629" i="1"/>
  <c r="X52630" i="1"/>
  <c r="X52631" i="1"/>
  <c r="X52632" i="1"/>
  <c r="X52633" i="1"/>
  <c r="X52634" i="1"/>
  <c r="X52635" i="1"/>
  <c r="X52636" i="1"/>
  <c r="X52637" i="1"/>
  <c r="X52638" i="1"/>
  <c r="X52639" i="1"/>
  <c r="X52640" i="1"/>
  <c r="X52641" i="1"/>
  <c r="X52642" i="1"/>
  <c r="X52643" i="1"/>
  <c r="X52644" i="1"/>
  <c r="X52645" i="1"/>
  <c r="X52646" i="1"/>
  <c r="X52647" i="1"/>
  <c r="X52648" i="1"/>
  <c r="X52649" i="1"/>
  <c r="X52650" i="1"/>
  <c r="X52651" i="1"/>
  <c r="X52652" i="1"/>
  <c r="X52653" i="1"/>
  <c r="X52654" i="1"/>
  <c r="X52655" i="1"/>
  <c r="X52656" i="1"/>
  <c r="X52657" i="1"/>
  <c r="X52658" i="1"/>
  <c r="X52659" i="1"/>
  <c r="X52660" i="1"/>
  <c r="X52661" i="1"/>
  <c r="X52662" i="1"/>
  <c r="X52663" i="1"/>
  <c r="X52664" i="1"/>
  <c r="X52665" i="1"/>
  <c r="X52666" i="1"/>
  <c r="X52667" i="1"/>
  <c r="X52668" i="1"/>
  <c r="X52669" i="1"/>
  <c r="X52670" i="1"/>
  <c r="X52671" i="1"/>
  <c r="X52672" i="1"/>
  <c r="X52673" i="1"/>
  <c r="X52674" i="1"/>
  <c r="X52675" i="1"/>
  <c r="X52676" i="1"/>
  <c r="X52677" i="1"/>
  <c r="X52678" i="1"/>
  <c r="X52679" i="1"/>
  <c r="X52680" i="1"/>
  <c r="X52681" i="1"/>
  <c r="X52682" i="1"/>
  <c r="X52683" i="1"/>
  <c r="X52684" i="1"/>
  <c r="X52685" i="1"/>
  <c r="X52686" i="1"/>
  <c r="X52687" i="1"/>
  <c r="X52688" i="1"/>
  <c r="X52689" i="1"/>
  <c r="X52690" i="1"/>
  <c r="X52691" i="1"/>
  <c r="X52692" i="1"/>
  <c r="X52693" i="1"/>
  <c r="X52694" i="1"/>
  <c r="X52695" i="1"/>
  <c r="X52696" i="1"/>
  <c r="X52697" i="1"/>
  <c r="X52698" i="1"/>
  <c r="X52699" i="1"/>
  <c r="X52700" i="1"/>
  <c r="X52701" i="1"/>
  <c r="X52702" i="1"/>
  <c r="X52703" i="1"/>
  <c r="X52704" i="1"/>
  <c r="X52705" i="1"/>
  <c r="X52706" i="1"/>
  <c r="X52707" i="1"/>
  <c r="X52708" i="1"/>
  <c r="X52709" i="1"/>
  <c r="X52710" i="1"/>
  <c r="X52711" i="1"/>
  <c r="X52712" i="1"/>
  <c r="X52713" i="1"/>
  <c r="X52714" i="1"/>
  <c r="X52715" i="1"/>
  <c r="X52716" i="1"/>
  <c r="X52717" i="1"/>
  <c r="X52718" i="1"/>
  <c r="X52719" i="1"/>
  <c r="X52720" i="1"/>
  <c r="X52721" i="1"/>
  <c r="X52722" i="1"/>
  <c r="X52723" i="1"/>
  <c r="X52724" i="1"/>
  <c r="X52725" i="1"/>
  <c r="X52726" i="1"/>
  <c r="X52727" i="1"/>
  <c r="X52728" i="1"/>
  <c r="X52729" i="1"/>
  <c r="X52730" i="1"/>
  <c r="X52731" i="1"/>
  <c r="X52732" i="1"/>
  <c r="X52733" i="1"/>
  <c r="X52734" i="1"/>
  <c r="X52735" i="1"/>
  <c r="X52736" i="1"/>
  <c r="X52737" i="1"/>
  <c r="X52738" i="1"/>
  <c r="X52739" i="1"/>
  <c r="X52740" i="1"/>
  <c r="X52741" i="1"/>
  <c r="X52742" i="1"/>
  <c r="X52743" i="1"/>
  <c r="X52744" i="1"/>
  <c r="X52745" i="1"/>
  <c r="X52746" i="1"/>
  <c r="X52747" i="1"/>
  <c r="X52748" i="1"/>
  <c r="X52749" i="1"/>
  <c r="X52750" i="1"/>
  <c r="X52751" i="1"/>
  <c r="X52752" i="1"/>
  <c r="X52753" i="1"/>
  <c r="X52754" i="1"/>
  <c r="X52755" i="1"/>
  <c r="X52756" i="1"/>
  <c r="X52757" i="1"/>
  <c r="X52758" i="1"/>
  <c r="X52759" i="1"/>
  <c r="X52760" i="1"/>
  <c r="X52761" i="1"/>
  <c r="X52762" i="1"/>
  <c r="X52763" i="1"/>
  <c r="X52764" i="1"/>
  <c r="X52765" i="1"/>
  <c r="X52766" i="1"/>
  <c r="X52767" i="1"/>
  <c r="X52768" i="1"/>
  <c r="X52769" i="1"/>
  <c r="X52770" i="1"/>
  <c r="X52771" i="1"/>
  <c r="X52772" i="1"/>
  <c r="X52773" i="1"/>
  <c r="X52774" i="1"/>
  <c r="X52775" i="1"/>
  <c r="X52776" i="1"/>
  <c r="X52777" i="1"/>
  <c r="X52778" i="1"/>
  <c r="X52779" i="1"/>
  <c r="X52780" i="1"/>
  <c r="X52781" i="1"/>
  <c r="X52782" i="1"/>
  <c r="X52783" i="1"/>
  <c r="X52784" i="1"/>
  <c r="X52785" i="1"/>
  <c r="X52786" i="1"/>
  <c r="X52787" i="1"/>
  <c r="X52788" i="1"/>
  <c r="X52789" i="1"/>
  <c r="X52790" i="1"/>
  <c r="X52791" i="1"/>
  <c r="X52792" i="1"/>
  <c r="X52793" i="1"/>
  <c r="X52794" i="1"/>
  <c r="X52795" i="1"/>
  <c r="X52796" i="1"/>
  <c r="X52797" i="1"/>
  <c r="X52798" i="1"/>
  <c r="X52799" i="1"/>
  <c r="X52800" i="1"/>
  <c r="X52801" i="1"/>
  <c r="X52802" i="1"/>
  <c r="X52803" i="1"/>
  <c r="X52804" i="1"/>
  <c r="X52805" i="1"/>
  <c r="X52806" i="1"/>
  <c r="X52807" i="1"/>
  <c r="X52808" i="1"/>
  <c r="X52809" i="1"/>
  <c r="X52810" i="1"/>
  <c r="X52811" i="1"/>
  <c r="X52812" i="1"/>
  <c r="X52813" i="1"/>
  <c r="X52814" i="1"/>
  <c r="X52815" i="1"/>
  <c r="X52816" i="1"/>
  <c r="X52817" i="1"/>
  <c r="X52818" i="1"/>
  <c r="X52819" i="1"/>
  <c r="X52820" i="1"/>
  <c r="X52821" i="1"/>
  <c r="X52822" i="1"/>
  <c r="X52823" i="1"/>
  <c r="X52824" i="1"/>
  <c r="X52825" i="1"/>
  <c r="X52826" i="1"/>
  <c r="X52827" i="1"/>
  <c r="X52828" i="1"/>
  <c r="X52829" i="1"/>
  <c r="X52830" i="1"/>
  <c r="X52831" i="1"/>
  <c r="X52832" i="1"/>
  <c r="X52833" i="1"/>
  <c r="X52834" i="1"/>
  <c r="X52835" i="1"/>
  <c r="X52836" i="1"/>
  <c r="X52837" i="1"/>
  <c r="X52838" i="1"/>
  <c r="X52839" i="1"/>
  <c r="X52840" i="1"/>
  <c r="X52841" i="1"/>
  <c r="X52842" i="1"/>
  <c r="X52843" i="1"/>
  <c r="X52844" i="1"/>
  <c r="X52845" i="1"/>
  <c r="X52846" i="1"/>
  <c r="X52847" i="1"/>
  <c r="X52848" i="1"/>
  <c r="X52849" i="1"/>
  <c r="X52850" i="1"/>
  <c r="X52851" i="1"/>
  <c r="X52852" i="1"/>
  <c r="X52853" i="1"/>
  <c r="X52854" i="1"/>
  <c r="X52855" i="1"/>
  <c r="X52856" i="1"/>
  <c r="X52857" i="1"/>
  <c r="X52858" i="1"/>
  <c r="X52859" i="1"/>
  <c r="X52860" i="1"/>
  <c r="X52861" i="1"/>
  <c r="X52862" i="1"/>
  <c r="X52863" i="1"/>
  <c r="X52864" i="1"/>
  <c r="X52865" i="1"/>
  <c r="X52866" i="1"/>
  <c r="X52867" i="1"/>
  <c r="X52868" i="1"/>
  <c r="X52869" i="1"/>
  <c r="X52870" i="1"/>
  <c r="X52871" i="1"/>
  <c r="X52872" i="1"/>
  <c r="X52873" i="1"/>
  <c r="X52874" i="1"/>
  <c r="X52875" i="1"/>
  <c r="X52876" i="1"/>
  <c r="X52877" i="1"/>
  <c r="X52878" i="1"/>
  <c r="X52879" i="1"/>
  <c r="X52880" i="1"/>
  <c r="X52881" i="1"/>
  <c r="X52882" i="1"/>
  <c r="X52883" i="1"/>
  <c r="X52884" i="1"/>
  <c r="X52885" i="1"/>
  <c r="X52886" i="1"/>
  <c r="X52887" i="1"/>
  <c r="X52888" i="1"/>
  <c r="X52889" i="1"/>
  <c r="X52890" i="1"/>
  <c r="X52891" i="1"/>
  <c r="X52892" i="1"/>
  <c r="X52893" i="1"/>
  <c r="X52894" i="1"/>
  <c r="X52895" i="1"/>
  <c r="X52896" i="1"/>
  <c r="X52897" i="1"/>
  <c r="X52898" i="1"/>
  <c r="X52899" i="1"/>
  <c r="X52900" i="1"/>
  <c r="X52901" i="1"/>
  <c r="X52902" i="1"/>
  <c r="X52903" i="1"/>
  <c r="X52904" i="1"/>
  <c r="X52905" i="1"/>
  <c r="X52906" i="1"/>
  <c r="X52907" i="1"/>
  <c r="X52908" i="1"/>
  <c r="X52909" i="1"/>
  <c r="X52910" i="1"/>
  <c r="X52911" i="1"/>
  <c r="X52912" i="1"/>
  <c r="X52913" i="1"/>
  <c r="X52914" i="1"/>
  <c r="X52915" i="1"/>
  <c r="X52916" i="1"/>
  <c r="X52917" i="1"/>
  <c r="X52918" i="1"/>
  <c r="X52919" i="1"/>
  <c r="X52920" i="1"/>
  <c r="X52921" i="1"/>
  <c r="X52922" i="1"/>
  <c r="X52923" i="1"/>
  <c r="X52924" i="1"/>
  <c r="X52925" i="1"/>
  <c r="X52926" i="1"/>
  <c r="X52927" i="1"/>
  <c r="X52928" i="1"/>
  <c r="X52929" i="1"/>
  <c r="X52930" i="1"/>
  <c r="X52931" i="1"/>
  <c r="X52932" i="1"/>
  <c r="X52933" i="1"/>
  <c r="X52934" i="1"/>
  <c r="X52935" i="1"/>
  <c r="X52936" i="1"/>
  <c r="X52937" i="1"/>
  <c r="X52938" i="1"/>
  <c r="X52939" i="1"/>
  <c r="X52940" i="1"/>
  <c r="X52941" i="1"/>
  <c r="X52942" i="1"/>
  <c r="X52943" i="1"/>
  <c r="X52944" i="1"/>
  <c r="X52945" i="1"/>
  <c r="X52946" i="1"/>
  <c r="X52947" i="1"/>
  <c r="X52948" i="1"/>
  <c r="X52949" i="1"/>
  <c r="X52950" i="1"/>
  <c r="X52951" i="1"/>
  <c r="X52952" i="1"/>
  <c r="X52953" i="1"/>
  <c r="X52954" i="1"/>
  <c r="X52955" i="1"/>
  <c r="X52956" i="1"/>
  <c r="X52957" i="1"/>
  <c r="X52958" i="1"/>
  <c r="X52959" i="1"/>
  <c r="X52960" i="1"/>
  <c r="X52961" i="1"/>
  <c r="X52962" i="1"/>
  <c r="X52963" i="1"/>
  <c r="X52964" i="1"/>
  <c r="X52965" i="1"/>
  <c r="X52966" i="1"/>
  <c r="X52967" i="1"/>
  <c r="X52968" i="1"/>
  <c r="X52969" i="1"/>
  <c r="X52970" i="1"/>
  <c r="X52971" i="1"/>
  <c r="X52972" i="1"/>
  <c r="X52973" i="1"/>
  <c r="X52974" i="1"/>
  <c r="X52975" i="1"/>
  <c r="X52976" i="1"/>
  <c r="X52977" i="1"/>
  <c r="X52978" i="1"/>
  <c r="X52979" i="1"/>
  <c r="X52980" i="1"/>
  <c r="X52981" i="1"/>
  <c r="X52982" i="1"/>
  <c r="X52983" i="1"/>
  <c r="X52984" i="1"/>
  <c r="X52985" i="1"/>
  <c r="X52986" i="1"/>
  <c r="X52987" i="1"/>
  <c r="X52988" i="1"/>
  <c r="X52989" i="1"/>
  <c r="X52990" i="1"/>
  <c r="X52991" i="1"/>
  <c r="X52992" i="1"/>
  <c r="X52993" i="1"/>
  <c r="X52994" i="1"/>
  <c r="X52995" i="1"/>
  <c r="X52996" i="1"/>
  <c r="X52997" i="1"/>
  <c r="X52998" i="1"/>
  <c r="X52999" i="1"/>
  <c r="X53000" i="1"/>
  <c r="X53001" i="1"/>
  <c r="X53002" i="1"/>
  <c r="X53003" i="1"/>
  <c r="X53004" i="1"/>
  <c r="X53005" i="1"/>
  <c r="X53006" i="1"/>
  <c r="X53007" i="1"/>
  <c r="X53008" i="1"/>
  <c r="X53009" i="1"/>
  <c r="X53010" i="1"/>
  <c r="X53011" i="1"/>
  <c r="X53012" i="1"/>
  <c r="X53013" i="1"/>
  <c r="X53014" i="1"/>
  <c r="X53015" i="1"/>
  <c r="X53016" i="1"/>
  <c r="X53017" i="1"/>
  <c r="X53018" i="1"/>
  <c r="X53019" i="1"/>
  <c r="X53020" i="1"/>
  <c r="X53021" i="1"/>
  <c r="X53022" i="1"/>
  <c r="X53023" i="1"/>
  <c r="X53024" i="1"/>
  <c r="X53025" i="1"/>
  <c r="X53026" i="1"/>
  <c r="X53027" i="1"/>
  <c r="X53028" i="1"/>
  <c r="X53029" i="1"/>
  <c r="X53030" i="1"/>
  <c r="X53031" i="1"/>
  <c r="X53032" i="1"/>
  <c r="X53033" i="1"/>
  <c r="X53034" i="1"/>
  <c r="X53035" i="1"/>
  <c r="X53036" i="1"/>
  <c r="X53037" i="1"/>
  <c r="X53038" i="1"/>
  <c r="X53039" i="1"/>
  <c r="X53040" i="1"/>
  <c r="X53041" i="1"/>
  <c r="X53042" i="1"/>
  <c r="X53043" i="1"/>
  <c r="X53044" i="1"/>
  <c r="X53045" i="1"/>
  <c r="X53046" i="1"/>
  <c r="X53047" i="1"/>
  <c r="X53048" i="1"/>
  <c r="X53049" i="1"/>
  <c r="X53050" i="1"/>
  <c r="X53051" i="1"/>
  <c r="X53052" i="1"/>
  <c r="X53053" i="1"/>
  <c r="X53054" i="1"/>
  <c r="X53055" i="1"/>
  <c r="X53056" i="1"/>
  <c r="X53057" i="1"/>
  <c r="X53058" i="1"/>
  <c r="X53059" i="1"/>
  <c r="X53060" i="1"/>
  <c r="X53061" i="1"/>
  <c r="X53062" i="1"/>
  <c r="X53063" i="1"/>
  <c r="X53064" i="1"/>
  <c r="X53065" i="1"/>
  <c r="X53066" i="1"/>
  <c r="X53067" i="1"/>
  <c r="X53068" i="1"/>
  <c r="X53069" i="1"/>
  <c r="X53070" i="1"/>
  <c r="X53071" i="1"/>
  <c r="X53072" i="1"/>
  <c r="X53073" i="1"/>
  <c r="X53074" i="1"/>
  <c r="X53075" i="1"/>
  <c r="X53076" i="1"/>
  <c r="X53077" i="1"/>
  <c r="X53078" i="1"/>
  <c r="X53079" i="1"/>
  <c r="X53080" i="1"/>
  <c r="X53081" i="1"/>
  <c r="X53082" i="1"/>
  <c r="X53083" i="1"/>
  <c r="X53084" i="1"/>
  <c r="X53085" i="1"/>
  <c r="X53086" i="1"/>
  <c r="X53087" i="1"/>
  <c r="X53088" i="1"/>
  <c r="X53089" i="1"/>
  <c r="X53090" i="1"/>
  <c r="X53091" i="1"/>
  <c r="X53092" i="1"/>
  <c r="X53093" i="1"/>
  <c r="X53094" i="1"/>
  <c r="X53095" i="1"/>
  <c r="X53096" i="1"/>
  <c r="X53097" i="1"/>
  <c r="X53098" i="1"/>
  <c r="X53099" i="1"/>
  <c r="X53100" i="1"/>
  <c r="X53101" i="1"/>
  <c r="X53102" i="1"/>
  <c r="X53103" i="1"/>
  <c r="X53104" i="1"/>
  <c r="X53105" i="1"/>
  <c r="X53106" i="1"/>
  <c r="X53107" i="1"/>
  <c r="X53108" i="1"/>
  <c r="X53109" i="1"/>
  <c r="X53110" i="1"/>
  <c r="X53111" i="1"/>
  <c r="X53112" i="1"/>
  <c r="X53113" i="1"/>
  <c r="X53114" i="1"/>
  <c r="X53115" i="1"/>
  <c r="X53116" i="1"/>
  <c r="X53117" i="1"/>
  <c r="X53118" i="1"/>
  <c r="X53119" i="1"/>
  <c r="X53120" i="1"/>
  <c r="X53121" i="1"/>
  <c r="X53122" i="1"/>
  <c r="X53123" i="1"/>
  <c r="X53124" i="1"/>
  <c r="X53125" i="1"/>
  <c r="X53126" i="1"/>
  <c r="X53127" i="1"/>
  <c r="X53128" i="1"/>
  <c r="X53129" i="1"/>
  <c r="X53130" i="1"/>
  <c r="X53131" i="1"/>
  <c r="X53132" i="1"/>
  <c r="X53133" i="1"/>
  <c r="X53134" i="1"/>
  <c r="X53135" i="1"/>
  <c r="X53136" i="1"/>
  <c r="X53137" i="1"/>
  <c r="X53138" i="1"/>
  <c r="X53139" i="1"/>
  <c r="X53140" i="1"/>
  <c r="X53141" i="1"/>
  <c r="X53142" i="1"/>
  <c r="X53143" i="1"/>
  <c r="X53144" i="1"/>
  <c r="X53145" i="1"/>
  <c r="X53146" i="1"/>
  <c r="X53147" i="1"/>
  <c r="X53148" i="1"/>
  <c r="X53149" i="1"/>
  <c r="X53150" i="1"/>
  <c r="X53151" i="1"/>
  <c r="X53152" i="1"/>
  <c r="X53153" i="1"/>
  <c r="X53154" i="1"/>
  <c r="X53155" i="1"/>
  <c r="X53156" i="1"/>
  <c r="X53157" i="1"/>
  <c r="X53158" i="1"/>
  <c r="X53159" i="1"/>
  <c r="X53160" i="1"/>
  <c r="X53161" i="1"/>
  <c r="X53162" i="1"/>
  <c r="X53163" i="1"/>
  <c r="X53164" i="1"/>
  <c r="X53165" i="1"/>
  <c r="X53166" i="1"/>
  <c r="X53167" i="1"/>
  <c r="X53168" i="1"/>
  <c r="X53169" i="1"/>
  <c r="X53170" i="1"/>
  <c r="X53171" i="1"/>
  <c r="X53172" i="1"/>
  <c r="X53173" i="1"/>
  <c r="X53174" i="1"/>
  <c r="X53175" i="1"/>
  <c r="X53176" i="1"/>
  <c r="X53177" i="1"/>
  <c r="X53178" i="1"/>
  <c r="X53179" i="1"/>
  <c r="X53180" i="1"/>
  <c r="X53181" i="1"/>
  <c r="X53182" i="1"/>
  <c r="X53183" i="1"/>
  <c r="X53184" i="1"/>
  <c r="X53185" i="1"/>
  <c r="X53186" i="1"/>
  <c r="X53187" i="1"/>
  <c r="X53188" i="1"/>
  <c r="X53189" i="1"/>
  <c r="X53190" i="1"/>
  <c r="X53191" i="1"/>
  <c r="X53192" i="1"/>
  <c r="X53193" i="1"/>
  <c r="X53194" i="1"/>
  <c r="X53195" i="1"/>
  <c r="X53196" i="1"/>
  <c r="X53197" i="1"/>
  <c r="X53198" i="1"/>
  <c r="X53199" i="1"/>
  <c r="X53200" i="1"/>
  <c r="X53201" i="1"/>
  <c r="X53202" i="1"/>
  <c r="X53203" i="1"/>
  <c r="X53204" i="1"/>
  <c r="X53205" i="1"/>
  <c r="X53206" i="1"/>
  <c r="X53207" i="1"/>
  <c r="X53208" i="1"/>
  <c r="X53209" i="1"/>
  <c r="X53210" i="1"/>
  <c r="X53211" i="1"/>
  <c r="X53212" i="1"/>
  <c r="X53213" i="1"/>
  <c r="X53214" i="1"/>
  <c r="X53215" i="1"/>
  <c r="X53216" i="1"/>
  <c r="X53217" i="1"/>
  <c r="X53218" i="1"/>
  <c r="X53219" i="1"/>
  <c r="X53220" i="1"/>
  <c r="X53221" i="1"/>
  <c r="X53222" i="1"/>
  <c r="X53223" i="1"/>
  <c r="X53224" i="1"/>
  <c r="X53225" i="1"/>
  <c r="X53226" i="1"/>
  <c r="X53227" i="1"/>
  <c r="X53228" i="1"/>
  <c r="X53229" i="1"/>
  <c r="X53230" i="1"/>
  <c r="X53231" i="1"/>
  <c r="X53232" i="1"/>
  <c r="X53233" i="1"/>
  <c r="X53234" i="1"/>
  <c r="X53235" i="1"/>
  <c r="X53236" i="1"/>
  <c r="X53237" i="1"/>
  <c r="X53238" i="1"/>
  <c r="X53239" i="1"/>
  <c r="X53240" i="1"/>
  <c r="X53241" i="1"/>
  <c r="X53242" i="1"/>
  <c r="X53243" i="1"/>
  <c r="X53244" i="1"/>
  <c r="X53245" i="1"/>
  <c r="X53246" i="1"/>
  <c r="X53247" i="1"/>
  <c r="X53248" i="1"/>
  <c r="X53249" i="1"/>
  <c r="X53250" i="1"/>
  <c r="X53251" i="1"/>
  <c r="X53252" i="1"/>
  <c r="X53253" i="1"/>
  <c r="X53254" i="1"/>
  <c r="X53255" i="1"/>
  <c r="X53256" i="1"/>
  <c r="X53257" i="1"/>
  <c r="X53258" i="1"/>
  <c r="X53259" i="1"/>
  <c r="X53260" i="1"/>
  <c r="X53261" i="1"/>
  <c r="X53262" i="1"/>
  <c r="X53263" i="1"/>
  <c r="X53264" i="1"/>
  <c r="X53265" i="1"/>
  <c r="X53266" i="1"/>
  <c r="X53267" i="1"/>
  <c r="X53268" i="1"/>
  <c r="X53269" i="1"/>
  <c r="X53270" i="1"/>
  <c r="X53271" i="1"/>
  <c r="X53272" i="1"/>
  <c r="X53273" i="1"/>
  <c r="X53274" i="1"/>
  <c r="X53275" i="1"/>
  <c r="X53276" i="1"/>
  <c r="X53277" i="1"/>
  <c r="X53278" i="1"/>
  <c r="X53279" i="1"/>
  <c r="X53280" i="1"/>
  <c r="X53281" i="1"/>
  <c r="X53282" i="1"/>
  <c r="X53283" i="1"/>
  <c r="X53284" i="1"/>
  <c r="X53285" i="1"/>
  <c r="X53286" i="1"/>
  <c r="X53287" i="1"/>
  <c r="X53288" i="1"/>
  <c r="X53289" i="1"/>
  <c r="X53290" i="1"/>
  <c r="X53291" i="1"/>
  <c r="X53292" i="1"/>
  <c r="X53293" i="1"/>
  <c r="X53294" i="1"/>
  <c r="X53295" i="1"/>
  <c r="X53296" i="1"/>
  <c r="X53297" i="1"/>
  <c r="X53298" i="1"/>
  <c r="X53299" i="1"/>
  <c r="X53300" i="1"/>
  <c r="X53301" i="1"/>
  <c r="X53302" i="1"/>
  <c r="X53303" i="1"/>
  <c r="X53304" i="1"/>
  <c r="X53305" i="1"/>
  <c r="X53306" i="1"/>
  <c r="X53307" i="1"/>
  <c r="X53308" i="1"/>
  <c r="X53309" i="1"/>
  <c r="X53310" i="1"/>
  <c r="X53311" i="1"/>
  <c r="X53312" i="1"/>
  <c r="X53313" i="1"/>
  <c r="X53314" i="1"/>
  <c r="X53315" i="1"/>
  <c r="X53316" i="1"/>
  <c r="X53317" i="1"/>
  <c r="X53318" i="1"/>
  <c r="X53319" i="1"/>
  <c r="X53320" i="1"/>
  <c r="X53321" i="1"/>
  <c r="X53322" i="1"/>
  <c r="X53323" i="1"/>
  <c r="X53324" i="1"/>
  <c r="X53325" i="1"/>
  <c r="X53326" i="1"/>
  <c r="X53327" i="1"/>
  <c r="X53328" i="1"/>
  <c r="X53329" i="1"/>
  <c r="X53330" i="1"/>
  <c r="X53331" i="1"/>
  <c r="X53332" i="1"/>
  <c r="X53333" i="1"/>
  <c r="X53334" i="1"/>
  <c r="X53335" i="1"/>
  <c r="X53336" i="1"/>
  <c r="X53337" i="1"/>
  <c r="X53338" i="1"/>
  <c r="X53339" i="1"/>
  <c r="X53340" i="1"/>
  <c r="X53341" i="1"/>
  <c r="X53342" i="1"/>
  <c r="X53343" i="1"/>
  <c r="X53344" i="1"/>
  <c r="X53345" i="1"/>
  <c r="X53346" i="1"/>
  <c r="X53347" i="1"/>
  <c r="X53348" i="1"/>
  <c r="X53349" i="1"/>
  <c r="X53350" i="1"/>
  <c r="X53351" i="1"/>
  <c r="X53352" i="1"/>
  <c r="X53353" i="1"/>
  <c r="X53354" i="1"/>
  <c r="X53355" i="1"/>
  <c r="X53356" i="1"/>
  <c r="X53357" i="1"/>
  <c r="X53358" i="1"/>
  <c r="X53359" i="1"/>
  <c r="X53360" i="1"/>
  <c r="X53361" i="1"/>
  <c r="X53362" i="1"/>
  <c r="X53363" i="1"/>
  <c r="X53364" i="1"/>
  <c r="X53365" i="1"/>
  <c r="X53366" i="1"/>
  <c r="X53367" i="1"/>
  <c r="X53368" i="1"/>
  <c r="X53369" i="1"/>
  <c r="X53370" i="1"/>
  <c r="X53371" i="1"/>
  <c r="X53372" i="1"/>
  <c r="X53373" i="1"/>
  <c r="X53374" i="1"/>
  <c r="X53375" i="1"/>
  <c r="X53376" i="1"/>
  <c r="X53377" i="1"/>
  <c r="X53378" i="1"/>
  <c r="X53379" i="1"/>
  <c r="X53380" i="1"/>
  <c r="X53381" i="1"/>
  <c r="X53382" i="1"/>
  <c r="X53383" i="1"/>
  <c r="X53384" i="1"/>
  <c r="X53385" i="1"/>
  <c r="X53386" i="1"/>
  <c r="X53387" i="1"/>
  <c r="X53388" i="1"/>
  <c r="X53389" i="1"/>
  <c r="X53390" i="1"/>
  <c r="X53391" i="1"/>
  <c r="X53392" i="1"/>
  <c r="X53393" i="1"/>
  <c r="X53394" i="1"/>
  <c r="X53395" i="1"/>
  <c r="X53396" i="1"/>
  <c r="X53397" i="1"/>
  <c r="X53398" i="1"/>
  <c r="X53399" i="1"/>
  <c r="X53400" i="1"/>
  <c r="X53401" i="1"/>
  <c r="X53402" i="1"/>
  <c r="X53403" i="1"/>
  <c r="X53404" i="1"/>
  <c r="X53405" i="1"/>
  <c r="X53406" i="1"/>
  <c r="X53407" i="1"/>
  <c r="X53408" i="1"/>
  <c r="X53409" i="1"/>
  <c r="X53410" i="1"/>
  <c r="X53411" i="1"/>
  <c r="X53412" i="1"/>
  <c r="X53413" i="1"/>
  <c r="X53414" i="1"/>
  <c r="X53415" i="1"/>
  <c r="X53416" i="1"/>
  <c r="X53417" i="1"/>
  <c r="X53418" i="1"/>
  <c r="X53419" i="1"/>
  <c r="X53420" i="1"/>
  <c r="X53421" i="1"/>
  <c r="X53422" i="1"/>
  <c r="X53423" i="1"/>
  <c r="X53424" i="1"/>
  <c r="X53425" i="1"/>
  <c r="X53426" i="1"/>
  <c r="X53427" i="1"/>
  <c r="X53428" i="1"/>
  <c r="X53429" i="1"/>
  <c r="X53430" i="1"/>
  <c r="X53431" i="1"/>
  <c r="X53432" i="1"/>
  <c r="X53433" i="1"/>
  <c r="X53434" i="1"/>
  <c r="X53435" i="1"/>
  <c r="X53436" i="1"/>
  <c r="X53437" i="1"/>
  <c r="X53438" i="1"/>
  <c r="X53439" i="1"/>
  <c r="X53440" i="1"/>
  <c r="X53441" i="1"/>
  <c r="X53442" i="1"/>
  <c r="X53443" i="1"/>
  <c r="X53444" i="1"/>
  <c r="X53445" i="1"/>
  <c r="X53446" i="1"/>
  <c r="X53447" i="1"/>
  <c r="X53448" i="1"/>
  <c r="X53449" i="1"/>
  <c r="X53450" i="1"/>
  <c r="X53451" i="1"/>
  <c r="X53452" i="1"/>
  <c r="X53453" i="1"/>
  <c r="X53454" i="1"/>
  <c r="X53455" i="1"/>
  <c r="X53456" i="1"/>
  <c r="X53457" i="1"/>
  <c r="X53458" i="1"/>
  <c r="X53459" i="1"/>
  <c r="X53460" i="1"/>
  <c r="X53461" i="1"/>
  <c r="X53462" i="1"/>
  <c r="X53463" i="1"/>
  <c r="X53464" i="1"/>
  <c r="X53465" i="1"/>
  <c r="X53466" i="1"/>
  <c r="X53467" i="1"/>
  <c r="X53468" i="1"/>
  <c r="X53469" i="1"/>
  <c r="X53470" i="1"/>
  <c r="X53471" i="1"/>
  <c r="X53472" i="1"/>
  <c r="X53473" i="1"/>
  <c r="X53474" i="1"/>
  <c r="X53475" i="1"/>
  <c r="X53476" i="1"/>
  <c r="X53477" i="1"/>
  <c r="X53478" i="1"/>
  <c r="X53479" i="1"/>
  <c r="X53480" i="1"/>
  <c r="X53481" i="1"/>
  <c r="X53482" i="1"/>
  <c r="X53483" i="1"/>
  <c r="X53484" i="1"/>
  <c r="X53485" i="1"/>
  <c r="X53486" i="1"/>
  <c r="X53487" i="1"/>
  <c r="X53488" i="1"/>
  <c r="X53489" i="1"/>
  <c r="X53490" i="1"/>
  <c r="X53491" i="1"/>
  <c r="X53492" i="1"/>
  <c r="X53493" i="1"/>
  <c r="X53494" i="1"/>
  <c r="X53495" i="1"/>
  <c r="X53496" i="1"/>
  <c r="X53497" i="1"/>
  <c r="X53498" i="1"/>
  <c r="X53499" i="1"/>
  <c r="X53500" i="1"/>
  <c r="X53501" i="1"/>
  <c r="X53502" i="1"/>
  <c r="X53503" i="1"/>
  <c r="X53504" i="1"/>
  <c r="X53505" i="1"/>
  <c r="X53506" i="1"/>
  <c r="X53507" i="1"/>
  <c r="X53508" i="1"/>
  <c r="X53509" i="1"/>
  <c r="X53510" i="1"/>
  <c r="X53511" i="1"/>
  <c r="X53512" i="1"/>
  <c r="X53513" i="1"/>
  <c r="X53514" i="1"/>
  <c r="X53515" i="1"/>
  <c r="X53516" i="1"/>
  <c r="X53517" i="1"/>
  <c r="X53518" i="1"/>
  <c r="X53519" i="1"/>
  <c r="X53520" i="1"/>
  <c r="X53521" i="1"/>
  <c r="X53522" i="1"/>
  <c r="X53523" i="1"/>
  <c r="X53524" i="1"/>
  <c r="X53525" i="1"/>
  <c r="X53526" i="1"/>
  <c r="X53527" i="1"/>
  <c r="X53528" i="1"/>
  <c r="X53529" i="1"/>
  <c r="X53530" i="1"/>
  <c r="X53531" i="1"/>
  <c r="X53532" i="1"/>
  <c r="X53533" i="1"/>
  <c r="X53534" i="1"/>
  <c r="X53535" i="1"/>
  <c r="X53536" i="1"/>
  <c r="X53537" i="1"/>
  <c r="X53538" i="1"/>
  <c r="X53539" i="1"/>
  <c r="X53540" i="1"/>
  <c r="X53541" i="1"/>
  <c r="X53542" i="1"/>
  <c r="X53543" i="1"/>
  <c r="X53544" i="1"/>
  <c r="X53545" i="1"/>
  <c r="X53546" i="1"/>
  <c r="X53547" i="1"/>
  <c r="X53548" i="1"/>
  <c r="X53549" i="1"/>
  <c r="X53550" i="1"/>
  <c r="X53551" i="1"/>
  <c r="X53552" i="1"/>
  <c r="X53553" i="1"/>
  <c r="X53554" i="1"/>
  <c r="X53555" i="1"/>
  <c r="X53556" i="1"/>
  <c r="X53557" i="1"/>
  <c r="X53558" i="1"/>
  <c r="X53559" i="1"/>
  <c r="X53560" i="1"/>
  <c r="X53561" i="1"/>
  <c r="X53562" i="1"/>
  <c r="X53563" i="1"/>
  <c r="X53564" i="1"/>
  <c r="X53565" i="1"/>
  <c r="X53566" i="1"/>
  <c r="X53567" i="1"/>
  <c r="X53568" i="1"/>
  <c r="X53569" i="1"/>
  <c r="X53570" i="1"/>
  <c r="X53571" i="1"/>
  <c r="X53572" i="1"/>
  <c r="X53573" i="1"/>
  <c r="X53574" i="1"/>
  <c r="X53575" i="1"/>
  <c r="X53576" i="1"/>
  <c r="X53577" i="1"/>
  <c r="X53578" i="1"/>
  <c r="X53579" i="1"/>
  <c r="X53580" i="1"/>
  <c r="X53581" i="1"/>
  <c r="X53582" i="1"/>
  <c r="X53583" i="1"/>
  <c r="X53584" i="1"/>
  <c r="X53585" i="1"/>
  <c r="X53586" i="1"/>
  <c r="X53587" i="1"/>
  <c r="X53588" i="1"/>
  <c r="X53589" i="1"/>
  <c r="X53590" i="1"/>
  <c r="X53591" i="1"/>
  <c r="X53592" i="1"/>
  <c r="X53593" i="1"/>
  <c r="X53594" i="1"/>
  <c r="X53595" i="1"/>
  <c r="X53596" i="1"/>
  <c r="X53597" i="1"/>
  <c r="X53598" i="1"/>
  <c r="X53599" i="1"/>
  <c r="X53600" i="1"/>
  <c r="X53601" i="1"/>
  <c r="X53602" i="1"/>
  <c r="X53603" i="1"/>
  <c r="X53604" i="1"/>
  <c r="X53605" i="1"/>
  <c r="X53606" i="1"/>
  <c r="X53607" i="1"/>
  <c r="X53608" i="1"/>
  <c r="X53609" i="1"/>
  <c r="X53610" i="1"/>
  <c r="X53611" i="1"/>
  <c r="X53612" i="1"/>
  <c r="X53613" i="1"/>
  <c r="X53614" i="1"/>
  <c r="X53615" i="1"/>
  <c r="X53616" i="1"/>
  <c r="X53617" i="1"/>
  <c r="X53618" i="1"/>
  <c r="X53619" i="1"/>
  <c r="X53620" i="1"/>
  <c r="X53621" i="1"/>
  <c r="X53622" i="1"/>
  <c r="X53623" i="1"/>
  <c r="X53624" i="1"/>
  <c r="X53625" i="1"/>
  <c r="X53626" i="1"/>
  <c r="X53627" i="1"/>
  <c r="X53628" i="1"/>
  <c r="X53629" i="1"/>
  <c r="X53630" i="1"/>
  <c r="X53631" i="1"/>
  <c r="X53632" i="1"/>
  <c r="X53633" i="1"/>
  <c r="X53634" i="1"/>
  <c r="X53635" i="1"/>
  <c r="X53636" i="1"/>
  <c r="X53637" i="1"/>
  <c r="X53638" i="1"/>
  <c r="X53639" i="1"/>
  <c r="X53640" i="1"/>
  <c r="X53641" i="1"/>
  <c r="X53642" i="1"/>
  <c r="X53643" i="1"/>
  <c r="X53644" i="1"/>
  <c r="X53645" i="1"/>
  <c r="X53646" i="1"/>
  <c r="X53647" i="1"/>
  <c r="X53648" i="1"/>
  <c r="X53649" i="1"/>
  <c r="X53650" i="1"/>
  <c r="X53651" i="1"/>
  <c r="X53652" i="1"/>
  <c r="X53653" i="1"/>
  <c r="X53654" i="1"/>
  <c r="X53655" i="1"/>
  <c r="X53656" i="1"/>
  <c r="X53657" i="1"/>
  <c r="X53658" i="1"/>
  <c r="X53659" i="1"/>
  <c r="X53660" i="1"/>
  <c r="X53661" i="1"/>
  <c r="X53662" i="1"/>
  <c r="X53663" i="1"/>
  <c r="X53664" i="1"/>
  <c r="X53665" i="1"/>
  <c r="X53666" i="1"/>
  <c r="X53667" i="1"/>
  <c r="X53668" i="1"/>
  <c r="X53669" i="1"/>
  <c r="X53670" i="1"/>
  <c r="X53671" i="1"/>
  <c r="X53672" i="1"/>
  <c r="X53673" i="1"/>
  <c r="X53674" i="1"/>
  <c r="X53675" i="1"/>
  <c r="X53676" i="1"/>
  <c r="X53677" i="1"/>
  <c r="X53678" i="1"/>
  <c r="X53679" i="1"/>
  <c r="X53680" i="1"/>
  <c r="X53681" i="1"/>
  <c r="X53682" i="1"/>
  <c r="X53683" i="1"/>
  <c r="X53684" i="1"/>
  <c r="X53685" i="1"/>
  <c r="X53686" i="1"/>
  <c r="X53687" i="1"/>
  <c r="X53688" i="1"/>
  <c r="X53689" i="1"/>
  <c r="X53690" i="1"/>
  <c r="X53691" i="1"/>
  <c r="X53692" i="1"/>
  <c r="X53693" i="1"/>
  <c r="X53694" i="1"/>
  <c r="X53695" i="1"/>
  <c r="X53696" i="1"/>
  <c r="X53697" i="1"/>
  <c r="X53698" i="1"/>
  <c r="X53699" i="1"/>
  <c r="X53700" i="1"/>
  <c r="X53701" i="1"/>
  <c r="X53702" i="1"/>
  <c r="X53703" i="1"/>
  <c r="X53704" i="1"/>
  <c r="X53705" i="1"/>
  <c r="X53706" i="1"/>
  <c r="X53707" i="1"/>
  <c r="X53708" i="1"/>
  <c r="X53709" i="1"/>
  <c r="X53710" i="1"/>
  <c r="X53711" i="1"/>
  <c r="X53712" i="1"/>
  <c r="X53713" i="1"/>
  <c r="X53714" i="1"/>
  <c r="X53715" i="1"/>
  <c r="X53716" i="1"/>
  <c r="X53717" i="1"/>
  <c r="X53718" i="1"/>
  <c r="X53719" i="1"/>
  <c r="X53720" i="1"/>
  <c r="X53721" i="1"/>
  <c r="X53722" i="1"/>
  <c r="X53723" i="1"/>
  <c r="X53724" i="1"/>
  <c r="X53725" i="1"/>
  <c r="X53726" i="1"/>
  <c r="X53727" i="1"/>
  <c r="X53728" i="1"/>
  <c r="X53729" i="1"/>
  <c r="X53730" i="1"/>
  <c r="X53731" i="1"/>
  <c r="X53732" i="1"/>
  <c r="X53733" i="1"/>
  <c r="X53734" i="1"/>
  <c r="X53735" i="1"/>
  <c r="X53736" i="1"/>
  <c r="X53737" i="1"/>
  <c r="X53738" i="1"/>
  <c r="X53739" i="1"/>
  <c r="X53740" i="1"/>
  <c r="X53741" i="1"/>
  <c r="X53742" i="1"/>
  <c r="X53743" i="1"/>
  <c r="X53744" i="1"/>
  <c r="X53745" i="1"/>
  <c r="X53746" i="1"/>
  <c r="X53747" i="1"/>
  <c r="X53748" i="1"/>
  <c r="X53749" i="1"/>
  <c r="X53750" i="1"/>
  <c r="X53751" i="1"/>
  <c r="X53752" i="1"/>
  <c r="X53753" i="1"/>
  <c r="X53754" i="1"/>
  <c r="X53755" i="1"/>
  <c r="X53756" i="1"/>
  <c r="X53757" i="1"/>
  <c r="X53758" i="1"/>
  <c r="X53759" i="1"/>
  <c r="X53760" i="1"/>
  <c r="X53761" i="1"/>
  <c r="X53762" i="1"/>
  <c r="X53763" i="1"/>
  <c r="X53764" i="1"/>
  <c r="X53765" i="1"/>
  <c r="X53766" i="1"/>
  <c r="X53767" i="1"/>
  <c r="X53768" i="1"/>
  <c r="X53769" i="1"/>
  <c r="X53770" i="1"/>
  <c r="X53771" i="1"/>
  <c r="X53772" i="1"/>
  <c r="X53773" i="1"/>
  <c r="X53774" i="1"/>
  <c r="X53775" i="1"/>
  <c r="X53776" i="1"/>
  <c r="X53777" i="1"/>
  <c r="X53778" i="1"/>
  <c r="X53779" i="1"/>
  <c r="X53780" i="1"/>
  <c r="X53781" i="1"/>
  <c r="X53782" i="1"/>
  <c r="X53783" i="1"/>
  <c r="X53784" i="1"/>
  <c r="X53785" i="1"/>
  <c r="X53786" i="1"/>
  <c r="X53787" i="1"/>
  <c r="X53788" i="1"/>
  <c r="X53789" i="1"/>
  <c r="X53790" i="1"/>
  <c r="X53791" i="1"/>
  <c r="X53792" i="1"/>
  <c r="X53793" i="1"/>
  <c r="X53794" i="1"/>
  <c r="X53795" i="1"/>
  <c r="X53796" i="1"/>
  <c r="X53797" i="1"/>
  <c r="X53798" i="1"/>
  <c r="X53799" i="1"/>
  <c r="X53800" i="1"/>
  <c r="X53801" i="1"/>
  <c r="X53802" i="1"/>
  <c r="X53803" i="1"/>
  <c r="X53804" i="1"/>
  <c r="X53805" i="1"/>
  <c r="X53806" i="1"/>
  <c r="X53807" i="1"/>
  <c r="X53808" i="1"/>
  <c r="X53809" i="1"/>
  <c r="X53810" i="1"/>
  <c r="X53811" i="1"/>
  <c r="X53812" i="1"/>
  <c r="X53813" i="1"/>
  <c r="X53814" i="1"/>
  <c r="X53815" i="1"/>
  <c r="X53816" i="1"/>
  <c r="X53817" i="1"/>
  <c r="X53818" i="1"/>
  <c r="X53819" i="1"/>
  <c r="X53820" i="1"/>
  <c r="X53821" i="1"/>
  <c r="X53822" i="1"/>
  <c r="X53823" i="1"/>
  <c r="X53824" i="1"/>
  <c r="X53825" i="1"/>
  <c r="X53826" i="1"/>
  <c r="X53827" i="1"/>
  <c r="X53828" i="1"/>
  <c r="X53829" i="1"/>
  <c r="X53830" i="1"/>
  <c r="X53831" i="1"/>
  <c r="X53832" i="1"/>
  <c r="X53833" i="1"/>
  <c r="X53834" i="1"/>
  <c r="X53835" i="1"/>
  <c r="X53836" i="1"/>
  <c r="X53837" i="1"/>
  <c r="X53838" i="1"/>
  <c r="X53839" i="1"/>
  <c r="X53840" i="1"/>
  <c r="X53841" i="1"/>
  <c r="X53842" i="1"/>
  <c r="X53843" i="1"/>
  <c r="X53844" i="1"/>
  <c r="X53845" i="1"/>
  <c r="X53846" i="1"/>
  <c r="X53847" i="1"/>
  <c r="X53848" i="1"/>
  <c r="X53849" i="1"/>
  <c r="X53850" i="1"/>
  <c r="X53851" i="1"/>
  <c r="X53852" i="1"/>
  <c r="X53853" i="1"/>
  <c r="X53854" i="1"/>
  <c r="X53855" i="1"/>
  <c r="X53856" i="1"/>
  <c r="X53857" i="1"/>
  <c r="X53858" i="1"/>
  <c r="X53859" i="1"/>
  <c r="X53860" i="1"/>
  <c r="X53861" i="1"/>
  <c r="X53862" i="1"/>
  <c r="X53863" i="1"/>
  <c r="X53864" i="1"/>
  <c r="X53865" i="1"/>
  <c r="X53866" i="1"/>
  <c r="X53867" i="1"/>
  <c r="X53868" i="1"/>
  <c r="X53869" i="1"/>
  <c r="X53870" i="1"/>
  <c r="X53871" i="1"/>
  <c r="X53872" i="1"/>
  <c r="X53873" i="1"/>
  <c r="X53874" i="1"/>
  <c r="X53875" i="1"/>
  <c r="X53876" i="1"/>
  <c r="X53877" i="1"/>
  <c r="X53878" i="1"/>
  <c r="X53879" i="1"/>
  <c r="X53880" i="1"/>
  <c r="X53881" i="1"/>
  <c r="X53882" i="1"/>
  <c r="X53883" i="1"/>
  <c r="X53884" i="1"/>
  <c r="X53885" i="1"/>
  <c r="X53886" i="1"/>
  <c r="X53887" i="1"/>
  <c r="X53888" i="1"/>
  <c r="X53889" i="1"/>
  <c r="X53890" i="1"/>
  <c r="X53891" i="1"/>
  <c r="X53892" i="1"/>
  <c r="X53893" i="1"/>
  <c r="X53894" i="1"/>
  <c r="X53895" i="1"/>
  <c r="X53896" i="1"/>
  <c r="X53897" i="1"/>
  <c r="X53898" i="1"/>
  <c r="X53899" i="1"/>
  <c r="X53900" i="1"/>
  <c r="X53901" i="1"/>
  <c r="X53902" i="1"/>
  <c r="X53903" i="1"/>
  <c r="X53904" i="1"/>
  <c r="X53905" i="1"/>
  <c r="X53906" i="1"/>
  <c r="X53907" i="1"/>
  <c r="X53908" i="1"/>
  <c r="X53909" i="1"/>
  <c r="X53910" i="1"/>
  <c r="X53911" i="1"/>
  <c r="X53912" i="1"/>
  <c r="X53913" i="1"/>
  <c r="X53914" i="1"/>
  <c r="X53915" i="1"/>
  <c r="X53916" i="1"/>
  <c r="X53917" i="1"/>
  <c r="X53918" i="1"/>
  <c r="X53919" i="1"/>
  <c r="X53920" i="1"/>
  <c r="X53921" i="1"/>
  <c r="X53922" i="1"/>
  <c r="X53923" i="1"/>
  <c r="X53924" i="1"/>
  <c r="X53925" i="1"/>
  <c r="X53926" i="1"/>
  <c r="X53927" i="1"/>
  <c r="X53928" i="1"/>
  <c r="X53929" i="1"/>
  <c r="X53930" i="1"/>
  <c r="X53931" i="1"/>
  <c r="X53932" i="1"/>
  <c r="X53933" i="1"/>
  <c r="X53934" i="1"/>
  <c r="X53935" i="1"/>
  <c r="X53936" i="1"/>
  <c r="X53937" i="1"/>
  <c r="X53938" i="1"/>
  <c r="X53939" i="1"/>
  <c r="X53940" i="1"/>
  <c r="X53941" i="1"/>
  <c r="X53942" i="1"/>
  <c r="X53943" i="1"/>
  <c r="X53944" i="1"/>
  <c r="X53945" i="1"/>
  <c r="X53946" i="1"/>
  <c r="X53947" i="1"/>
  <c r="X53948" i="1"/>
  <c r="X53949" i="1"/>
  <c r="X53950" i="1"/>
  <c r="X53951" i="1"/>
  <c r="X53952" i="1"/>
  <c r="X53953" i="1"/>
  <c r="X53954" i="1"/>
  <c r="X53955" i="1"/>
  <c r="X53956" i="1"/>
  <c r="X53957" i="1"/>
  <c r="X53958" i="1"/>
  <c r="X53959" i="1"/>
  <c r="X53960" i="1"/>
  <c r="X53961" i="1"/>
  <c r="X53962" i="1"/>
  <c r="X53963" i="1"/>
  <c r="X53964" i="1"/>
  <c r="X53965" i="1"/>
  <c r="X53966" i="1"/>
  <c r="X53967" i="1"/>
  <c r="X53968" i="1"/>
  <c r="X53969" i="1"/>
  <c r="X53970" i="1"/>
  <c r="X53971" i="1"/>
  <c r="X53972" i="1"/>
  <c r="X53973" i="1"/>
  <c r="X53974" i="1"/>
  <c r="X53975" i="1"/>
  <c r="X53976" i="1"/>
  <c r="X53977" i="1"/>
  <c r="X53978" i="1"/>
  <c r="X53979" i="1"/>
  <c r="X53980" i="1"/>
  <c r="X53981" i="1"/>
  <c r="X53982" i="1"/>
  <c r="X53983" i="1"/>
  <c r="X53984" i="1"/>
  <c r="X53985" i="1"/>
  <c r="X53986" i="1"/>
  <c r="X53987" i="1"/>
  <c r="X53988" i="1"/>
  <c r="X53989" i="1"/>
  <c r="X53990" i="1"/>
  <c r="X53991" i="1"/>
  <c r="X53992" i="1"/>
  <c r="X53993" i="1"/>
  <c r="X53994" i="1"/>
  <c r="X53995" i="1"/>
  <c r="X53996" i="1"/>
  <c r="X53997" i="1"/>
  <c r="X53998" i="1"/>
  <c r="X53999" i="1"/>
  <c r="X54000" i="1"/>
  <c r="X54001" i="1"/>
  <c r="X54002" i="1"/>
  <c r="X54003" i="1"/>
  <c r="X54004" i="1"/>
  <c r="X54005" i="1"/>
  <c r="X54006" i="1"/>
  <c r="X54007" i="1"/>
  <c r="X54008" i="1"/>
  <c r="X54009" i="1"/>
  <c r="X54010" i="1"/>
  <c r="X54011" i="1"/>
  <c r="X54012" i="1"/>
  <c r="X54013" i="1"/>
  <c r="X54014" i="1"/>
  <c r="X54015" i="1"/>
  <c r="X54016" i="1"/>
  <c r="X54017" i="1"/>
  <c r="X54018" i="1"/>
  <c r="X54019" i="1"/>
  <c r="X54020" i="1"/>
  <c r="X54021" i="1"/>
  <c r="X54022" i="1"/>
  <c r="X54023" i="1"/>
  <c r="X54024" i="1"/>
  <c r="X54025" i="1"/>
  <c r="X54026" i="1"/>
  <c r="X54027" i="1"/>
  <c r="X54028" i="1"/>
  <c r="X54029" i="1"/>
  <c r="X54030" i="1"/>
  <c r="X54031" i="1"/>
  <c r="X54032" i="1"/>
  <c r="X54033" i="1"/>
  <c r="X54034" i="1"/>
  <c r="X54035" i="1"/>
  <c r="X54036" i="1"/>
  <c r="X54037" i="1"/>
  <c r="X54038" i="1"/>
  <c r="X54039" i="1"/>
  <c r="X54040" i="1"/>
  <c r="X54041" i="1"/>
  <c r="X54042" i="1"/>
  <c r="X54043" i="1"/>
  <c r="X54044" i="1"/>
  <c r="X54045" i="1"/>
  <c r="X54046" i="1"/>
  <c r="X54047" i="1"/>
  <c r="X54048" i="1"/>
  <c r="X54049" i="1"/>
  <c r="X54050" i="1"/>
  <c r="X54051" i="1"/>
  <c r="X54052" i="1"/>
  <c r="X54053" i="1"/>
  <c r="X54054" i="1"/>
  <c r="X54055" i="1"/>
  <c r="X54056" i="1"/>
  <c r="X54057" i="1"/>
  <c r="X54058" i="1"/>
  <c r="X54059" i="1"/>
  <c r="X54060" i="1"/>
  <c r="X54061" i="1"/>
  <c r="X54062" i="1"/>
  <c r="X54063" i="1"/>
  <c r="X54064" i="1"/>
  <c r="X54065" i="1"/>
  <c r="X54066" i="1"/>
  <c r="X54067" i="1"/>
  <c r="X54068" i="1"/>
  <c r="X54069" i="1"/>
  <c r="X54070" i="1"/>
  <c r="X54071" i="1"/>
  <c r="X54072" i="1"/>
  <c r="X54073" i="1"/>
  <c r="X54074" i="1"/>
  <c r="X54075" i="1"/>
  <c r="X54076" i="1"/>
  <c r="X54077" i="1"/>
  <c r="X54078" i="1"/>
  <c r="X54079" i="1"/>
  <c r="X54080" i="1"/>
  <c r="X54081" i="1"/>
  <c r="X54082" i="1"/>
  <c r="X54083" i="1"/>
  <c r="X54084" i="1"/>
  <c r="X54085" i="1"/>
  <c r="X54086" i="1"/>
  <c r="X54087" i="1"/>
  <c r="X54088" i="1"/>
  <c r="X54089" i="1"/>
  <c r="X54090" i="1"/>
  <c r="X54091" i="1"/>
  <c r="X54092" i="1"/>
  <c r="X54093" i="1"/>
  <c r="X54094" i="1"/>
  <c r="X54095" i="1"/>
  <c r="X54096" i="1"/>
  <c r="X54097" i="1"/>
  <c r="X54098" i="1"/>
  <c r="X54099" i="1"/>
  <c r="X54100" i="1"/>
  <c r="X54101" i="1"/>
  <c r="X54102" i="1"/>
  <c r="X54103" i="1"/>
  <c r="X54104" i="1"/>
  <c r="X54105" i="1"/>
  <c r="X54106" i="1"/>
  <c r="X54107" i="1"/>
  <c r="X54108" i="1"/>
  <c r="X54109" i="1"/>
  <c r="X54110" i="1"/>
  <c r="X54111" i="1"/>
  <c r="X54112" i="1"/>
  <c r="X54113" i="1"/>
  <c r="X54114" i="1"/>
  <c r="X54115" i="1"/>
  <c r="X54116" i="1"/>
  <c r="X54117" i="1"/>
  <c r="X54118" i="1"/>
  <c r="X54119" i="1"/>
  <c r="X54120" i="1"/>
  <c r="X54121" i="1"/>
  <c r="X54122" i="1"/>
  <c r="X54123" i="1"/>
  <c r="X54124" i="1"/>
  <c r="X54125" i="1"/>
  <c r="X54126" i="1"/>
  <c r="X54127" i="1"/>
  <c r="X54128" i="1"/>
  <c r="X54129" i="1"/>
  <c r="X54130" i="1"/>
  <c r="X54131" i="1"/>
  <c r="X54132" i="1"/>
  <c r="X54133" i="1"/>
  <c r="X54134" i="1"/>
  <c r="X54135" i="1"/>
  <c r="X54136" i="1"/>
  <c r="X54137" i="1"/>
  <c r="X54138" i="1"/>
  <c r="X54139" i="1"/>
  <c r="X54140" i="1"/>
  <c r="X54141" i="1"/>
  <c r="X54142" i="1"/>
  <c r="X54143" i="1"/>
  <c r="X54144" i="1"/>
  <c r="X54145" i="1"/>
  <c r="X54146" i="1"/>
  <c r="X54147" i="1"/>
  <c r="X54148" i="1"/>
  <c r="X54149" i="1"/>
  <c r="X54150" i="1"/>
  <c r="X54151" i="1"/>
  <c r="X54152" i="1"/>
  <c r="X54153" i="1"/>
  <c r="X54154" i="1"/>
  <c r="X54155" i="1"/>
  <c r="X54156" i="1"/>
  <c r="X54157" i="1"/>
  <c r="X54158" i="1"/>
  <c r="X54159" i="1"/>
  <c r="X54160" i="1"/>
  <c r="X54161" i="1"/>
  <c r="X54162" i="1"/>
  <c r="X54163" i="1"/>
  <c r="X54164" i="1"/>
  <c r="X54165" i="1"/>
  <c r="X54166" i="1"/>
  <c r="X54167" i="1"/>
  <c r="X54168" i="1"/>
  <c r="X54169" i="1"/>
  <c r="X54170" i="1"/>
  <c r="X54171" i="1"/>
  <c r="X54172" i="1"/>
  <c r="X54173" i="1"/>
  <c r="X54174" i="1"/>
  <c r="X54175" i="1"/>
  <c r="X54176" i="1"/>
  <c r="X54177" i="1"/>
  <c r="X54178" i="1"/>
  <c r="X54179" i="1"/>
  <c r="X54180" i="1"/>
  <c r="X54181" i="1"/>
  <c r="X54182" i="1"/>
  <c r="X54183" i="1"/>
  <c r="X54184" i="1"/>
  <c r="X54185" i="1"/>
  <c r="X54186" i="1"/>
  <c r="X54187" i="1"/>
  <c r="X54188" i="1"/>
  <c r="X54189" i="1"/>
  <c r="X54190" i="1"/>
  <c r="X54191" i="1"/>
  <c r="X54192" i="1"/>
  <c r="X54193" i="1"/>
  <c r="X54194" i="1"/>
  <c r="X54195" i="1"/>
  <c r="X54196" i="1"/>
  <c r="X54197" i="1"/>
  <c r="X54198" i="1"/>
  <c r="X54199" i="1"/>
  <c r="X54200" i="1"/>
  <c r="X54201" i="1"/>
  <c r="X54202" i="1"/>
  <c r="X54203" i="1"/>
  <c r="X54204" i="1"/>
  <c r="X54205" i="1"/>
  <c r="X54206" i="1"/>
  <c r="X54207" i="1"/>
  <c r="X54208" i="1"/>
  <c r="X54209" i="1"/>
  <c r="X54210" i="1"/>
  <c r="X54211" i="1"/>
  <c r="X54212" i="1"/>
  <c r="X54213" i="1"/>
  <c r="X54214" i="1"/>
  <c r="X54215" i="1"/>
  <c r="X54216" i="1"/>
  <c r="X54217" i="1"/>
  <c r="X54218" i="1"/>
  <c r="X54219" i="1"/>
  <c r="X54220" i="1"/>
  <c r="X54221" i="1"/>
  <c r="X54222" i="1"/>
  <c r="X54223" i="1"/>
  <c r="X54224" i="1"/>
  <c r="X54225" i="1"/>
  <c r="X54226" i="1"/>
  <c r="X54227" i="1"/>
  <c r="X54228" i="1"/>
  <c r="X54229" i="1"/>
  <c r="X54230" i="1"/>
  <c r="X54231" i="1"/>
  <c r="X54232" i="1"/>
  <c r="X54233" i="1"/>
  <c r="X54234" i="1"/>
  <c r="X54235" i="1"/>
  <c r="X54236" i="1"/>
  <c r="X54237" i="1"/>
  <c r="X54238" i="1"/>
  <c r="X54239" i="1"/>
  <c r="X54240" i="1"/>
  <c r="X54241" i="1"/>
  <c r="X54242" i="1"/>
  <c r="X54243" i="1"/>
  <c r="X54244" i="1"/>
  <c r="X54245" i="1"/>
  <c r="X54246" i="1"/>
  <c r="X54247" i="1"/>
  <c r="X54248" i="1"/>
  <c r="X54249" i="1"/>
  <c r="X54250" i="1"/>
  <c r="X54251" i="1"/>
  <c r="X54252" i="1"/>
  <c r="X54253" i="1"/>
  <c r="X54254" i="1"/>
  <c r="X54255" i="1"/>
  <c r="X54256" i="1"/>
  <c r="X54257" i="1"/>
  <c r="X54258" i="1"/>
  <c r="X54259" i="1"/>
  <c r="X54260" i="1"/>
  <c r="X54261" i="1"/>
  <c r="X54262" i="1"/>
  <c r="X54263" i="1"/>
  <c r="X54264" i="1"/>
  <c r="X54265" i="1"/>
  <c r="X54266" i="1"/>
  <c r="X54267" i="1"/>
  <c r="X54268" i="1"/>
  <c r="X54269" i="1"/>
  <c r="X54270" i="1"/>
  <c r="X54271" i="1"/>
  <c r="X54272" i="1"/>
  <c r="X54273" i="1"/>
  <c r="X54274" i="1"/>
  <c r="X54275" i="1"/>
  <c r="X54276" i="1"/>
  <c r="X54277" i="1"/>
  <c r="X54278" i="1"/>
  <c r="X54279" i="1"/>
  <c r="X54280" i="1"/>
  <c r="X54281" i="1"/>
  <c r="X54282" i="1"/>
  <c r="X54283" i="1"/>
  <c r="X54284" i="1"/>
  <c r="X54285" i="1"/>
  <c r="X54286" i="1"/>
  <c r="X54287" i="1"/>
  <c r="X54288" i="1"/>
  <c r="X54289" i="1"/>
  <c r="X54290" i="1"/>
  <c r="X54291" i="1"/>
  <c r="X54292" i="1"/>
  <c r="X54293" i="1"/>
  <c r="X54294" i="1"/>
  <c r="X54295" i="1"/>
  <c r="X54296" i="1"/>
  <c r="X54297" i="1"/>
  <c r="X54298" i="1"/>
  <c r="X54299" i="1"/>
  <c r="X54300" i="1"/>
  <c r="X54301" i="1"/>
  <c r="X54302" i="1"/>
  <c r="X54303" i="1"/>
  <c r="X54304" i="1"/>
  <c r="X54305" i="1"/>
  <c r="X54306" i="1"/>
  <c r="X54307" i="1"/>
  <c r="X54308" i="1"/>
  <c r="X54309" i="1"/>
  <c r="X54310" i="1"/>
  <c r="X54311" i="1"/>
  <c r="X54312" i="1"/>
  <c r="X54313" i="1"/>
  <c r="X54314" i="1"/>
  <c r="X54315" i="1"/>
  <c r="X54316" i="1"/>
  <c r="X54317" i="1"/>
  <c r="X54318" i="1"/>
  <c r="X54319" i="1"/>
  <c r="X54320" i="1"/>
  <c r="X54321" i="1"/>
  <c r="X54322" i="1"/>
  <c r="X54323" i="1"/>
  <c r="X54324" i="1"/>
  <c r="X54325" i="1"/>
  <c r="X54326" i="1"/>
  <c r="X54327" i="1"/>
  <c r="X54328" i="1"/>
  <c r="X54329" i="1"/>
  <c r="X54330" i="1"/>
  <c r="X54331" i="1"/>
  <c r="X54332" i="1"/>
  <c r="X54333" i="1"/>
  <c r="X54334" i="1"/>
  <c r="X54335" i="1"/>
  <c r="X54336" i="1"/>
  <c r="X54337" i="1"/>
  <c r="X54338" i="1"/>
  <c r="X54339" i="1"/>
  <c r="X54340" i="1"/>
  <c r="X54341" i="1"/>
  <c r="X54342" i="1"/>
  <c r="X54343" i="1"/>
  <c r="X54344" i="1"/>
  <c r="X54345" i="1"/>
  <c r="X54346" i="1"/>
  <c r="X54347" i="1"/>
  <c r="X54348" i="1"/>
  <c r="X54349" i="1"/>
  <c r="X54350" i="1"/>
  <c r="X54351" i="1"/>
  <c r="X54352" i="1"/>
  <c r="X54353" i="1"/>
  <c r="X54354" i="1"/>
  <c r="X54355" i="1"/>
  <c r="X54356" i="1"/>
  <c r="X54357" i="1"/>
  <c r="X54358" i="1"/>
  <c r="X54359" i="1"/>
  <c r="X54360" i="1"/>
  <c r="X54361" i="1"/>
  <c r="X54362" i="1"/>
  <c r="X54363" i="1"/>
  <c r="X54364" i="1"/>
  <c r="X54365" i="1"/>
  <c r="X54366" i="1"/>
  <c r="X54367" i="1"/>
  <c r="X54368" i="1"/>
  <c r="X54369" i="1"/>
  <c r="X54370" i="1"/>
  <c r="X54371" i="1"/>
  <c r="X54372" i="1"/>
  <c r="X54373" i="1"/>
  <c r="X54374" i="1"/>
  <c r="X54375" i="1"/>
  <c r="X54376" i="1"/>
  <c r="X54377" i="1"/>
  <c r="X54378" i="1"/>
  <c r="X54379" i="1"/>
  <c r="X54380" i="1"/>
  <c r="X54381" i="1"/>
  <c r="X54382" i="1"/>
  <c r="X54383" i="1"/>
  <c r="X54384" i="1"/>
  <c r="X54385" i="1"/>
  <c r="X54386" i="1"/>
  <c r="X54387" i="1"/>
  <c r="X54388" i="1"/>
  <c r="X54389" i="1"/>
  <c r="X54390" i="1"/>
  <c r="X54391" i="1"/>
  <c r="X54392" i="1"/>
  <c r="X54393" i="1"/>
  <c r="X54394" i="1"/>
  <c r="X54395" i="1"/>
  <c r="X54396" i="1"/>
  <c r="X54397" i="1"/>
  <c r="X54398" i="1"/>
  <c r="X54399" i="1"/>
  <c r="X54400" i="1"/>
  <c r="X54401" i="1"/>
  <c r="X54402" i="1"/>
  <c r="X54403" i="1"/>
  <c r="X54404" i="1"/>
  <c r="X54405" i="1"/>
  <c r="X54406" i="1"/>
  <c r="X54407" i="1"/>
  <c r="X54408" i="1"/>
  <c r="X54409" i="1"/>
  <c r="X54410" i="1"/>
  <c r="X54411" i="1"/>
  <c r="X54412" i="1"/>
  <c r="X54413" i="1"/>
  <c r="X54414" i="1"/>
  <c r="X54415" i="1"/>
  <c r="X54416" i="1"/>
  <c r="X54417" i="1"/>
  <c r="X54418" i="1"/>
  <c r="X54419" i="1"/>
  <c r="X54420" i="1"/>
  <c r="X54421" i="1"/>
  <c r="X54422" i="1"/>
  <c r="X54423" i="1"/>
  <c r="X54424" i="1"/>
  <c r="X54425" i="1"/>
  <c r="X54426" i="1"/>
  <c r="X54427" i="1"/>
  <c r="X54428" i="1"/>
  <c r="X54429" i="1"/>
  <c r="X54430" i="1"/>
  <c r="X54431" i="1"/>
  <c r="X54432" i="1"/>
  <c r="X54433" i="1"/>
  <c r="X54434" i="1"/>
  <c r="X54435" i="1"/>
  <c r="X54436" i="1"/>
  <c r="X54437" i="1"/>
  <c r="X54438" i="1"/>
  <c r="X54439" i="1"/>
  <c r="X54440" i="1"/>
  <c r="X54441" i="1"/>
  <c r="X54442" i="1"/>
  <c r="X54443" i="1"/>
  <c r="X54444" i="1"/>
  <c r="X54445" i="1"/>
  <c r="X54446" i="1"/>
  <c r="X54447" i="1"/>
  <c r="X54448" i="1"/>
  <c r="X54449" i="1"/>
  <c r="X54450" i="1"/>
  <c r="X54451" i="1"/>
  <c r="X54452" i="1"/>
  <c r="X54453" i="1"/>
  <c r="X54454" i="1"/>
  <c r="X54455" i="1"/>
  <c r="X54456" i="1"/>
  <c r="X54457" i="1"/>
  <c r="X54458" i="1"/>
  <c r="X54459" i="1"/>
  <c r="X54460" i="1"/>
  <c r="X54461" i="1"/>
  <c r="X54462" i="1"/>
  <c r="X54463" i="1"/>
  <c r="X54464" i="1"/>
  <c r="X54465" i="1"/>
  <c r="X54466" i="1"/>
  <c r="X54467" i="1"/>
  <c r="X54468" i="1"/>
  <c r="X54469" i="1"/>
  <c r="X54470" i="1"/>
  <c r="X54471" i="1"/>
  <c r="X54472" i="1"/>
  <c r="X54473" i="1"/>
  <c r="X54474" i="1"/>
  <c r="X54475" i="1"/>
  <c r="X54476" i="1"/>
  <c r="X54477" i="1"/>
  <c r="X54478" i="1"/>
  <c r="X54479" i="1"/>
  <c r="X54480" i="1"/>
  <c r="X54481" i="1"/>
  <c r="X54482" i="1"/>
  <c r="X54483" i="1"/>
  <c r="X54484" i="1"/>
  <c r="X54485" i="1"/>
  <c r="X54486" i="1"/>
  <c r="X54487" i="1"/>
  <c r="X54488" i="1"/>
  <c r="X54489" i="1"/>
  <c r="X54490" i="1"/>
  <c r="X54491" i="1"/>
  <c r="X54492" i="1"/>
  <c r="X54493" i="1"/>
  <c r="X54494" i="1"/>
  <c r="X54495" i="1"/>
  <c r="X54496" i="1"/>
  <c r="X54497" i="1"/>
  <c r="X54498" i="1"/>
  <c r="X54499" i="1"/>
  <c r="X54500" i="1"/>
  <c r="X54501" i="1"/>
  <c r="X54502" i="1"/>
  <c r="X54503" i="1"/>
  <c r="X54504" i="1"/>
  <c r="X54505" i="1"/>
  <c r="X54506" i="1"/>
  <c r="X54507" i="1"/>
  <c r="X54508" i="1"/>
  <c r="X54509" i="1"/>
  <c r="X54510" i="1"/>
  <c r="X54511" i="1"/>
  <c r="X54512" i="1"/>
  <c r="X54513" i="1"/>
  <c r="X54514" i="1"/>
  <c r="X54515" i="1"/>
  <c r="X54516" i="1"/>
  <c r="X54517" i="1"/>
  <c r="X54518" i="1"/>
  <c r="X54519" i="1"/>
  <c r="X54520" i="1"/>
  <c r="X54521" i="1"/>
  <c r="X54522" i="1"/>
  <c r="X54523" i="1"/>
  <c r="X54524" i="1"/>
  <c r="X54525" i="1"/>
  <c r="X54526" i="1"/>
  <c r="X54527" i="1"/>
  <c r="X54528" i="1"/>
  <c r="X54529" i="1"/>
  <c r="X54530" i="1"/>
  <c r="X54531" i="1"/>
  <c r="X54532" i="1"/>
  <c r="X54533" i="1"/>
  <c r="X54534" i="1"/>
  <c r="X54535" i="1"/>
  <c r="X54536" i="1"/>
  <c r="X54537" i="1"/>
  <c r="X54538" i="1"/>
  <c r="X54539" i="1"/>
  <c r="X54540" i="1"/>
  <c r="X54541" i="1"/>
  <c r="X54542" i="1"/>
  <c r="X54543" i="1"/>
  <c r="X54544" i="1"/>
  <c r="X54545" i="1"/>
  <c r="X54546" i="1"/>
  <c r="X54547" i="1"/>
  <c r="X54548" i="1"/>
  <c r="X54549" i="1"/>
  <c r="X54550" i="1"/>
  <c r="X54551" i="1"/>
  <c r="X54552" i="1"/>
  <c r="X54553" i="1"/>
  <c r="X54554" i="1"/>
  <c r="X54555" i="1"/>
  <c r="X54556" i="1"/>
  <c r="X54557" i="1"/>
  <c r="X54558" i="1"/>
  <c r="X54559" i="1"/>
  <c r="X54560" i="1"/>
  <c r="X54561" i="1"/>
  <c r="X54562" i="1"/>
  <c r="X54563" i="1"/>
  <c r="X54564" i="1"/>
  <c r="X54565" i="1"/>
  <c r="X54566" i="1"/>
  <c r="X54567" i="1"/>
  <c r="X54568" i="1"/>
  <c r="X54569" i="1"/>
  <c r="X54570" i="1"/>
  <c r="X54571" i="1"/>
  <c r="X54572" i="1"/>
  <c r="X54573" i="1"/>
  <c r="X54574" i="1"/>
  <c r="X54575" i="1"/>
  <c r="X54576" i="1"/>
  <c r="X54577" i="1"/>
  <c r="X54578" i="1"/>
  <c r="X54579" i="1"/>
  <c r="X54580" i="1"/>
  <c r="X54581" i="1"/>
  <c r="X54582" i="1"/>
  <c r="X54583" i="1"/>
  <c r="X54584" i="1"/>
  <c r="X54585" i="1"/>
  <c r="X54586" i="1"/>
  <c r="X54587" i="1"/>
  <c r="X54588" i="1"/>
  <c r="X54589" i="1"/>
  <c r="X54590" i="1"/>
  <c r="X54591" i="1"/>
  <c r="X54592" i="1"/>
  <c r="X54593" i="1"/>
  <c r="X54594" i="1"/>
  <c r="X54595" i="1"/>
  <c r="X54596" i="1"/>
  <c r="X54597" i="1"/>
  <c r="X54598" i="1"/>
  <c r="X54599" i="1"/>
  <c r="X54600" i="1"/>
  <c r="X54601" i="1"/>
  <c r="X54602" i="1"/>
  <c r="X54603" i="1"/>
  <c r="X54604" i="1"/>
  <c r="X54605" i="1"/>
  <c r="X54606" i="1"/>
  <c r="X54607" i="1"/>
  <c r="X54608" i="1"/>
  <c r="X54609" i="1"/>
  <c r="X54610" i="1"/>
  <c r="X54611" i="1"/>
  <c r="X54612" i="1"/>
  <c r="X54613" i="1"/>
  <c r="X54614" i="1"/>
  <c r="X54615" i="1"/>
  <c r="X54616" i="1"/>
  <c r="X54617" i="1"/>
  <c r="X54618" i="1"/>
  <c r="X54619" i="1"/>
  <c r="X54620" i="1"/>
  <c r="X54621" i="1"/>
  <c r="X54622" i="1"/>
  <c r="X54623" i="1"/>
  <c r="X54624" i="1"/>
  <c r="X54625" i="1"/>
  <c r="X54626" i="1"/>
  <c r="X54627" i="1"/>
  <c r="X54628" i="1"/>
  <c r="X54629" i="1"/>
  <c r="X54630" i="1"/>
  <c r="X54631" i="1"/>
  <c r="X54632" i="1"/>
  <c r="X54633" i="1"/>
  <c r="X54634" i="1"/>
  <c r="X54635" i="1"/>
  <c r="X54636" i="1"/>
  <c r="X54637" i="1"/>
  <c r="X54638" i="1"/>
  <c r="X54639" i="1"/>
  <c r="X54640" i="1"/>
  <c r="X54641" i="1"/>
  <c r="X54642" i="1"/>
  <c r="X54643" i="1"/>
  <c r="X54644" i="1"/>
  <c r="X54645" i="1"/>
  <c r="X54646" i="1"/>
  <c r="X54647" i="1"/>
  <c r="X54648" i="1"/>
  <c r="X54649" i="1"/>
  <c r="X54650" i="1"/>
  <c r="X54651" i="1"/>
  <c r="X54652" i="1"/>
  <c r="X54653" i="1"/>
  <c r="X54654" i="1"/>
  <c r="X54655" i="1"/>
  <c r="X54656" i="1"/>
  <c r="X54657" i="1"/>
  <c r="X54658" i="1"/>
  <c r="X54659" i="1"/>
  <c r="X54660" i="1"/>
  <c r="X54661" i="1"/>
  <c r="X54662" i="1"/>
  <c r="X54663" i="1"/>
  <c r="X54664" i="1"/>
  <c r="X54665" i="1"/>
  <c r="X54666" i="1"/>
  <c r="X54667" i="1"/>
  <c r="X54668" i="1"/>
  <c r="X54669" i="1"/>
  <c r="X54670" i="1"/>
  <c r="X54671" i="1"/>
  <c r="X54672" i="1"/>
  <c r="X54673" i="1"/>
  <c r="X54674" i="1"/>
  <c r="X54675" i="1"/>
  <c r="X54676" i="1"/>
  <c r="X54677" i="1"/>
  <c r="X54678" i="1"/>
  <c r="X54679" i="1"/>
  <c r="X54680" i="1"/>
  <c r="X54681" i="1"/>
  <c r="X54682" i="1"/>
  <c r="X54683" i="1"/>
  <c r="X54684" i="1"/>
  <c r="X54685" i="1"/>
  <c r="X54686" i="1"/>
  <c r="X54687" i="1"/>
  <c r="X54688" i="1"/>
  <c r="X54689" i="1"/>
  <c r="X54690" i="1"/>
  <c r="X54691" i="1"/>
  <c r="X54692" i="1"/>
  <c r="X54693" i="1"/>
  <c r="X54694" i="1"/>
  <c r="X54695" i="1"/>
  <c r="X54696" i="1"/>
  <c r="X54697" i="1"/>
  <c r="X54698" i="1"/>
  <c r="X54699" i="1"/>
  <c r="X54700" i="1"/>
  <c r="X54701" i="1"/>
  <c r="X54702" i="1"/>
  <c r="X54703" i="1"/>
  <c r="X54704" i="1"/>
  <c r="X54705" i="1"/>
  <c r="X54706" i="1"/>
  <c r="X54707" i="1"/>
  <c r="X54708" i="1"/>
  <c r="X54709" i="1"/>
  <c r="X54710" i="1"/>
  <c r="X54711" i="1"/>
  <c r="X54712" i="1"/>
  <c r="X54713" i="1"/>
  <c r="X54714" i="1"/>
  <c r="X54715" i="1"/>
  <c r="X54716" i="1"/>
  <c r="X54717" i="1"/>
  <c r="X54718" i="1"/>
  <c r="X54719" i="1"/>
  <c r="X54720" i="1"/>
  <c r="X54721" i="1"/>
  <c r="X54722" i="1"/>
  <c r="X54723" i="1"/>
  <c r="X54724" i="1"/>
  <c r="X54725" i="1"/>
  <c r="X54726" i="1"/>
  <c r="X54727" i="1"/>
  <c r="X54728" i="1"/>
  <c r="X54729" i="1"/>
  <c r="X54730" i="1"/>
  <c r="X54731" i="1"/>
  <c r="X54732" i="1"/>
  <c r="X54733" i="1"/>
  <c r="X54734" i="1"/>
  <c r="X54735" i="1"/>
  <c r="X54736" i="1"/>
  <c r="X54737" i="1"/>
  <c r="X54738" i="1"/>
  <c r="X54739" i="1"/>
  <c r="X54740" i="1"/>
  <c r="X54741" i="1"/>
  <c r="X54742" i="1"/>
  <c r="X54743" i="1"/>
  <c r="X54744" i="1"/>
  <c r="X54745" i="1"/>
  <c r="X54746" i="1"/>
  <c r="X54747" i="1"/>
  <c r="X54748" i="1"/>
  <c r="X54749" i="1"/>
  <c r="X54750" i="1"/>
  <c r="X54751" i="1"/>
  <c r="X54752" i="1"/>
  <c r="X54753" i="1"/>
  <c r="X54754" i="1"/>
  <c r="X54755" i="1"/>
  <c r="X54756" i="1"/>
  <c r="X54757" i="1"/>
  <c r="X54758" i="1"/>
  <c r="X54759" i="1"/>
  <c r="X54760" i="1"/>
  <c r="X54761" i="1"/>
  <c r="X54762" i="1"/>
  <c r="X54763" i="1"/>
  <c r="X54764" i="1"/>
  <c r="X54765" i="1"/>
  <c r="X54766" i="1"/>
  <c r="X54767" i="1"/>
  <c r="X54768" i="1"/>
  <c r="X54769" i="1"/>
  <c r="X54770" i="1"/>
  <c r="X54771" i="1"/>
  <c r="X54772" i="1"/>
  <c r="X54773" i="1"/>
  <c r="X54774" i="1"/>
  <c r="X54775" i="1"/>
  <c r="X54776" i="1"/>
  <c r="X54777" i="1"/>
  <c r="X54778" i="1"/>
  <c r="X54779" i="1"/>
  <c r="X54780" i="1"/>
  <c r="X54781" i="1"/>
  <c r="X54782" i="1"/>
  <c r="X54783" i="1"/>
  <c r="X54784" i="1"/>
  <c r="X54785" i="1"/>
  <c r="X54786" i="1"/>
  <c r="X54787" i="1"/>
  <c r="X54788" i="1"/>
  <c r="X54789" i="1"/>
  <c r="X54790" i="1"/>
  <c r="X54791" i="1"/>
  <c r="X54792" i="1"/>
  <c r="X54793" i="1"/>
  <c r="X54794" i="1"/>
  <c r="X54795" i="1"/>
  <c r="X54796" i="1"/>
  <c r="X54797" i="1"/>
  <c r="X54798" i="1"/>
  <c r="X54799" i="1"/>
  <c r="X54800" i="1"/>
  <c r="X54801" i="1"/>
  <c r="X54802" i="1"/>
  <c r="X54803" i="1"/>
  <c r="X54804" i="1"/>
  <c r="X54805" i="1"/>
  <c r="X54806" i="1"/>
  <c r="X54807" i="1"/>
  <c r="X54808" i="1"/>
  <c r="X54809" i="1"/>
  <c r="X54810" i="1"/>
  <c r="X54811" i="1"/>
  <c r="X54812" i="1"/>
  <c r="X54813" i="1"/>
  <c r="X54814" i="1"/>
  <c r="X54815" i="1"/>
  <c r="X54816" i="1"/>
  <c r="X54817" i="1"/>
  <c r="X54818" i="1"/>
  <c r="X54819" i="1"/>
  <c r="X54820" i="1"/>
  <c r="X54821" i="1"/>
  <c r="X54822" i="1"/>
  <c r="X54823" i="1"/>
  <c r="X54824" i="1"/>
  <c r="X54825" i="1"/>
  <c r="X54826" i="1"/>
  <c r="X54827" i="1"/>
  <c r="X54828" i="1"/>
  <c r="X54829" i="1"/>
  <c r="X54830" i="1"/>
  <c r="X54831" i="1"/>
  <c r="X54832" i="1"/>
  <c r="X54833" i="1"/>
  <c r="X54834" i="1"/>
  <c r="X54835" i="1"/>
  <c r="X54836" i="1"/>
  <c r="X54837" i="1"/>
  <c r="X54838" i="1"/>
  <c r="X54839" i="1"/>
  <c r="X54840" i="1"/>
  <c r="X54841" i="1"/>
  <c r="X54842" i="1"/>
  <c r="X54843" i="1"/>
  <c r="X54844" i="1"/>
  <c r="X54845" i="1"/>
  <c r="X54846" i="1"/>
  <c r="X54847" i="1"/>
  <c r="X54848" i="1"/>
  <c r="X54849" i="1"/>
  <c r="X54850" i="1"/>
  <c r="X54851" i="1"/>
  <c r="X54852" i="1"/>
  <c r="X54853" i="1"/>
  <c r="X54854" i="1"/>
  <c r="X54855" i="1"/>
  <c r="X54856" i="1"/>
  <c r="X54857" i="1"/>
  <c r="X54858" i="1"/>
  <c r="X54859" i="1"/>
  <c r="X54860" i="1"/>
  <c r="X54861" i="1"/>
  <c r="X54862" i="1"/>
  <c r="X54863" i="1"/>
  <c r="X54864" i="1"/>
  <c r="X54865" i="1"/>
  <c r="X54866" i="1"/>
  <c r="X54867" i="1"/>
  <c r="X54868" i="1"/>
  <c r="X54869" i="1"/>
  <c r="X54870" i="1"/>
  <c r="X54871" i="1"/>
  <c r="X54872" i="1"/>
  <c r="X54873" i="1"/>
  <c r="X54874" i="1"/>
  <c r="X54875" i="1"/>
  <c r="X54876" i="1"/>
  <c r="X54877" i="1"/>
  <c r="X54878" i="1"/>
  <c r="X54879" i="1"/>
  <c r="X54880" i="1"/>
  <c r="X54881" i="1"/>
  <c r="X54882" i="1"/>
  <c r="X54883" i="1"/>
  <c r="X54884" i="1"/>
  <c r="X54885" i="1"/>
  <c r="X54886" i="1"/>
  <c r="X54887" i="1"/>
  <c r="X54888" i="1"/>
  <c r="X54889" i="1"/>
  <c r="X54890" i="1"/>
  <c r="X54891" i="1"/>
  <c r="X54892" i="1"/>
  <c r="X54893" i="1"/>
  <c r="X54894" i="1"/>
  <c r="X54895" i="1"/>
  <c r="X54896" i="1"/>
  <c r="X54897" i="1"/>
  <c r="X54898" i="1"/>
  <c r="X54899" i="1"/>
  <c r="X54900" i="1"/>
  <c r="X54901" i="1"/>
  <c r="X54902" i="1"/>
  <c r="X54903" i="1"/>
  <c r="X54904" i="1"/>
  <c r="X54905" i="1"/>
  <c r="X54906" i="1"/>
  <c r="X54907" i="1"/>
  <c r="X54908" i="1"/>
  <c r="X54909" i="1"/>
  <c r="X54910" i="1"/>
  <c r="X54911" i="1"/>
  <c r="X54912" i="1"/>
  <c r="X54913" i="1"/>
  <c r="X54914" i="1"/>
  <c r="X54915" i="1"/>
  <c r="X54916" i="1"/>
  <c r="X54917" i="1"/>
  <c r="X54918" i="1"/>
  <c r="X54919" i="1"/>
  <c r="X54920" i="1"/>
  <c r="X54921" i="1"/>
  <c r="X54922" i="1"/>
  <c r="X54923" i="1"/>
  <c r="X54924" i="1"/>
  <c r="X54925" i="1"/>
  <c r="X54926" i="1"/>
  <c r="X54927" i="1"/>
  <c r="X54928" i="1"/>
  <c r="X54929" i="1"/>
  <c r="X54930" i="1"/>
  <c r="X54931" i="1"/>
  <c r="X54932" i="1"/>
  <c r="X54933" i="1"/>
  <c r="X54934" i="1"/>
  <c r="X54935" i="1"/>
  <c r="X54936" i="1"/>
  <c r="X54937" i="1"/>
  <c r="X54938" i="1"/>
  <c r="X54939" i="1"/>
  <c r="X54940" i="1"/>
  <c r="X54941" i="1"/>
  <c r="X54942" i="1"/>
  <c r="X54943" i="1"/>
  <c r="X54944" i="1"/>
  <c r="X54945" i="1"/>
  <c r="X54946" i="1"/>
  <c r="X54947" i="1"/>
  <c r="X54948" i="1"/>
  <c r="X54949" i="1"/>
  <c r="X54950" i="1"/>
  <c r="X54951" i="1"/>
  <c r="X54952" i="1"/>
  <c r="X54953" i="1"/>
  <c r="X54954" i="1"/>
  <c r="X54955" i="1"/>
  <c r="X54956" i="1"/>
  <c r="X54957" i="1"/>
  <c r="X54958" i="1"/>
  <c r="X54959" i="1"/>
  <c r="X54960" i="1"/>
  <c r="X54961" i="1"/>
  <c r="X54962" i="1"/>
  <c r="X54963" i="1"/>
  <c r="X54964" i="1"/>
  <c r="X54965" i="1"/>
  <c r="X54966" i="1"/>
  <c r="X54967" i="1"/>
  <c r="X54968" i="1"/>
  <c r="X54969" i="1"/>
  <c r="X54970" i="1"/>
  <c r="X54971" i="1"/>
  <c r="X54972" i="1"/>
  <c r="X54973" i="1"/>
  <c r="X54974" i="1"/>
  <c r="X54975" i="1"/>
  <c r="X54976" i="1"/>
  <c r="X54977" i="1"/>
  <c r="X54978" i="1"/>
  <c r="X54979" i="1"/>
  <c r="X54980" i="1"/>
  <c r="X54981" i="1"/>
  <c r="X54982" i="1"/>
  <c r="X54983" i="1"/>
  <c r="X54984" i="1"/>
  <c r="X54985" i="1"/>
  <c r="X54986" i="1"/>
  <c r="X54987" i="1"/>
  <c r="X54988" i="1"/>
  <c r="X54989" i="1"/>
  <c r="X54990" i="1"/>
  <c r="X54991" i="1"/>
  <c r="X54992" i="1"/>
  <c r="X54993" i="1"/>
  <c r="X54994" i="1"/>
  <c r="X54995" i="1"/>
  <c r="X54996" i="1"/>
  <c r="X54997" i="1"/>
  <c r="X54998" i="1"/>
  <c r="X54999" i="1"/>
  <c r="X55000" i="1"/>
  <c r="X55001" i="1"/>
  <c r="X55002" i="1"/>
  <c r="X55003" i="1"/>
  <c r="X55004" i="1"/>
  <c r="X55005" i="1"/>
  <c r="X55006" i="1"/>
  <c r="X55007" i="1"/>
  <c r="X55008" i="1"/>
  <c r="X55009" i="1"/>
  <c r="X55010" i="1"/>
  <c r="X55011" i="1"/>
  <c r="X55012" i="1"/>
  <c r="X55013" i="1"/>
  <c r="X55014" i="1"/>
  <c r="X55015" i="1"/>
  <c r="X55016" i="1"/>
  <c r="X55017" i="1"/>
  <c r="X55018" i="1"/>
  <c r="X55019" i="1"/>
  <c r="X55020" i="1"/>
  <c r="X55021" i="1"/>
  <c r="X55022" i="1"/>
  <c r="X55023" i="1"/>
  <c r="X55024" i="1"/>
  <c r="X55025" i="1"/>
  <c r="X55026" i="1"/>
  <c r="X55027" i="1"/>
  <c r="X55028" i="1"/>
  <c r="X55029" i="1"/>
  <c r="X55030" i="1"/>
  <c r="X55031" i="1"/>
  <c r="X55032" i="1"/>
  <c r="X55033" i="1"/>
  <c r="X55034" i="1"/>
  <c r="X55035" i="1"/>
  <c r="X55036" i="1"/>
  <c r="X55037" i="1"/>
  <c r="X55038" i="1"/>
  <c r="X55039" i="1"/>
  <c r="X55040" i="1"/>
  <c r="X55041" i="1"/>
  <c r="X55042" i="1"/>
  <c r="X55043" i="1"/>
  <c r="X55044" i="1"/>
  <c r="X55045" i="1"/>
  <c r="X55046" i="1"/>
  <c r="X55047" i="1"/>
  <c r="X55048" i="1"/>
  <c r="X55049" i="1"/>
  <c r="X55050" i="1"/>
  <c r="X55051" i="1"/>
  <c r="X55052" i="1"/>
  <c r="X55053" i="1"/>
  <c r="X55054" i="1"/>
  <c r="X55055" i="1"/>
  <c r="X55056" i="1"/>
  <c r="X55057" i="1"/>
  <c r="X55058" i="1"/>
  <c r="X55059" i="1"/>
  <c r="X55060" i="1"/>
  <c r="X55061" i="1"/>
  <c r="X55062" i="1"/>
  <c r="X55063" i="1"/>
  <c r="X55064" i="1"/>
  <c r="X55065" i="1"/>
  <c r="X55066" i="1"/>
  <c r="X55067" i="1"/>
  <c r="X55068" i="1"/>
  <c r="X55069" i="1"/>
  <c r="X55070" i="1"/>
  <c r="X55071" i="1"/>
  <c r="X55072" i="1"/>
  <c r="X55073" i="1"/>
  <c r="X55074" i="1"/>
  <c r="X55075" i="1"/>
  <c r="X55076" i="1"/>
  <c r="X55077" i="1"/>
  <c r="X55078" i="1"/>
  <c r="X55079" i="1"/>
  <c r="X55080" i="1"/>
  <c r="X55081" i="1"/>
  <c r="X55082" i="1"/>
  <c r="X55083" i="1"/>
  <c r="X55084" i="1"/>
  <c r="X55085" i="1"/>
  <c r="X55086" i="1"/>
  <c r="X55087" i="1"/>
  <c r="X55088" i="1"/>
  <c r="X55089" i="1"/>
  <c r="X55090" i="1"/>
  <c r="X55091" i="1"/>
  <c r="X55092" i="1"/>
  <c r="X55093" i="1"/>
  <c r="X55094" i="1"/>
  <c r="X55095" i="1"/>
  <c r="X55096" i="1"/>
  <c r="X55097" i="1"/>
  <c r="X55098" i="1"/>
  <c r="X55099" i="1"/>
  <c r="X55100" i="1"/>
  <c r="X55101" i="1"/>
  <c r="X55102" i="1"/>
  <c r="X55103" i="1"/>
  <c r="X55104" i="1"/>
  <c r="X55105" i="1"/>
  <c r="X55106" i="1"/>
  <c r="X55107" i="1"/>
  <c r="X55108" i="1"/>
  <c r="X55109" i="1"/>
  <c r="X55110" i="1"/>
  <c r="X55111" i="1"/>
  <c r="X55112" i="1"/>
  <c r="X55113" i="1"/>
  <c r="X55114" i="1"/>
  <c r="X55115" i="1"/>
  <c r="X55116" i="1"/>
  <c r="X55117" i="1"/>
  <c r="X55118" i="1"/>
  <c r="X55119" i="1"/>
  <c r="X55120" i="1"/>
  <c r="X55121" i="1"/>
  <c r="X55122" i="1"/>
  <c r="X55123" i="1"/>
  <c r="X55124" i="1"/>
  <c r="X55125" i="1"/>
  <c r="X55126" i="1"/>
  <c r="X55127" i="1"/>
  <c r="X55128" i="1"/>
  <c r="X55129" i="1"/>
  <c r="X55130" i="1"/>
  <c r="X55131" i="1"/>
  <c r="X55132" i="1"/>
  <c r="X55133" i="1"/>
  <c r="X55134" i="1"/>
  <c r="X55135" i="1"/>
  <c r="X55136" i="1"/>
  <c r="X55137" i="1"/>
  <c r="X55138" i="1"/>
  <c r="X55139" i="1"/>
  <c r="X55140" i="1"/>
  <c r="X55141" i="1"/>
  <c r="X55142" i="1"/>
  <c r="X55143" i="1"/>
  <c r="X55144" i="1"/>
  <c r="X55145" i="1"/>
  <c r="X55146" i="1"/>
  <c r="X55147" i="1"/>
  <c r="X55148" i="1"/>
  <c r="X55149" i="1"/>
  <c r="X55150" i="1"/>
  <c r="X55151" i="1"/>
  <c r="X55152" i="1"/>
  <c r="X55153" i="1"/>
  <c r="X55154" i="1"/>
  <c r="X55155" i="1"/>
  <c r="X55156" i="1"/>
  <c r="X55157" i="1"/>
  <c r="X55158" i="1"/>
  <c r="X55159" i="1"/>
  <c r="X55160" i="1"/>
  <c r="X55161" i="1"/>
  <c r="X55162" i="1"/>
  <c r="X55163" i="1"/>
  <c r="X55164" i="1"/>
  <c r="X55165" i="1"/>
  <c r="X55166" i="1"/>
  <c r="X55167" i="1"/>
  <c r="X55168" i="1"/>
  <c r="X55169" i="1"/>
  <c r="X55170" i="1"/>
  <c r="X55171" i="1"/>
  <c r="X55172" i="1"/>
  <c r="X55173" i="1"/>
  <c r="X55174" i="1"/>
  <c r="X55175" i="1"/>
  <c r="X55176" i="1"/>
  <c r="X55177" i="1"/>
  <c r="X55178" i="1"/>
  <c r="X55179" i="1"/>
  <c r="X55180" i="1"/>
  <c r="X55181" i="1"/>
  <c r="X55182" i="1"/>
  <c r="X55183" i="1"/>
  <c r="X55184" i="1"/>
  <c r="X55185" i="1"/>
  <c r="X55186" i="1"/>
  <c r="X55187" i="1"/>
  <c r="X55188" i="1"/>
  <c r="X55189" i="1"/>
  <c r="X55190" i="1"/>
  <c r="X55191" i="1"/>
  <c r="X55192" i="1"/>
  <c r="X55193" i="1"/>
  <c r="X55194" i="1"/>
  <c r="X55195" i="1"/>
  <c r="X55196" i="1"/>
  <c r="X55197" i="1"/>
  <c r="X55198" i="1"/>
  <c r="X55199" i="1"/>
  <c r="X55200" i="1"/>
  <c r="X55201" i="1"/>
  <c r="X55202" i="1"/>
  <c r="X55203" i="1"/>
  <c r="X55204" i="1"/>
  <c r="X55205" i="1"/>
  <c r="X55206" i="1"/>
  <c r="X55207" i="1"/>
  <c r="X55208" i="1"/>
  <c r="X55209" i="1"/>
  <c r="X55210" i="1"/>
  <c r="X55211" i="1"/>
  <c r="X55212" i="1"/>
  <c r="X55213" i="1"/>
  <c r="X55214" i="1"/>
  <c r="X55215" i="1"/>
  <c r="X55216" i="1"/>
  <c r="X55217" i="1"/>
  <c r="X55218" i="1"/>
  <c r="X55219" i="1"/>
  <c r="X55220" i="1"/>
  <c r="X55221" i="1"/>
  <c r="X55222" i="1"/>
  <c r="X55223" i="1"/>
  <c r="X55224" i="1"/>
  <c r="X55225" i="1"/>
  <c r="X55226" i="1"/>
  <c r="X55227" i="1"/>
  <c r="X55228" i="1"/>
  <c r="X55229" i="1"/>
  <c r="X55230" i="1"/>
  <c r="X55231" i="1"/>
  <c r="X55232" i="1"/>
  <c r="X55233" i="1"/>
  <c r="X55234" i="1"/>
  <c r="X55235" i="1"/>
  <c r="X55236" i="1"/>
  <c r="X55237" i="1"/>
  <c r="X55238" i="1"/>
  <c r="X55239" i="1"/>
  <c r="X55240" i="1"/>
  <c r="X55241" i="1"/>
  <c r="X55242" i="1"/>
  <c r="X55243" i="1"/>
  <c r="X55244" i="1"/>
  <c r="X55245" i="1"/>
  <c r="X55246" i="1"/>
  <c r="X55247" i="1"/>
  <c r="X55248" i="1"/>
  <c r="X55249" i="1"/>
  <c r="X55250" i="1"/>
  <c r="X55251" i="1"/>
  <c r="X55252" i="1"/>
  <c r="X55253" i="1"/>
  <c r="X55254" i="1"/>
  <c r="X55255" i="1"/>
  <c r="X55256" i="1"/>
  <c r="X55257" i="1"/>
  <c r="X55258" i="1"/>
  <c r="X55259" i="1"/>
  <c r="X55260" i="1"/>
  <c r="X55261" i="1"/>
  <c r="X55262" i="1"/>
  <c r="X55263" i="1"/>
  <c r="X55264" i="1"/>
  <c r="X55265" i="1"/>
  <c r="X55266" i="1"/>
  <c r="X55267" i="1"/>
  <c r="X55268" i="1"/>
  <c r="X55269" i="1"/>
  <c r="X55270" i="1"/>
  <c r="X55271" i="1"/>
  <c r="X55272" i="1"/>
  <c r="X55273" i="1"/>
  <c r="X55274" i="1"/>
  <c r="X55275" i="1"/>
  <c r="X55276" i="1"/>
  <c r="X55277" i="1"/>
  <c r="X55278" i="1"/>
  <c r="X55279" i="1"/>
  <c r="X55280" i="1"/>
  <c r="X55281" i="1"/>
  <c r="X55282" i="1"/>
  <c r="X55283" i="1"/>
  <c r="X55284" i="1"/>
  <c r="X55285" i="1"/>
  <c r="X55286" i="1"/>
  <c r="X55287" i="1"/>
  <c r="X55288" i="1"/>
  <c r="X55289" i="1"/>
  <c r="X55290" i="1"/>
  <c r="X55291" i="1"/>
  <c r="X55292" i="1"/>
  <c r="X55293" i="1"/>
  <c r="X55294" i="1"/>
  <c r="X55295" i="1"/>
  <c r="X55296" i="1"/>
  <c r="X55297" i="1"/>
  <c r="X55298" i="1"/>
  <c r="X55299" i="1"/>
  <c r="X55300" i="1"/>
  <c r="X55301" i="1"/>
  <c r="X55302" i="1"/>
  <c r="X55303" i="1"/>
  <c r="X55304" i="1"/>
  <c r="X55305" i="1"/>
  <c r="X55306" i="1"/>
  <c r="X55307" i="1"/>
  <c r="X55308" i="1"/>
  <c r="X55309" i="1"/>
  <c r="X55310" i="1"/>
  <c r="X55311" i="1"/>
  <c r="X55312" i="1"/>
  <c r="X55313" i="1"/>
  <c r="X55314" i="1"/>
  <c r="X55315" i="1"/>
  <c r="X55316" i="1"/>
  <c r="X55317" i="1"/>
  <c r="X55318" i="1"/>
  <c r="X55319" i="1"/>
  <c r="X55320" i="1"/>
  <c r="X55321" i="1"/>
  <c r="X55322" i="1"/>
  <c r="X55323" i="1"/>
  <c r="X55324" i="1"/>
  <c r="X55325" i="1"/>
  <c r="X55326" i="1"/>
  <c r="X55327" i="1"/>
  <c r="X55328" i="1"/>
  <c r="X55329" i="1"/>
  <c r="X55330" i="1"/>
  <c r="X55331" i="1"/>
  <c r="X55332" i="1"/>
  <c r="X55333" i="1"/>
  <c r="X55334" i="1"/>
  <c r="X55335" i="1"/>
  <c r="X55336" i="1"/>
  <c r="X55337" i="1"/>
  <c r="X55338" i="1"/>
  <c r="X55339" i="1"/>
  <c r="X55340" i="1"/>
  <c r="X55341" i="1"/>
  <c r="X55342" i="1"/>
  <c r="X55343" i="1"/>
  <c r="X55344" i="1"/>
  <c r="X55345" i="1"/>
  <c r="X55346" i="1"/>
  <c r="X55347" i="1"/>
  <c r="X55348" i="1"/>
  <c r="X55349" i="1"/>
  <c r="X55350" i="1"/>
  <c r="X55351" i="1"/>
  <c r="X55352" i="1"/>
  <c r="X55353" i="1"/>
  <c r="X55354" i="1"/>
  <c r="X55355" i="1"/>
  <c r="X55356" i="1"/>
  <c r="X55357" i="1"/>
  <c r="X55358" i="1"/>
  <c r="X55359" i="1"/>
  <c r="X55360" i="1"/>
  <c r="X55361" i="1"/>
  <c r="X55362" i="1"/>
  <c r="X55363" i="1"/>
  <c r="X55364" i="1"/>
  <c r="X55365" i="1"/>
  <c r="X55366" i="1"/>
  <c r="X55367" i="1"/>
  <c r="X55368" i="1"/>
  <c r="X55369" i="1"/>
  <c r="X55370" i="1"/>
  <c r="X55371" i="1"/>
  <c r="X55372" i="1"/>
  <c r="X55373" i="1"/>
  <c r="X55374" i="1"/>
  <c r="X55375" i="1"/>
  <c r="X55376" i="1"/>
  <c r="X55377" i="1"/>
  <c r="X55378" i="1"/>
  <c r="X55379" i="1"/>
  <c r="X55380" i="1"/>
  <c r="X55381" i="1"/>
  <c r="X55382" i="1"/>
  <c r="X55383" i="1"/>
  <c r="X55384" i="1"/>
  <c r="X55385" i="1"/>
  <c r="X55386" i="1"/>
  <c r="X55387" i="1"/>
  <c r="X55388" i="1"/>
  <c r="X55389" i="1"/>
  <c r="X55390" i="1"/>
  <c r="X55391" i="1"/>
  <c r="X55392" i="1"/>
  <c r="X55393" i="1"/>
  <c r="X55394" i="1"/>
  <c r="X55395" i="1"/>
  <c r="X55396" i="1"/>
  <c r="X55397" i="1"/>
  <c r="X55398" i="1"/>
  <c r="X55399" i="1"/>
  <c r="X55400" i="1"/>
  <c r="X55401" i="1"/>
  <c r="X55402" i="1"/>
  <c r="X55403" i="1"/>
  <c r="X55404" i="1"/>
  <c r="X55405" i="1"/>
  <c r="X55406" i="1"/>
  <c r="X55407" i="1"/>
  <c r="X55408" i="1"/>
  <c r="X55409" i="1"/>
  <c r="X55410" i="1"/>
  <c r="X55411" i="1"/>
  <c r="X55412" i="1"/>
  <c r="X55413" i="1"/>
  <c r="X55414" i="1"/>
  <c r="X55415" i="1"/>
  <c r="X55416" i="1"/>
  <c r="X55417" i="1"/>
  <c r="X55418" i="1"/>
  <c r="X55419" i="1"/>
  <c r="X55420" i="1"/>
  <c r="X55421" i="1"/>
  <c r="X55422" i="1"/>
  <c r="X55423" i="1"/>
  <c r="X55424" i="1"/>
  <c r="X55425" i="1"/>
  <c r="X55426" i="1"/>
  <c r="X55427" i="1"/>
  <c r="X55428" i="1"/>
  <c r="X55429" i="1"/>
  <c r="X55430" i="1"/>
  <c r="X55431" i="1"/>
  <c r="X55432" i="1"/>
  <c r="X55433" i="1"/>
  <c r="X55434" i="1"/>
  <c r="X55435" i="1"/>
  <c r="X55436" i="1"/>
  <c r="X55437" i="1"/>
  <c r="X55438" i="1"/>
  <c r="X55439" i="1"/>
  <c r="X55440" i="1"/>
  <c r="X55441" i="1"/>
  <c r="X55442" i="1"/>
  <c r="X55443" i="1"/>
  <c r="X55444" i="1"/>
  <c r="X55445" i="1"/>
  <c r="X55446" i="1"/>
  <c r="X55447" i="1"/>
  <c r="X55448" i="1"/>
  <c r="X55449" i="1"/>
  <c r="X55450" i="1"/>
  <c r="X55451" i="1"/>
  <c r="X55452" i="1"/>
  <c r="X55453" i="1"/>
  <c r="X55454" i="1"/>
  <c r="X55455" i="1"/>
  <c r="X55456" i="1"/>
  <c r="X55457" i="1"/>
  <c r="X55458" i="1"/>
  <c r="X55459" i="1"/>
  <c r="X55460" i="1"/>
  <c r="X55461" i="1"/>
  <c r="X55462" i="1"/>
  <c r="X55463" i="1"/>
  <c r="X55464" i="1"/>
  <c r="X55465" i="1"/>
  <c r="X55466" i="1"/>
  <c r="X55467" i="1"/>
  <c r="X55468" i="1"/>
  <c r="X55469" i="1"/>
  <c r="X55470" i="1"/>
  <c r="X55471" i="1"/>
  <c r="X55472" i="1"/>
  <c r="X55473" i="1"/>
  <c r="X55474" i="1"/>
  <c r="X55475" i="1"/>
  <c r="X55476" i="1"/>
  <c r="X55477" i="1"/>
  <c r="X55478" i="1"/>
  <c r="X55479" i="1"/>
  <c r="X55480" i="1"/>
  <c r="X55481" i="1"/>
  <c r="X55482" i="1"/>
  <c r="X55483" i="1"/>
  <c r="X55484" i="1"/>
  <c r="X55485" i="1"/>
  <c r="X55486" i="1"/>
  <c r="X55487" i="1"/>
  <c r="X55488" i="1"/>
  <c r="X55489" i="1"/>
  <c r="X55490" i="1"/>
  <c r="X55491" i="1"/>
  <c r="X55492" i="1"/>
  <c r="X55493" i="1"/>
  <c r="X55494" i="1"/>
  <c r="X55495" i="1"/>
  <c r="X55496" i="1"/>
  <c r="X55497" i="1"/>
  <c r="X55498" i="1"/>
  <c r="X55499" i="1"/>
  <c r="X55500" i="1"/>
  <c r="X55501" i="1"/>
  <c r="X55502" i="1"/>
  <c r="X55503" i="1"/>
  <c r="X55504" i="1"/>
  <c r="X55505" i="1"/>
  <c r="X55506" i="1"/>
  <c r="X55507" i="1"/>
  <c r="X55508" i="1"/>
  <c r="X55509" i="1"/>
  <c r="X55510" i="1"/>
  <c r="X55511" i="1"/>
  <c r="X55512" i="1"/>
  <c r="X55513" i="1"/>
  <c r="X55514" i="1"/>
  <c r="X55515" i="1"/>
  <c r="X55516" i="1"/>
  <c r="X55517" i="1"/>
  <c r="X55518" i="1"/>
  <c r="X55519" i="1"/>
  <c r="X55520" i="1"/>
  <c r="X55521" i="1"/>
  <c r="X55522" i="1"/>
  <c r="X55523" i="1"/>
  <c r="X55524" i="1"/>
  <c r="X55525" i="1"/>
  <c r="X55526" i="1"/>
  <c r="X55527" i="1"/>
  <c r="X55528" i="1"/>
  <c r="X55529" i="1"/>
  <c r="X55530" i="1"/>
  <c r="X55531" i="1"/>
  <c r="X55532" i="1"/>
  <c r="X55533" i="1"/>
  <c r="X55534" i="1"/>
  <c r="X55535" i="1"/>
  <c r="X55536" i="1"/>
  <c r="X55537" i="1"/>
  <c r="X55538" i="1"/>
  <c r="X55539" i="1"/>
  <c r="X55540" i="1"/>
  <c r="X55541" i="1"/>
  <c r="X55542" i="1"/>
  <c r="X55543" i="1"/>
  <c r="X55544" i="1"/>
  <c r="X55545" i="1"/>
  <c r="X55546" i="1"/>
  <c r="X55547" i="1"/>
  <c r="X55548" i="1"/>
  <c r="X55549" i="1"/>
  <c r="X55550" i="1"/>
  <c r="X55551" i="1"/>
  <c r="X55552" i="1"/>
  <c r="X55553" i="1"/>
  <c r="X55554" i="1"/>
  <c r="X55555" i="1"/>
  <c r="X55556" i="1"/>
  <c r="X55557" i="1"/>
  <c r="X55558" i="1"/>
  <c r="X55559" i="1"/>
  <c r="X55560" i="1"/>
  <c r="X55561" i="1"/>
  <c r="X55562" i="1"/>
  <c r="X55563" i="1"/>
  <c r="X55564" i="1"/>
  <c r="X55565" i="1"/>
  <c r="X55566" i="1"/>
  <c r="X55567" i="1"/>
  <c r="X55568" i="1"/>
  <c r="X55569" i="1"/>
  <c r="X55570" i="1"/>
  <c r="X55571" i="1"/>
  <c r="X55572" i="1"/>
  <c r="X55573" i="1"/>
  <c r="X55574" i="1"/>
  <c r="X55575" i="1"/>
  <c r="X55576" i="1"/>
  <c r="X55577" i="1"/>
  <c r="X55578" i="1"/>
  <c r="X55579" i="1"/>
  <c r="X55580" i="1"/>
  <c r="X55581" i="1"/>
  <c r="X55582" i="1"/>
  <c r="X55583" i="1"/>
  <c r="X55584" i="1"/>
  <c r="X55585" i="1"/>
  <c r="X55586" i="1"/>
  <c r="X55587" i="1"/>
  <c r="X55588" i="1"/>
  <c r="X55589" i="1"/>
  <c r="X55590" i="1"/>
  <c r="X55591" i="1"/>
  <c r="X55592" i="1"/>
  <c r="X55593" i="1"/>
  <c r="X55594" i="1"/>
  <c r="X55595" i="1"/>
  <c r="X55596" i="1"/>
  <c r="X55597" i="1"/>
  <c r="X55598" i="1"/>
  <c r="X55599" i="1"/>
  <c r="X55600" i="1"/>
  <c r="X55601" i="1"/>
  <c r="X55602" i="1"/>
  <c r="X55603" i="1"/>
  <c r="X55604" i="1"/>
  <c r="X55605" i="1"/>
  <c r="X55606" i="1"/>
  <c r="X55607" i="1"/>
  <c r="X55608" i="1"/>
  <c r="X55609" i="1"/>
  <c r="X55610" i="1"/>
  <c r="X55611" i="1"/>
  <c r="X55612" i="1"/>
  <c r="X55613" i="1"/>
  <c r="X55614" i="1"/>
  <c r="X55615" i="1"/>
  <c r="X55616" i="1"/>
  <c r="X55617" i="1"/>
  <c r="X55618" i="1"/>
  <c r="X55619" i="1"/>
  <c r="X55620" i="1"/>
  <c r="X55621" i="1"/>
  <c r="X55622" i="1"/>
  <c r="X55623" i="1"/>
  <c r="X55624" i="1"/>
  <c r="X55625" i="1"/>
  <c r="X55626" i="1"/>
  <c r="X55627" i="1"/>
  <c r="X55628" i="1"/>
  <c r="X55629" i="1"/>
  <c r="X55630" i="1"/>
  <c r="X55631" i="1"/>
  <c r="X55632" i="1"/>
  <c r="X55633" i="1"/>
  <c r="X55634" i="1"/>
  <c r="X55635" i="1"/>
  <c r="X55636" i="1"/>
  <c r="X55637" i="1"/>
  <c r="X55638" i="1"/>
  <c r="X55639" i="1"/>
  <c r="X55640" i="1"/>
  <c r="X55641" i="1"/>
  <c r="X55642" i="1"/>
  <c r="X55643" i="1"/>
  <c r="X55644" i="1"/>
  <c r="X55645" i="1"/>
  <c r="X55646" i="1"/>
  <c r="X55647" i="1"/>
  <c r="X55648" i="1"/>
  <c r="X55649" i="1"/>
  <c r="X55650" i="1"/>
  <c r="X55651" i="1"/>
  <c r="X55652" i="1"/>
  <c r="X55653" i="1"/>
  <c r="X55654" i="1"/>
  <c r="X55655" i="1"/>
  <c r="X55656" i="1"/>
  <c r="X55657" i="1"/>
  <c r="X55658" i="1"/>
  <c r="X55659" i="1"/>
  <c r="X55660" i="1"/>
  <c r="X55661" i="1"/>
  <c r="X55662" i="1"/>
  <c r="X55663" i="1"/>
  <c r="X55664" i="1"/>
  <c r="X55665" i="1"/>
  <c r="X55666" i="1"/>
  <c r="X55667" i="1"/>
  <c r="X55668" i="1"/>
  <c r="X55669" i="1"/>
  <c r="X55670" i="1"/>
  <c r="X55671" i="1"/>
  <c r="X55672" i="1"/>
  <c r="X55673" i="1"/>
  <c r="X55674" i="1"/>
  <c r="X55675" i="1"/>
  <c r="X55676" i="1"/>
  <c r="X55677" i="1"/>
  <c r="X55678" i="1"/>
  <c r="X55679" i="1"/>
  <c r="X55680" i="1"/>
  <c r="X55681" i="1"/>
  <c r="X55682" i="1"/>
  <c r="X55683" i="1"/>
  <c r="X55684" i="1"/>
  <c r="X55685" i="1"/>
  <c r="X55686" i="1"/>
  <c r="X55687" i="1"/>
  <c r="X55688" i="1"/>
  <c r="X55689" i="1"/>
  <c r="X55690" i="1"/>
  <c r="X55691" i="1"/>
  <c r="X55692" i="1"/>
  <c r="X55693" i="1"/>
  <c r="X55694" i="1"/>
  <c r="X55695" i="1"/>
  <c r="X55696" i="1"/>
  <c r="X55697" i="1"/>
  <c r="X55698" i="1"/>
  <c r="X55699" i="1"/>
  <c r="X55700" i="1"/>
  <c r="X55701" i="1"/>
  <c r="X55702" i="1"/>
  <c r="X55703" i="1"/>
  <c r="X55704" i="1"/>
  <c r="X55705" i="1"/>
  <c r="X55706" i="1"/>
  <c r="X55707" i="1"/>
  <c r="X55708" i="1"/>
  <c r="X55709" i="1"/>
  <c r="X55710" i="1"/>
  <c r="X55711" i="1"/>
  <c r="X55712" i="1"/>
  <c r="X55713" i="1"/>
  <c r="X55714" i="1"/>
  <c r="X55715" i="1"/>
  <c r="X55716" i="1"/>
  <c r="X55717" i="1"/>
  <c r="X55718" i="1"/>
  <c r="X55719" i="1"/>
  <c r="X55720" i="1"/>
  <c r="X55721" i="1"/>
  <c r="X55722" i="1"/>
  <c r="X55723" i="1"/>
  <c r="X55724" i="1"/>
  <c r="X55725" i="1"/>
  <c r="X55726" i="1"/>
  <c r="X55727" i="1"/>
  <c r="X55728" i="1"/>
  <c r="X55729" i="1"/>
  <c r="X55730" i="1"/>
  <c r="X55731" i="1"/>
  <c r="X55732" i="1"/>
  <c r="X55733" i="1"/>
  <c r="X55734" i="1"/>
  <c r="X55735" i="1"/>
  <c r="X55736" i="1"/>
  <c r="X55737" i="1"/>
  <c r="X55738" i="1"/>
  <c r="X55739" i="1"/>
  <c r="X55740" i="1"/>
  <c r="X55741" i="1"/>
  <c r="X55742" i="1"/>
  <c r="X55743" i="1"/>
  <c r="X55744" i="1"/>
  <c r="X55745" i="1"/>
  <c r="X55746" i="1"/>
  <c r="X55747" i="1"/>
  <c r="X55748" i="1"/>
  <c r="X55749" i="1"/>
  <c r="X55750" i="1"/>
  <c r="X55751" i="1"/>
  <c r="X55752" i="1"/>
  <c r="X55753" i="1"/>
  <c r="X55754" i="1"/>
  <c r="X55755" i="1"/>
  <c r="X55756" i="1"/>
  <c r="X55757" i="1"/>
  <c r="X55758" i="1"/>
  <c r="X55759" i="1"/>
  <c r="X55760" i="1"/>
  <c r="X55761" i="1"/>
  <c r="X55762" i="1"/>
  <c r="X55763" i="1"/>
  <c r="X55764" i="1"/>
  <c r="X55765" i="1"/>
  <c r="X55766" i="1"/>
  <c r="X55767" i="1"/>
  <c r="X55768" i="1"/>
  <c r="X55769" i="1"/>
  <c r="X55770" i="1"/>
  <c r="X55771" i="1"/>
  <c r="X55772" i="1"/>
  <c r="X55773" i="1"/>
  <c r="X55774" i="1"/>
  <c r="X55775" i="1"/>
  <c r="X55776" i="1"/>
  <c r="X55777" i="1"/>
  <c r="X55778" i="1"/>
  <c r="X55779" i="1"/>
  <c r="X55780" i="1"/>
  <c r="X55781" i="1"/>
  <c r="X55782" i="1"/>
  <c r="X55783" i="1"/>
  <c r="X55784" i="1"/>
  <c r="X55785" i="1"/>
  <c r="X55786" i="1"/>
  <c r="X55787" i="1"/>
  <c r="X55788" i="1"/>
  <c r="X55789" i="1"/>
  <c r="X55790" i="1"/>
  <c r="X55791" i="1"/>
  <c r="X55792" i="1"/>
  <c r="X55793" i="1"/>
  <c r="X55794" i="1"/>
  <c r="X55795" i="1"/>
  <c r="X55796" i="1"/>
  <c r="X55797" i="1"/>
  <c r="X55798" i="1"/>
  <c r="X55799" i="1"/>
  <c r="X55800" i="1"/>
  <c r="X55801" i="1"/>
  <c r="X55802" i="1"/>
  <c r="X55803" i="1"/>
  <c r="X55804" i="1"/>
  <c r="X55805" i="1"/>
  <c r="X55806" i="1"/>
  <c r="X55807" i="1"/>
  <c r="X55808" i="1"/>
  <c r="X55809" i="1"/>
  <c r="X55810" i="1"/>
  <c r="X55811" i="1"/>
  <c r="X55812" i="1"/>
  <c r="X55813" i="1"/>
  <c r="X55814" i="1"/>
  <c r="X55815" i="1"/>
  <c r="X55816" i="1"/>
  <c r="X55817" i="1"/>
  <c r="X55818" i="1"/>
  <c r="X55819" i="1"/>
  <c r="X55820" i="1"/>
  <c r="X55821" i="1"/>
  <c r="X55822" i="1"/>
  <c r="X55823" i="1"/>
  <c r="X55824" i="1"/>
  <c r="X55825" i="1"/>
  <c r="X55826" i="1"/>
  <c r="X55827" i="1"/>
  <c r="X55828" i="1"/>
  <c r="X55829" i="1"/>
  <c r="X55830" i="1"/>
  <c r="X55831" i="1"/>
  <c r="X55832" i="1"/>
  <c r="X55833" i="1"/>
  <c r="X55834" i="1"/>
  <c r="X55835" i="1"/>
  <c r="X55836" i="1"/>
  <c r="X55837" i="1"/>
  <c r="X55838" i="1"/>
  <c r="X55839" i="1"/>
  <c r="X55840" i="1"/>
  <c r="X55841" i="1"/>
  <c r="X55842" i="1"/>
  <c r="X55843" i="1"/>
  <c r="X55844" i="1"/>
  <c r="X55845" i="1"/>
  <c r="X55846" i="1"/>
  <c r="X55847" i="1"/>
  <c r="X55848" i="1"/>
  <c r="X55849" i="1"/>
  <c r="X55850" i="1"/>
  <c r="X55851" i="1"/>
  <c r="X55852" i="1"/>
  <c r="X55853" i="1"/>
  <c r="X55854" i="1"/>
  <c r="X55855" i="1"/>
  <c r="X55856" i="1"/>
  <c r="X55857" i="1"/>
  <c r="X55858" i="1"/>
  <c r="X55859" i="1"/>
  <c r="X55860" i="1"/>
  <c r="X55861" i="1"/>
  <c r="X55862" i="1"/>
  <c r="X55863" i="1"/>
  <c r="X55864" i="1"/>
  <c r="X55865" i="1"/>
  <c r="X55866" i="1"/>
  <c r="X55867" i="1"/>
  <c r="X55868" i="1"/>
  <c r="X55869" i="1"/>
  <c r="X55870" i="1"/>
  <c r="X55871" i="1"/>
  <c r="X55872" i="1"/>
  <c r="X55873" i="1"/>
  <c r="X55874" i="1"/>
  <c r="X55875" i="1"/>
  <c r="X55876" i="1"/>
  <c r="X55877" i="1"/>
  <c r="X55878" i="1"/>
  <c r="X55879" i="1"/>
  <c r="X55880" i="1"/>
  <c r="X55881" i="1"/>
  <c r="X55882" i="1"/>
  <c r="X55883" i="1"/>
  <c r="X55884" i="1"/>
  <c r="X55885" i="1"/>
  <c r="X55886" i="1"/>
  <c r="X55887" i="1"/>
  <c r="X55888" i="1"/>
  <c r="X55889" i="1"/>
  <c r="X55890" i="1"/>
  <c r="X55891" i="1"/>
  <c r="X55892" i="1"/>
  <c r="X55893" i="1"/>
  <c r="X55894" i="1"/>
  <c r="X55895" i="1"/>
  <c r="X55896" i="1"/>
  <c r="X55897" i="1"/>
  <c r="X55898" i="1"/>
  <c r="X55899" i="1"/>
  <c r="X55900" i="1"/>
  <c r="X55901" i="1"/>
  <c r="X55902" i="1"/>
  <c r="X55903" i="1"/>
  <c r="X55904" i="1"/>
  <c r="X55905" i="1"/>
  <c r="X55906" i="1"/>
  <c r="X55907" i="1"/>
  <c r="X55908" i="1"/>
  <c r="X55909" i="1"/>
  <c r="X55910" i="1"/>
  <c r="X55911" i="1"/>
  <c r="X55912" i="1"/>
  <c r="X55913" i="1"/>
  <c r="X55914" i="1"/>
  <c r="X55915" i="1"/>
  <c r="X55916" i="1"/>
  <c r="X55917" i="1"/>
  <c r="X55918" i="1"/>
  <c r="X55919" i="1"/>
  <c r="X55920" i="1"/>
  <c r="X55921" i="1"/>
  <c r="X55922" i="1"/>
  <c r="X55923" i="1"/>
  <c r="X55924" i="1"/>
  <c r="X55925" i="1"/>
  <c r="X55926" i="1"/>
  <c r="X55927" i="1"/>
  <c r="X55928" i="1"/>
  <c r="X55929" i="1"/>
  <c r="X55930" i="1"/>
  <c r="X55931" i="1"/>
  <c r="X55932" i="1"/>
  <c r="X55933" i="1"/>
  <c r="X55934" i="1"/>
  <c r="X55935" i="1"/>
  <c r="X55936" i="1"/>
  <c r="X55937" i="1"/>
  <c r="X55938" i="1"/>
  <c r="X55939" i="1"/>
  <c r="X55940" i="1"/>
  <c r="X55941" i="1"/>
  <c r="X55942" i="1"/>
  <c r="X55943" i="1"/>
  <c r="X55944" i="1"/>
  <c r="X55945" i="1"/>
  <c r="X55946" i="1"/>
  <c r="X55947" i="1"/>
  <c r="X55948" i="1"/>
  <c r="X55949" i="1"/>
  <c r="X55950" i="1"/>
  <c r="X55951" i="1"/>
  <c r="X55952" i="1"/>
  <c r="X55953" i="1"/>
  <c r="X55954" i="1"/>
  <c r="X55955" i="1"/>
  <c r="X55956" i="1"/>
  <c r="X55957" i="1"/>
  <c r="X55958" i="1"/>
  <c r="X55959" i="1"/>
  <c r="X55960" i="1"/>
  <c r="X55961" i="1"/>
  <c r="X55962" i="1"/>
  <c r="X55963" i="1"/>
  <c r="X55964" i="1"/>
  <c r="X55965" i="1"/>
  <c r="X55966" i="1"/>
  <c r="X55967" i="1"/>
  <c r="X55968" i="1"/>
  <c r="X55969" i="1"/>
  <c r="X55970" i="1"/>
  <c r="X55971" i="1"/>
  <c r="X55972" i="1"/>
  <c r="X55973" i="1"/>
  <c r="X55974" i="1"/>
  <c r="X55975" i="1"/>
  <c r="X55976" i="1"/>
  <c r="X55977" i="1"/>
  <c r="X55978" i="1"/>
  <c r="X55979" i="1"/>
  <c r="X55980" i="1"/>
  <c r="X55981" i="1"/>
  <c r="X55982" i="1"/>
  <c r="X55983" i="1"/>
  <c r="X55984" i="1"/>
  <c r="X55985" i="1"/>
  <c r="X55986" i="1"/>
  <c r="X55987" i="1"/>
  <c r="X55988" i="1"/>
  <c r="X55989" i="1"/>
  <c r="X55990" i="1"/>
  <c r="X55991" i="1"/>
  <c r="X55992" i="1"/>
  <c r="X55993" i="1"/>
  <c r="X55994" i="1"/>
  <c r="X55995" i="1"/>
  <c r="X55996" i="1"/>
  <c r="X55997" i="1"/>
  <c r="X55998" i="1"/>
  <c r="X55999" i="1"/>
  <c r="X56000" i="1"/>
  <c r="X56001" i="1"/>
  <c r="X56002" i="1"/>
  <c r="X56003" i="1"/>
  <c r="X56004" i="1"/>
  <c r="X56005" i="1"/>
  <c r="X56006" i="1"/>
  <c r="X56007" i="1"/>
  <c r="X56008" i="1"/>
  <c r="X56009" i="1"/>
  <c r="X56010" i="1"/>
  <c r="X56011" i="1"/>
  <c r="X56012" i="1"/>
  <c r="X56013" i="1"/>
  <c r="X56014" i="1"/>
  <c r="X56015" i="1"/>
  <c r="X56016" i="1"/>
  <c r="X56017" i="1"/>
  <c r="X56018" i="1"/>
  <c r="X56019" i="1"/>
  <c r="X56020" i="1"/>
  <c r="X56021" i="1"/>
  <c r="X56022" i="1"/>
  <c r="X56023" i="1"/>
  <c r="X56024" i="1"/>
  <c r="X56025" i="1"/>
  <c r="X56026" i="1"/>
  <c r="X56027" i="1"/>
  <c r="X56028" i="1"/>
  <c r="X56029" i="1"/>
  <c r="X56030" i="1"/>
  <c r="X56031" i="1"/>
  <c r="X56032" i="1"/>
  <c r="X56033" i="1"/>
  <c r="X56034" i="1"/>
  <c r="X56035" i="1"/>
  <c r="X56036" i="1"/>
  <c r="X56037" i="1"/>
  <c r="X56038" i="1"/>
  <c r="X56039" i="1"/>
  <c r="X56040" i="1"/>
  <c r="X56041" i="1"/>
  <c r="X56042" i="1"/>
  <c r="X56043" i="1"/>
  <c r="X56044" i="1"/>
  <c r="X56045" i="1"/>
  <c r="X56046" i="1"/>
  <c r="X56047" i="1"/>
  <c r="X56048" i="1"/>
  <c r="X56049" i="1"/>
  <c r="X56050" i="1"/>
  <c r="X56051" i="1"/>
  <c r="X56052" i="1"/>
  <c r="X56053" i="1"/>
  <c r="X56054" i="1"/>
  <c r="X56055" i="1"/>
  <c r="X56056" i="1"/>
  <c r="X56057" i="1"/>
  <c r="X56058" i="1"/>
  <c r="X56059" i="1"/>
  <c r="X56060" i="1"/>
  <c r="X56061" i="1"/>
  <c r="X56062" i="1"/>
  <c r="X56063" i="1"/>
  <c r="X56064" i="1"/>
  <c r="X56065" i="1"/>
  <c r="X56066" i="1"/>
  <c r="X56067" i="1"/>
  <c r="X56068" i="1"/>
  <c r="X56069" i="1"/>
  <c r="X56070" i="1"/>
  <c r="X56071" i="1"/>
  <c r="X56072" i="1"/>
  <c r="X56073" i="1"/>
  <c r="X56074" i="1"/>
  <c r="X56075" i="1"/>
  <c r="X56076" i="1"/>
  <c r="X56077" i="1"/>
  <c r="X56078" i="1"/>
  <c r="X56079" i="1"/>
  <c r="X56080" i="1"/>
  <c r="X56081" i="1"/>
  <c r="X56082" i="1"/>
  <c r="X56083" i="1"/>
  <c r="X56084" i="1"/>
  <c r="X56085" i="1"/>
  <c r="X56086" i="1"/>
  <c r="X56087" i="1"/>
  <c r="X56088" i="1"/>
  <c r="X56089" i="1"/>
  <c r="X56090" i="1"/>
  <c r="X56091" i="1"/>
  <c r="X56092" i="1"/>
  <c r="X56093" i="1"/>
  <c r="X56094" i="1"/>
  <c r="X56095" i="1"/>
  <c r="X56096" i="1"/>
  <c r="X56097" i="1"/>
  <c r="X56098" i="1"/>
  <c r="X56099" i="1"/>
  <c r="X56100" i="1"/>
  <c r="X56101" i="1"/>
  <c r="X56102" i="1"/>
  <c r="X56103" i="1"/>
  <c r="X56104" i="1"/>
  <c r="X56105" i="1"/>
  <c r="X56106" i="1"/>
  <c r="X56107" i="1"/>
  <c r="X56108" i="1"/>
  <c r="X56109" i="1"/>
  <c r="X56110" i="1"/>
  <c r="X56111" i="1"/>
  <c r="X56112" i="1"/>
  <c r="X56113" i="1"/>
  <c r="X56114" i="1"/>
  <c r="X56115" i="1"/>
  <c r="X56116" i="1"/>
  <c r="X56117" i="1"/>
  <c r="X56118" i="1"/>
  <c r="X56119" i="1"/>
  <c r="X56120" i="1"/>
  <c r="X56121" i="1"/>
  <c r="X56122" i="1"/>
  <c r="X56123" i="1"/>
  <c r="X56124" i="1"/>
  <c r="X56125" i="1"/>
  <c r="X56126" i="1"/>
  <c r="X56127" i="1"/>
  <c r="X56128" i="1"/>
  <c r="X56129" i="1"/>
  <c r="X56130" i="1"/>
  <c r="X56131" i="1"/>
  <c r="X56132" i="1"/>
  <c r="X56133" i="1"/>
  <c r="X56134" i="1"/>
  <c r="X56135" i="1"/>
  <c r="X56136" i="1"/>
  <c r="X56137" i="1"/>
  <c r="X56138" i="1"/>
  <c r="X56139" i="1"/>
  <c r="X56140" i="1"/>
  <c r="X56141" i="1"/>
  <c r="X56142" i="1"/>
  <c r="X56143" i="1"/>
  <c r="X56144" i="1"/>
  <c r="X56145" i="1"/>
  <c r="X56146" i="1"/>
  <c r="X56147" i="1"/>
  <c r="X56148" i="1"/>
  <c r="X56149" i="1"/>
  <c r="X56150" i="1"/>
  <c r="X56151" i="1"/>
  <c r="X56152" i="1"/>
  <c r="X56153" i="1"/>
  <c r="X56154" i="1"/>
  <c r="X56155" i="1"/>
  <c r="X56156" i="1"/>
  <c r="X56157" i="1"/>
  <c r="X56158" i="1"/>
  <c r="X56159" i="1"/>
  <c r="X56160" i="1"/>
  <c r="X56161" i="1"/>
  <c r="X56162" i="1"/>
  <c r="X56163" i="1"/>
  <c r="X56164" i="1"/>
  <c r="X56165" i="1"/>
  <c r="X56166" i="1"/>
  <c r="X56167" i="1"/>
  <c r="X56168" i="1"/>
  <c r="X56169" i="1"/>
  <c r="X56170" i="1"/>
  <c r="X56171" i="1"/>
  <c r="X56172" i="1"/>
  <c r="X56173" i="1"/>
  <c r="X56174" i="1"/>
  <c r="X56175" i="1"/>
  <c r="X56176" i="1"/>
  <c r="X56177" i="1"/>
  <c r="X56178" i="1"/>
  <c r="X56179" i="1"/>
  <c r="X56180" i="1"/>
  <c r="X56181" i="1"/>
  <c r="X56182" i="1"/>
  <c r="X56183" i="1"/>
  <c r="X56184" i="1"/>
  <c r="X56185" i="1"/>
  <c r="X56186" i="1"/>
  <c r="X56187" i="1"/>
  <c r="X56188" i="1"/>
  <c r="X56189" i="1"/>
  <c r="X56190" i="1"/>
  <c r="X56191" i="1"/>
  <c r="X56192" i="1"/>
  <c r="X56193" i="1"/>
  <c r="X56194" i="1"/>
  <c r="X56195" i="1"/>
  <c r="X56196" i="1"/>
  <c r="X56197" i="1"/>
  <c r="X56198" i="1"/>
  <c r="X56199" i="1"/>
  <c r="X56200" i="1"/>
  <c r="X56201" i="1"/>
  <c r="X56202" i="1"/>
  <c r="X56203" i="1"/>
  <c r="X56204" i="1"/>
  <c r="X56205" i="1"/>
  <c r="X56206" i="1"/>
  <c r="X56207" i="1"/>
  <c r="X56208" i="1"/>
  <c r="X56209" i="1"/>
  <c r="X56210" i="1"/>
  <c r="X56211" i="1"/>
  <c r="X56212" i="1"/>
  <c r="X56213" i="1"/>
  <c r="X56214" i="1"/>
  <c r="X56215" i="1"/>
  <c r="X56216" i="1"/>
  <c r="X56217" i="1"/>
  <c r="X56218" i="1"/>
  <c r="X56219" i="1"/>
  <c r="X56220" i="1"/>
  <c r="X56221" i="1"/>
  <c r="X56222" i="1"/>
  <c r="X56223" i="1"/>
  <c r="X56224" i="1"/>
  <c r="X56225" i="1"/>
  <c r="X56226" i="1"/>
  <c r="X56227" i="1"/>
  <c r="X56228" i="1"/>
  <c r="X56229" i="1"/>
  <c r="X56230" i="1"/>
  <c r="X56231" i="1"/>
  <c r="X56232" i="1"/>
  <c r="X56233" i="1"/>
  <c r="X56234" i="1"/>
  <c r="X56235" i="1"/>
  <c r="X56236" i="1"/>
  <c r="X56237" i="1"/>
  <c r="X56238" i="1"/>
  <c r="X56239" i="1"/>
  <c r="X56240" i="1"/>
  <c r="X56241" i="1"/>
  <c r="X56242" i="1"/>
  <c r="X56243" i="1"/>
  <c r="X56244" i="1"/>
  <c r="X56245" i="1"/>
  <c r="X56246" i="1"/>
  <c r="X56247" i="1"/>
  <c r="X56248" i="1"/>
  <c r="X56249" i="1"/>
  <c r="X56250" i="1"/>
  <c r="X56251" i="1"/>
  <c r="X56252" i="1"/>
  <c r="X56253" i="1"/>
  <c r="X56254" i="1"/>
  <c r="X56255" i="1"/>
  <c r="X56256" i="1"/>
  <c r="X56257" i="1"/>
  <c r="X56258" i="1"/>
  <c r="X56259" i="1"/>
  <c r="X56260" i="1"/>
  <c r="X56261" i="1"/>
  <c r="X56262" i="1"/>
  <c r="X56263" i="1"/>
  <c r="X56264" i="1"/>
  <c r="X56265" i="1"/>
  <c r="X56266" i="1"/>
  <c r="X56267" i="1"/>
  <c r="X56268" i="1"/>
  <c r="X56269" i="1"/>
  <c r="X56270" i="1"/>
  <c r="X56271" i="1"/>
  <c r="X56272" i="1"/>
  <c r="X56273" i="1"/>
  <c r="X56274" i="1"/>
  <c r="X56275" i="1"/>
  <c r="X56276" i="1"/>
  <c r="X56277" i="1"/>
  <c r="X56278" i="1"/>
  <c r="X56279" i="1"/>
  <c r="X56280" i="1"/>
  <c r="X56281" i="1"/>
  <c r="X56282" i="1"/>
  <c r="X56283" i="1"/>
  <c r="X56284" i="1"/>
  <c r="X56285" i="1"/>
  <c r="X56286" i="1"/>
  <c r="X56287" i="1"/>
  <c r="X56288" i="1"/>
  <c r="X56289" i="1"/>
  <c r="X56290" i="1"/>
  <c r="X56291" i="1"/>
  <c r="X56292" i="1"/>
  <c r="X56293" i="1"/>
  <c r="X56294" i="1"/>
  <c r="X56295" i="1"/>
  <c r="X56296" i="1"/>
  <c r="X56297" i="1"/>
  <c r="X56298" i="1"/>
  <c r="X56299" i="1"/>
  <c r="X56300" i="1"/>
  <c r="X56301" i="1"/>
  <c r="X56302" i="1"/>
  <c r="X56303" i="1"/>
  <c r="X56304" i="1"/>
  <c r="X56305" i="1"/>
  <c r="X56306" i="1"/>
  <c r="X56307" i="1"/>
  <c r="X56308" i="1"/>
  <c r="X56309" i="1"/>
  <c r="X56310" i="1"/>
  <c r="X56311" i="1"/>
  <c r="X56312" i="1"/>
  <c r="X56313" i="1"/>
  <c r="X56314" i="1"/>
  <c r="X56315" i="1"/>
  <c r="X56316" i="1"/>
  <c r="X56317" i="1"/>
  <c r="X56318" i="1"/>
  <c r="X56319" i="1"/>
  <c r="X56320" i="1"/>
  <c r="X56321" i="1"/>
  <c r="X56322" i="1"/>
  <c r="X56323" i="1"/>
  <c r="X56324" i="1"/>
  <c r="X56325" i="1"/>
  <c r="X56326" i="1"/>
  <c r="X56327" i="1"/>
  <c r="X56328" i="1"/>
  <c r="X56329" i="1"/>
  <c r="X56330" i="1"/>
  <c r="X56331" i="1"/>
  <c r="X56332" i="1"/>
  <c r="X56333" i="1"/>
  <c r="X56334" i="1"/>
  <c r="X56335" i="1"/>
  <c r="X56336" i="1"/>
  <c r="X56337" i="1"/>
  <c r="X56338" i="1"/>
  <c r="X56339" i="1"/>
  <c r="X56340" i="1"/>
  <c r="X56341" i="1"/>
  <c r="X56342" i="1"/>
  <c r="X56343" i="1"/>
  <c r="X56344" i="1"/>
  <c r="X56345" i="1"/>
  <c r="X56346" i="1"/>
  <c r="X56347" i="1"/>
  <c r="X56348" i="1"/>
  <c r="X56349" i="1"/>
  <c r="X56350" i="1"/>
  <c r="X56351" i="1"/>
  <c r="X56352" i="1"/>
  <c r="X56353" i="1"/>
  <c r="X56354" i="1"/>
  <c r="X56355" i="1"/>
  <c r="X56356" i="1"/>
  <c r="X56357" i="1"/>
  <c r="X56358" i="1"/>
  <c r="X56359" i="1"/>
  <c r="X56360" i="1"/>
  <c r="X56361" i="1"/>
  <c r="X56362" i="1"/>
  <c r="X56363" i="1"/>
  <c r="X56364" i="1"/>
  <c r="X56365" i="1"/>
  <c r="X56366" i="1"/>
  <c r="X56367" i="1"/>
  <c r="X56368" i="1"/>
  <c r="X56369" i="1"/>
  <c r="X56370" i="1"/>
  <c r="X56371" i="1"/>
  <c r="X56372" i="1"/>
  <c r="X56373" i="1"/>
  <c r="X56374" i="1"/>
  <c r="X56375" i="1"/>
  <c r="X56376" i="1"/>
  <c r="X56377" i="1"/>
  <c r="X56378" i="1"/>
  <c r="X56379" i="1"/>
  <c r="X56380" i="1"/>
  <c r="X56381" i="1"/>
  <c r="X56382" i="1"/>
  <c r="X56383" i="1"/>
  <c r="X56384" i="1"/>
  <c r="X56385" i="1"/>
  <c r="X56386" i="1"/>
  <c r="X56387" i="1"/>
  <c r="X56388" i="1"/>
  <c r="X56389" i="1"/>
  <c r="X56390" i="1"/>
  <c r="X56391" i="1"/>
  <c r="X56392" i="1"/>
  <c r="X56393" i="1"/>
  <c r="X56394" i="1"/>
  <c r="X56395" i="1"/>
  <c r="X56396" i="1"/>
  <c r="X56397" i="1"/>
  <c r="X56398" i="1"/>
  <c r="X56399" i="1"/>
  <c r="X56400" i="1"/>
  <c r="X56401" i="1"/>
  <c r="X56402" i="1"/>
  <c r="X56403" i="1"/>
  <c r="X56404" i="1"/>
  <c r="X56405" i="1"/>
  <c r="X56406" i="1"/>
  <c r="X56407" i="1"/>
  <c r="X56408" i="1"/>
  <c r="X56409" i="1"/>
  <c r="X56410" i="1"/>
  <c r="X56411" i="1"/>
  <c r="X56412" i="1"/>
  <c r="X56413" i="1"/>
  <c r="X56414" i="1"/>
  <c r="X56415" i="1"/>
  <c r="X56416" i="1"/>
  <c r="X56417" i="1"/>
  <c r="X56418" i="1"/>
  <c r="X56419" i="1"/>
  <c r="X56420" i="1"/>
  <c r="X56421" i="1"/>
  <c r="X56422" i="1"/>
  <c r="X56423" i="1"/>
  <c r="X56424" i="1"/>
  <c r="X56425" i="1"/>
  <c r="X56426" i="1"/>
  <c r="X56427" i="1"/>
  <c r="X56428" i="1"/>
  <c r="X56429" i="1"/>
  <c r="X56430" i="1"/>
  <c r="X56431" i="1"/>
  <c r="X56432" i="1"/>
  <c r="X56433" i="1"/>
  <c r="X56434" i="1"/>
  <c r="X56435" i="1"/>
  <c r="X56436" i="1"/>
  <c r="X56437" i="1"/>
  <c r="X56438" i="1"/>
  <c r="X56439" i="1"/>
  <c r="X56440" i="1"/>
  <c r="X56441" i="1"/>
  <c r="X56442" i="1"/>
  <c r="X56443" i="1"/>
  <c r="X56444" i="1"/>
  <c r="X56445" i="1"/>
  <c r="X56446" i="1"/>
  <c r="X56447" i="1"/>
  <c r="X56448" i="1"/>
  <c r="X56449" i="1"/>
  <c r="X56450" i="1"/>
  <c r="X56451" i="1"/>
  <c r="X56452" i="1"/>
  <c r="X56453" i="1"/>
  <c r="X56454" i="1"/>
  <c r="X56455" i="1"/>
  <c r="X56456" i="1"/>
  <c r="X56457" i="1"/>
  <c r="X56458" i="1"/>
  <c r="X56459" i="1"/>
  <c r="X56460" i="1"/>
  <c r="X56461" i="1"/>
  <c r="X56462" i="1"/>
  <c r="X56463" i="1"/>
  <c r="X56464" i="1"/>
  <c r="X56465" i="1"/>
  <c r="X56466" i="1"/>
  <c r="X56467" i="1"/>
  <c r="X56468" i="1"/>
  <c r="X56469" i="1"/>
  <c r="X56470" i="1"/>
  <c r="X56471" i="1"/>
  <c r="X56472" i="1"/>
  <c r="X56473" i="1"/>
  <c r="X56474" i="1"/>
  <c r="X56475" i="1"/>
  <c r="X56476" i="1"/>
  <c r="X56477" i="1"/>
  <c r="X56478" i="1"/>
  <c r="X56479" i="1"/>
  <c r="X56480" i="1"/>
  <c r="X56481" i="1"/>
  <c r="X56482" i="1"/>
  <c r="X56483" i="1"/>
  <c r="X56484" i="1"/>
  <c r="X56485" i="1"/>
  <c r="X56486" i="1"/>
  <c r="X56487" i="1"/>
  <c r="X56488" i="1"/>
  <c r="X56489" i="1"/>
  <c r="X56490" i="1"/>
  <c r="X56491" i="1"/>
  <c r="X56492" i="1"/>
  <c r="X56493" i="1"/>
  <c r="X56494" i="1"/>
  <c r="X56495" i="1"/>
  <c r="X56496" i="1"/>
  <c r="X56497" i="1"/>
  <c r="X56498" i="1"/>
  <c r="X56499" i="1"/>
  <c r="X56500" i="1"/>
  <c r="X56501" i="1"/>
  <c r="X56502" i="1"/>
  <c r="X56503" i="1"/>
  <c r="X56504" i="1"/>
  <c r="X56505" i="1"/>
  <c r="X56506" i="1"/>
  <c r="X56507" i="1"/>
  <c r="X56508" i="1"/>
  <c r="X56509" i="1"/>
  <c r="X56510" i="1"/>
  <c r="X56511" i="1"/>
  <c r="X56512" i="1"/>
  <c r="X56513" i="1"/>
  <c r="X56514" i="1"/>
  <c r="X56515" i="1"/>
  <c r="X56516" i="1"/>
  <c r="X56517" i="1"/>
  <c r="X56518" i="1"/>
  <c r="X56519" i="1"/>
  <c r="X56520" i="1"/>
  <c r="X56521" i="1"/>
  <c r="X56522" i="1"/>
  <c r="X56523" i="1"/>
  <c r="X56524" i="1"/>
  <c r="X56525" i="1"/>
  <c r="X56526" i="1"/>
  <c r="X56527" i="1"/>
  <c r="X56528" i="1"/>
  <c r="X56529" i="1"/>
  <c r="X56530" i="1"/>
  <c r="X56531" i="1"/>
  <c r="X56532" i="1"/>
  <c r="X56533" i="1"/>
  <c r="X56534" i="1"/>
  <c r="X56535" i="1"/>
  <c r="X56536" i="1"/>
  <c r="X56537" i="1"/>
  <c r="X56538" i="1"/>
  <c r="X56539" i="1"/>
  <c r="X56540" i="1"/>
  <c r="X56541" i="1"/>
  <c r="X56542" i="1"/>
  <c r="X56543" i="1"/>
  <c r="X56544" i="1"/>
  <c r="X56545" i="1"/>
  <c r="X56546" i="1"/>
  <c r="X56547" i="1"/>
  <c r="X56548" i="1"/>
  <c r="X56549" i="1"/>
  <c r="X56550" i="1"/>
  <c r="X56551" i="1"/>
  <c r="X56552" i="1"/>
  <c r="X56553" i="1"/>
  <c r="X56554" i="1"/>
  <c r="X56555" i="1"/>
  <c r="X56556" i="1"/>
  <c r="X56557" i="1"/>
  <c r="X56558" i="1"/>
  <c r="X56559" i="1"/>
  <c r="X56560" i="1"/>
  <c r="X56561" i="1"/>
  <c r="X56562" i="1"/>
  <c r="X56563" i="1"/>
  <c r="X56564" i="1"/>
  <c r="X56565" i="1"/>
  <c r="X56566" i="1"/>
  <c r="X56567" i="1"/>
  <c r="X56568" i="1"/>
  <c r="X56569" i="1"/>
  <c r="X56570" i="1"/>
  <c r="X56571" i="1"/>
  <c r="X56572" i="1"/>
  <c r="X56573" i="1"/>
  <c r="X56574" i="1"/>
  <c r="X56575" i="1"/>
  <c r="X56576" i="1"/>
  <c r="X56577" i="1"/>
  <c r="X56578" i="1"/>
  <c r="X56579" i="1"/>
  <c r="X56580" i="1"/>
  <c r="X56581" i="1"/>
  <c r="X56582" i="1"/>
  <c r="X56583" i="1"/>
  <c r="X56584" i="1"/>
  <c r="X56585" i="1"/>
  <c r="X56586" i="1"/>
  <c r="X56587" i="1"/>
  <c r="X56588" i="1"/>
  <c r="X56589" i="1"/>
  <c r="X56590" i="1"/>
  <c r="X56591" i="1"/>
  <c r="X56592" i="1"/>
  <c r="X56593" i="1"/>
  <c r="X56594" i="1"/>
  <c r="X56595" i="1"/>
  <c r="X56596" i="1"/>
  <c r="X56597" i="1"/>
  <c r="X56598" i="1"/>
  <c r="X56599" i="1"/>
  <c r="X56600" i="1"/>
  <c r="X56601" i="1"/>
  <c r="X56602" i="1"/>
  <c r="X56603" i="1"/>
  <c r="X56604" i="1"/>
  <c r="X56605" i="1"/>
  <c r="X56606" i="1"/>
  <c r="X56607" i="1"/>
  <c r="X56608" i="1"/>
  <c r="X56609" i="1"/>
  <c r="X56610" i="1"/>
  <c r="X56611" i="1"/>
  <c r="X56612" i="1"/>
  <c r="X56613" i="1"/>
  <c r="X56614" i="1"/>
  <c r="X56615" i="1"/>
  <c r="X56616" i="1"/>
  <c r="X56617" i="1"/>
  <c r="X56618" i="1"/>
  <c r="X56619" i="1"/>
  <c r="X56620" i="1"/>
  <c r="X56621" i="1"/>
  <c r="X56622" i="1"/>
  <c r="X56623" i="1"/>
  <c r="X56624" i="1"/>
  <c r="X56625" i="1"/>
  <c r="X56626" i="1"/>
  <c r="X56627" i="1"/>
  <c r="X56628" i="1"/>
  <c r="X56629" i="1"/>
  <c r="X56630" i="1"/>
  <c r="X56631" i="1"/>
  <c r="X56632" i="1"/>
  <c r="X56633" i="1"/>
  <c r="X56634" i="1"/>
  <c r="X56635" i="1"/>
  <c r="X56636" i="1"/>
  <c r="X56637" i="1"/>
  <c r="X56638" i="1"/>
  <c r="X56639" i="1"/>
  <c r="X56640" i="1"/>
  <c r="X56641" i="1"/>
  <c r="X56642" i="1"/>
  <c r="X56643" i="1"/>
  <c r="X56644" i="1"/>
  <c r="X56645" i="1"/>
  <c r="X56646" i="1"/>
  <c r="X56647" i="1"/>
  <c r="X56648" i="1"/>
  <c r="X56649" i="1"/>
  <c r="X56650" i="1"/>
  <c r="X56651" i="1"/>
  <c r="X56652" i="1"/>
  <c r="X56653" i="1"/>
  <c r="X56654" i="1"/>
  <c r="X56655" i="1"/>
  <c r="X56656" i="1"/>
  <c r="X56657" i="1"/>
  <c r="X56658" i="1"/>
  <c r="X56659" i="1"/>
  <c r="X56660" i="1"/>
  <c r="X56661" i="1"/>
  <c r="X56662" i="1"/>
  <c r="X56663" i="1"/>
  <c r="X56664" i="1"/>
  <c r="X56665" i="1"/>
  <c r="X56666" i="1"/>
  <c r="X56667" i="1"/>
  <c r="X56668" i="1"/>
  <c r="X56669" i="1"/>
  <c r="X56670" i="1"/>
  <c r="X56671" i="1"/>
  <c r="X56672" i="1"/>
  <c r="X56673" i="1"/>
  <c r="X56674" i="1"/>
  <c r="X56675" i="1"/>
  <c r="X56676" i="1"/>
  <c r="X56677" i="1"/>
  <c r="X56678" i="1"/>
  <c r="X56679" i="1"/>
  <c r="X56680" i="1"/>
  <c r="X56681" i="1"/>
  <c r="X56682" i="1"/>
  <c r="X56683" i="1"/>
  <c r="X56684" i="1"/>
  <c r="X56685" i="1"/>
  <c r="X56686" i="1"/>
  <c r="X56687" i="1"/>
  <c r="X56688" i="1"/>
  <c r="X56689" i="1"/>
  <c r="X56690" i="1"/>
  <c r="X56691" i="1"/>
  <c r="X56692" i="1"/>
  <c r="X56693" i="1"/>
  <c r="X56694" i="1"/>
  <c r="X56695" i="1"/>
  <c r="X56696" i="1"/>
  <c r="X56697" i="1"/>
  <c r="X56698" i="1"/>
  <c r="X56699" i="1"/>
  <c r="X56700" i="1"/>
  <c r="X56701" i="1"/>
  <c r="X56702" i="1"/>
  <c r="X56703" i="1"/>
  <c r="X56704" i="1"/>
  <c r="X56705" i="1"/>
  <c r="X56706" i="1"/>
  <c r="X56707" i="1"/>
  <c r="X56708" i="1"/>
  <c r="X56709" i="1"/>
  <c r="X56710" i="1"/>
  <c r="X56711" i="1"/>
  <c r="X56712" i="1"/>
  <c r="X56713" i="1"/>
  <c r="X56714" i="1"/>
  <c r="X56715" i="1"/>
  <c r="X56716" i="1"/>
  <c r="X56717" i="1"/>
  <c r="X56718" i="1"/>
  <c r="X56719" i="1"/>
  <c r="X56720" i="1"/>
  <c r="X56721" i="1"/>
  <c r="X56722" i="1"/>
  <c r="X56723" i="1"/>
  <c r="X56724" i="1"/>
  <c r="X56725" i="1"/>
  <c r="X56726" i="1"/>
  <c r="X56727" i="1"/>
  <c r="X56728" i="1"/>
  <c r="X56729" i="1"/>
  <c r="X56730" i="1"/>
  <c r="X56731" i="1"/>
  <c r="X56732" i="1"/>
  <c r="X56733" i="1"/>
  <c r="X56734" i="1"/>
  <c r="X56735" i="1"/>
  <c r="X56736" i="1"/>
  <c r="X56737" i="1"/>
  <c r="X56738" i="1"/>
  <c r="X56739" i="1"/>
  <c r="X56740" i="1"/>
  <c r="X56741" i="1"/>
  <c r="X56742" i="1"/>
  <c r="X56743" i="1"/>
  <c r="X56744" i="1"/>
  <c r="X56745" i="1"/>
  <c r="X56746" i="1"/>
  <c r="X56747" i="1"/>
  <c r="X56748" i="1"/>
  <c r="X56749" i="1"/>
  <c r="X56750" i="1"/>
  <c r="X56751" i="1"/>
  <c r="X56752" i="1"/>
  <c r="X56753" i="1"/>
  <c r="X56754" i="1"/>
  <c r="X56755" i="1"/>
  <c r="X56756" i="1"/>
  <c r="X56757" i="1"/>
  <c r="X56758" i="1"/>
  <c r="X56759" i="1"/>
  <c r="X56760" i="1"/>
  <c r="X56761" i="1"/>
  <c r="X56762" i="1"/>
  <c r="X56763" i="1"/>
  <c r="X56764" i="1"/>
  <c r="X56765" i="1"/>
  <c r="X56766" i="1"/>
  <c r="X56767" i="1"/>
  <c r="X56768" i="1"/>
  <c r="X56769" i="1"/>
  <c r="X56770" i="1"/>
  <c r="X56771" i="1"/>
  <c r="X56772" i="1"/>
  <c r="X56773" i="1"/>
  <c r="X56774" i="1"/>
  <c r="X56775" i="1"/>
  <c r="X56776" i="1"/>
  <c r="X56777" i="1"/>
  <c r="X56778" i="1"/>
  <c r="X56779" i="1"/>
  <c r="X56780" i="1"/>
  <c r="X56781" i="1"/>
  <c r="X56782" i="1"/>
  <c r="X56783" i="1"/>
  <c r="X56784" i="1"/>
  <c r="X56785" i="1"/>
  <c r="X56786" i="1"/>
  <c r="X56787" i="1"/>
  <c r="X56788" i="1"/>
  <c r="X56789" i="1"/>
  <c r="X56790" i="1"/>
  <c r="X56791" i="1"/>
  <c r="X56792" i="1"/>
  <c r="X56793" i="1"/>
  <c r="X56794" i="1"/>
  <c r="X56795" i="1"/>
  <c r="X56796" i="1"/>
  <c r="X56797" i="1"/>
  <c r="X56798" i="1"/>
  <c r="X56799" i="1"/>
  <c r="X56800" i="1"/>
  <c r="X56801" i="1"/>
  <c r="X56802" i="1"/>
  <c r="X56803" i="1"/>
  <c r="X56804" i="1"/>
  <c r="X56805" i="1"/>
  <c r="X56806" i="1"/>
  <c r="X56807" i="1"/>
  <c r="X56808" i="1"/>
  <c r="X56809" i="1"/>
  <c r="X56810" i="1"/>
  <c r="X56811" i="1"/>
  <c r="X56812" i="1"/>
  <c r="X56813" i="1"/>
  <c r="X56814" i="1"/>
  <c r="X56815" i="1"/>
  <c r="X56816" i="1"/>
  <c r="X56817" i="1"/>
  <c r="X56818" i="1"/>
  <c r="X56819" i="1"/>
  <c r="X56820" i="1"/>
  <c r="X56821" i="1"/>
  <c r="X56822" i="1"/>
  <c r="X56823" i="1"/>
  <c r="X56824" i="1"/>
  <c r="X56825" i="1"/>
  <c r="X56826" i="1"/>
  <c r="X56827" i="1"/>
  <c r="X56828" i="1"/>
  <c r="X56829" i="1"/>
  <c r="X56830" i="1"/>
  <c r="X56831" i="1"/>
  <c r="X56832" i="1"/>
  <c r="X56833" i="1"/>
  <c r="X56834" i="1"/>
  <c r="X56835" i="1"/>
  <c r="X56836" i="1"/>
  <c r="X56837" i="1"/>
  <c r="X56838" i="1"/>
  <c r="X56839" i="1"/>
  <c r="X56840" i="1"/>
  <c r="X56841" i="1"/>
  <c r="X56842" i="1"/>
  <c r="X56843" i="1"/>
  <c r="X56844" i="1"/>
  <c r="X56845" i="1"/>
  <c r="X56846" i="1"/>
  <c r="X56847" i="1"/>
  <c r="X56848" i="1"/>
  <c r="X56849" i="1"/>
  <c r="X56850" i="1"/>
  <c r="X56851" i="1"/>
  <c r="X56852" i="1"/>
  <c r="X56853" i="1"/>
  <c r="X56854" i="1"/>
  <c r="X56855" i="1"/>
  <c r="X56856" i="1"/>
  <c r="X56857" i="1"/>
  <c r="X56858" i="1"/>
  <c r="X56859" i="1"/>
  <c r="X56860" i="1"/>
  <c r="X56861" i="1"/>
  <c r="X56862" i="1"/>
  <c r="X56863" i="1"/>
  <c r="X56864" i="1"/>
  <c r="X56865" i="1"/>
  <c r="X56866" i="1"/>
  <c r="X56867" i="1"/>
  <c r="X56868" i="1"/>
  <c r="X56869" i="1"/>
  <c r="X56870" i="1"/>
  <c r="X56871" i="1"/>
  <c r="X56872" i="1"/>
  <c r="X56873" i="1"/>
  <c r="X56874" i="1"/>
  <c r="X56875" i="1"/>
  <c r="X56876" i="1"/>
  <c r="X56877" i="1"/>
  <c r="X56878" i="1"/>
  <c r="X56879" i="1"/>
  <c r="X56880" i="1"/>
  <c r="X56881" i="1"/>
  <c r="X56882" i="1"/>
  <c r="X56883" i="1"/>
  <c r="X56884" i="1"/>
  <c r="X56885" i="1"/>
  <c r="X56886" i="1"/>
  <c r="X56887" i="1"/>
  <c r="X56888" i="1"/>
  <c r="X56889" i="1"/>
  <c r="X56890" i="1"/>
  <c r="X56891" i="1"/>
  <c r="X56892" i="1"/>
  <c r="X56893" i="1"/>
  <c r="X56894" i="1"/>
  <c r="X56895" i="1"/>
  <c r="X56896" i="1"/>
  <c r="X56897" i="1"/>
  <c r="X56898" i="1"/>
  <c r="X56899" i="1"/>
  <c r="X56900" i="1"/>
  <c r="X56901" i="1"/>
  <c r="X56902" i="1"/>
  <c r="X56903" i="1"/>
  <c r="X56904" i="1"/>
  <c r="X56905" i="1"/>
  <c r="X56906" i="1"/>
  <c r="X56907" i="1"/>
  <c r="X56908" i="1"/>
  <c r="X56909" i="1"/>
  <c r="X56910" i="1"/>
  <c r="X56911" i="1"/>
  <c r="X56912" i="1"/>
  <c r="X56913" i="1"/>
  <c r="X56914" i="1"/>
  <c r="X56915" i="1"/>
  <c r="X56916" i="1"/>
  <c r="X56917" i="1"/>
  <c r="X56918" i="1"/>
  <c r="X56919" i="1"/>
  <c r="X56920" i="1"/>
  <c r="X56921" i="1"/>
  <c r="X56922" i="1"/>
  <c r="X56923" i="1"/>
  <c r="X56924" i="1"/>
  <c r="X56925" i="1"/>
  <c r="X56926" i="1"/>
  <c r="X56927" i="1"/>
  <c r="X56928" i="1"/>
  <c r="X56929" i="1"/>
  <c r="X56930" i="1"/>
  <c r="X56931" i="1"/>
  <c r="X56932" i="1"/>
  <c r="X56933" i="1"/>
  <c r="X56934" i="1"/>
  <c r="X56935" i="1"/>
  <c r="X56936" i="1"/>
  <c r="X56937" i="1"/>
  <c r="X56938" i="1"/>
  <c r="X56939" i="1"/>
  <c r="X56940" i="1"/>
  <c r="X56941" i="1"/>
  <c r="X56942" i="1"/>
  <c r="X56943" i="1"/>
  <c r="X56944" i="1"/>
  <c r="X56945" i="1"/>
  <c r="X56946" i="1"/>
  <c r="X56947" i="1"/>
  <c r="X56948" i="1"/>
  <c r="X56949" i="1"/>
  <c r="X56950" i="1"/>
  <c r="X56951" i="1"/>
  <c r="X56952" i="1"/>
  <c r="X56953" i="1"/>
  <c r="X56954" i="1"/>
  <c r="X56955" i="1"/>
  <c r="X56956" i="1"/>
  <c r="X56957" i="1"/>
  <c r="X56958" i="1"/>
  <c r="X56959" i="1"/>
  <c r="X56960" i="1"/>
  <c r="X56961" i="1"/>
  <c r="X56962" i="1"/>
  <c r="X56963" i="1"/>
  <c r="X56964" i="1"/>
  <c r="X56965" i="1"/>
  <c r="X56966" i="1"/>
  <c r="X56967" i="1"/>
  <c r="X56968" i="1"/>
  <c r="X56969" i="1"/>
  <c r="X56970" i="1"/>
  <c r="X56971" i="1"/>
  <c r="X56972" i="1"/>
  <c r="X56973" i="1"/>
  <c r="X56974" i="1"/>
  <c r="X56975" i="1"/>
  <c r="X56976" i="1"/>
  <c r="X56977" i="1"/>
  <c r="X56978" i="1"/>
  <c r="X56979" i="1"/>
  <c r="X56980" i="1"/>
  <c r="X56981" i="1"/>
  <c r="X56982" i="1"/>
  <c r="X56983" i="1"/>
  <c r="X56984" i="1"/>
  <c r="X56985" i="1"/>
  <c r="X56986" i="1"/>
  <c r="X56987" i="1"/>
  <c r="X56988" i="1"/>
  <c r="X56989" i="1"/>
  <c r="X56990" i="1"/>
  <c r="X56991" i="1"/>
  <c r="X56992" i="1"/>
  <c r="X56993" i="1"/>
  <c r="X56994" i="1"/>
  <c r="X56995" i="1"/>
  <c r="X56996" i="1"/>
  <c r="X56997" i="1"/>
  <c r="X56998" i="1"/>
  <c r="X56999" i="1"/>
  <c r="X57000" i="1"/>
  <c r="X57001" i="1"/>
  <c r="X57002" i="1"/>
  <c r="X57003" i="1"/>
  <c r="X57004" i="1"/>
  <c r="X57005" i="1"/>
  <c r="X57006" i="1"/>
  <c r="X57007" i="1"/>
  <c r="X57008" i="1"/>
  <c r="X57009" i="1"/>
  <c r="X57010" i="1"/>
  <c r="X57011" i="1"/>
  <c r="X57012" i="1"/>
  <c r="X57013" i="1"/>
  <c r="X57014" i="1"/>
  <c r="X57015" i="1"/>
  <c r="X57016" i="1"/>
  <c r="X57017" i="1"/>
  <c r="X57018" i="1"/>
  <c r="X57019" i="1"/>
  <c r="X57020" i="1"/>
  <c r="X57021" i="1"/>
  <c r="X57022" i="1"/>
  <c r="X57023" i="1"/>
  <c r="X57024" i="1"/>
  <c r="X57025" i="1"/>
  <c r="X57026" i="1"/>
  <c r="X57027" i="1"/>
  <c r="X57028" i="1"/>
  <c r="X57029" i="1"/>
  <c r="X57030" i="1"/>
  <c r="X57031" i="1"/>
  <c r="X57032" i="1"/>
  <c r="X57033" i="1"/>
  <c r="X57034" i="1"/>
  <c r="X57035" i="1"/>
  <c r="X57036" i="1"/>
  <c r="X57037" i="1"/>
  <c r="X57038" i="1"/>
  <c r="X57039" i="1"/>
  <c r="X57040" i="1"/>
  <c r="X57041" i="1"/>
  <c r="X57042" i="1"/>
  <c r="X57043" i="1"/>
  <c r="X57044" i="1"/>
  <c r="X57045" i="1"/>
  <c r="X57046" i="1"/>
  <c r="X57047" i="1"/>
  <c r="X57048" i="1"/>
  <c r="X57049" i="1"/>
  <c r="X57050" i="1"/>
  <c r="X57051" i="1"/>
  <c r="X57052" i="1"/>
  <c r="X57053" i="1"/>
  <c r="X57054" i="1"/>
  <c r="X57055" i="1"/>
  <c r="X57056" i="1"/>
  <c r="X57057" i="1"/>
  <c r="X57058" i="1"/>
  <c r="X57059" i="1"/>
  <c r="X57060" i="1"/>
  <c r="X57061" i="1"/>
  <c r="X57062" i="1"/>
  <c r="X57063" i="1"/>
  <c r="X57064" i="1"/>
  <c r="X57065" i="1"/>
  <c r="X57066" i="1"/>
  <c r="X57067" i="1"/>
  <c r="X57068" i="1"/>
  <c r="X57069" i="1"/>
  <c r="X57070" i="1"/>
  <c r="X57071" i="1"/>
  <c r="X57072" i="1"/>
  <c r="X57073" i="1"/>
  <c r="X57074" i="1"/>
  <c r="X57075" i="1"/>
  <c r="X57076" i="1"/>
  <c r="X57077" i="1"/>
  <c r="X57078" i="1"/>
  <c r="X57079" i="1"/>
  <c r="X57080" i="1"/>
  <c r="X57081" i="1"/>
  <c r="X57082" i="1"/>
  <c r="X57083" i="1"/>
  <c r="X57084" i="1"/>
  <c r="X57085" i="1"/>
  <c r="X57086" i="1"/>
  <c r="X57087" i="1"/>
  <c r="X57088" i="1"/>
  <c r="X57089" i="1"/>
  <c r="X57090" i="1"/>
  <c r="X57091" i="1"/>
  <c r="X57092" i="1"/>
  <c r="X57093" i="1"/>
  <c r="X57094" i="1"/>
  <c r="X57095" i="1"/>
  <c r="X57096" i="1"/>
  <c r="X57097" i="1"/>
  <c r="X57098" i="1"/>
  <c r="X57099" i="1"/>
  <c r="X57100" i="1"/>
  <c r="X57101" i="1"/>
  <c r="X57102" i="1"/>
  <c r="X57103" i="1"/>
  <c r="X57104" i="1"/>
  <c r="X57105" i="1"/>
  <c r="X57106" i="1"/>
  <c r="X57107" i="1"/>
  <c r="X57108" i="1"/>
  <c r="X57109" i="1"/>
  <c r="X57110" i="1"/>
  <c r="X57111" i="1"/>
  <c r="X57112" i="1"/>
  <c r="X57113" i="1"/>
  <c r="X57114" i="1"/>
  <c r="X57115" i="1"/>
  <c r="X57116" i="1"/>
  <c r="X57117" i="1"/>
  <c r="X57118" i="1"/>
  <c r="X57119" i="1"/>
  <c r="X57120" i="1"/>
  <c r="X57121" i="1"/>
  <c r="X57122" i="1"/>
  <c r="X57123" i="1"/>
  <c r="X57124" i="1"/>
  <c r="X57125" i="1"/>
  <c r="X57126" i="1"/>
  <c r="X57127" i="1"/>
  <c r="X57128" i="1"/>
  <c r="X57129" i="1"/>
  <c r="X57130" i="1"/>
  <c r="X57131" i="1"/>
  <c r="X57132" i="1"/>
  <c r="X57133" i="1"/>
  <c r="X57134" i="1"/>
  <c r="X57135" i="1"/>
  <c r="X57136" i="1"/>
  <c r="X57137" i="1"/>
  <c r="X57138" i="1"/>
  <c r="X57139" i="1"/>
  <c r="X57140" i="1"/>
  <c r="X57141" i="1"/>
  <c r="X57142" i="1"/>
  <c r="X57143" i="1"/>
  <c r="X57144" i="1"/>
  <c r="X57145" i="1"/>
  <c r="X57146" i="1"/>
  <c r="X57147" i="1"/>
  <c r="X57148" i="1"/>
  <c r="X57149" i="1"/>
  <c r="X57150" i="1"/>
  <c r="X57151" i="1"/>
  <c r="X57152" i="1"/>
  <c r="X57153" i="1"/>
  <c r="X57154" i="1"/>
  <c r="X57155" i="1"/>
  <c r="X57156" i="1"/>
  <c r="X57157" i="1"/>
  <c r="X57158" i="1"/>
  <c r="X57159" i="1"/>
  <c r="X57160" i="1"/>
  <c r="X57161" i="1"/>
  <c r="X57162" i="1"/>
  <c r="X57163" i="1"/>
  <c r="X57164" i="1"/>
  <c r="X57165" i="1"/>
  <c r="X57166" i="1"/>
  <c r="X57167" i="1"/>
  <c r="X57168" i="1"/>
  <c r="X57169" i="1"/>
  <c r="X57170" i="1"/>
  <c r="X57171" i="1"/>
  <c r="X57172" i="1"/>
  <c r="X57173" i="1"/>
  <c r="X57174" i="1"/>
  <c r="X57175" i="1"/>
  <c r="X57176" i="1"/>
  <c r="X57177" i="1"/>
  <c r="X57178" i="1"/>
  <c r="X57179" i="1"/>
  <c r="X57180" i="1"/>
  <c r="X57181" i="1"/>
  <c r="X57182" i="1"/>
  <c r="X57183" i="1"/>
  <c r="X57184" i="1"/>
  <c r="X57185" i="1"/>
  <c r="X57186" i="1"/>
  <c r="X57187" i="1"/>
  <c r="X57188" i="1"/>
  <c r="X57189" i="1"/>
  <c r="X57190" i="1"/>
  <c r="X57191" i="1"/>
  <c r="X57192" i="1"/>
  <c r="X57193" i="1"/>
  <c r="X57194" i="1"/>
  <c r="X57195" i="1"/>
  <c r="X57196" i="1"/>
  <c r="X57197" i="1"/>
  <c r="X57198" i="1"/>
  <c r="X57199" i="1"/>
  <c r="X57200" i="1"/>
  <c r="X57201" i="1"/>
  <c r="X57202" i="1"/>
  <c r="X57203" i="1"/>
  <c r="X57204" i="1"/>
  <c r="X57205" i="1"/>
  <c r="X57206" i="1"/>
  <c r="X57207" i="1"/>
  <c r="X57208" i="1"/>
  <c r="X57209" i="1"/>
  <c r="X57210" i="1"/>
  <c r="X57211" i="1"/>
  <c r="X57212" i="1"/>
  <c r="X57213" i="1"/>
  <c r="X57214" i="1"/>
  <c r="X57215" i="1"/>
  <c r="X57216" i="1"/>
  <c r="X57217" i="1"/>
  <c r="X57218" i="1"/>
  <c r="X57219" i="1"/>
  <c r="X57220" i="1"/>
  <c r="X57221" i="1"/>
  <c r="X57222" i="1"/>
  <c r="X57223" i="1"/>
  <c r="X57224" i="1"/>
  <c r="X57225" i="1"/>
  <c r="X57226" i="1"/>
  <c r="X57227" i="1"/>
  <c r="X57228" i="1"/>
  <c r="X57229" i="1"/>
  <c r="X57230" i="1"/>
  <c r="X57231" i="1"/>
  <c r="X57232" i="1"/>
  <c r="X57233" i="1"/>
  <c r="X57234" i="1"/>
  <c r="X57235" i="1"/>
  <c r="X57236" i="1"/>
  <c r="X57237" i="1"/>
  <c r="X57238" i="1"/>
  <c r="X57239" i="1"/>
  <c r="X57240" i="1"/>
  <c r="X57241" i="1"/>
  <c r="X57242" i="1"/>
  <c r="X57243" i="1"/>
  <c r="X57244" i="1"/>
  <c r="X57245" i="1"/>
  <c r="X57246" i="1"/>
  <c r="X57247" i="1"/>
  <c r="X57248" i="1"/>
  <c r="X57249" i="1"/>
  <c r="X57250" i="1"/>
  <c r="X57251" i="1"/>
  <c r="X57252" i="1"/>
  <c r="X57253" i="1"/>
  <c r="X57254" i="1"/>
  <c r="X57255" i="1"/>
  <c r="X57256" i="1"/>
  <c r="X57257" i="1"/>
  <c r="X57258" i="1"/>
  <c r="X57259" i="1"/>
  <c r="X57260" i="1"/>
  <c r="X57261" i="1"/>
  <c r="X57262" i="1"/>
  <c r="X57263" i="1"/>
  <c r="X57264" i="1"/>
  <c r="X57265" i="1"/>
  <c r="X57266" i="1"/>
  <c r="X57267" i="1"/>
  <c r="X57268" i="1"/>
  <c r="X57269" i="1"/>
  <c r="X57270" i="1"/>
  <c r="X57271" i="1"/>
  <c r="X57272" i="1"/>
  <c r="X57273" i="1"/>
  <c r="X57274" i="1"/>
  <c r="X57275" i="1"/>
  <c r="X57276" i="1"/>
  <c r="X57277" i="1"/>
  <c r="X57278" i="1"/>
  <c r="X57279" i="1"/>
  <c r="X57280" i="1"/>
  <c r="X57281" i="1"/>
  <c r="X57282" i="1"/>
  <c r="X57283" i="1"/>
  <c r="X57284" i="1"/>
  <c r="X57285" i="1"/>
  <c r="X57286" i="1"/>
  <c r="X57287" i="1"/>
  <c r="X57288" i="1"/>
  <c r="X57289" i="1"/>
  <c r="X57290" i="1"/>
  <c r="X57291" i="1"/>
  <c r="X57292" i="1"/>
  <c r="X57293" i="1"/>
  <c r="X57294" i="1"/>
  <c r="X57295" i="1"/>
  <c r="X57296" i="1"/>
  <c r="X57297" i="1"/>
  <c r="X57298" i="1"/>
  <c r="X57299" i="1"/>
  <c r="X57300" i="1"/>
  <c r="X57301" i="1"/>
  <c r="X57302" i="1"/>
  <c r="X57303" i="1"/>
  <c r="X57304" i="1"/>
  <c r="X57305" i="1"/>
  <c r="X57306" i="1"/>
  <c r="X57307" i="1"/>
  <c r="X57308" i="1"/>
  <c r="X57309" i="1"/>
  <c r="X57310" i="1"/>
  <c r="X57311" i="1"/>
  <c r="X57312" i="1"/>
  <c r="X57313" i="1"/>
  <c r="X57314" i="1"/>
  <c r="X57315" i="1"/>
  <c r="X57316" i="1"/>
  <c r="X57317" i="1"/>
  <c r="X57318" i="1"/>
  <c r="X57319" i="1"/>
  <c r="X57320" i="1"/>
  <c r="X57321" i="1"/>
  <c r="X57322" i="1"/>
  <c r="X57323" i="1"/>
  <c r="X57324" i="1"/>
  <c r="X57325" i="1"/>
  <c r="X57326" i="1"/>
  <c r="X57327" i="1"/>
  <c r="X57328" i="1"/>
  <c r="X57329" i="1"/>
  <c r="X57330" i="1"/>
  <c r="X57331" i="1"/>
  <c r="X57332" i="1"/>
  <c r="X57333" i="1"/>
  <c r="X57334" i="1"/>
  <c r="X57335" i="1"/>
  <c r="X57336" i="1"/>
  <c r="X57337" i="1"/>
  <c r="X57338" i="1"/>
  <c r="X57339" i="1"/>
  <c r="X57340" i="1"/>
  <c r="X57341" i="1"/>
  <c r="X57342" i="1"/>
  <c r="X57343" i="1"/>
  <c r="X57344" i="1"/>
  <c r="X57345" i="1"/>
  <c r="X57346" i="1"/>
  <c r="X57347" i="1"/>
  <c r="X57348" i="1"/>
  <c r="X57349" i="1"/>
  <c r="X57350" i="1"/>
  <c r="X57351" i="1"/>
  <c r="X57352" i="1"/>
  <c r="X57353" i="1"/>
  <c r="X57354" i="1"/>
  <c r="X57355" i="1"/>
  <c r="X57356" i="1"/>
  <c r="X57357" i="1"/>
  <c r="X57358" i="1"/>
  <c r="X57359" i="1"/>
  <c r="X57360" i="1"/>
  <c r="X57361" i="1"/>
  <c r="X57362" i="1"/>
  <c r="X57363" i="1"/>
  <c r="X57364" i="1"/>
  <c r="X57365" i="1"/>
  <c r="X57366" i="1"/>
  <c r="X57367" i="1"/>
  <c r="X57368" i="1"/>
  <c r="X57369" i="1"/>
  <c r="X57370" i="1"/>
  <c r="X57371" i="1"/>
  <c r="X57372" i="1"/>
  <c r="X57373" i="1"/>
  <c r="X57374" i="1"/>
  <c r="X57375" i="1"/>
  <c r="X57376" i="1"/>
  <c r="X57377" i="1"/>
  <c r="X57378" i="1"/>
  <c r="X57379" i="1"/>
  <c r="X57380" i="1"/>
  <c r="X57381" i="1"/>
  <c r="X57382" i="1"/>
  <c r="X57383" i="1"/>
  <c r="X57384" i="1"/>
  <c r="X57385" i="1"/>
  <c r="X57386" i="1"/>
  <c r="X57387" i="1"/>
  <c r="X57388" i="1"/>
  <c r="X57389" i="1"/>
  <c r="X57390" i="1"/>
  <c r="X57391" i="1"/>
  <c r="X57392" i="1"/>
  <c r="X57393" i="1"/>
  <c r="X57394" i="1"/>
  <c r="X57395" i="1"/>
  <c r="X57396" i="1"/>
  <c r="X57397" i="1"/>
  <c r="X57398" i="1"/>
  <c r="X57399" i="1"/>
  <c r="X57400" i="1"/>
  <c r="X57401" i="1"/>
  <c r="X57402" i="1"/>
  <c r="X57403" i="1"/>
  <c r="X57404" i="1"/>
  <c r="X57405" i="1"/>
  <c r="X57406" i="1"/>
  <c r="X57407" i="1"/>
  <c r="X57408" i="1"/>
  <c r="X57409" i="1"/>
  <c r="X57410" i="1"/>
  <c r="X57411" i="1"/>
  <c r="X57412" i="1"/>
  <c r="X57413" i="1"/>
  <c r="X57414" i="1"/>
  <c r="X57415" i="1"/>
  <c r="X57416" i="1"/>
  <c r="X57417" i="1"/>
  <c r="X57418" i="1"/>
  <c r="X57419" i="1"/>
  <c r="X57420" i="1"/>
  <c r="X57421" i="1"/>
  <c r="X57422" i="1"/>
  <c r="X57423" i="1"/>
  <c r="X57424" i="1"/>
  <c r="X57425" i="1"/>
  <c r="X57426" i="1"/>
  <c r="X57427" i="1"/>
  <c r="X57428" i="1"/>
  <c r="X57429" i="1"/>
  <c r="X57430" i="1"/>
  <c r="X57431" i="1"/>
  <c r="X57432" i="1"/>
  <c r="X57433" i="1"/>
  <c r="X57434" i="1"/>
  <c r="X57435" i="1"/>
  <c r="X57436" i="1"/>
  <c r="X57437" i="1"/>
  <c r="X57438" i="1"/>
  <c r="X57439" i="1"/>
  <c r="X57440" i="1"/>
  <c r="X57441" i="1"/>
  <c r="X57442" i="1"/>
  <c r="X57443" i="1"/>
  <c r="X57444" i="1"/>
  <c r="X57445" i="1"/>
  <c r="X57446" i="1"/>
  <c r="X57447" i="1"/>
  <c r="X57448" i="1"/>
  <c r="X57449" i="1"/>
  <c r="X57450" i="1"/>
  <c r="X57451" i="1"/>
  <c r="X57452" i="1"/>
  <c r="X57453" i="1"/>
  <c r="X57454" i="1"/>
  <c r="X57455" i="1"/>
  <c r="X57456" i="1"/>
  <c r="X57457" i="1"/>
  <c r="X57458" i="1"/>
  <c r="X57459" i="1"/>
  <c r="X57460" i="1"/>
  <c r="X57461" i="1"/>
  <c r="X57462" i="1"/>
  <c r="X57463" i="1"/>
  <c r="X57464" i="1"/>
  <c r="X57465" i="1"/>
  <c r="X57466" i="1"/>
  <c r="X57467" i="1"/>
  <c r="X57468" i="1"/>
  <c r="X57469" i="1"/>
  <c r="X57470" i="1"/>
  <c r="X57471" i="1"/>
  <c r="X57472" i="1"/>
  <c r="X57473" i="1"/>
  <c r="X57474" i="1"/>
  <c r="X57475" i="1"/>
  <c r="X57476" i="1"/>
  <c r="X57477" i="1"/>
  <c r="X57478" i="1"/>
  <c r="X57479" i="1"/>
  <c r="X57480" i="1"/>
  <c r="X57481" i="1"/>
  <c r="X57482" i="1"/>
  <c r="X57483" i="1"/>
  <c r="X57484" i="1"/>
  <c r="X57485" i="1"/>
  <c r="X57486" i="1"/>
  <c r="X57487" i="1"/>
  <c r="X57488" i="1"/>
  <c r="X57489" i="1"/>
  <c r="X57490" i="1"/>
  <c r="X57491" i="1"/>
  <c r="X57492" i="1"/>
  <c r="X57493" i="1"/>
  <c r="X57494" i="1"/>
  <c r="X57495" i="1"/>
  <c r="X57496" i="1"/>
  <c r="X57497" i="1"/>
  <c r="X57498" i="1"/>
  <c r="X57499" i="1"/>
  <c r="X57500" i="1"/>
  <c r="X57501" i="1"/>
  <c r="X57502" i="1"/>
  <c r="X57503" i="1"/>
  <c r="X57504" i="1"/>
  <c r="X57505" i="1"/>
  <c r="X57506" i="1"/>
  <c r="X57507" i="1"/>
  <c r="X57508" i="1"/>
  <c r="X57509" i="1"/>
  <c r="X57510" i="1"/>
  <c r="X57511" i="1"/>
  <c r="X57512" i="1"/>
  <c r="X57513" i="1"/>
  <c r="X57514" i="1"/>
  <c r="X57515" i="1"/>
  <c r="X57516" i="1"/>
  <c r="X57517" i="1"/>
  <c r="X57518" i="1"/>
  <c r="X57519" i="1"/>
  <c r="X57520" i="1"/>
  <c r="X57521" i="1"/>
  <c r="X57522" i="1"/>
  <c r="X57523" i="1"/>
  <c r="X57524" i="1"/>
  <c r="X57525" i="1"/>
  <c r="X57526" i="1"/>
  <c r="X57527" i="1"/>
  <c r="X57528" i="1"/>
  <c r="X57529" i="1"/>
  <c r="X57530" i="1"/>
  <c r="X57531" i="1"/>
  <c r="X57532" i="1"/>
  <c r="X57533" i="1"/>
  <c r="X57534" i="1"/>
  <c r="X57535" i="1"/>
  <c r="X57536" i="1"/>
  <c r="X57537" i="1"/>
  <c r="X57538" i="1"/>
  <c r="X57539" i="1"/>
  <c r="X57540" i="1"/>
  <c r="X57541" i="1"/>
  <c r="X57542" i="1"/>
  <c r="X57543" i="1"/>
  <c r="X57544" i="1"/>
  <c r="X57545" i="1"/>
  <c r="X57546" i="1"/>
  <c r="X57547" i="1"/>
  <c r="X57548" i="1"/>
  <c r="X57549" i="1"/>
  <c r="X57550" i="1"/>
  <c r="X57551" i="1"/>
  <c r="X57552" i="1"/>
  <c r="X57553" i="1"/>
  <c r="X57554" i="1"/>
  <c r="X57555" i="1"/>
  <c r="X57556" i="1"/>
  <c r="X57557" i="1"/>
  <c r="X57558" i="1"/>
  <c r="X57559" i="1"/>
  <c r="X57560" i="1"/>
  <c r="X57561" i="1"/>
  <c r="X57562" i="1"/>
  <c r="X57563" i="1"/>
  <c r="X57564" i="1"/>
  <c r="X57565" i="1"/>
  <c r="X57566" i="1"/>
  <c r="X57567" i="1"/>
  <c r="X57568" i="1"/>
  <c r="X57569" i="1"/>
  <c r="X57570" i="1"/>
  <c r="X57571" i="1"/>
  <c r="X57572" i="1"/>
  <c r="X57573" i="1"/>
  <c r="X57574" i="1"/>
  <c r="X57575" i="1"/>
  <c r="X57576" i="1"/>
  <c r="X57577" i="1"/>
  <c r="X57578" i="1"/>
  <c r="X57579" i="1"/>
  <c r="X57580" i="1"/>
  <c r="X57581" i="1"/>
  <c r="X57582" i="1"/>
  <c r="X57583" i="1"/>
  <c r="X57584" i="1"/>
  <c r="X57585" i="1"/>
  <c r="X57586" i="1"/>
  <c r="X57587" i="1"/>
  <c r="X57588" i="1"/>
  <c r="X57589" i="1"/>
  <c r="X57590" i="1"/>
  <c r="X57591" i="1"/>
  <c r="X57592" i="1"/>
  <c r="X57593" i="1"/>
  <c r="X57594" i="1"/>
  <c r="X57595" i="1"/>
  <c r="X57596" i="1"/>
  <c r="X57597" i="1"/>
  <c r="X57598" i="1"/>
  <c r="X57599" i="1"/>
  <c r="X57600" i="1"/>
  <c r="X57601" i="1"/>
  <c r="X57602" i="1"/>
  <c r="X57603" i="1"/>
  <c r="X57604" i="1"/>
  <c r="X57605" i="1"/>
  <c r="X57606" i="1"/>
  <c r="X57607" i="1"/>
  <c r="X57608" i="1"/>
  <c r="X57609" i="1"/>
  <c r="X57610" i="1"/>
  <c r="X57611" i="1"/>
  <c r="X57612" i="1"/>
  <c r="X57613" i="1"/>
  <c r="X57614" i="1"/>
  <c r="X57615" i="1"/>
  <c r="X57616" i="1"/>
  <c r="X57617" i="1"/>
  <c r="X57618" i="1"/>
  <c r="X57619" i="1"/>
  <c r="X57620" i="1"/>
  <c r="X57621" i="1"/>
  <c r="X57622" i="1"/>
  <c r="X57623" i="1"/>
  <c r="X57624" i="1"/>
  <c r="X57625" i="1"/>
  <c r="X57626" i="1"/>
  <c r="X57627" i="1"/>
  <c r="X57628" i="1"/>
  <c r="X57629" i="1"/>
  <c r="X57630" i="1"/>
  <c r="X57631" i="1"/>
  <c r="X57632" i="1"/>
  <c r="X57633" i="1"/>
  <c r="X57634" i="1"/>
  <c r="X57635" i="1"/>
  <c r="X57636" i="1"/>
  <c r="X57637" i="1"/>
  <c r="X57638" i="1"/>
  <c r="X57639" i="1"/>
  <c r="X57640" i="1"/>
  <c r="X57641" i="1"/>
  <c r="X57642" i="1"/>
  <c r="X57643" i="1"/>
  <c r="X57644" i="1"/>
  <c r="X57645" i="1"/>
  <c r="X57646" i="1"/>
  <c r="X57647" i="1"/>
  <c r="X57648" i="1"/>
  <c r="X57649" i="1"/>
  <c r="X57650" i="1"/>
  <c r="X57651" i="1"/>
  <c r="X57652" i="1"/>
  <c r="X57653" i="1"/>
  <c r="X57654" i="1"/>
  <c r="X57655" i="1"/>
  <c r="X57656" i="1"/>
  <c r="X57657" i="1"/>
  <c r="X57658" i="1"/>
  <c r="X57659" i="1"/>
  <c r="X57660" i="1"/>
  <c r="X57661" i="1"/>
  <c r="X57662" i="1"/>
  <c r="X57663" i="1"/>
  <c r="X57664" i="1"/>
  <c r="X57665" i="1"/>
  <c r="X57666" i="1"/>
  <c r="X57667" i="1"/>
  <c r="X57668" i="1"/>
  <c r="X57669" i="1"/>
  <c r="X57670" i="1"/>
  <c r="X57671" i="1"/>
  <c r="X57672" i="1"/>
  <c r="X57673" i="1"/>
  <c r="X57674" i="1"/>
  <c r="X57675" i="1"/>
  <c r="X57676" i="1"/>
  <c r="X57677" i="1"/>
  <c r="X57678" i="1"/>
  <c r="X57679" i="1"/>
  <c r="X57680" i="1"/>
  <c r="X57681" i="1"/>
  <c r="X57682" i="1"/>
  <c r="X57683" i="1"/>
  <c r="X57684" i="1"/>
  <c r="X57685" i="1"/>
  <c r="X57686" i="1"/>
  <c r="X57687" i="1"/>
  <c r="X57688" i="1"/>
  <c r="X57689" i="1"/>
  <c r="X57690" i="1"/>
  <c r="X57691" i="1"/>
  <c r="X57692" i="1"/>
  <c r="X57693" i="1"/>
  <c r="X57694" i="1"/>
  <c r="X57695" i="1"/>
  <c r="X57696" i="1"/>
  <c r="X57697" i="1"/>
  <c r="X57698" i="1"/>
  <c r="X57699" i="1"/>
  <c r="X57700" i="1"/>
  <c r="X57701" i="1"/>
  <c r="X57702" i="1"/>
  <c r="X57703" i="1"/>
  <c r="X57704" i="1"/>
  <c r="X57705" i="1"/>
  <c r="X57706" i="1"/>
  <c r="X57707" i="1"/>
  <c r="X57708" i="1"/>
  <c r="X57709" i="1"/>
  <c r="X57710" i="1"/>
  <c r="X57711" i="1"/>
  <c r="X57712" i="1"/>
  <c r="X57713" i="1"/>
  <c r="X57714" i="1"/>
  <c r="X57715" i="1"/>
  <c r="X57716" i="1"/>
  <c r="X57717" i="1"/>
  <c r="X57718" i="1"/>
  <c r="X57719" i="1"/>
  <c r="X57720" i="1"/>
  <c r="X57721" i="1"/>
  <c r="X57722" i="1"/>
  <c r="X57723" i="1"/>
  <c r="X57724" i="1"/>
  <c r="X57725" i="1"/>
  <c r="X57726" i="1"/>
  <c r="X57727" i="1"/>
  <c r="X57728" i="1"/>
  <c r="X57729" i="1"/>
  <c r="X57730" i="1"/>
  <c r="X57731" i="1"/>
  <c r="X57732" i="1"/>
  <c r="X57733" i="1"/>
  <c r="X57734" i="1"/>
  <c r="X57735" i="1"/>
  <c r="X57736" i="1"/>
  <c r="X57737" i="1"/>
  <c r="X57738" i="1"/>
  <c r="X57739" i="1"/>
  <c r="X57740" i="1"/>
  <c r="X57741" i="1"/>
  <c r="X57742" i="1"/>
  <c r="X57743" i="1"/>
  <c r="X57744" i="1"/>
  <c r="X57745" i="1"/>
  <c r="X57746" i="1"/>
  <c r="X57747" i="1"/>
  <c r="X57748" i="1"/>
  <c r="X57749" i="1"/>
  <c r="X57750" i="1"/>
  <c r="X57751" i="1"/>
  <c r="X57752" i="1"/>
  <c r="X57753" i="1"/>
  <c r="X57754" i="1"/>
  <c r="X57755" i="1"/>
  <c r="X57756" i="1"/>
  <c r="X57757" i="1"/>
  <c r="X57758" i="1"/>
  <c r="X57759" i="1"/>
  <c r="X57760" i="1"/>
  <c r="X57761" i="1"/>
  <c r="X57762" i="1"/>
  <c r="X57763" i="1"/>
  <c r="X57764" i="1"/>
  <c r="X57765" i="1"/>
  <c r="X57766" i="1"/>
  <c r="X57767" i="1"/>
  <c r="X57768" i="1"/>
  <c r="X57769" i="1"/>
  <c r="X57770" i="1"/>
  <c r="X57771" i="1"/>
  <c r="X57772" i="1"/>
  <c r="X57773" i="1"/>
  <c r="X57774" i="1"/>
  <c r="X57775" i="1"/>
  <c r="X57776" i="1"/>
  <c r="X57777" i="1"/>
  <c r="X57778" i="1"/>
  <c r="X57779" i="1"/>
  <c r="X57780" i="1"/>
  <c r="X57781" i="1"/>
  <c r="X57782" i="1"/>
  <c r="X57783" i="1"/>
  <c r="X57784" i="1"/>
  <c r="X57785" i="1"/>
  <c r="X57786" i="1"/>
  <c r="X57787" i="1"/>
  <c r="X57788" i="1"/>
  <c r="X57789" i="1"/>
  <c r="X57790" i="1"/>
  <c r="X57791" i="1"/>
  <c r="X57792" i="1"/>
  <c r="X57793" i="1"/>
  <c r="X57794" i="1"/>
  <c r="X57795" i="1"/>
  <c r="X57796" i="1"/>
  <c r="X57797" i="1"/>
  <c r="X57798" i="1"/>
  <c r="X57799" i="1"/>
  <c r="X57800" i="1"/>
  <c r="X57801" i="1"/>
  <c r="X57802" i="1"/>
  <c r="X57803" i="1"/>
  <c r="X57804" i="1"/>
  <c r="X57805" i="1"/>
  <c r="X57806" i="1"/>
  <c r="X57807" i="1"/>
  <c r="X57808" i="1"/>
  <c r="X57809" i="1"/>
  <c r="X57810" i="1"/>
  <c r="X57811" i="1"/>
  <c r="X57812" i="1"/>
  <c r="X57813" i="1"/>
  <c r="X57814" i="1"/>
  <c r="X57815" i="1"/>
  <c r="X57816" i="1"/>
  <c r="X57817" i="1"/>
  <c r="X57818" i="1"/>
  <c r="X57819" i="1"/>
  <c r="X57820" i="1"/>
  <c r="X57821" i="1"/>
  <c r="X57822" i="1"/>
  <c r="X57823" i="1"/>
  <c r="X57824" i="1"/>
  <c r="X57825" i="1"/>
  <c r="X57826" i="1"/>
  <c r="X57827" i="1"/>
  <c r="X57828" i="1"/>
  <c r="X57829" i="1"/>
  <c r="X57830" i="1"/>
  <c r="X57831" i="1"/>
  <c r="X57832" i="1"/>
  <c r="X57833" i="1"/>
  <c r="X57834" i="1"/>
  <c r="X57835" i="1"/>
  <c r="X57836" i="1"/>
  <c r="X57837" i="1"/>
  <c r="X57838" i="1"/>
  <c r="X57839" i="1"/>
  <c r="X57840" i="1"/>
  <c r="X57841" i="1"/>
  <c r="X57842" i="1"/>
  <c r="X57843" i="1"/>
  <c r="X57844" i="1"/>
  <c r="X57845" i="1"/>
  <c r="X57846" i="1"/>
  <c r="X57847" i="1"/>
  <c r="X57848" i="1"/>
  <c r="X57849" i="1"/>
  <c r="X57850" i="1"/>
  <c r="X57851" i="1"/>
  <c r="X57852" i="1"/>
  <c r="X57853" i="1"/>
  <c r="X57854" i="1"/>
  <c r="X57855" i="1"/>
  <c r="X57856" i="1"/>
  <c r="X57857" i="1"/>
  <c r="X57858" i="1"/>
  <c r="X57859" i="1"/>
  <c r="X57860" i="1"/>
  <c r="X57861" i="1"/>
  <c r="X57862" i="1"/>
  <c r="X57863" i="1"/>
  <c r="X57864" i="1"/>
  <c r="X57865" i="1"/>
  <c r="X57866" i="1"/>
  <c r="X57867" i="1"/>
  <c r="X57868" i="1"/>
  <c r="X57869" i="1"/>
  <c r="X57870" i="1"/>
  <c r="X57871" i="1"/>
  <c r="X57872" i="1"/>
  <c r="X57873" i="1"/>
  <c r="X57874" i="1"/>
  <c r="X57875" i="1"/>
  <c r="X57876" i="1"/>
  <c r="X57877" i="1"/>
  <c r="X57878" i="1"/>
  <c r="X57879" i="1"/>
  <c r="X57880" i="1"/>
  <c r="X57881" i="1"/>
  <c r="X57882" i="1"/>
  <c r="X57883" i="1"/>
  <c r="X57884" i="1"/>
  <c r="X57885" i="1"/>
  <c r="X57886" i="1"/>
  <c r="X57887" i="1"/>
  <c r="X57888" i="1"/>
  <c r="X57889" i="1"/>
  <c r="X57890" i="1"/>
  <c r="X57891" i="1"/>
  <c r="X57892" i="1"/>
  <c r="X57893" i="1"/>
  <c r="X57894" i="1"/>
  <c r="X57895" i="1"/>
  <c r="X57896" i="1"/>
  <c r="X57897" i="1"/>
  <c r="X57898" i="1"/>
  <c r="X57899" i="1"/>
  <c r="X57900" i="1"/>
  <c r="X57901" i="1"/>
  <c r="X57902" i="1"/>
  <c r="X57903" i="1"/>
  <c r="X57904" i="1"/>
  <c r="X57905" i="1"/>
  <c r="X57906" i="1"/>
  <c r="X57907" i="1"/>
  <c r="X57908" i="1"/>
  <c r="X57909" i="1"/>
  <c r="X57910" i="1"/>
  <c r="X57911" i="1"/>
  <c r="X57912" i="1"/>
  <c r="X57913" i="1"/>
  <c r="X57914" i="1"/>
  <c r="X57915" i="1"/>
  <c r="X57916" i="1"/>
  <c r="X57917" i="1"/>
  <c r="X57918" i="1"/>
  <c r="X57919" i="1"/>
  <c r="X57920" i="1"/>
  <c r="X57921" i="1"/>
  <c r="X57922" i="1"/>
  <c r="X57923" i="1"/>
  <c r="X57924" i="1"/>
  <c r="X57925" i="1"/>
  <c r="X57926" i="1"/>
  <c r="X57927" i="1"/>
  <c r="X57928" i="1"/>
  <c r="X57929" i="1"/>
  <c r="X57930" i="1"/>
  <c r="X57931" i="1"/>
  <c r="X57932" i="1"/>
  <c r="X57933" i="1"/>
  <c r="X57934" i="1"/>
  <c r="X57935" i="1"/>
  <c r="X57936" i="1"/>
  <c r="X57937" i="1"/>
  <c r="X57938" i="1"/>
  <c r="X57939" i="1"/>
  <c r="X57940" i="1"/>
  <c r="X57941" i="1"/>
  <c r="X57942" i="1"/>
  <c r="X57943" i="1"/>
  <c r="X57944" i="1"/>
  <c r="X57945" i="1"/>
  <c r="X57946" i="1"/>
  <c r="X57947" i="1"/>
  <c r="X57948" i="1"/>
  <c r="X57949" i="1"/>
  <c r="X57950" i="1"/>
  <c r="X57951" i="1"/>
  <c r="X57952" i="1"/>
  <c r="X57953" i="1"/>
  <c r="X57954" i="1"/>
  <c r="X57955" i="1"/>
  <c r="X57956" i="1"/>
  <c r="X57957" i="1"/>
  <c r="X57958" i="1"/>
  <c r="X57959" i="1"/>
  <c r="X57960" i="1"/>
  <c r="X57961" i="1"/>
  <c r="X57962" i="1"/>
  <c r="X57963" i="1"/>
  <c r="X57964" i="1"/>
  <c r="X57965" i="1"/>
  <c r="X57966" i="1"/>
  <c r="X57967" i="1"/>
  <c r="X57968" i="1"/>
  <c r="X57969" i="1"/>
  <c r="X57970" i="1"/>
  <c r="X57971" i="1"/>
  <c r="X57972" i="1"/>
  <c r="X57973" i="1"/>
  <c r="X57974" i="1"/>
  <c r="X57975" i="1"/>
  <c r="X57976" i="1"/>
  <c r="X57977" i="1"/>
  <c r="X57978" i="1"/>
  <c r="X57979" i="1"/>
  <c r="X57980" i="1"/>
  <c r="X57981" i="1"/>
  <c r="X57982" i="1"/>
  <c r="X57983" i="1"/>
  <c r="X57984" i="1"/>
  <c r="X57985" i="1"/>
  <c r="X57986" i="1"/>
  <c r="X57987" i="1"/>
  <c r="X57988" i="1"/>
  <c r="X57989" i="1"/>
  <c r="X57990" i="1"/>
  <c r="X57991" i="1"/>
  <c r="X57992" i="1"/>
  <c r="X57993" i="1"/>
  <c r="X57994" i="1"/>
  <c r="X57995" i="1"/>
  <c r="X57996" i="1"/>
  <c r="X57997" i="1"/>
  <c r="X57998" i="1"/>
  <c r="X57999" i="1"/>
  <c r="X58000" i="1"/>
  <c r="X58001" i="1"/>
  <c r="X58002" i="1"/>
  <c r="X58003" i="1"/>
  <c r="X58004" i="1"/>
  <c r="X58005" i="1"/>
  <c r="X58006" i="1"/>
  <c r="X58007" i="1"/>
  <c r="X58008" i="1"/>
  <c r="X58009" i="1"/>
  <c r="X58010" i="1"/>
  <c r="X58011" i="1"/>
  <c r="X58012" i="1"/>
  <c r="X58013" i="1"/>
  <c r="X58014" i="1"/>
  <c r="X58015" i="1"/>
  <c r="X58016" i="1"/>
  <c r="X58017" i="1"/>
  <c r="X58018" i="1"/>
  <c r="X58019" i="1"/>
  <c r="X58020" i="1"/>
  <c r="X58021" i="1"/>
  <c r="X58022" i="1"/>
  <c r="X58023" i="1"/>
  <c r="X58024" i="1"/>
  <c r="X58025" i="1"/>
  <c r="X58026" i="1"/>
  <c r="X58027" i="1"/>
  <c r="X58028" i="1"/>
  <c r="X58029" i="1"/>
  <c r="X58030" i="1"/>
  <c r="X58031" i="1"/>
  <c r="X58032" i="1"/>
  <c r="X58033" i="1"/>
  <c r="X58034" i="1"/>
  <c r="X58035" i="1"/>
  <c r="X58036" i="1"/>
  <c r="X58037" i="1"/>
  <c r="X58038" i="1"/>
  <c r="X58039" i="1"/>
  <c r="X58040" i="1"/>
  <c r="X58041" i="1"/>
  <c r="X58042" i="1"/>
  <c r="X58043" i="1"/>
  <c r="X58044" i="1"/>
  <c r="X58045" i="1"/>
  <c r="X58046" i="1"/>
  <c r="X58047" i="1"/>
  <c r="X58048" i="1"/>
  <c r="X58049" i="1"/>
  <c r="X58050" i="1"/>
  <c r="X58051" i="1"/>
  <c r="X58052" i="1"/>
  <c r="X58053" i="1"/>
  <c r="X58054" i="1"/>
  <c r="X58055" i="1"/>
  <c r="X58056" i="1"/>
  <c r="X58057" i="1"/>
  <c r="X58058" i="1"/>
  <c r="X58059" i="1"/>
  <c r="X58060" i="1"/>
  <c r="X58061" i="1"/>
  <c r="X58062" i="1"/>
  <c r="X58063" i="1"/>
  <c r="X58064" i="1"/>
  <c r="X58065" i="1"/>
  <c r="X58066" i="1"/>
  <c r="X58067" i="1"/>
  <c r="X58068" i="1"/>
  <c r="X58069" i="1"/>
  <c r="X58070" i="1"/>
  <c r="X58071" i="1"/>
  <c r="X58072" i="1"/>
  <c r="X58073" i="1"/>
  <c r="X58074" i="1"/>
  <c r="X58075" i="1"/>
  <c r="X58076" i="1"/>
  <c r="X58077" i="1"/>
  <c r="X58078" i="1"/>
  <c r="X58079" i="1"/>
  <c r="X58080" i="1"/>
  <c r="X58081" i="1"/>
  <c r="X58082" i="1"/>
  <c r="X58083" i="1"/>
  <c r="X58084" i="1"/>
  <c r="X58085" i="1"/>
  <c r="X58086" i="1"/>
  <c r="X58087" i="1"/>
  <c r="X58088" i="1"/>
  <c r="X58089" i="1"/>
  <c r="X58090" i="1"/>
  <c r="X58091" i="1"/>
  <c r="X58092" i="1"/>
  <c r="X58093" i="1"/>
  <c r="X58094" i="1"/>
  <c r="X58095" i="1"/>
  <c r="X58096" i="1"/>
  <c r="X58097" i="1"/>
  <c r="X58098" i="1"/>
  <c r="X58099" i="1"/>
  <c r="X58100" i="1"/>
  <c r="X58101" i="1"/>
  <c r="X58102" i="1"/>
  <c r="X58103" i="1"/>
  <c r="X58104" i="1"/>
  <c r="X58105" i="1"/>
  <c r="X58106" i="1"/>
  <c r="X58107" i="1"/>
  <c r="X58108" i="1"/>
  <c r="X58109" i="1"/>
  <c r="X58110" i="1"/>
  <c r="X58111" i="1"/>
  <c r="X58112" i="1"/>
  <c r="X58113" i="1"/>
  <c r="X58114" i="1"/>
  <c r="X58115" i="1"/>
  <c r="X58116" i="1"/>
  <c r="X58117" i="1"/>
  <c r="X58118" i="1"/>
  <c r="X58119" i="1"/>
  <c r="X58120" i="1"/>
  <c r="X58121" i="1"/>
  <c r="X58122" i="1"/>
  <c r="X58123" i="1"/>
  <c r="X58124" i="1"/>
  <c r="X58125" i="1"/>
  <c r="X58126" i="1"/>
  <c r="X58127" i="1"/>
  <c r="X58128" i="1"/>
  <c r="X58129" i="1"/>
  <c r="X58130" i="1"/>
  <c r="X58131" i="1"/>
  <c r="X58132" i="1"/>
  <c r="X58133" i="1"/>
  <c r="X58134" i="1"/>
  <c r="X58135" i="1"/>
  <c r="X58136" i="1"/>
  <c r="X58137" i="1"/>
  <c r="X58138" i="1"/>
  <c r="X58139" i="1"/>
  <c r="X58140" i="1"/>
  <c r="X58141" i="1"/>
  <c r="X58142" i="1"/>
  <c r="X58143" i="1"/>
  <c r="X58144" i="1"/>
  <c r="X58145" i="1"/>
  <c r="X58146" i="1"/>
  <c r="X58147" i="1"/>
  <c r="X58148" i="1"/>
  <c r="X58149" i="1"/>
  <c r="X58150" i="1"/>
  <c r="X58151" i="1"/>
  <c r="X58152" i="1"/>
  <c r="X58153" i="1"/>
  <c r="X58154" i="1"/>
  <c r="X58155" i="1"/>
  <c r="X58156" i="1"/>
  <c r="X58157" i="1"/>
  <c r="X58158" i="1"/>
  <c r="X58159" i="1"/>
  <c r="X58160" i="1"/>
  <c r="X58161" i="1"/>
  <c r="X58162" i="1"/>
  <c r="X58163" i="1"/>
  <c r="X58164" i="1"/>
  <c r="X58165" i="1"/>
  <c r="X58166" i="1"/>
  <c r="X58167" i="1"/>
  <c r="X58168" i="1"/>
  <c r="X58169" i="1"/>
  <c r="X58170" i="1"/>
  <c r="X58171" i="1"/>
  <c r="X58172" i="1"/>
  <c r="X58173" i="1"/>
  <c r="X58174" i="1"/>
  <c r="X58175" i="1"/>
  <c r="X58176" i="1"/>
  <c r="X58177" i="1"/>
  <c r="X58178" i="1"/>
  <c r="X58179" i="1"/>
  <c r="X58180" i="1"/>
  <c r="X58181" i="1"/>
  <c r="X58182" i="1"/>
  <c r="X58183" i="1"/>
  <c r="X58184" i="1"/>
  <c r="X58185" i="1"/>
  <c r="X58186" i="1"/>
  <c r="X58187" i="1"/>
  <c r="X58188" i="1"/>
  <c r="X58189" i="1"/>
  <c r="X58190" i="1"/>
  <c r="X58191" i="1"/>
  <c r="X58192" i="1"/>
  <c r="X58193" i="1"/>
  <c r="X58194" i="1"/>
  <c r="X58195" i="1"/>
  <c r="X58196" i="1"/>
  <c r="X58197" i="1"/>
  <c r="X58198" i="1"/>
  <c r="X58199" i="1"/>
  <c r="X58200" i="1"/>
  <c r="X58201" i="1"/>
  <c r="X58202" i="1"/>
  <c r="X58203" i="1"/>
  <c r="X58204" i="1"/>
  <c r="X58205" i="1"/>
  <c r="X58206" i="1"/>
  <c r="X58207" i="1"/>
  <c r="X58208" i="1"/>
  <c r="X58209" i="1"/>
  <c r="X58210" i="1"/>
  <c r="X58211" i="1"/>
  <c r="X58212" i="1"/>
  <c r="X58213" i="1"/>
  <c r="X58214" i="1"/>
  <c r="X58215" i="1"/>
  <c r="X58216" i="1"/>
  <c r="X58217" i="1"/>
  <c r="X58218" i="1"/>
  <c r="X58219" i="1"/>
  <c r="X58220" i="1"/>
  <c r="X58221" i="1"/>
  <c r="X58222" i="1"/>
  <c r="X58223" i="1"/>
  <c r="X58224" i="1"/>
  <c r="X58225" i="1"/>
  <c r="X58226" i="1"/>
  <c r="X58227" i="1"/>
  <c r="X58228" i="1"/>
  <c r="X58229" i="1"/>
  <c r="X58230" i="1"/>
  <c r="X58231" i="1"/>
  <c r="X58232" i="1"/>
  <c r="X58233" i="1"/>
  <c r="X58234" i="1"/>
  <c r="X58235" i="1"/>
  <c r="X58236" i="1"/>
  <c r="X58237" i="1"/>
  <c r="X58238" i="1"/>
  <c r="X58239" i="1"/>
  <c r="X58240" i="1"/>
  <c r="X58241" i="1"/>
  <c r="X58242" i="1"/>
  <c r="X58243" i="1"/>
  <c r="X58244" i="1"/>
  <c r="X58245" i="1"/>
  <c r="X58246" i="1"/>
  <c r="X58247" i="1"/>
  <c r="X58248" i="1"/>
  <c r="X58249" i="1"/>
  <c r="X58250" i="1"/>
  <c r="X58251" i="1"/>
  <c r="X58252" i="1"/>
  <c r="X58253" i="1"/>
  <c r="X58254" i="1"/>
  <c r="X58255" i="1"/>
  <c r="X58256" i="1"/>
  <c r="X58257" i="1"/>
  <c r="X58258" i="1"/>
  <c r="X58259" i="1"/>
  <c r="X58260" i="1"/>
  <c r="X58261" i="1"/>
  <c r="X58262" i="1"/>
  <c r="X58263" i="1"/>
  <c r="X58264" i="1"/>
  <c r="X58265" i="1"/>
  <c r="X58266" i="1"/>
  <c r="X58267" i="1"/>
  <c r="X58268" i="1"/>
  <c r="X58269" i="1"/>
  <c r="X58270" i="1"/>
  <c r="X58271" i="1"/>
  <c r="X58272" i="1"/>
  <c r="X58273" i="1"/>
  <c r="X58274" i="1"/>
  <c r="X58275" i="1"/>
  <c r="X58276" i="1"/>
  <c r="X58277" i="1"/>
  <c r="X58278" i="1"/>
  <c r="X58279" i="1"/>
  <c r="X58280" i="1"/>
  <c r="X58281" i="1"/>
  <c r="X58282" i="1"/>
  <c r="X58283" i="1"/>
  <c r="X58284" i="1"/>
  <c r="X58285" i="1"/>
  <c r="X58286" i="1"/>
  <c r="X58287" i="1"/>
  <c r="X58288" i="1"/>
  <c r="X58289" i="1"/>
  <c r="X58290" i="1"/>
  <c r="X58291" i="1"/>
  <c r="X58292" i="1"/>
  <c r="X58293" i="1"/>
  <c r="X58294" i="1"/>
  <c r="X58295" i="1"/>
  <c r="X58296" i="1"/>
  <c r="X58297" i="1"/>
  <c r="X58298" i="1"/>
  <c r="X58299" i="1"/>
  <c r="X58300" i="1"/>
  <c r="X58301" i="1"/>
  <c r="X58302" i="1"/>
  <c r="X58303" i="1"/>
  <c r="X58304" i="1"/>
  <c r="X58305" i="1"/>
  <c r="X58306" i="1"/>
  <c r="X58307" i="1"/>
  <c r="X58308" i="1"/>
  <c r="X58309" i="1"/>
  <c r="X58310" i="1"/>
  <c r="X58311" i="1"/>
  <c r="X58312" i="1"/>
  <c r="X58313" i="1"/>
  <c r="X58314" i="1"/>
  <c r="X58315" i="1"/>
  <c r="X58316" i="1"/>
  <c r="X58317" i="1"/>
  <c r="X58318" i="1"/>
  <c r="X58319" i="1"/>
  <c r="X58320" i="1"/>
  <c r="X58321" i="1"/>
  <c r="X58322" i="1"/>
  <c r="X58323" i="1"/>
  <c r="X58324" i="1"/>
  <c r="X58325" i="1"/>
  <c r="X58326" i="1"/>
  <c r="X58327" i="1"/>
  <c r="X58328" i="1"/>
  <c r="X58329" i="1"/>
  <c r="X58330" i="1"/>
  <c r="X58331" i="1"/>
  <c r="X58332" i="1"/>
  <c r="X58333" i="1"/>
  <c r="X58334" i="1"/>
  <c r="X58335" i="1"/>
  <c r="X58336" i="1"/>
  <c r="X58337" i="1"/>
  <c r="X58338" i="1"/>
  <c r="X58339" i="1"/>
  <c r="X58340" i="1"/>
  <c r="X58341" i="1"/>
  <c r="X58342" i="1"/>
  <c r="X58343" i="1"/>
  <c r="X58344" i="1"/>
  <c r="X58345" i="1"/>
  <c r="X58346" i="1"/>
  <c r="X58347" i="1"/>
  <c r="X58348" i="1"/>
  <c r="X58349" i="1"/>
  <c r="X58350" i="1"/>
  <c r="X58351" i="1"/>
  <c r="X58352" i="1"/>
  <c r="X58353" i="1"/>
  <c r="X58354" i="1"/>
  <c r="X58355" i="1"/>
  <c r="X58356" i="1"/>
  <c r="X58357" i="1"/>
  <c r="X58358" i="1"/>
  <c r="X58359" i="1"/>
  <c r="X58360" i="1"/>
  <c r="X58361" i="1"/>
  <c r="X58362" i="1"/>
  <c r="X58363" i="1"/>
  <c r="X58364" i="1"/>
  <c r="X58365" i="1"/>
  <c r="X58366" i="1"/>
  <c r="X58367" i="1"/>
  <c r="X58368" i="1"/>
  <c r="X58369" i="1"/>
  <c r="X58370" i="1"/>
  <c r="X58371" i="1"/>
  <c r="X58372" i="1"/>
  <c r="X58373" i="1"/>
  <c r="X58374" i="1"/>
  <c r="X58375" i="1"/>
  <c r="X58376" i="1"/>
  <c r="X58377" i="1"/>
  <c r="X58378" i="1"/>
  <c r="X58379" i="1"/>
  <c r="X58380" i="1"/>
  <c r="X58381" i="1"/>
  <c r="X58382" i="1"/>
  <c r="X58383" i="1"/>
  <c r="X58384" i="1"/>
  <c r="X58385" i="1"/>
  <c r="X58386" i="1"/>
  <c r="X58387" i="1"/>
  <c r="X58388" i="1"/>
  <c r="X58389" i="1"/>
  <c r="X58390" i="1"/>
  <c r="X58391" i="1"/>
  <c r="X58392" i="1"/>
  <c r="X58393" i="1"/>
  <c r="X58394" i="1"/>
  <c r="X58395" i="1"/>
  <c r="X58396" i="1"/>
  <c r="X58397" i="1"/>
  <c r="X58398" i="1"/>
  <c r="X58399" i="1"/>
  <c r="X58400" i="1"/>
  <c r="X58401" i="1"/>
  <c r="X58402" i="1"/>
  <c r="X58403" i="1"/>
  <c r="X58404" i="1"/>
  <c r="X58405" i="1"/>
  <c r="X58406" i="1"/>
  <c r="X58407" i="1"/>
  <c r="X58408" i="1"/>
  <c r="X58409" i="1"/>
  <c r="X58410" i="1"/>
  <c r="X58411" i="1"/>
  <c r="X58412" i="1"/>
  <c r="X58413" i="1"/>
  <c r="X58414" i="1"/>
  <c r="X58415" i="1"/>
  <c r="X58416" i="1"/>
  <c r="X58417" i="1"/>
  <c r="X58418" i="1"/>
  <c r="X58419" i="1"/>
  <c r="X58420" i="1"/>
  <c r="X58421" i="1"/>
  <c r="X58422" i="1"/>
  <c r="X58423" i="1"/>
  <c r="X58424" i="1"/>
  <c r="X58425" i="1"/>
  <c r="X58426" i="1"/>
  <c r="X58427" i="1"/>
  <c r="X58428" i="1"/>
  <c r="X58429" i="1"/>
  <c r="X58430" i="1"/>
  <c r="X58431" i="1"/>
  <c r="X58432" i="1"/>
  <c r="X58433" i="1"/>
  <c r="X58434" i="1"/>
  <c r="X58435" i="1"/>
  <c r="X58436" i="1"/>
  <c r="X58437" i="1"/>
  <c r="X58438" i="1"/>
  <c r="X58439" i="1"/>
  <c r="X58440" i="1"/>
  <c r="X58441" i="1"/>
  <c r="X58442" i="1"/>
  <c r="X58443" i="1"/>
  <c r="X58444" i="1"/>
  <c r="X58445" i="1"/>
  <c r="X58446" i="1"/>
  <c r="X58447" i="1"/>
  <c r="X58448" i="1"/>
  <c r="X58449" i="1"/>
  <c r="X58450" i="1"/>
  <c r="X58451" i="1"/>
  <c r="X58452" i="1"/>
  <c r="X58453" i="1"/>
  <c r="X58454" i="1"/>
  <c r="X58455" i="1"/>
  <c r="X58456" i="1"/>
  <c r="X58457" i="1"/>
  <c r="X58458" i="1"/>
  <c r="X58459" i="1"/>
  <c r="X58460" i="1"/>
  <c r="X58461" i="1"/>
  <c r="X58462" i="1"/>
  <c r="X58463" i="1"/>
  <c r="X58464" i="1"/>
  <c r="X58465" i="1"/>
  <c r="X58466" i="1"/>
  <c r="X58467" i="1"/>
  <c r="X58468" i="1"/>
  <c r="X58469" i="1"/>
  <c r="X58470" i="1"/>
  <c r="X58471" i="1"/>
  <c r="X58472" i="1"/>
  <c r="X58473" i="1"/>
  <c r="X58474" i="1"/>
  <c r="X58475" i="1"/>
  <c r="X58476" i="1"/>
  <c r="X58477" i="1"/>
  <c r="X58478" i="1"/>
  <c r="X58479" i="1"/>
  <c r="X58480" i="1"/>
  <c r="X58481" i="1"/>
  <c r="X58482" i="1"/>
  <c r="X58483" i="1"/>
  <c r="X58484" i="1"/>
  <c r="X58485" i="1"/>
  <c r="X58486" i="1"/>
  <c r="X58487" i="1"/>
  <c r="X58488" i="1"/>
  <c r="X58489" i="1"/>
  <c r="X58490" i="1"/>
  <c r="X58491" i="1"/>
  <c r="X58492" i="1"/>
  <c r="X58493" i="1"/>
  <c r="X58494" i="1"/>
  <c r="X58495" i="1"/>
  <c r="X58496" i="1"/>
  <c r="X58497" i="1"/>
  <c r="X58498" i="1"/>
  <c r="X58499" i="1"/>
  <c r="X58500" i="1"/>
  <c r="X58501" i="1"/>
  <c r="X58502" i="1"/>
  <c r="X58503" i="1"/>
  <c r="X58504" i="1"/>
  <c r="X58505" i="1"/>
  <c r="X58506" i="1"/>
  <c r="X58507" i="1"/>
  <c r="X58508" i="1"/>
  <c r="X58509" i="1"/>
  <c r="X58510" i="1"/>
  <c r="X58511" i="1"/>
  <c r="X58512" i="1"/>
  <c r="X58513" i="1"/>
  <c r="X58514" i="1"/>
  <c r="X58515" i="1"/>
  <c r="X58516" i="1"/>
  <c r="X58517" i="1"/>
  <c r="X58518" i="1"/>
  <c r="X58519" i="1"/>
  <c r="X58520" i="1"/>
  <c r="X58521" i="1"/>
  <c r="X58522" i="1"/>
  <c r="X58523" i="1"/>
  <c r="X58524" i="1"/>
  <c r="X58525" i="1"/>
  <c r="X58526" i="1"/>
  <c r="X58527" i="1"/>
  <c r="X58528" i="1"/>
  <c r="X58529" i="1"/>
  <c r="X58530" i="1"/>
  <c r="X58531" i="1"/>
  <c r="X58532" i="1"/>
  <c r="X58533" i="1"/>
  <c r="X58534" i="1"/>
  <c r="X58535" i="1"/>
  <c r="X58536" i="1"/>
  <c r="X58537" i="1"/>
  <c r="X58538" i="1"/>
  <c r="X58539" i="1"/>
  <c r="X58540" i="1"/>
  <c r="X58541" i="1"/>
  <c r="X58542" i="1"/>
  <c r="X58543" i="1"/>
  <c r="X58544" i="1"/>
  <c r="X58545" i="1"/>
  <c r="X58546" i="1"/>
  <c r="X58547" i="1"/>
  <c r="X58548" i="1"/>
  <c r="X58549" i="1"/>
  <c r="X58550" i="1"/>
  <c r="X58551" i="1"/>
  <c r="X58552" i="1"/>
  <c r="X58553" i="1"/>
  <c r="X58554" i="1"/>
  <c r="X58555" i="1"/>
  <c r="X58556" i="1"/>
  <c r="X58557" i="1"/>
  <c r="X58558" i="1"/>
  <c r="X58559" i="1"/>
  <c r="X58560" i="1"/>
  <c r="X58561" i="1"/>
  <c r="X58562" i="1"/>
  <c r="X58563" i="1"/>
  <c r="X58564" i="1"/>
  <c r="X58565" i="1"/>
  <c r="X58566" i="1"/>
  <c r="X58567" i="1"/>
  <c r="X58568" i="1"/>
  <c r="X58569" i="1"/>
  <c r="X58570" i="1"/>
  <c r="X58571" i="1"/>
  <c r="X58572" i="1"/>
  <c r="X58573" i="1"/>
  <c r="X58574" i="1"/>
  <c r="X58575" i="1"/>
  <c r="X58576" i="1"/>
  <c r="X58577" i="1"/>
  <c r="X58578" i="1"/>
  <c r="X58579" i="1"/>
  <c r="X58580" i="1"/>
  <c r="X58581" i="1"/>
  <c r="X58582" i="1"/>
  <c r="X58583" i="1"/>
  <c r="X58584" i="1"/>
  <c r="X58585" i="1"/>
  <c r="X58586" i="1"/>
  <c r="X58587" i="1"/>
  <c r="X58588" i="1"/>
  <c r="X58589" i="1"/>
  <c r="X58590" i="1"/>
  <c r="X58591" i="1"/>
  <c r="X58592" i="1"/>
  <c r="X58593" i="1"/>
  <c r="X58594" i="1"/>
  <c r="X58595" i="1"/>
  <c r="X58596" i="1"/>
  <c r="X58597" i="1"/>
  <c r="X58598" i="1"/>
  <c r="X58599" i="1"/>
  <c r="X58600" i="1"/>
  <c r="X58601" i="1"/>
  <c r="X58602" i="1"/>
  <c r="X58603" i="1"/>
  <c r="X58604" i="1"/>
  <c r="X58605" i="1"/>
  <c r="X58606" i="1"/>
  <c r="X58607" i="1"/>
  <c r="X58608" i="1"/>
  <c r="X58609" i="1"/>
  <c r="X58610" i="1"/>
  <c r="X58611" i="1"/>
  <c r="X58612" i="1"/>
  <c r="X58613" i="1"/>
  <c r="X58614" i="1"/>
  <c r="X58615" i="1"/>
  <c r="X58616" i="1"/>
  <c r="X58617" i="1"/>
  <c r="X58618" i="1"/>
  <c r="X58619" i="1"/>
  <c r="X58620" i="1"/>
  <c r="X58621" i="1"/>
  <c r="X58622" i="1"/>
  <c r="X58623" i="1"/>
  <c r="X58624" i="1"/>
  <c r="X58625" i="1"/>
  <c r="X58626" i="1"/>
  <c r="X58627" i="1"/>
  <c r="X58628" i="1"/>
  <c r="X58629" i="1"/>
  <c r="X58630" i="1"/>
  <c r="X58631" i="1"/>
  <c r="X58632" i="1"/>
  <c r="X58633" i="1"/>
  <c r="X58634" i="1"/>
  <c r="X58635" i="1"/>
  <c r="X58636" i="1"/>
  <c r="X58637" i="1"/>
  <c r="X58638" i="1"/>
  <c r="X58639" i="1"/>
  <c r="X58640" i="1"/>
  <c r="X58641" i="1"/>
  <c r="X58642" i="1"/>
  <c r="X58643" i="1"/>
  <c r="X58644" i="1"/>
  <c r="X58645" i="1"/>
  <c r="X58646" i="1"/>
  <c r="X58647" i="1"/>
  <c r="X58648" i="1"/>
  <c r="X58649" i="1"/>
  <c r="X58650" i="1"/>
  <c r="X58651" i="1"/>
  <c r="X58652" i="1"/>
  <c r="X58653" i="1"/>
  <c r="X58654" i="1"/>
  <c r="X58655" i="1"/>
  <c r="X58656" i="1"/>
  <c r="X58657" i="1"/>
  <c r="X58658" i="1"/>
  <c r="X58659" i="1"/>
  <c r="X58660" i="1"/>
  <c r="X58661" i="1"/>
  <c r="X58662" i="1"/>
  <c r="X58663" i="1"/>
  <c r="X58664" i="1"/>
  <c r="X58665" i="1"/>
  <c r="X58666" i="1"/>
  <c r="X58667" i="1"/>
  <c r="X58668" i="1"/>
  <c r="X58669" i="1"/>
  <c r="X58670" i="1"/>
  <c r="X58671" i="1"/>
  <c r="X58672" i="1"/>
  <c r="X58673" i="1"/>
  <c r="X58674" i="1"/>
  <c r="X58675" i="1"/>
  <c r="X58676" i="1"/>
  <c r="X58677" i="1"/>
  <c r="X58678" i="1"/>
  <c r="X58679" i="1"/>
  <c r="X58680" i="1"/>
  <c r="X58681" i="1"/>
  <c r="X58682" i="1"/>
  <c r="X58683" i="1"/>
  <c r="X58684" i="1"/>
  <c r="X58685" i="1"/>
  <c r="X58686" i="1"/>
  <c r="X58687" i="1"/>
  <c r="X58688" i="1"/>
  <c r="X58689" i="1"/>
  <c r="X58690" i="1"/>
  <c r="X58691" i="1"/>
  <c r="X58692" i="1"/>
  <c r="X58693" i="1"/>
  <c r="X58694" i="1"/>
  <c r="X58695" i="1"/>
  <c r="X58696" i="1"/>
  <c r="X58697" i="1"/>
  <c r="X58698" i="1"/>
  <c r="X58699" i="1"/>
  <c r="X58700" i="1"/>
  <c r="X58701" i="1"/>
  <c r="X58702" i="1"/>
  <c r="X58703" i="1"/>
  <c r="X58704" i="1"/>
  <c r="X58705" i="1"/>
  <c r="X58706" i="1"/>
  <c r="X58707" i="1"/>
  <c r="X58708" i="1"/>
  <c r="X58709" i="1"/>
  <c r="X58710" i="1"/>
  <c r="X58711" i="1"/>
  <c r="X58712" i="1"/>
  <c r="X58713" i="1"/>
  <c r="X58714" i="1"/>
  <c r="X58715" i="1"/>
  <c r="X58716" i="1"/>
  <c r="X58717" i="1"/>
  <c r="X58718" i="1"/>
  <c r="X58719" i="1"/>
  <c r="X58720" i="1"/>
  <c r="X58721" i="1"/>
  <c r="X58722" i="1"/>
  <c r="X58723" i="1"/>
  <c r="X58724" i="1"/>
  <c r="X58725" i="1"/>
  <c r="X58726" i="1"/>
  <c r="X58727" i="1"/>
  <c r="X58728" i="1"/>
  <c r="X58729" i="1"/>
  <c r="X58730" i="1"/>
  <c r="X58731" i="1"/>
  <c r="X58732" i="1"/>
  <c r="X58733" i="1"/>
  <c r="X58734" i="1"/>
  <c r="X58735" i="1"/>
  <c r="X58736" i="1"/>
  <c r="X58737" i="1"/>
  <c r="X58738" i="1"/>
  <c r="X58739" i="1"/>
  <c r="X58740" i="1"/>
  <c r="X58741" i="1"/>
  <c r="X58742" i="1"/>
  <c r="X58743" i="1"/>
  <c r="X58744" i="1"/>
  <c r="X58745" i="1"/>
  <c r="X58746" i="1"/>
  <c r="X58747" i="1"/>
  <c r="X58748" i="1"/>
  <c r="X58749" i="1"/>
  <c r="X58750" i="1"/>
  <c r="X58751" i="1"/>
  <c r="X58752" i="1"/>
  <c r="X58753" i="1"/>
  <c r="X58754" i="1"/>
  <c r="X58755" i="1"/>
  <c r="X58756" i="1"/>
  <c r="X58757" i="1"/>
  <c r="X58758" i="1"/>
  <c r="X58759" i="1"/>
  <c r="X58760" i="1"/>
  <c r="X58761" i="1"/>
  <c r="X58762" i="1"/>
  <c r="X58763" i="1"/>
  <c r="X58764" i="1"/>
  <c r="X58765" i="1"/>
  <c r="X58766" i="1"/>
  <c r="X58767" i="1"/>
  <c r="X58768" i="1"/>
  <c r="X58769" i="1"/>
  <c r="X58770" i="1"/>
  <c r="X58771" i="1"/>
  <c r="X58772" i="1"/>
  <c r="X58773" i="1"/>
  <c r="X58774" i="1"/>
  <c r="X58775" i="1"/>
  <c r="X58776" i="1"/>
  <c r="X58777" i="1"/>
  <c r="X58778" i="1"/>
  <c r="X58779" i="1"/>
  <c r="X58780" i="1"/>
  <c r="X58781" i="1"/>
  <c r="X58782" i="1"/>
  <c r="X58783" i="1"/>
  <c r="X58784" i="1"/>
  <c r="X58785" i="1"/>
  <c r="X58786" i="1"/>
  <c r="X58787" i="1"/>
  <c r="X58788" i="1"/>
  <c r="X58789" i="1"/>
  <c r="X58790" i="1"/>
  <c r="X58791" i="1"/>
  <c r="X58792" i="1"/>
  <c r="X58793" i="1"/>
  <c r="X58794" i="1"/>
  <c r="X58795" i="1"/>
  <c r="X58796" i="1"/>
  <c r="X58797" i="1"/>
  <c r="X58798" i="1"/>
  <c r="X58799" i="1"/>
  <c r="X58800" i="1"/>
  <c r="X58801" i="1"/>
  <c r="X58802" i="1"/>
  <c r="X58803" i="1"/>
  <c r="X58804" i="1"/>
  <c r="X58805" i="1"/>
  <c r="X58806" i="1"/>
  <c r="X58807" i="1"/>
  <c r="X58808" i="1"/>
  <c r="X58809" i="1"/>
  <c r="X58810" i="1"/>
  <c r="X58811" i="1"/>
  <c r="X58812" i="1"/>
  <c r="X58813" i="1"/>
  <c r="X58814" i="1"/>
  <c r="X58815" i="1"/>
  <c r="X58816" i="1"/>
  <c r="X58817" i="1"/>
  <c r="X58818" i="1"/>
  <c r="X58819" i="1"/>
  <c r="X58820" i="1"/>
  <c r="X58821" i="1"/>
  <c r="X58822" i="1"/>
  <c r="X58823" i="1"/>
  <c r="X58824" i="1"/>
  <c r="X58825" i="1"/>
  <c r="X58826" i="1"/>
  <c r="X58827" i="1"/>
  <c r="X58828" i="1"/>
  <c r="X58829" i="1"/>
  <c r="X58830" i="1"/>
  <c r="X58831" i="1"/>
  <c r="X58832" i="1"/>
  <c r="X58833" i="1"/>
  <c r="X58834" i="1"/>
  <c r="X58835" i="1"/>
  <c r="X58836" i="1"/>
  <c r="X58837" i="1"/>
  <c r="X58838" i="1"/>
  <c r="X58839" i="1"/>
  <c r="X58840" i="1"/>
  <c r="X58841" i="1"/>
  <c r="X58842" i="1"/>
  <c r="X58843" i="1"/>
  <c r="X58844" i="1"/>
  <c r="X58845" i="1"/>
  <c r="X58846" i="1"/>
  <c r="X58847" i="1"/>
  <c r="X58848" i="1"/>
  <c r="X58849" i="1"/>
  <c r="X58850" i="1"/>
  <c r="X58851" i="1"/>
  <c r="X58852" i="1"/>
  <c r="X58853" i="1"/>
  <c r="X58854" i="1"/>
  <c r="X58855" i="1"/>
  <c r="X58856" i="1"/>
  <c r="X58857" i="1"/>
  <c r="X58858" i="1"/>
  <c r="X58859" i="1"/>
  <c r="X58860" i="1"/>
  <c r="X58861" i="1"/>
  <c r="X58862" i="1"/>
  <c r="X58863" i="1"/>
  <c r="X58864" i="1"/>
  <c r="X58865" i="1"/>
  <c r="X58866" i="1"/>
  <c r="X58867" i="1"/>
  <c r="X58868" i="1"/>
  <c r="X58869" i="1"/>
  <c r="X58870" i="1"/>
  <c r="X58871" i="1"/>
  <c r="X58872" i="1"/>
  <c r="X58873" i="1"/>
  <c r="X58874" i="1"/>
  <c r="X58875" i="1"/>
  <c r="X58876" i="1"/>
  <c r="X58877" i="1"/>
  <c r="X58878" i="1"/>
  <c r="X58879" i="1"/>
  <c r="X58880" i="1"/>
  <c r="X58881" i="1"/>
  <c r="X58882" i="1"/>
  <c r="X58883" i="1"/>
  <c r="X58884" i="1"/>
  <c r="X58885" i="1"/>
  <c r="X58886" i="1"/>
  <c r="X58887" i="1"/>
  <c r="X58888" i="1"/>
  <c r="X58889" i="1"/>
  <c r="X58890" i="1"/>
  <c r="X58891" i="1"/>
  <c r="X58892" i="1"/>
  <c r="X58893" i="1"/>
  <c r="X58894" i="1"/>
  <c r="X58895" i="1"/>
  <c r="X58896" i="1"/>
  <c r="X58897" i="1"/>
  <c r="X58898" i="1"/>
  <c r="X58899" i="1"/>
  <c r="X58900" i="1"/>
  <c r="X58901" i="1"/>
  <c r="X58902" i="1"/>
  <c r="X58903" i="1"/>
  <c r="X58904" i="1"/>
  <c r="X58905" i="1"/>
  <c r="X58906" i="1"/>
  <c r="X58907" i="1"/>
  <c r="X58908" i="1"/>
  <c r="X58909" i="1"/>
  <c r="X58910" i="1"/>
  <c r="X58911" i="1"/>
  <c r="X58912" i="1"/>
  <c r="X58913" i="1"/>
  <c r="X58914" i="1"/>
  <c r="X58915" i="1"/>
  <c r="X58916" i="1"/>
  <c r="X58917" i="1"/>
  <c r="X58918" i="1"/>
  <c r="X58919" i="1"/>
  <c r="X58920" i="1"/>
  <c r="X58921" i="1"/>
  <c r="X58922" i="1"/>
  <c r="X58923" i="1"/>
  <c r="X58924" i="1"/>
  <c r="X58925" i="1"/>
  <c r="X58926" i="1"/>
  <c r="X58927" i="1"/>
  <c r="X58928" i="1"/>
  <c r="X58929" i="1"/>
  <c r="X58930" i="1"/>
  <c r="X58931" i="1"/>
  <c r="X58932" i="1"/>
  <c r="X58933" i="1"/>
  <c r="X58934" i="1"/>
  <c r="X58935" i="1"/>
  <c r="X58936" i="1"/>
  <c r="X58937" i="1"/>
  <c r="X58938" i="1"/>
  <c r="X58939" i="1"/>
  <c r="X58940" i="1"/>
  <c r="X58941" i="1"/>
  <c r="X58942" i="1"/>
  <c r="X58943" i="1"/>
  <c r="X58944" i="1"/>
  <c r="X58945" i="1"/>
  <c r="X58946" i="1"/>
  <c r="X58947" i="1"/>
  <c r="X58948" i="1"/>
  <c r="X58949" i="1"/>
  <c r="X58950" i="1"/>
  <c r="X58951" i="1"/>
  <c r="X58952" i="1"/>
  <c r="X58953" i="1"/>
  <c r="X58954" i="1"/>
  <c r="X58955" i="1"/>
  <c r="X58956" i="1"/>
  <c r="X58957" i="1"/>
  <c r="X58958" i="1"/>
  <c r="X58959" i="1"/>
  <c r="X58960" i="1"/>
  <c r="X58961" i="1"/>
  <c r="X58962" i="1"/>
  <c r="X58963" i="1"/>
  <c r="X58964" i="1"/>
  <c r="X58965" i="1"/>
  <c r="X58966" i="1"/>
  <c r="X58967" i="1"/>
  <c r="X58968" i="1"/>
  <c r="X58969" i="1"/>
  <c r="X58970" i="1"/>
  <c r="X58971" i="1"/>
  <c r="X58972" i="1"/>
  <c r="X58973" i="1"/>
  <c r="X58974" i="1"/>
  <c r="X58975" i="1"/>
  <c r="X58976" i="1"/>
  <c r="X58977" i="1"/>
  <c r="X58978" i="1"/>
  <c r="X58979" i="1"/>
  <c r="X58980" i="1"/>
  <c r="X58981" i="1"/>
  <c r="X58982" i="1"/>
  <c r="X58983" i="1"/>
  <c r="X58984" i="1"/>
  <c r="X58985" i="1"/>
  <c r="X58986" i="1"/>
  <c r="X58987" i="1"/>
  <c r="X58988" i="1"/>
  <c r="X58989" i="1"/>
  <c r="X58990" i="1"/>
  <c r="X58991" i="1"/>
  <c r="X58992" i="1"/>
  <c r="X58993" i="1"/>
  <c r="X58994" i="1"/>
  <c r="X58995" i="1"/>
  <c r="X58996" i="1"/>
  <c r="X58997" i="1"/>
  <c r="X58998" i="1"/>
  <c r="X58999" i="1"/>
  <c r="X59000" i="1"/>
  <c r="X59001" i="1"/>
  <c r="X59002" i="1"/>
  <c r="X59003" i="1"/>
  <c r="X59004" i="1"/>
  <c r="X59005" i="1"/>
  <c r="X59006" i="1"/>
  <c r="X59007" i="1"/>
  <c r="X59008" i="1"/>
  <c r="X59009" i="1"/>
  <c r="X59010" i="1"/>
  <c r="X59011" i="1"/>
  <c r="X59012" i="1"/>
  <c r="X59013" i="1"/>
  <c r="X59014" i="1"/>
  <c r="X59015" i="1"/>
  <c r="X59016" i="1"/>
  <c r="X59017" i="1"/>
  <c r="X59018" i="1"/>
  <c r="X59019" i="1"/>
  <c r="X59020" i="1"/>
  <c r="X59021" i="1"/>
  <c r="X59022" i="1"/>
  <c r="X59023" i="1"/>
  <c r="X59024" i="1"/>
  <c r="X59025" i="1"/>
  <c r="X59026" i="1"/>
  <c r="X59027" i="1"/>
  <c r="X59028" i="1"/>
  <c r="X59029" i="1"/>
  <c r="X59030" i="1"/>
  <c r="X59031" i="1"/>
  <c r="X59032" i="1"/>
  <c r="X59033" i="1"/>
  <c r="X59034" i="1"/>
  <c r="X59035" i="1"/>
  <c r="X59036" i="1"/>
  <c r="X59037" i="1"/>
  <c r="X59038" i="1"/>
  <c r="X59039" i="1"/>
  <c r="X59040" i="1"/>
  <c r="X59041" i="1"/>
  <c r="X59042" i="1"/>
  <c r="X59043" i="1"/>
  <c r="X59044" i="1"/>
  <c r="X59045" i="1"/>
  <c r="X59046" i="1"/>
  <c r="X59047" i="1"/>
  <c r="X59048" i="1"/>
  <c r="X59049" i="1"/>
  <c r="X59050" i="1"/>
  <c r="X59051" i="1"/>
  <c r="X59052" i="1"/>
  <c r="X59053" i="1"/>
  <c r="X59054" i="1"/>
  <c r="X59055" i="1"/>
  <c r="X59056" i="1"/>
  <c r="X59057" i="1"/>
  <c r="X59058" i="1"/>
  <c r="X59059" i="1"/>
  <c r="X59060" i="1"/>
  <c r="X59061" i="1"/>
  <c r="X59062" i="1"/>
  <c r="X59063" i="1"/>
  <c r="X59064" i="1"/>
  <c r="X59065" i="1"/>
  <c r="X59066" i="1"/>
  <c r="X59067" i="1"/>
  <c r="X59068" i="1"/>
  <c r="X59069" i="1"/>
  <c r="X59070" i="1"/>
  <c r="X59071" i="1"/>
  <c r="X59072" i="1"/>
  <c r="X59073" i="1"/>
  <c r="X59074" i="1"/>
  <c r="X59075" i="1"/>
  <c r="X59076" i="1"/>
  <c r="X59077" i="1"/>
  <c r="X59078" i="1"/>
  <c r="X59079" i="1"/>
  <c r="X59080" i="1"/>
  <c r="X59081" i="1"/>
  <c r="X59082" i="1"/>
  <c r="X59083" i="1"/>
  <c r="X59084" i="1"/>
  <c r="X59085" i="1"/>
  <c r="X59086" i="1"/>
  <c r="X59087" i="1"/>
  <c r="X59088" i="1"/>
  <c r="X59089" i="1"/>
  <c r="X59090" i="1"/>
  <c r="X59091" i="1"/>
  <c r="X59092" i="1"/>
  <c r="X59093" i="1"/>
  <c r="X59094" i="1"/>
  <c r="X59095" i="1"/>
  <c r="X59096" i="1"/>
  <c r="X59097" i="1"/>
  <c r="X59098" i="1"/>
  <c r="X59099" i="1"/>
  <c r="X59100" i="1"/>
  <c r="X59101" i="1"/>
  <c r="X59102" i="1"/>
  <c r="X59103" i="1"/>
  <c r="X59104" i="1"/>
  <c r="X59105" i="1"/>
  <c r="X59106" i="1"/>
  <c r="X59107" i="1"/>
  <c r="X59108" i="1"/>
  <c r="X59109" i="1"/>
  <c r="X59110" i="1"/>
  <c r="X59111" i="1"/>
  <c r="X59112" i="1"/>
  <c r="X59113" i="1"/>
  <c r="X59114" i="1"/>
  <c r="X59115" i="1"/>
  <c r="X59116" i="1"/>
  <c r="X59117" i="1"/>
  <c r="X59118" i="1"/>
  <c r="X59119" i="1"/>
  <c r="X59120" i="1"/>
  <c r="X59121" i="1"/>
  <c r="X59122" i="1"/>
  <c r="X59123" i="1"/>
  <c r="X59124" i="1"/>
  <c r="X59125" i="1"/>
  <c r="X59126" i="1"/>
  <c r="X59127" i="1"/>
  <c r="X59128" i="1"/>
  <c r="X59129" i="1"/>
  <c r="X59130" i="1"/>
  <c r="X59131" i="1"/>
  <c r="X59132" i="1"/>
  <c r="X59133" i="1"/>
  <c r="X59134" i="1"/>
  <c r="X59135" i="1"/>
  <c r="X59136" i="1"/>
  <c r="X59137" i="1"/>
  <c r="X59138" i="1"/>
  <c r="X59139" i="1"/>
  <c r="X59140" i="1"/>
  <c r="X59141" i="1"/>
  <c r="X59142" i="1"/>
  <c r="X59143" i="1"/>
  <c r="X59144" i="1"/>
  <c r="X59145" i="1"/>
  <c r="X59146" i="1"/>
  <c r="X59147" i="1"/>
  <c r="X59148" i="1"/>
  <c r="X59149" i="1"/>
  <c r="X59150" i="1"/>
  <c r="X59151" i="1"/>
  <c r="X59152" i="1"/>
  <c r="X59153" i="1"/>
  <c r="X59154" i="1"/>
  <c r="X59155" i="1"/>
  <c r="X59156" i="1"/>
  <c r="X59157" i="1"/>
  <c r="X59158" i="1"/>
  <c r="X59159" i="1"/>
  <c r="X59160" i="1"/>
  <c r="X59161" i="1"/>
  <c r="X59162" i="1"/>
  <c r="X59163" i="1"/>
  <c r="X59164" i="1"/>
  <c r="X59165" i="1"/>
  <c r="X59166" i="1"/>
  <c r="X59167" i="1"/>
  <c r="X59168" i="1"/>
  <c r="X59169" i="1"/>
  <c r="X59170" i="1"/>
  <c r="X59171" i="1"/>
  <c r="X59172" i="1"/>
  <c r="X59173" i="1"/>
  <c r="X59174" i="1"/>
  <c r="X59175" i="1"/>
  <c r="X59176" i="1"/>
  <c r="X59177" i="1"/>
  <c r="X59178" i="1"/>
  <c r="X59179" i="1"/>
  <c r="X59180" i="1"/>
  <c r="X59181" i="1"/>
  <c r="X59182" i="1"/>
  <c r="X59183" i="1"/>
  <c r="X59184" i="1"/>
  <c r="X59185" i="1"/>
  <c r="X59186" i="1"/>
  <c r="X59187" i="1"/>
  <c r="X59188" i="1"/>
  <c r="X59189" i="1"/>
  <c r="X59190" i="1"/>
  <c r="X59191" i="1"/>
  <c r="X59192" i="1"/>
  <c r="X59193" i="1"/>
  <c r="X59194" i="1"/>
  <c r="X59195" i="1"/>
  <c r="X59196" i="1"/>
  <c r="X59197" i="1"/>
  <c r="X59198" i="1"/>
  <c r="X59199" i="1"/>
  <c r="X59200" i="1"/>
  <c r="X59201" i="1"/>
  <c r="X59202" i="1"/>
  <c r="X59203" i="1"/>
  <c r="X59204" i="1"/>
  <c r="X59205" i="1"/>
  <c r="X59206" i="1"/>
  <c r="X59207" i="1"/>
  <c r="X59208" i="1"/>
  <c r="X59209" i="1"/>
  <c r="X59210" i="1"/>
  <c r="X59211" i="1"/>
  <c r="X59212" i="1"/>
  <c r="X59213" i="1"/>
  <c r="X59214" i="1"/>
  <c r="X59215" i="1"/>
  <c r="X59216" i="1"/>
  <c r="X59217" i="1"/>
  <c r="X59218" i="1"/>
  <c r="X59219" i="1"/>
  <c r="X59220" i="1"/>
  <c r="X59221" i="1"/>
  <c r="X59222" i="1"/>
  <c r="X59223" i="1"/>
  <c r="X59224" i="1"/>
  <c r="X59225" i="1"/>
  <c r="X59226" i="1"/>
  <c r="X59227" i="1"/>
  <c r="X59228" i="1"/>
  <c r="X59229" i="1"/>
  <c r="X59230" i="1"/>
  <c r="X59231" i="1"/>
  <c r="X59232" i="1"/>
  <c r="X59233" i="1"/>
  <c r="X59234" i="1"/>
  <c r="X59235" i="1"/>
  <c r="X59236" i="1"/>
  <c r="X59237" i="1"/>
  <c r="X59238" i="1"/>
  <c r="X59239" i="1"/>
  <c r="X59240" i="1"/>
  <c r="X59241" i="1"/>
  <c r="X59242" i="1"/>
  <c r="X59243" i="1"/>
  <c r="X59244" i="1"/>
  <c r="X59245" i="1"/>
  <c r="X59246" i="1"/>
  <c r="X59247" i="1"/>
  <c r="X59248" i="1"/>
  <c r="X59249" i="1"/>
  <c r="X59250" i="1"/>
  <c r="X59251" i="1"/>
  <c r="X59252" i="1"/>
  <c r="X59253" i="1"/>
  <c r="X59254" i="1"/>
  <c r="X59255" i="1"/>
  <c r="X59256" i="1"/>
  <c r="X59257" i="1"/>
  <c r="X59258" i="1"/>
  <c r="X59259" i="1"/>
  <c r="X59260" i="1"/>
  <c r="X59261" i="1"/>
  <c r="X59262" i="1"/>
  <c r="X59263" i="1"/>
  <c r="X59264" i="1"/>
  <c r="X59265" i="1"/>
  <c r="X59266" i="1"/>
  <c r="X59267" i="1"/>
  <c r="X59268" i="1"/>
  <c r="X59269" i="1"/>
  <c r="X59270" i="1"/>
  <c r="X59271" i="1"/>
  <c r="X59272" i="1"/>
  <c r="X59273" i="1"/>
  <c r="X59274" i="1"/>
  <c r="X59275" i="1"/>
  <c r="X59276" i="1"/>
  <c r="X59277" i="1"/>
  <c r="X59278" i="1"/>
  <c r="X59279" i="1"/>
  <c r="X59280" i="1"/>
  <c r="X59281" i="1"/>
  <c r="X59282" i="1"/>
  <c r="X59283" i="1"/>
  <c r="X59284" i="1"/>
  <c r="X59285" i="1"/>
  <c r="X59286" i="1"/>
  <c r="X59287" i="1"/>
  <c r="X59288" i="1"/>
  <c r="X59289" i="1"/>
  <c r="X59290" i="1"/>
  <c r="X59291" i="1"/>
  <c r="X59292" i="1"/>
  <c r="X59293" i="1"/>
  <c r="X59294" i="1"/>
  <c r="X59295" i="1"/>
  <c r="X59296" i="1"/>
  <c r="X59297" i="1"/>
  <c r="X59298" i="1"/>
  <c r="X59299" i="1"/>
  <c r="X59300" i="1"/>
  <c r="X59301" i="1"/>
  <c r="X59302" i="1"/>
  <c r="X59303" i="1"/>
  <c r="X59304" i="1"/>
  <c r="X59305" i="1"/>
  <c r="X59306" i="1"/>
  <c r="X59307" i="1"/>
  <c r="X59308" i="1"/>
  <c r="X59309" i="1"/>
  <c r="X59310" i="1"/>
  <c r="X59311" i="1"/>
  <c r="X59312" i="1"/>
  <c r="X59313" i="1"/>
  <c r="X59314" i="1"/>
  <c r="X59315" i="1"/>
  <c r="X59316" i="1"/>
  <c r="X59317" i="1"/>
  <c r="X59318" i="1"/>
  <c r="X59319" i="1"/>
  <c r="X59320" i="1"/>
  <c r="X59321" i="1"/>
  <c r="X59322" i="1"/>
  <c r="X59323" i="1"/>
  <c r="X59324" i="1"/>
  <c r="X59325" i="1"/>
  <c r="X59326" i="1"/>
  <c r="X59327" i="1"/>
  <c r="X59328" i="1"/>
  <c r="X59329" i="1"/>
  <c r="X59330" i="1"/>
  <c r="X59331" i="1"/>
  <c r="X59332" i="1"/>
  <c r="X59333" i="1"/>
  <c r="X59334" i="1"/>
  <c r="X59335" i="1"/>
  <c r="X59336" i="1"/>
  <c r="X59337" i="1"/>
  <c r="X59338" i="1"/>
  <c r="X59339" i="1"/>
  <c r="X59340" i="1"/>
  <c r="X59341" i="1"/>
  <c r="X59342" i="1"/>
  <c r="X59343" i="1"/>
  <c r="X59344" i="1"/>
  <c r="X59345" i="1"/>
  <c r="X59346" i="1"/>
  <c r="X59347" i="1"/>
  <c r="X59348" i="1"/>
  <c r="X59349" i="1"/>
  <c r="X59350" i="1"/>
  <c r="X59351" i="1"/>
  <c r="X59352" i="1"/>
  <c r="X59353" i="1"/>
  <c r="X59354" i="1"/>
  <c r="X59355" i="1"/>
  <c r="X59356" i="1"/>
  <c r="X59357" i="1"/>
  <c r="X59358" i="1"/>
  <c r="X59359" i="1"/>
  <c r="X59360" i="1"/>
  <c r="X59361" i="1"/>
  <c r="X59362" i="1"/>
  <c r="X59363" i="1"/>
  <c r="X59364" i="1"/>
  <c r="X59365" i="1"/>
  <c r="X59366" i="1"/>
  <c r="X59367" i="1"/>
  <c r="X59368" i="1"/>
  <c r="X59369" i="1"/>
  <c r="X59370" i="1"/>
  <c r="X59371" i="1"/>
  <c r="X59372" i="1"/>
  <c r="X59373" i="1"/>
  <c r="X59374" i="1"/>
  <c r="X59375" i="1"/>
  <c r="X59376" i="1"/>
  <c r="X59377" i="1"/>
  <c r="X59378" i="1"/>
  <c r="X59379" i="1"/>
  <c r="X59380" i="1"/>
  <c r="X59381" i="1"/>
  <c r="X59382" i="1"/>
  <c r="X59383" i="1"/>
  <c r="X59384" i="1"/>
  <c r="X59385" i="1"/>
  <c r="X59386" i="1"/>
  <c r="X59387" i="1"/>
  <c r="X59388" i="1"/>
  <c r="X59389" i="1"/>
  <c r="X59390" i="1"/>
  <c r="X59391" i="1"/>
  <c r="X59392" i="1"/>
  <c r="X59393" i="1"/>
  <c r="X59394" i="1"/>
  <c r="X59395" i="1"/>
  <c r="X59396" i="1"/>
  <c r="X59397" i="1"/>
  <c r="X59398" i="1"/>
  <c r="X59399" i="1"/>
  <c r="X59400" i="1"/>
  <c r="X59401" i="1"/>
  <c r="X59402" i="1"/>
  <c r="X59403" i="1"/>
  <c r="X59404" i="1"/>
  <c r="X59405" i="1"/>
  <c r="X59406" i="1"/>
  <c r="X59407" i="1"/>
  <c r="X59408" i="1"/>
  <c r="X59409" i="1"/>
  <c r="X59410" i="1"/>
  <c r="X59411" i="1"/>
  <c r="X59412" i="1"/>
  <c r="X59413" i="1"/>
  <c r="X59414" i="1"/>
  <c r="X59415" i="1"/>
  <c r="X59416" i="1"/>
  <c r="X59417" i="1"/>
  <c r="X59418" i="1"/>
  <c r="X59419" i="1"/>
  <c r="X59420" i="1"/>
  <c r="X59421" i="1"/>
  <c r="X59422" i="1"/>
  <c r="X59423" i="1"/>
  <c r="X59424" i="1"/>
  <c r="X59425" i="1"/>
  <c r="X59426" i="1"/>
  <c r="X59427" i="1"/>
  <c r="X59428" i="1"/>
  <c r="X59429" i="1"/>
  <c r="X59430" i="1"/>
  <c r="X59431" i="1"/>
  <c r="X59432" i="1"/>
  <c r="X59433" i="1"/>
  <c r="X59434" i="1"/>
  <c r="X59435" i="1"/>
  <c r="X59436" i="1"/>
  <c r="X59437" i="1"/>
  <c r="X59438" i="1"/>
  <c r="X59439" i="1"/>
  <c r="X59440" i="1"/>
  <c r="X59441" i="1"/>
  <c r="X59442" i="1"/>
  <c r="X59443" i="1"/>
  <c r="X59444" i="1"/>
  <c r="X59445" i="1"/>
  <c r="X59446" i="1"/>
  <c r="X59447" i="1"/>
  <c r="X59448" i="1"/>
  <c r="X59449" i="1"/>
  <c r="X59450" i="1"/>
  <c r="X59451" i="1"/>
  <c r="X59452" i="1"/>
  <c r="X59453" i="1"/>
  <c r="X59454" i="1"/>
  <c r="X59455" i="1"/>
  <c r="X59456" i="1"/>
  <c r="X59457" i="1"/>
  <c r="X59458" i="1"/>
  <c r="X59459" i="1"/>
  <c r="X59460" i="1"/>
  <c r="X59461" i="1"/>
  <c r="X59462" i="1"/>
  <c r="X59463" i="1"/>
  <c r="X59464" i="1"/>
  <c r="X59465" i="1"/>
  <c r="X59466" i="1"/>
  <c r="X59467" i="1"/>
  <c r="X59468" i="1"/>
  <c r="X59469" i="1"/>
  <c r="X59470" i="1"/>
  <c r="X59471" i="1"/>
  <c r="X59472" i="1"/>
  <c r="X59473" i="1"/>
  <c r="X59474" i="1"/>
  <c r="X59475" i="1"/>
  <c r="X59476" i="1"/>
  <c r="X59477" i="1"/>
  <c r="X59478" i="1"/>
  <c r="X59479" i="1"/>
  <c r="X59480" i="1"/>
  <c r="X59481" i="1"/>
  <c r="X59482" i="1"/>
  <c r="X59483" i="1"/>
  <c r="X59484" i="1"/>
  <c r="X59485" i="1"/>
  <c r="X59486" i="1"/>
  <c r="X59487" i="1"/>
  <c r="X59488" i="1"/>
  <c r="X59489" i="1"/>
  <c r="X59490" i="1"/>
  <c r="X59491" i="1"/>
  <c r="X59492" i="1"/>
  <c r="X59493" i="1"/>
  <c r="X59494" i="1"/>
  <c r="X59495" i="1"/>
  <c r="X59496" i="1"/>
  <c r="X59497" i="1"/>
  <c r="X59498" i="1"/>
  <c r="X59499" i="1"/>
  <c r="X59500" i="1"/>
  <c r="X59501" i="1"/>
  <c r="X59502" i="1"/>
  <c r="X59503" i="1"/>
  <c r="X59504" i="1"/>
  <c r="X59505" i="1"/>
  <c r="X59506" i="1"/>
  <c r="X59507" i="1"/>
  <c r="X59508" i="1"/>
  <c r="X59509" i="1"/>
  <c r="X59510" i="1"/>
  <c r="X59511" i="1"/>
  <c r="X59512" i="1"/>
  <c r="X59513" i="1"/>
  <c r="X59514" i="1"/>
  <c r="X59515" i="1"/>
  <c r="X59516" i="1"/>
  <c r="X59517" i="1"/>
  <c r="X59518" i="1"/>
  <c r="X59519" i="1"/>
  <c r="X59520" i="1"/>
  <c r="X59521" i="1"/>
  <c r="X59522" i="1"/>
  <c r="X59523" i="1"/>
  <c r="X59524" i="1"/>
  <c r="X59525" i="1"/>
  <c r="X59526" i="1"/>
  <c r="X59527" i="1"/>
  <c r="X59528" i="1"/>
  <c r="X59529" i="1"/>
  <c r="X59530" i="1"/>
  <c r="X59531" i="1"/>
  <c r="X59532" i="1"/>
  <c r="X59533" i="1"/>
  <c r="X59534" i="1"/>
  <c r="X59535" i="1"/>
  <c r="X59536" i="1"/>
  <c r="X59537" i="1"/>
  <c r="X59538" i="1"/>
  <c r="X59539" i="1"/>
  <c r="X59540" i="1"/>
  <c r="X59541" i="1"/>
  <c r="X59542" i="1"/>
  <c r="X59543" i="1"/>
  <c r="X59544" i="1"/>
  <c r="X59545" i="1"/>
  <c r="X59546" i="1"/>
  <c r="X59547" i="1"/>
  <c r="X59548" i="1"/>
  <c r="X59549" i="1"/>
  <c r="X59550" i="1"/>
  <c r="X59551" i="1"/>
  <c r="X59552" i="1"/>
  <c r="X59553" i="1"/>
  <c r="X59554" i="1"/>
  <c r="X59555" i="1"/>
  <c r="X59556" i="1"/>
  <c r="X59557" i="1"/>
  <c r="X59558" i="1"/>
  <c r="X59559" i="1"/>
  <c r="X59560" i="1"/>
  <c r="X59561" i="1"/>
  <c r="X59562" i="1"/>
  <c r="X59563" i="1"/>
  <c r="X59564" i="1"/>
  <c r="X59565" i="1"/>
  <c r="X59566" i="1"/>
  <c r="X59567" i="1"/>
  <c r="X59568" i="1"/>
  <c r="X59569" i="1"/>
  <c r="X59570" i="1"/>
  <c r="X59571" i="1"/>
  <c r="X59572" i="1"/>
  <c r="X59573" i="1"/>
  <c r="X59574" i="1"/>
  <c r="X59575" i="1"/>
  <c r="X59576" i="1"/>
  <c r="X59577" i="1"/>
  <c r="X59578" i="1"/>
  <c r="X59579" i="1"/>
  <c r="X59580" i="1"/>
  <c r="X59581" i="1"/>
  <c r="X59582" i="1"/>
  <c r="X59583" i="1"/>
  <c r="X59584" i="1"/>
  <c r="X59585" i="1"/>
  <c r="X59586" i="1"/>
  <c r="X59587" i="1"/>
  <c r="X59588" i="1"/>
  <c r="X59589" i="1"/>
  <c r="X59590" i="1"/>
  <c r="X59591" i="1"/>
  <c r="X59592" i="1"/>
  <c r="X59593" i="1"/>
  <c r="X59594" i="1"/>
  <c r="X59595" i="1"/>
  <c r="X59596" i="1"/>
  <c r="X59597" i="1"/>
  <c r="X59598" i="1"/>
  <c r="X59599" i="1"/>
  <c r="X59600" i="1"/>
  <c r="X59601" i="1"/>
  <c r="X59602" i="1"/>
  <c r="X59603" i="1"/>
  <c r="X59604" i="1"/>
  <c r="X59605" i="1"/>
  <c r="X59606" i="1"/>
  <c r="X59607" i="1"/>
  <c r="X59608" i="1"/>
  <c r="X59609" i="1"/>
  <c r="X59610" i="1"/>
  <c r="X59611" i="1"/>
  <c r="X59612" i="1"/>
  <c r="X59613" i="1"/>
  <c r="X59614" i="1"/>
  <c r="X59615" i="1"/>
  <c r="X59616" i="1"/>
  <c r="X59617" i="1"/>
  <c r="X59618" i="1"/>
  <c r="X59619" i="1"/>
  <c r="X59620" i="1"/>
  <c r="X59621" i="1"/>
  <c r="X59622" i="1"/>
  <c r="X59623" i="1"/>
  <c r="X59624" i="1"/>
  <c r="X59625" i="1"/>
  <c r="X59626" i="1"/>
  <c r="X59627" i="1"/>
  <c r="X59628" i="1"/>
  <c r="X59629" i="1"/>
  <c r="X59630" i="1"/>
  <c r="X59631" i="1"/>
  <c r="X59632" i="1"/>
  <c r="X59633" i="1"/>
  <c r="X59634" i="1"/>
  <c r="X59635" i="1"/>
  <c r="X59636" i="1"/>
  <c r="X59637" i="1"/>
  <c r="X59638" i="1"/>
  <c r="X59639" i="1"/>
  <c r="X59640" i="1"/>
  <c r="X59641" i="1"/>
  <c r="X59642" i="1"/>
  <c r="X59643" i="1"/>
  <c r="X59644" i="1"/>
  <c r="X59645" i="1"/>
  <c r="X59646" i="1"/>
  <c r="X59647" i="1"/>
  <c r="X59648" i="1"/>
  <c r="X59649" i="1"/>
  <c r="X59650" i="1"/>
  <c r="X59651" i="1"/>
  <c r="X59652" i="1"/>
  <c r="X59653" i="1"/>
  <c r="X59654" i="1"/>
  <c r="X59655" i="1"/>
  <c r="X59656" i="1"/>
  <c r="X59657" i="1"/>
  <c r="X59658" i="1"/>
  <c r="X59659" i="1"/>
  <c r="X59660" i="1"/>
  <c r="X59661" i="1"/>
  <c r="X59662" i="1"/>
  <c r="X59663" i="1"/>
  <c r="X59664" i="1"/>
  <c r="X59665" i="1"/>
  <c r="X59666" i="1"/>
  <c r="X59667" i="1"/>
  <c r="X59668" i="1"/>
  <c r="X59669" i="1"/>
  <c r="X59670" i="1"/>
  <c r="X59671" i="1"/>
  <c r="X59672" i="1"/>
  <c r="X59673" i="1"/>
  <c r="X59674" i="1"/>
  <c r="X59675" i="1"/>
  <c r="X59676" i="1"/>
  <c r="X59677" i="1"/>
  <c r="X59678" i="1"/>
  <c r="X59679" i="1"/>
  <c r="X59680" i="1"/>
  <c r="X59681" i="1"/>
  <c r="X59682" i="1"/>
  <c r="X59683" i="1"/>
  <c r="X59684" i="1"/>
  <c r="X59685" i="1"/>
  <c r="X59686" i="1"/>
  <c r="X59687" i="1"/>
  <c r="X59688" i="1"/>
  <c r="X59689" i="1"/>
  <c r="X59690" i="1"/>
  <c r="X59691" i="1"/>
  <c r="X59692" i="1"/>
  <c r="X59693" i="1"/>
  <c r="X59694" i="1"/>
  <c r="X59695" i="1"/>
  <c r="X59696" i="1"/>
  <c r="X59697" i="1"/>
  <c r="X59698" i="1"/>
  <c r="X59699" i="1"/>
  <c r="X59700" i="1"/>
  <c r="X59701" i="1"/>
  <c r="X59702" i="1"/>
  <c r="X59703" i="1"/>
  <c r="X59704" i="1"/>
  <c r="X59705" i="1"/>
  <c r="X59706" i="1"/>
  <c r="X59707" i="1"/>
  <c r="X59708" i="1"/>
  <c r="X59709" i="1"/>
  <c r="X59710" i="1"/>
  <c r="X59711" i="1"/>
  <c r="X59712" i="1"/>
  <c r="X59713" i="1"/>
  <c r="X59714" i="1"/>
  <c r="X59715" i="1"/>
  <c r="X59716" i="1"/>
  <c r="X59717" i="1"/>
  <c r="X59718" i="1"/>
  <c r="X59719" i="1"/>
  <c r="X59720" i="1"/>
  <c r="X59721" i="1"/>
  <c r="X59722" i="1"/>
  <c r="X59723" i="1"/>
  <c r="X59724" i="1"/>
  <c r="X59725" i="1"/>
  <c r="X59726" i="1"/>
  <c r="X59727" i="1"/>
  <c r="X59728" i="1"/>
  <c r="X59729" i="1"/>
  <c r="X59730" i="1"/>
  <c r="X59731" i="1"/>
  <c r="X59732" i="1"/>
  <c r="X59733" i="1"/>
  <c r="X59734" i="1"/>
  <c r="X59735" i="1"/>
  <c r="X59736" i="1"/>
  <c r="X59737" i="1"/>
  <c r="X59738" i="1"/>
  <c r="X59739" i="1"/>
  <c r="X59740" i="1"/>
  <c r="X59741" i="1"/>
  <c r="X59742" i="1"/>
  <c r="X59743" i="1"/>
  <c r="X59744" i="1"/>
  <c r="X59745" i="1"/>
  <c r="X59746" i="1"/>
  <c r="X59747" i="1"/>
  <c r="X59748" i="1"/>
  <c r="X59749" i="1"/>
  <c r="X59750" i="1"/>
  <c r="X59751" i="1"/>
  <c r="X59752" i="1"/>
  <c r="X59753" i="1"/>
  <c r="X59754" i="1"/>
  <c r="X59755" i="1"/>
  <c r="X59756" i="1"/>
  <c r="X59757" i="1"/>
  <c r="X59758" i="1"/>
  <c r="X59759" i="1"/>
  <c r="X59760" i="1"/>
  <c r="X59761" i="1"/>
  <c r="X59762" i="1"/>
  <c r="X59763" i="1"/>
  <c r="X59764" i="1"/>
  <c r="X59765" i="1"/>
  <c r="X59766" i="1"/>
  <c r="X59767" i="1"/>
  <c r="X59768" i="1"/>
  <c r="X59769" i="1"/>
  <c r="X59770" i="1"/>
  <c r="X59771" i="1"/>
  <c r="X59772" i="1"/>
  <c r="X59773" i="1"/>
  <c r="X59774" i="1"/>
  <c r="X59775" i="1"/>
  <c r="X59776" i="1"/>
  <c r="X59777" i="1"/>
  <c r="X59778" i="1"/>
  <c r="X59779" i="1"/>
  <c r="X59780" i="1"/>
  <c r="X59781" i="1"/>
  <c r="X59782" i="1"/>
  <c r="X59783" i="1"/>
  <c r="X59784" i="1"/>
  <c r="X59785" i="1"/>
  <c r="X59786" i="1"/>
  <c r="X59787" i="1"/>
  <c r="X59788" i="1"/>
  <c r="X59789" i="1"/>
  <c r="X59790" i="1"/>
  <c r="X59791" i="1"/>
  <c r="X59792" i="1"/>
  <c r="X59793" i="1"/>
  <c r="X59794" i="1"/>
  <c r="X59795" i="1"/>
  <c r="X59796" i="1"/>
  <c r="X59797" i="1"/>
  <c r="X59798" i="1"/>
  <c r="X59799" i="1"/>
  <c r="X59800" i="1"/>
  <c r="X59801" i="1"/>
  <c r="X59802" i="1"/>
  <c r="X59803" i="1"/>
  <c r="X59804" i="1"/>
  <c r="X59805" i="1"/>
  <c r="X59806" i="1"/>
  <c r="X59807" i="1"/>
  <c r="X59808" i="1"/>
  <c r="X59809" i="1"/>
  <c r="X59810" i="1"/>
  <c r="X59811" i="1"/>
  <c r="X59812" i="1"/>
  <c r="X59813" i="1"/>
  <c r="X59814" i="1"/>
  <c r="X59815" i="1"/>
  <c r="X59816" i="1"/>
  <c r="X59817" i="1"/>
  <c r="X59818" i="1"/>
  <c r="X59819" i="1"/>
  <c r="X59820" i="1"/>
  <c r="X59821" i="1"/>
  <c r="X59822" i="1"/>
  <c r="X59823" i="1"/>
  <c r="X59824" i="1"/>
  <c r="X59825" i="1"/>
  <c r="X59826" i="1"/>
  <c r="X59827" i="1"/>
  <c r="X59828" i="1"/>
  <c r="X59829" i="1"/>
  <c r="X59830" i="1"/>
  <c r="X59831" i="1"/>
  <c r="X59832" i="1"/>
  <c r="X59833" i="1"/>
  <c r="X59834" i="1"/>
  <c r="X59835" i="1"/>
  <c r="X59836" i="1"/>
  <c r="X59837" i="1"/>
  <c r="X59838" i="1"/>
  <c r="X59839" i="1"/>
  <c r="X59840" i="1"/>
  <c r="X59841" i="1"/>
  <c r="X59842" i="1"/>
  <c r="X59843" i="1"/>
  <c r="X59844" i="1"/>
  <c r="X59845" i="1"/>
  <c r="X59846" i="1"/>
  <c r="X59847" i="1"/>
  <c r="X59848" i="1"/>
  <c r="X59849" i="1"/>
  <c r="X59850" i="1"/>
  <c r="X59851" i="1"/>
  <c r="X59852" i="1"/>
  <c r="X59853" i="1"/>
  <c r="X59854" i="1"/>
  <c r="X59855" i="1"/>
  <c r="X59856" i="1"/>
  <c r="X59857" i="1"/>
  <c r="X59858" i="1"/>
  <c r="X59859" i="1"/>
  <c r="X59860" i="1"/>
  <c r="X59861" i="1"/>
  <c r="X59862" i="1"/>
  <c r="X59863" i="1"/>
  <c r="X59864" i="1"/>
  <c r="X59865" i="1"/>
  <c r="X59866" i="1"/>
  <c r="X59867" i="1"/>
  <c r="X59868" i="1"/>
  <c r="X59869" i="1"/>
  <c r="X59870" i="1"/>
  <c r="X59871" i="1"/>
  <c r="X59872" i="1"/>
  <c r="X59873" i="1"/>
  <c r="X59874" i="1"/>
  <c r="X59875" i="1"/>
  <c r="X59876" i="1"/>
  <c r="X59877" i="1"/>
  <c r="X59878" i="1"/>
  <c r="X59879" i="1"/>
  <c r="X59880" i="1"/>
  <c r="X59881" i="1"/>
  <c r="X59882" i="1"/>
  <c r="X59883" i="1"/>
  <c r="X59884" i="1"/>
  <c r="X59885" i="1"/>
  <c r="X59886" i="1"/>
  <c r="X59887" i="1"/>
  <c r="X59888" i="1"/>
  <c r="X59889" i="1"/>
  <c r="X59890" i="1"/>
  <c r="X59891" i="1"/>
  <c r="X59892" i="1"/>
  <c r="X59893" i="1"/>
  <c r="X59894" i="1"/>
  <c r="X59895" i="1"/>
  <c r="X59896" i="1"/>
  <c r="X59897" i="1"/>
  <c r="X59898" i="1"/>
  <c r="X59899" i="1"/>
  <c r="X59900" i="1"/>
  <c r="X59901" i="1"/>
  <c r="X59902" i="1"/>
  <c r="X59903" i="1"/>
  <c r="X59904" i="1"/>
  <c r="X59905" i="1"/>
  <c r="X59906" i="1"/>
  <c r="X59907" i="1"/>
  <c r="X59908" i="1"/>
  <c r="X59909" i="1"/>
  <c r="X59910" i="1"/>
  <c r="X59911" i="1"/>
  <c r="X59912" i="1"/>
  <c r="X59913" i="1"/>
  <c r="X59914" i="1"/>
  <c r="X59915" i="1"/>
  <c r="X59916" i="1"/>
  <c r="X59917" i="1"/>
  <c r="X59918" i="1"/>
  <c r="X59919" i="1"/>
  <c r="X59920" i="1"/>
  <c r="X59921" i="1"/>
  <c r="X59922" i="1"/>
  <c r="X59923" i="1"/>
  <c r="X59924" i="1"/>
  <c r="X59925" i="1"/>
  <c r="X59926" i="1"/>
  <c r="X59927" i="1"/>
  <c r="X59928" i="1"/>
  <c r="X59929" i="1"/>
  <c r="X59930" i="1"/>
  <c r="X59931" i="1"/>
  <c r="X59932" i="1"/>
  <c r="X59933" i="1"/>
  <c r="X59934" i="1"/>
  <c r="X59935" i="1"/>
  <c r="X59936" i="1"/>
  <c r="X59937" i="1"/>
  <c r="X59938" i="1"/>
  <c r="X59939" i="1"/>
  <c r="X59940" i="1"/>
  <c r="X59941" i="1"/>
  <c r="X59942" i="1"/>
  <c r="X59943" i="1"/>
  <c r="X59944" i="1"/>
  <c r="X59945" i="1"/>
  <c r="X59946" i="1"/>
  <c r="X59947" i="1"/>
  <c r="X59948" i="1"/>
  <c r="X59949" i="1"/>
  <c r="X59950" i="1"/>
  <c r="X59951" i="1"/>
  <c r="X59952" i="1"/>
  <c r="X59953" i="1"/>
  <c r="X59954" i="1"/>
  <c r="X59955" i="1"/>
  <c r="X59956" i="1"/>
  <c r="X59957" i="1"/>
  <c r="X59958" i="1"/>
  <c r="X59959" i="1"/>
  <c r="X59960" i="1"/>
  <c r="X59961" i="1"/>
  <c r="X59962" i="1"/>
  <c r="X59963" i="1"/>
  <c r="X59964" i="1"/>
  <c r="X59965" i="1"/>
  <c r="X59966" i="1"/>
  <c r="X59967" i="1"/>
  <c r="X59968" i="1"/>
  <c r="X59969" i="1"/>
  <c r="X59970" i="1"/>
  <c r="X59971" i="1"/>
  <c r="X59972" i="1"/>
  <c r="X59973" i="1"/>
  <c r="X59974" i="1"/>
  <c r="X59975" i="1"/>
  <c r="X59976" i="1"/>
  <c r="X59977" i="1"/>
  <c r="X59978" i="1"/>
  <c r="X59979" i="1"/>
  <c r="X59980" i="1"/>
  <c r="X59981" i="1"/>
  <c r="X59982" i="1"/>
  <c r="X59983" i="1"/>
  <c r="X59984" i="1"/>
  <c r="X59985" i="1"/>
  <c r="X59986" i="1"/>
  <c r="X59987" i="1"/>
  <c r="X59988" i="1"/>
  <c r="X59989" i="1"/>
  <c r="X59990" i="1"/>
  <c r="X59991" i="1"/>
  <c r="X59992" i="1"/>
  <c r="X59993" i="1"/>
  <c r="X59994" i="1"/>
  <c r="X59995" i="1"/>
  <c r="X59996" i="1"/>
  <c r="X59997" i="1"/>
  <c r="X59998" i="1"/>
  <c r="X59999" i="1"/>
  <c r="X60000" i="1"/>
  <c r="X60001" i="1"/>
  <c r="X60002" i="1"/>
  <c r="X60003" i="1"/>
  <c r="X60004" i="1"/>
  <c r="X60005" i="1"/>
  <c r="X60006" i="1"/>
  <c r="X60007" i="1"/>
  <c r="X60008" i="1"/>
  <c r="X60009" i="1"/>
  <c r="X60010" i="1"/>
  <c r="X60011" i="1"/>
  <c r="X60012" i="1"/>
  <c r="X60013" i="1"/>
  <c r="X60014" i="1"/>
  <c r="X60015" i="1"/>
  <c r="X60016" i="1"/>
  <c r="X60017" i="1"/>
  <c r="X60018" i="1"/>
  <c r="X60019" i="1"/>
  <c r="X60020" i="1"/>
  <c r="X60021" i="1"/>
  <c r="X60022" i="1"/>
  <c r="X60023" i="1"/>
  <c r="X60024" i="1"/>
  <c r="X60025" i="1"/>
  <c r="X60026" i="1"/>
  <c r="X60027" i="1"/>
  <c r="X60028" i="1"/>
  <c r="X60029" i="1"/>
  <c r="X60030" i="1"/>
  <c r="X60031" i="1"/>
  <c r="X60032" i="1"/>
  <c r="X60033" i="1"/>
  <c r="X60034" i="1"/>
  <c r="X60035" i="1"/>
  <c r="X60036" i="1"/>
  <c r="X60037" i="1"/>
  <c r="X60038" i="1"/>
  <c r="X60039" i="1"/>
  <c r="X60040" i="1"/>
  <c r="X60041" i="1"/>
  <c r="X60042" i="1"/>
  <c r="X60043" i="1"/>
  <c r="X60044" i="1"/>
  <c r="X60045" i="1"/>
  <c r="X60046" i="1"/>
  <c r="X60047" i="1"/>
  <c r="X60048" i="1"/>
  <c r="X60049" i="1"/>
  <c r="X60050" i="1"/>
  <c r="X60051" i="1"/>
  <c r="X60052" i="1"/>
  <c r="X60053" i="1"/>
  <c r="X60054" i="1"/>
  <c r="X60055" i="1"/>
  <c r="X60056" i="1"/>
  <c r="X60057" i="1"/>
  <c r="X60058" i="1"/>
  <c r="X60059" i="1"/>
  <c r="X60060" i="1"/>
  <c r="X60061" i="1"/>
  <c r="X60062" i="1"/>
  <c r="X60063" i="1"/>
  <c r="X60064" i="1"/>
  <c r="X60065" i="1"/>
  <c r="X60066" i="1"/>
  <c r="X60067" i="1"/>
  <c r="X60068" i="1"/>
  <c r="X60069" i="1"/>
  <c r="X60070" i="1"/>
  <c r="X60071" i="1"/>
  <c r="X60072" i="1"/>
  <c r="X60073" i="1"/>
  <c r="X60074" i="1"/>
  <c r="X60075" i="1"/>
  <c r="X60076" i="1"/>
  <c r="X60077" i="1"/>
  <c r="X60078" i="1"/>
  <c r="X60079" i="1"/>
  <c r="X60080" i="1"/>
  <c r="X60081" i="1"/>
  <c r="X60082" i="1"/>
  <c r="X60083" i="1"/>
  <c r="X60084" i="1"/>
  <c r="X60085" i="1"/>
  <c r="X60086" i="1"/>
  <c r="X60087" i="1"/>
  <c r="X60088" i="1"/>
  <c r="X60089" i="1"/>
  <c r="X60090" i="1"/>
  <c r="X60091" i="1"/>
  <c r="X60092" i="1"/>
  <c r="X60093" i="1"/>
  <c r="X60094" i="1"/>
  <c r="X60095" i="1"/>
  <c r="X60096" i="1"/>
  <c r="X60097" i="1"/>
  <c r="X60098" i="1"/>
  <c r="X60099" i="1"/>
  <c r="X60100" i="1"/>
  <c r="X60101" i="1"/>
  <c r="X60102" i="1"/>
  <c r="X60103" i="1"/>
  <c r="X60104" i="1"/>
  <c r="X60105" i="1"/>
  <c r="X60106" i="1"/>
  <c r="X60107" i="1"/>
  <c r="X60108" i="1"/>
  <c r="X60109" i="1"/>
  <c r="X60110" i="1"/>
  <c r="X60111" i="1"/>
  <c r="X60112" i="1"/>
  <c r="X60113" i="1"/>
  <c r="X60114" i="1"/>
  <c r="X60115" i="1"/>
  <c r="X60116" i="1"/>
  <c r="X60117" i="1"/>
  <c r="X60118" i="1"/>
  <c r="X60119" i="1"/>
  <c r="X60120" i="1"/>
  <c r="X60121" i="1"/>
  <c r="X60122" i="1"/>
  <c r="X60123" i="1"/>
  <c r="X60124" i="1"/>
  <c r="X60125" i="1"/>
  <c r="X60126" i="1"/>
  <c r="X60127" i="1"/>
  <c r="X60128" i="1"/>
  <c r="X60129" i="1"/>
  <c r="X60130" i="1"/>
  <c r="X60131" i="1"/>
  <c r="X60132" i="1"/>
  <c r="X60133" i="1"/>
  <c r="X60134" i="1"/>
  <c r="X60135" i="1"/>
  <c r="X60136" i="1"/>
  <c r="X60137" i="1"/>
  <c r="X60138" i="1"/>
  <c r="X60139" i="1"/>
  <c r="X60140" i="1"/>
  <c r="X60141" i="1"/>
  <c r="X60142" i="1"/>
  <c r="X60143" i="1"/>
  <c r="X60144" i="1"/>
  <c r="X60145" i="1"/>
  <c r="X60146" i="1"/>
  <c r="X60147" i="1"/>
  <c r="X60148" i="1"/>
  <c r="X60149" i="1"/>
  <c r="X60150" i="1"/>
  <c r="X60151" i="1"/>
  <c r="X60152" i="1"/>
  <c r="X60153" i="1"/>
  <c r="X60154" i="1"/>
  <c r="X60155" i="1"/>
  <c r="X60156" i="1"/>
  <c r="X60157" i="1"/>
  <c r="X60158" i="1"/>
  <c r="X60159" i="1"/>
  <c r="X60160" i="1"/>
  <c r="X60161" i="1"/>
  <c r="X60162" i="1"/>
  <c r="X60163" i="1"/>
  <c r="X60164" i="1"/>
  <c r="X60165" i="1"/>
  <c r="X60166" i="1"/>
  <c r="X60167" i="1"/>
  <c r="X60168" i="1"/>
  <c r="X60169" i="1"/>
  <c r="X60170" i="1"/>
  <c r="X60171" i="1"/>
  <c r="X60172" i="1"/>
  <c r="X60173" i="1"/>
  <c r="X60174" i="1"/>
  <c r="X60175" i="1"/>
  <c r="X60176" i="1"/>
  <c r="X60177" i="1"/>
  <c r="X60178" i="1"/>
  <c r="X60179" i="1"/>
  <c r="X60180" i="1"/>
  <c r="X60181" i="1"/>
  <c r="X60182" i="1"/>
  <c r="X60183" i="1"/>
  <c r="X60184" i="1"/>
  <c r="X60185" i="1"/>
  <c r="X60186" i="1"/>
  <c r="X60187" i="1"/>
  <c r="X60188" i="1"/>
  <c r="X60189" i="1"/>
  <c r="X60190" i="1"/>
  <c r="X60191" i="1"/>
  <c r="X60192" i="1"/>
  <c r="X60193" i="1"/>
  <c r="X60194" i="1"/>
  <c r="X60195" i="1"/>
  <c r="X60196" i="1"/>
  <c r="X60197" i="1"/>
  <c r="X60198" i="1"/>
  <c r="X60199" i="1"/>
  <c r="X60200" i="1"/>
  <c r="X60201" i="1"/>
  <c r="X60202" i="1"/>
  <c r="X60203" i="1"/>
  <c r="X60204" i="1"/>
  <c r="X60205" i="1"/>
  <c r="X60206" i="1"/>
  <c r="X60207" i="1"/>
  <c r="X60208" i="1"/>
  <c r="X60209" i="1"/>
  <c r="X60210" i="1"/>
  <c r="X60211" i="1"/>
  <c r="X60212" i="1"/>
  <c r="X60213" i="1"/>
  <c r="X60214" i="1"/>
  <c r="X60215" i="1"/>
  <c r="X60216" i="1"/>
  <c r="X60217" i="1"/>
  <c r="X60218" i="1"/>
  <c r="X60219" i="1"/>
  <c r="X60220" i="1"/>
  <c r="X60221" i="1"/>
  <c r="X60222" i="1"/>
  <c r="X60223" i="1"/>
  <c r="X60224" i="1"/>
  <c r="X60225" i="1"/>
  <c r="X60226" i="1"/>
  <c r="X60227" i="1"/>
  <c r="X60228" i="1"/>
  <c r="X60229" i="1"/>
  <c r="X60230" i="1"/>
  <c r="X60231" i="1"/>
  <c r="X60232" i="1"/>
  <c r="X60233" i="1"/>
  <c r="X60234" i="1"/>
  <c r="X60235" i="1"/>
  <c r="X60236" i="1"/>
  <c r="X60237" i="1"/>
  <c r="X60238" i="1"/>
  <c r="X60239" i="1"/>
  <c r="X60240" i="1"/>
  <c r="X60241" i="1"/>
  <c r="X60242" i="1"/>
  <c r="X60243" i="1"/>
  <c r="X60244" i="1"/>
  <c r="X60245" i="1"/>
  <c r="X60246" i="1"/>
  <c r="X60247" i="1"/>
  <c r="X60248" i="1"/>
  <c r="X60249" i="1"/>
  <c r="X60250" i="1"/>
  <c r="X60251" i="1"/>
  <c r="X60252" i="1"/>
  <c r="X60253" i="1"/>
  <c r="X60254" i="1"/>
  <c r="X60255" i="1"/>
  <c r="X60256" i="1"/>
  <c r="X60257" i="1"/>
  <c r="X60258" i="1"/>
  <c r="X60259" i="1"/>
  <c r="X60260" i="1"/>
  <c r="X60261" i="1"/>
  <c r="X60262" i="1"/>
  <c r="X60263" i="1"/>
  <c r="X60264" i="1"/>
  <c r="X60265" i="1"/>
  <c r="X60266" i="1"/>
  <c r="X60267" i="1"/>
  <c r="X60268" i="1"/>
  <c r="X60269" i="1"/>
  <c r="X60270" i="1"/>
  <c r="X60271" i="1"/>
  <c r="X60272" i="1"/>
  <c r="X60273" i="1"/>
  <c r="X60274" i="1"/>
  <c r="X60275" i="1"/>
  <c r="X60276" i="1"/>
  <c r="X60277" i="1"/>
  <c r="X60278" i="1"/>
  <c r="X60279" i="1"/>
  <c r="X60280" i="1"/>
  <c r="X60281" i="1"/>
  <c r="X60282" i="1"/>
  <c r="X60283" i="1"/>
  <c r="X60284" i="1"/>
  <c r="X60285" i="1"/>
  <c r="X60286" i="1"/>
  <c r="X60287" i="1"/>
  <c r="X60288" i="1"/>
  <c r="X60289" i="1"/>
  <c r="X60290" i="1"/>
  <c r="X60291" i="1"/>
  <c r="X60292" i="1"/>
  <c r="X60293" i="1"/>
  <c r="X60294" i="1"/>
  <c r="X60295" i="1"/>
  <c r="X60296" i="1"/>
  <c r="X60297" i="1"/>
  <c r="X60298" i="1"/>
  <c r="X60299" i="1"/>
  <c r="X60300" i="1"/>
  <c r="X60301" i="1"/>
  <c r="X60302" i="1"/>
  <c r="X60303" i="1"/>
  <c r="X60304" i="1"/>
  <c r="X60305" i="1"/>
  <c r="X60306" i="1"/>
  <c r="X60307" i="1"/>
  <c r="X60308" i="1"/>
  <c r="X60309" i="1"/>
  <c r="X60310" i="1"/>
  <c r="X60311" i="1"/>
  <c r="X60312" i="1"/>
  <c r="X60313" i="1"/>
  <c r="X60314" i="1"/>
  <c r="X60315" i="1"/>
  <c r="X60316" i="1"/>
  <c r="X60317" i="1"/>
  <c r="X60318" i="1"/>
  <c r="X60319" i="1"/>
  <c r="X60320" i="1"/>
  <c r="X60321" i="1"/>
  <c r="X60322" i="1"/>
  <c r="X60323" i="1"/>
  <c r="X60324" i="1"/>
  <c r="X60325" i="1"/>
  <c r="X60326" i="1"/>
  <c r="X60327" i="1"/>
  <c r="X60328" i="1"/>
  <c r="X60329" i="1"/>
  <c r="X60330" i="1"/>
  <c r="X60331" i="1"/>
  <c r="X60332" i="1"/>
  <c r="X60333" i="1"/>
  <c r="X60334" i="1"/>
  <c r="X60335" i="1"/>
  <c r="X60336" i="1"/>
  <c r="X60337" i="1"/>
  <c r="X60338" i="1"/>
  <c r="X60339" i="1"/>
  <c r="X60340" i="1"/>
  <c r="X60341" i="1"/>
  <c r="X60342" i="1"/>
  <c r="X60343" i="1"/>
  <c r="X60344" i="1"/>
  <c r="X60345" i="1"/>
  <c r="X60346" i="1"/>
  <c r="X60347" i="1"/>
  <c r="X60348" i="1"/>
  <c r="X60349" i="1"/>
  <c r="X60350" i="1"/>
  <c r="X60351" i="1"/>
  <c r="X60352" i="1"/>
  <c r="X60353" i="1"/>
  <c r="X60354" i="1"/>
  <c r="X60355" i="1"/>
  <c r="X60356" i="1"/>
  <c r="X60357" i="1"/>
  <c r="X60358" i="1"/>
  <c r="X60359" i="1"/>
  <c r="X60360" i="1"/>
  <c r="X60361" i="1"/>
  <c r="X60362" i="1"/>
  <c r="X60363" i="1"/>
  <c r="X60364" i="1"/>
  <c r="X60365" i="1"/>
  <c r="X60366" i="1"/>
  <c r="X60367" i="1"/>
  <c r="X60368" i="1"/>
  <c r="X60369" i="1"/>
  <c r="X60370" i="1"/>
  <c r="X60371" i="1"/>
  <c r="X60372" i="1"/>
  <c r="X60373" i="1"/>
  <c r="X60374" i="1"/>
  <c r="X60375" i="1"/>
  <c r="X60376" i="1"/>
  <c r="X60377" i="1"/>
  <c r="X60378" i="1"/>
  <c r="X60379" i="1"/>
  <c r="X60380" i="1"/>
  <c r="X60381" i="1"/>
  <c r="X60382" i="1"/>
  <c r="X60383" i="1"/>
  <c r="X60384" i="1"/>
  <c r="X60385" i="1"/>
  <c r="X60386" i="1"/>
  <c r="X60387" i="1"/>
  <c r="X60388" i="1"/>
  <c r="X60389" i="1"/>
  <c r="X60390" i="1"/>
  <c r="X60391" i="1"/>
  <c r="X60392" i="1"/>
  <c r="X60393" i="1"/>
  <c r="X60394" i="1"/>
  <c r="X60395" i="1"/>
  <c r="X60396" i="1"/>
  <c r="X60397" i="1"/>
  <c r="X60398" i="1"/>
  <c r="X60399" i="1"/>
  <c r="X60400" i="1"/>
  <c r="X60401" i="1"/>
  <c r="X60402" i="1"/>
  <c r="X60403" i="1"/>
  <c r="X60404" i="1"/>
  <c r="X60405" i="1"/>
  <c r="X60406" i="1"/>
  <c r="X60407" i="1"/>
  <c r="X60408" i="1"/>
  <c r="X60409" i="1"/>
  <c r="X60410" i="1"/>
  <c r="X60411" i="1"/>
  <c r="X60412" i="1"/>
  <c r="X60413" i="1"/>
  <c r="X60414" i="1"/>
  <c r="X60415" i="1"/>
  <c r="X60416" i="1"/>
  <c r="X60417" i="1"/>
  <c r="X60418" i="1"/>
  <c r="X60419" i="1"/>
  <c r="X60420" i="1"/>
  <c r="X60421" i="1"/>
  <c r="X60422" i="1"/>
  <c r="X60423" i="1"/>
  <c r="X60424" i="1"/>
  <c r="X60425" i="1"/>
  <c r="X60426" i="1"/>
  <c r="X60427" i="1"/>
  <c r="X60428" i="1"/>
  <c r="X60429" i="1"/>
  <c r="X60430" i="1"/>
  <c r="X60431" i="1"/>
  <c r="X60432" i="1"/>
  <c r="X60433" i="1"/>
  <c r="X60434" i="1"/>
  <c r="X60435" i="1"/>
  <c r="X60436" i="1"/>
  <c r="X60437" i="1"/>
  <c r="X60438" i="1"/>
  <c r="X60439" i="1"/>
  <c r="X60440" i="1"/>
  <c r="X60441" i="1"/>
  <c r="X60442" i="1"/>
  <c r="X60443" i="1"/>
  <c r="X60444" i="1"/>
  <c r="X60445" i="1"/>
  <c r="X60446" i="1"/>
  <c r="X60447" i="1"/>
  <c r="X60448" i="1"/>
  <c r="X60449" i="1"/>
  <c r="X60450" i="1"/>
  <c r="X60451" i="1"/>
  <c r="X60452" i="1"/>
  <c r="X60453" i="1"/>
  <c r="X60454" i="1"/>
  <c r="X60455" i="1"/>
  <c r="X60456" i="1"/>
  <c r="X60457" i="1"/>
  <c r="X60458" i="1"/>
  <c r="X60459" i="1"/>
  <c r="X60460" i="1"/>
  <c r="X60461" i="1"/>
  <c r="X60462" i="1"/>
  <c r="X60463" i="1"/>
  <c r="X60464" i="1"/>
  <c r="X60465" i="1"/>
  <c r="X60466" i="1"/>
  <c r="X60467" i="1"/>
  <c r="X60468" i="1"/>
  <c r="X60469" i="1"/>
  <c r="X60470" i="1"/>
  <c r="X60471" i="1"/>
  <c r="X60472" i="1"/>
  <c r="X60473" i="1"/>
  <c r="X60474" i="1"/>
  <c r="X60475" i="1"/>
  <c r="X60476" i="1"/>
  <c r="X60477" i="1"/>
  <c r="X60478" i="1"/>
  <c r="X60479" i="1"/>
  <c r="X60480" i="1"/>
  <c r="X60481" i="1"/>
  <c r="X60482" i="1"/>
  <c r="X60483" i="1"/>
  <c r="X60484" i="1"/>
  <c r="X60485" i="1"/>
  <c r="X60486" i="1"/>
  <c r="X60487" i="1"/>
  <c r="X60488" i="1"/>
  <c r="X60489" i="1"/>
  <c r="X60490" i="1"/>
  <c r="X60491" i="1"/>
  <c r="X60492" i="1"/>
  <c r="X60493" i="1"/>
  <c r="X60494" i="1"/>
  <c r="X60495" i="1"/>
  <c r="X60496" i="1"/>
  <c r="X60497" i="1"/>
  <c r="X60498" i="1"/>
  <c r="X60499" i="1"/>
  <c r="X60500" i="1"/>
  <c r="X60501" i="1"/>
  <c r="X60502" i="1"/>
  <c r="X60503" i="1"/>
  <c r="X60504" i="1"/>
  <c r="X60505" i="1"/>
  <c r="X60506" i="1"/>
  <c r="X60507" i="1"/>
  <c r="X60508" i="1"/>
  <c r="X60509" i="1"/>
  <c r="X60510" i="1"/>
  <c r="X60511" i="1"/>
  <c r="X60512" i="1"/>
  <c r="X60513" i="1"/>
  <c r="X60514" i="1"/>
  <c r="X60515" i="1"/>
  <c r="X60516" i="1"/>
  <c r="X60517" i="1"/>
  <c r="X60518" i="1"/>
  <c r="X60519" i="1"/>
  <c r="X60520" i="1"/>
  <c r="X60521" i="1"/>
  <c r="X60522" i="1"/>
  <c r="X60523" i="1"/>
  <c r="X60524" i="1"/>
  <c r="X60525" i="1"/>
  <c r="X60526" i="1"/>
  <c r="X60527" i="1"/>
  <c r="X60528" i="1"/>
  <c r="X60529" i="1"/>
  <c r="X60530" i="1"/>
  <c r="X60531" i="1"/>
  <c r="X60532" i="1"/>
  <c r="X60533" i="1"/>
  <c r="X60534" i="1"/>
  <c r="X60535" i="1"/>
  <c r="X60536" i="1"/>
  <c r="X60537" i="1"/>
  <c r="X60538" i="1"/>
  <c r="X60539" i="1"/>
  <c r="X60540" i="1"/>
  <c r="X60541" i="1"/>
  <c r="X60542" i="1"/>
  <c r="X60543" i="1"/>
  <c r="X60544" i="1"/>
  <c r="X60545" i="1"/>
  <c r="X60546" i="1"/>
  <c r="X60547" i="1"/>
  <c r="X60548" i="1"/>
  <c r="X60549" i="1"/>
  <c r="X60550" i="1"/>
  <c r="X60551" i="1"/>
  <c r="X60552" i="1"/>
  <c r="X60553" i="1"/>
  <c r="X60554" i="1"/>
  <c r="X60555" i="1"/>
  <c r="X60556" i="1"/>
  <c r="X60557" i="1"/>
  <c r="X60558" i="1"/>
  <c r="X60559" i="1"/>
  <c r="X60560" i="1"/>
  <c r="X60561" i="1"/>
  <c r="X60562" i="1"/>
  <c r="X60563" i="1"/>
  <c r="X60564" i="1"/>
  <c r="X60565" i="1"/>
  <c r="X60566" i="1"/>
  <c r="X60567" i="1"/>
  <c r="X60568" i="1"/>
  <c r="X60569" i="1"/>
  <c r="X60570" i="1"/>
  <c r="X60571" i="1"/>
  <c r="X60572" i="1"/>
  <c r="X60573" i="1"/>
  <c r="X60574" i="1"/>
  <c r="X60575" i="1"/>
  <c r="X60576" i="1"/>
  <c r="X60577" i="1"/>
  <c r="X60578" i="1"/>
  <c r="X60579" i="1"/>
  <c r="X60580" i="1"/>
  <c r="X60581" i="1"/>
  <c r="X60582" i="1"/>
  <c r="X60583" i="1"/>
  <c r="X60584" i="1"/>
  <c r="X60585" i="1"/>
  <c r="X60586" i="1"/>
  <c r="X60587" i="1"/>
  <c r="X60588" i="1"/>
  <c r="X60589" i="1"/>
  <c r="X60590" i="1"/>
  <c r="X60591" i="1"/>
  <c r="X60592" i="1"/>
  <c r="X60593" i="1"/>
  <c r="X60594" i="1"/>
  <c r="X60595" i="1"/>
  <c r="X60596" i="1"/>
  <c r="X60597" i="1"/>
  <c r="X60598" i="1"/>
  <c r="X60599" i="1"/>
  <c r="X60600" i="1"/>
  <c r="X60601" i="1"/>
  <c r="X60602" i="1"/>
  <c r="X60603" i="1"/>
  <c r="X60604" i="1"/>
  <c r="X60605" i="1"/>
  <c r="X60606" i="1"/>
  <c r="X60607" i="1"/>
  <c r="X60608" i="1"/>
  <c r="X60609" i="1"/>
  <c r="X60610" i="1"/>
  <c r="X60611" i="1"/>
  <c r="X60612" i="1"/>
  <c r="X60613" i="1"/>
  <c r="X60614" i="1"/>
  <c r="X60615" i="1"/>
  <c r="X60616" i="1"/>
  <c r="X60617" i="1"/>
  <c r="X60618" i="1"/>
  <c r="X60619" i="1"/>
  <c r="X60620" i="1"/>
  <c r="X60621" i="1"/>
  <c r="X60622" i="1"/>
  <c r="X60623" i="1"/>
  <c r="X60624" i="1"/>
  <c r="X60625" i="1"/>
  <c r="X60626" i="1"/>
  <c r="X60627" i="1"/>
  <c r="X60628" i="1"/>
  <c r="X60629" i="1"/>
  <c r="X60630" i="1"/>
  <c r="X60631" i="1"/>
  <c r="X60632" i="1"/>
  <c r="X60633" i="1"/>
  <c r="X60634" i="1"/>
  <c r="X60635" i="1"/>
  <c r="X60636" i="1"/>
  <c r="X60637" i="1"/>
  <c r="X60638" i="1"/>
  <c r="X60639" i="1"/>
  <c r="X60640" i="1"/>
  <c r="X60641" i="1"/>
  <c r="X60642" i="1"/>
  <c r="X60643" i="1"/>
  <c r="X60644" i="1"/>
  <c r="X60645" i="1"/>
  <c r="X60646" i="1"/>
  <c r="X60647" i="1"/>
  <c r="X60648" i="1"/>
  <c r="X60649" i="1"/>
  <c r="X60650" i="1"/>
  <c r="X60651" i="1"/>
  <c r="X60652" i="1"/>
  <c r="X60653" i="1"/>
  <c r="X60654" i="1"/>
  <c r="X60655" i="1"/>
  <c r="X60656" i="1"/>
  <c r="X60657" i="1"/>
  <c r="X60658" i="1"/>
  <c r="X60659" i="1"/>
  <c r="X60660" i="1"/>
  <c r="X60661" i="1"/>
  <c r="X60662" i="1"/>
  <c r="X60663" i="1"/>
  <c r="X60664" i="1"/>
  <c r="X60665" i="1"/>
  <c r="X60666" i="1"/>
  <c r="X60667" i="1"/>
  <c r="X60668" i="1"/>
  <c r="X60669" i="1"/>
  <c r="X60670" i="1"/>
  <c r="X60671" i="1"/>
  <c r="X60672" i="1"/>
  <c r="X60673" i="1"/>
  <c r="X60674" i="1"/>
  <c r="X60675" i="1"/>
  <c r="X60676" i="1"/>
  <c r="X60677" i="1"/>
  <c r="X60678" i="1"/>
  <c r="X60679" i="1"/>
  <c r="X60680" i="1"/>
  <c r="X60681" i="1"/>
  <c r="X60682" i="1"/>
  <c r="X60683" i="1"/>
  <c r="X60684" i="1"/>
  <c r="X60685" i="1"/>
  <c r="X60686" i="1"/>
  <c r="X60687" i="1"/>
  <c r="X60688" i="1"/>
  <c r="X60689" i="1"/>
  <c r="X60690" i="1"/>
  <c r="X60691" i="1"/>
  <c r="X60692" i="1"/>
  <c r="X60693" i="1"/>
  <c r="X60694" i="1"/>
  <c r="X60695" i="1"/>
  <c r="X60696" i="1"/>
  <c r="X60697" i="1"/>
  <c r="X60698" i="1"/>
  <c r="X60699" i="1"/>
  <c r="X60700" i="1"/>
  <c r="X60701" i="1"/>
  <c r="X60702" i="1"/>
  <c r="X60703" i="1"/>
  <c r="X60704" i="1"/>
  <c r="X60705" i="1"/>
  <c r="X60706" i="1"/>
  <c r="X60707" i="1"/>
  <c r="X60708" i="1"/>
  <c r="X60709" i="1"/>
  <c r="X60710" i="1"/>
  <c r="X60711" i="1"/>
  <c r="X60712" i="1"/>
  <c r="X60713" i="1"/>
  <c r="X60714" i="1"/>
  <c r="X60715" i="1"/>
  <c r="X60716" i="1"/>
  <c r="X60717" i="1"/>
  <c r="X60718" i="1"/>
  <c r="X60719" i="1"/>
  <c r="X60720" i="1"/>
  <c r="X60721" i="1"/>
  <c r="X60722" i="1"/>
  <c r="X60723" i="1"/>
  <c r="X60724" i="1"/>
  <c r="X60725" i="1"/>
  <c r="X60726" i="1"/>
  <c r="X60727" i="1"/>
  <c r="X60728" i="1"/>
  <c r="X60729" i="1"/>
  <c r="X60730" i="1"/>
  <c r="X60731" i="1"/>
  <c r="X60732" i="1"/>
  <c r="X60733" i="1"/>
  <c r="X60734" i="1"/>
  <c r="X60735" i="1"/>
  <c r="X60736" i="1"/>
  <c r="X60737" i="1"/>
  <c r="X60738" i="1"/>
  <c r="X60739" i="1"/>
  <c r="X60740" i="1"/>
  <c r="X60741" i="1"/>
  <c r="X60742" i="1"/>
  <c r="X60743" i="1"/>
  <c r="X60744" i="1"/>
  <c r="X60745" i="1"/>
  <c r="X60746" i="1"/>
  <c r="X60747" i="1"/>
  <c r="X60748" i="1"/>
  <c r="X60749" i="1"/>
  <c r="X60750" i="1"/>
  <c r="X60751" i="1"/>
  <c r="X60752" i="1"/>
  <c r="X60753" i="1"/>
  <c r="X60754" i="1"/>
  <c r="X60755" i="1"/>
  <c r="X60756" i="1"/>
  <c r="X60757" i="1"/>
  <c r="X60758" i="1"/>
  <c r="X60759" i="1"/>
  <c r="X60760" i="1"/>
  <c r="X60761" i="1"/>
  <c r="X60762" i="1"/>
  <c r="X60763" i="1"/>
  <c r="X60764" i="1"/>
  <c r="X60765" i="1"/>
  <c r="X60766" i="1"/>
  <c r="X60767" i="1"/>
  <c r="X60768" i="1"/>
  <c r="X60769" i="1"/>
  <c r="X60770" i="1"/>
  <c r="X60771" i="1"/>
  <c r="X60772" i="1"/>
  <c r="X60773" i="1"/>
  <c r="X60774" i="1"/>
  <c r="X60775" i="1"/>
  <c r="X60776" i="1"/>
  <c r="X60777" i="1"/>
  <c r="X60778" i="1"/>
  <c r="X60779" i="1"/>
  <c r="X60780" i="1"/>
  <c r="X60781" i="1"/>
  <c r="X60782" i="1"/>
  <c r="X60783" i="1"/>
  <c r="X60784" i="1"/>
  <c r="X60785" i="1"/>
  <c r="X60786" i="1"/>
  <c r="X60787" i="1"/>
  <c r="X60788" i="1"/>
  <c r="X60789" i="1"/>
  <c r="X60790" i="1"/>
  <c r="X60791" i="1"/>
  <c r="X60792" i="1"/>
  <c r="X60793" i="1"/>
  <c r="X60794" i="1"/>
  <c r="X60795" i="1"/>
  <c r="X60796" i="1"/>
  <c r="X60797" i="1"/>
  <c r="X60798" i="1"/>
  <c r="X60799" i="1"/>
  <c r="X60800" i="1"/>
  <c r="X60801" i="1"/>
  <c r="X60802" i="1"/>
  <c r="X60803" i="1"/>
  <c r="X60804" i="1"/>
  <c r="X60805" i="1"/>
  <c r="X60806" i="1"/>
  <c r="X60807" i="1"/>
  <c r="X60808" i="1"/>
  <c r="X60809" i="1"/>
  <c r="X60810" i="1"/>
  <c r="X60811" i="1"/>
  <c r="X60812" i="1"/>
  <c r="X60813" i="1"/>
  <c r="X60814" i="1"/>
  <c r="X60815" i="1"/>
  <c r="X60816" i="1"/>
  <c r="X60817" i="1"/>
  <c r="X60818" i="1"/>
  <c r="X60819" i="1"/>
  <c r="X60820" i="1"/>
  <c r="X60821" i="1"/>
  <c r="X60822" i="1"/>
  <c r="X60823" i="1"/>
  <c r="X60824" i="1"/>
  <c r="X60825" i="1"/>
  <c r="X60826" i="1"/>
  <c r="X60827" i="1"/>
  <c r="X60828" i="1"/>
  <c r="X60829" i="1"/>
  <c r="X60830" i="1"/>
  <c r="X60831" i="1"/>
  <c r="X60832" i="1"/>
  <c r="X60833" i="1"/>
  <c r="X60834" i="1"/>
  <c r="X60835" i="1"/>
  <c r="X60836" i="1"/>
  <c r="X60837" i="1"/>
  <c r="X60838" i="1"/>
  <c r="X60839" i="1"/>
  <c r="X60840" i="1"/>
  <c r="X60841" i="1"/>
  <c r="X60842" i="1"/>
  <c r="X60843" i="1"/>
  <c r="X60844" i="1"/>
  <c r="X60845" i="1"/>
  <c r="X60846" i="1"/>
  <c r="X60847" i="1"/>
  <c r="X60848" i="1"/>
  <c r="X60849" i="1"/>
  <c r="X60850" i="1"/>
  <c r="X60851" i="1"/>
  <c r="X60852" i="1"/>
  <c r="X60853" i="1"/>
  <c r="X60854" i="1"/>
  <c r="X60855" i="1"/>
  <c r="X60856" i="1"/>
  <c r="X60857" i="1"/>
  <c r="X60858" i="1"/>
  <c r="X60859" i="1"/>
  <c r="X60860" i="1"/>
  <c r="X60861" i="1"/>
  <c r="X60862" i="1"/>
  <c r="X60863" i="1"/>
  <c r="X60864" i="1"/>
  <c r="X60865" i="1"/>
  <c r="X60866" i="1"/>
  <c r="X60867" i="1"/>
  <c r="X60868" i="1"/>
  <c r="X60869" i="1"/>
  <c r="X60870" i="1"/>
  <c r="X60871" i="1"/>
  <c r="X60872" i="1"/>
  <c r="X60873" i="1"/>
  <c r="X60874" i="1"/>
  <c r="X60875" i="1"/>
  <c r="X60876" i="1"/>
  <c r="X60877" i="1"/>
  <c r="X60878" i="1"/>
  <c r="X60879" i="1"/>
  <c r="X60880" i="1"/>
  <c r="X60881" i="1"/>
  <c r="X60882" i="1"/>
  <c r="X60883" i="1"/>
  <c r="X60884" i="1"/>
  <c r="X60885" i="1"/>
  <c r="X60886" i="1"/>
  <c r="X60887" i="1"/>
  <c r="X60888" i="1"/>
  <c r="X60889" i="1"/>
  <c r="X60890" i="1"/>
  <c r="X60891" i="1"/>
  <c r="X60892" i="1"/>
  <c r="X60893" i="1"/>
  <c r="X60894" i="1"/>
  <c r="X60895" i="1"/>
  <c r="X60896" i="1"/>
  <c r="X60897" i="1"/>
  <c r="X60898" i="1"/>
  <c r="X60899" i="1"/>
  <c r="X60900" i="1"/>
  <c r="X60901" i="1"/>
  <c r="X60902" i="1"/>
  <c r="X60903" i="1"/>
  <c r="X60904" i="1"/>
  <c r="X60905" i="1"/>
  <c r="X60906" i="1"/>
  <c r="X60907" i="1"/>
  <c r="X60908" i="1"/>
  <c r="X60909" i="1"/>
  <c r="X60910" i="1"/>
  <c r="X60911" i="1"/>
  <c r="X60912" i="1"/>
  <c r="X60913" i="1"/>
  <c r="X60914" i="1"/>
  <c r="X60915" i="1"/>
  <c r="X60916" i="1"/>
  <c r="X60917" i="1"/>
  <c r="X60918" i="1"/>
  <c r="X60919" i="1"/>
  <c r="X60920" i="1"/>
  <c r="X60921" i="1"/>
  <c r="X60922" i="1"/>
  <c r="X60923" i="1"/>
  <c r="X60924" i="1"/>
  <c r="X60925" i="1"/>
  <c r="X60926" i="1"/>
  <c r="X60927" i="1"/>
  <c r="X60928" i="1"/>
  <c r="X60929" i="1"/>
  <c r="X60930" i="1"/>
  <c r="X60931" i="1"/>
  <c r="X60932" i="1"/>
  <c r="X60933" i="1"/>
  <c r="X60934" i="1"/>
  <c r="X60935" i="1"/>
  <c r="X60936" i="1"/>
  <c r="X60937" i="1"/>
  <c r="X60938" i="1"/>
  <c r="X60939" i="1"/>
  <c r="X60940" i="1"/>
  <c r="X60941" i="1"/>
  <c r="X60942" i="1"/>
  <c r="X60943" i="1"/>
  <c r="X60944" i="1"/>
  <c r="X60945" i="1"/>
  <c r="X60946" i="1"/>
  <c r="X60947" i="1"/>
  <c r="X60948" i="1"/>
  <c r="X60949" i="1"/>
  <c r="X60950" i="1"/>
  <c r="X60951" i="1"/>
  <c r="X60952" i="1"/>
  <c r="X60953" i="1"/>
  <c r="X60954" i="1"/>
  <c r="X60955" i="1"/>
  <c r="X60956" i="1"/>
  <c r="X60957" i="1"/>
  <c r="X60958" i="1"/>
  <c r="X60959" i="1"/>
  <c r="X60960" i="1"/>
  <c r="X60961" i="1"/>
  <c r="X60962" i="1"/>
  <c r="X60963" i="1"/>
  <c r="X60964" i="1"/>
  <c r="X60965" i="1"/>
  <c r="X60966" i="1"/>
  <c r="X60967" i="1"/>
  <c r="X60968" i="1"/>
  <c r="X60969" i="1"/>
  <c r="X60970" i="1"/>
  <c r="X60971" i="1"/>
  <c r="X60972" i="1"/>
  <c r="X60973" i="1"/>
  <c r="X60974" i="1"/>
  <c r="X60975" i="1"/>
  <c r="X60976" i="1"/>
  <c r="X60977" i="1"/>
  <c r="X60978" i="1"/>
  <c r="X60979" i="1"/>
  <c r="X60980" i="1"/>
  <c r="X60981" i="1"/>
  <c r="X60982" i="1"/>
  <c r="X60983" i="1"/>
  <c r="X60984" i="1"/>
  <c r="X60985" i="1"/>
  <c r="X60986" i="1"/>
  <c r="X60987" i="1"/>
  <c r="X60988" i="1"/>
  <c r="X60989" i="1"/>
  <c r="X60990" i="1"/>
  <c r="X60991" i="1"/>
  <c r="X60992" i="1"/>
  <c r="X60993" i="1"/>
  <c r="X60994" i="1"/>
  <c r="X60995" i="1"/>
  <c r="X60996" i="1"/>
  <c r="X60997" i="1"/>
  <c r="X60998" i="1"/>
  <c r="X60999" i="1"/>
  <c r="X61000" i="1"/>
  <c r="X61001" i="1"/>
  <c r="X61002" i="1"/>
  <c r="X61003" i="1"/>
  <c r="X61004" i="1"/>
  <c r="X61005" i="1"/>
  <c r="X61006" i="1"/>
  <c r="X61007" i="1"/>
  <c r="X61008" i="1"/>
  <c r="X61009" i="1"/>
  <c r="X61010" i="1"/>
  <c r="X61011" i="1"/>
  <c r="X61012" i="1"/>
  <c r="X61013" i="1"/>
  <c r="X61014" i="1"/>
  <c r="X61015" i="1"/>
  <c r="X61016" i="1"/>
  <c r="X61017" i="1"/>
  <c r="X61018" i="1"/>
  <c r="X61019" i="1"/>
  <c r="X61020" i="1"/>
  <c r="X61021" i="1"/>
  <c r="X61022" i="1"/>
  <c r="X61023" i="1"/>
  <c r="X61024" i="1"/>
  <c r="X61025" i="1"/>
  <c r="X61026" i="1"/>
  <c r="X61027" i="1"/>
  <c r="X61028" i="1"/>
  <c r="X61029" i="1"/>
  <c r="X61030" i="1"/>
  <c r="X61031" i="1"/>
  <c r="X61032" i="1"/>
  <c r="X61033" i="1"/>
  <c r="X61034" i="1"/>
  <c r="X61035" i="1"/>
  <c r="X61036" i="1"/>
  <c r="X61037" i="1"/>
  <c r="X61038" i="1"/>
  <c r="X61039" i="1"/>
  <c r="X61040" i="1"/>
  <c r="X61041" i="1"/>
  <c r="X61042" i="1"/>
  <c r="X61043" i="1"/>
  <c r="X61044" i="1"/>
  <c r="X61045" i="1"/>
  <c r="X61046" i="1"/>
  <c r="X61047" i="1"/>
  <c r="X61048" i="1"/>
  <c r="X61049" i="1"/>
  <c r="X61050" i="1"/>
  <c r="X61051" i="1"/>
  <c r="X61052" i="1"/>
  <c r="X61053" i="1"/>
  <c r="X61054" i="1"/>
  <c r="X61055" i="1"/>
  <c r="X61056" i="1"/>
  <c r="X61057" i="1"/>
  <c r="X61058" i="1"/>
  <c r="X61059" i="1"/>
  <c r="X61060" i="1"/>
  <c r="X61061" i="1"/>
  <c r="X61062" i="1"/>
  <c r="X61063" i="1"/>
  <c r="X61064" i="1"/>
  <c r="X61065" i="1"/>
  <c r="X61066" i="1"/>
  <c r="X61067" i="1"/>
  <c r="X61068" i="1"/>
  <c r="X61069" i="1"/>
  <c r="X61070" i="1"/>
  <c r="X61071" i="1"/>
  <c r="X61072" i="1"/>
  <c r="X61073" i="1"/>
  <c r="X61074" i="1"/>
  <c r="X61075" i="1"/>
  <c r="X61076" i="1"/>
  <c r="X61077" i="1"/>
  <c r="X61078" i="1"/>
  <c r="X61079" i="1"/>
  <c r="X61080" i="1"/>
  <c r="X61081" i="1"/>
  <c r="X61082" i="1"/>
  <c r="X61083" i="1"/>
  <c r="X61084" i="1"/>
  <c r="X61085" i="1"/>
  <c r="X61086" i="1"/>
  <c r="X61087" i="1"/>
  <c r="X61088" i="1"/>
  <c r="X61089" i="1"/>
  <c r="X61090" i="1"/>
  <c r="X61091" i="1"/>
  <c r="X61092" i="1"/>
  <c r="X61093" i="1"/>
  <c r="X61094" i="1"/>
  <c r="X61095" i="1"/>
  <c r="X61096" i="1"/>
  <c r="X61097" i="1"/>
  <c r="X61098" i="1"/>
  <c r="X61099" i="1"/>
  <c r="X61100" i="1"/>
  <c r="X61101" i="1"/>
  <c r="X61102" i="1"/>
  <c r="X61103" i="1"/>
  <c r="X61104" i="1"/>
  <c r="X61105" i="1"/>
  <c r="X61106" i="1"/>
  <c r="X61107" i="1"/>
  <c r="X61108" i="1"/>
  <c r="X61109" i="1"/>
  <c r="X61110" i="1"/>
  <c r="X61111" i="1"/>
  <c r="X61112" i="1"/>
  <c r="X61113" i="1"/>
  <c r="X61114" i="1"/>
  <c r="X61115" i="1"/>
  <c r="X61116" i="1"/>
  <c r="X61117" i="1"/>
  <c r="X61118" i="1"/>
  <c r="X61119" i="1"/>
  <c r="X61120" i="1"/>
  <c r="X61121" i="1"/>
  <c r="X61122" i="1"/>
  <c r="X61123" i="1"/>
  <c r="X61124" i="1"/>
  <c r="X61125" i="1"/>
  <c r="X61126" i="1"/>
  <c r="X61127" i="1"/>
  <c r="X61128" i="1"/>
  <c r="X61129" i="1"/>
  <c r="X61130" i="1"/>
  <c r="X61131" i="1"/>
  <c r="X61132" i="1"/>
  <c r="X61133" i="1"/>
  <c r="X61134" i="1"/>
  <c r="X61135" i="1"/>
  <c r="X61136" i="1"/>
  <c r="X61137" i="1"/>
  <c r="X61138" i="1"/>
  <c r="X61139" i="1"/>
  <c r="X61140" i="1"/>
  <c r="X61141" i="1"/>
  <c r="X61142" i="1"/>
  <c r="X61143" i="1"/>
  <c r="X61144" i="1"/>
  <c r="X61145" i="1"/>
  <c r="X61146" i="1"/>
  <c r="X61147" i="1"/>
  <c r="X61148" i="1"/>
  <c r="X61149" i="1"/>
  <c r="X61150" i="1"/>
  <c r="X61151" i="1"/>
  <c r="X61152" i="1"/>
  <c r="X61153" i="1"/>
  <c r="X61154" i="1"/>
  <c r="X61155" i="1"/>
  <c r="X61156" i="1"/>
  <c r="X61157" i="1"/>
  <c r="X61158" i="1"/>
  <c r="X61159" i="1"/>
  <c r="X61160" i="1"/>
  <c r="X61161" i="1"/>
  <c r="X61162" i="1"/>
  <c r="X61163" i="1"/>
  <c r="X61164" i="1"/>
  <c r="X61165" i="1"/>
  <c r="X61166" i="1"/>
  <c r="X61167" i="1"/>
  <c r="X61168" i="1"/>
  <c r="X61169" i="1"/>
  <c r="X61170" i="1"/>
  <c r="X61171" i="1"/>
  <c r="X61172" i="1"/>
  <c r="X61173" i="1"/>
  <c r="X61174" i="1"/>
  <c r="X61175" i="1"/>
  <c r="X61176" i="1"/>
  <c r="X61177" i="1"/>
  <c r="X61178" i="1"/>
  <c r="X61179" i="1"/>
  <c r="X61180" i="1"/>
  <c r="X61181" i="1"/>
  <c r="X61182" i="1"/>
  <c r="X61183" i="1"/>
  <c r="X61184" i="1"/>
  <c r="X61185" i="1"/>
  <c r="X61186" i="1"/>
  <c r="X61187" i="1"/>
  <c r="X61188" i="1"/>
  <c r="X61189" i="1"/>
  <c r="X61190" i="1"/>
  <c r="X61191" i="1"/>
  <c r="X61192" i="1"/>
  <c r="X61193" i="1"/>
  <c r="X61194" i="1"/>
  <c r="X61195" i="1"/>
  <c r="X61196" i="1"/>
  <c r="X61197" i="1"/>
  <c r="X61198" i="1"/>
  <c r="X61199" i="1"/>
  <c r="X61200" i="1"/>
  <c r="X61201" i="1"/>
  <c r="X61202" i="1"/>
  <c r="X61203" i="1"/>
  <c r="X61204" i="1"/>
  <c r="X61205" i="1"/>
  <c r="X61206" i="1"/>
  <c r="X61207" i="1"/>
  <c r="X61208" i="1"/>
  <c r="X61209" i="1"/>
  <c r="X61210" i="1"/>
  <c r="X61211" i="1"/>
  <c r="X61212" i="1"/>
  <c r="X61213" i="1"/>
  <c r="X61214" i="1"/>
  <c r="X61215" i="1"/>
  <c r="X61216" i="1"/>
  <c r="X61217" i="1"/>
  <c r="X61218" i="1"/>
  <c r="X61219" i="1"/>
  <c r="X61220" i="1"/>
  <c r="X61221" i="1"/>
  <c r="X61222" i="1"/>
  <c r="X61223" i="1"/>
  <c r="X61224" i="1"/>
  <c r="X61225" i="1"/>
  <c r="X61226" i="1"/>
  <c r="X61227" i="1"/>
  <c r="X61228" i="1"/>
  <c r="X61229" i="1"/>
  <c r="X61230" i="1"/>
  <c r="X61231" i="1"/>
  <c r="X61232" i="1"/>
  <c r="X61233" i="1"/>
  <c r="X61234" i="1"/>
  <c r="X61235" i="1"/>
  <c r="X61236" i="1"/>
  <c r="X61237" i="1"/>
  <c r="X61238" i="1"/>
  <c r="X61239" i="1"/>
  <c r="X61240" i="1"/>
  <c r="X61241" i="1"/>
  <c r="X61242" i="1"/>
  <c r="X61243" i="1"/>
  <c r="X61244" i="1"/>
  <c r="X61245" i="1"/>
  <c r="X61246" i="1"/>
  <c r="X61247" i="1"/>
  <c r="X61248" i="1"/>
  <c r="X61249" i="1"/>
  <c r="X61250" i="1"/>
  <c r="X61251" i="1"/>
  <c r="X61252" i="1"/>
  <c r="X61253" i="1"/>
  <c r="X61254" i="1"/>
  <c r="X61255" i="1"/>
  <c r="X61256" i="1"/>
  <c r="X61257" i="1"/>
  <c r="X61258" i="1"/>
  <c r="X61259" i="1"/>
  <c r="X61260" i="1"/>
  <c r="X61261" i="1"/>
  <c r="X61262" i="1"/>
  <c r="X61263" i="1"/>
  <c r="X61264" i="1"/>
  <c r="X61265" i="1"/>
  <c r="X61266" i="1"/>
  <c r="X61267" i="1"/>
  <c r="X61268" i="1"/>
  <c r="X61269" i="1"/>
  <c r="X61270" i="1"/>
  <c r="X61271" i="1"/>
  <c r="X61272" i="1"/>
  <c r="X61273" i="1"/>
  <c r="X61274" i="1"/>
  <c r="X61275" i="1"/>
  <c r="X61276" i="1"/>
  <c r="X61277" i="1"/>
  <c r="X61278" i="1"/>
  <c r="X61279" i="1"/>
  <c r="X61280" i="1"/>
  <c r="X61281" i="1"/>
  <c r="X61282" i="1"/>
  <c r="X61283" i="1"/>
  <c r="X61284" i="1"/>
  <c r="X61285" i="1"/>
  <c r="X61286" i="1"/>
  <c r="X61287" i="1"/>
  <c r="X61288" i="1"/>
  <c r="X61289" i="1"/>
  <c r="X61290" i="1"/>
  <c r="X61291" i="1"/>
  <c r="X61292" i="1"/>
  <c r="X61293" i="1"/>
  <c r="X61294" i="1"/>
  <c r="X61295" i="1"/>
  <c r="X61296" i="1"/>
  <c r="X61297" i="1"/>
  <c r="X61298" i="1"/>
  <c r="X61299" i="1"/>
  <c r="X61300" i="1"/>
  <c r="X61301" i="1"/>
  <c r="X61302" i="1"/>
  <c r="X61303" i="1"/>
  <c r="X61304" i="1"/>
  <c r="X61305" i="1"/>
  <c r="X61306" i="1"/>
  <c r="X61307" i="1"/>
  <c r="X61308" i="1"/>
  <c r="X61309" i="1"/>
  <c r="X61310" i="1"/>
  <c r="X61311" i="1"/>
  <c r="X61312" i="1"/>
  <c r="X61313" i="1"/>
  <c r="X61314" i="1"/>
  <c r="X61315" i="1"/>
  <c r="X61316" i="1"/>
  <c r="X61317" i="1"/>
  <c r="X61318" i="1"/>
  <c r="X61319" i="1"/>
  <c r="X61320" i="1"/>
  <c r="X61321" i="1"/>
  <c r="X61322" i="1"/>
  <c r="X61323" i="1"/>
  <c r="X61324" i="1"/>
  <c r="X61325" i="1"/>
  <c r="X61326" i="1"/>
  <c r="X61327" i="1"/>
  <c r="X61328" i="1"/>
  <c r="X61329" i="1"/>
  <c r="X61330" i="1"/>
  <c r="X61331" i="1"/>
  <c r="X61332" i="1"/>
  <c r="X61333" i="1"/>
  <c r="X61334" i="1"/>
  <c r="X61335" i="1"/>
  <c r="X61336" i="1"/>
  <c r="X61337" i="1"/>
  <c r="X61338" i="1"/>
  <c r="X61339" i="1"/>
  <c r="X61340" i="1"/>
  <c r="X61341" i="1"/>
  <c r="X61342" i="1"/>
  <c r="X61343" i="1"/>
  <c r="X61344" i="1"/>
  <c r="X61345" i="1"/>
  <c r="X61346" i="1"/>
  <c r="X61347" i="1"/>
  <c r="X61348" i="1"/>
  <c r="X61349" i="1"/>
  <c r="X61350" i="1"/>
  <c r="X61351" i="1"/>
  <c r="X61352" i="1"/>
  <c r="X61353" i="1"/>
  <c r="X61354" i="1"/>
  <c r="X61355" i="1"/>
  <c r="X61356" i="1"/>
  <c r="X61357" i="1"/>
  <c r="X61358" i="1"/>
  <c r="X61359" i="1"/>
  <c r="X61360" i="1"/>
  <c r="X61361" i="1"/>
  <c r="X61362" i="1"/>
  <c r="X61363" i="1"/>
  <c r="X61364" i="1"/>
  <c r="X61365" i="1"/>
  <c r="X61366" i="1"/>
  <c r="X61367" i="1"/>
  <c r="X61368" i="1"/>
  <c r="X61369" i="1"/>
  <c r="X61370" i="1"/>
  <c r="X61371" i="1"/>
  <c r="X61372" i="1"/>
  <c r="X61373" i="1"/>
  <c r="X61374" i="1"/>
  <c r="X61375" i="1"/>
  <c r="X61376" i="1"/>
  <c r="X61377" i="1"/>
  <c r="X61378" i="1"/>
  <c r="X61379" i="1"/>
  <c r="X61380" i="1"/>
  <c r="X61381" i="1"/>
  <c r="X61382" i="1"/>
  <c r="X61383" i="1"/>
  <c r="X61384" i="1"/>
  <c r="X61385" i="1"/>
  <c r="X61386" i="1"/>
  <c r="X61387" i="1"/>
  <c r="X61388" i="1"/>
  <c r="X61389" i="1"/>
  <c r="X61390" i="1"/>
  <c r="X61391" i="1"/>
  <c r="X61392" i="1"/>
  <c r="X61393" i="1"/>
  <c r="X61394" i="1"/>
  <c r="X61395" i="1"/>
  <c r="X61396" i="1"/>
  <c r="X61397" i="1"/>
  <c r="X61398" i="1"/>
  <c r="X61399" i="1"/>
  <c r="X61400" i="1"/>
  <c r="X61401" i="1"/>
  <c r="X61402" i="1"/>
  <c r="X61403" i="1"/>
  <c r="X61404" i="1"/>
  <c r="X61405" i="1"/>
  <c r="X61406" i="1"/>
  <c r="X61407" i="1"/>
  <c r="X61408" i="1"/>
  <c r="X61409" i="1"/>
  <c r="X61410" i="1"/>
  <c r="X61411" i="1"/>
  <c r="X61412" i="1"/>
  <c r="X61413" i="1"/>
  <c r="X61414" i="1"/>
  <c r="X61415" i="1"/>
  <c r="X61416" i="1"/>
  <c r="X61417" i="1"/>
  <c r="X61418" i="1"/>
  <c r="X61419" i="1"/>
  <c r="X61420" i="1"/>
  <c r="X61421" i="1"/>
  <c r="X61422" i="1"/>
  <c r="X61423" i="1"/>
  <c r="X61424" i="1"/>
  <c r="X61425" i="1"/>
  <c r="X61426" i="1"/>
  <c r="X61427" i="1"/>
  <c r="X61428" i="1"/>
  <c r="X61429" i="1"/>
  <c r="X61430" i="1"/>
  <c r="X61431" i="1"/>
  <c r="X61432" i="1"/>
  <c r="X61433" i="1"/>
  <c r="X61434" i="1"/>
  <c r="X61435" i="1"/>
  <c r="X61436" i="1"/>
  <c r="X61437" i="1"/>
  <c r="X61438" i="1"/>
  <c r="X61439" i="1"/>
  <c r="X61440" i="1"/>
  <c r="X61441" i="1"/>
  <c r="X61442" i="1"/>
  <c r="X61443" i="1"/>
  <c r="X61444" i="1"/>
  <c r="X61445" i="1"/>
  <c r="X61446" i="1"/>
  <c r="X61447" i="1"/>
  <c r="X61448" i="1"/>
  <c r="X61449" i="1"/>
  <c r="X61450" i="1"/>
  <c r="X61451" i="1"/>
  <c r="X61452" i="1"/>
  <c r="X61453" i="1"/>
  <c r="X61454" i="1"/>
  <c r="X61455" i="1"/>
  <c r="X61456" i="1"/>
  <c r="X61457" i="1"/>
  <c r="X61458" i="1"/>
  <c r="X61459" i="1"/>
  <c r="X61460" i="1"/>
  <c r="X61461" i="1"/>
  <c r="X61462" i="1"/>
  <c r="X61463" i="1"/>
  <c r="X61464" i="1"/>
  <c r="X61465" i="1"/>
  <c r="X61466" i="1"/>
  <c r="X61467" i="1"/>
  <c r="X61468" i="1"/>
  <c r="X61469" i="1"/>
  <c r="X61470" i="1"/>
  <c r="X61471" i="1"/>
  <c r="X61472" i="1"/>
  <c r="X61473" i="1"/>
  <c r="X61474" i="1"/>
  <c r="X61475" i="1"/>
  <c r="X61476" i="1"/>
  <c r="X61477" i="1"/>
  <c r="X61478" i="1"/>
  <c r="X61479" i="1"/>
  <c r="X61480" i="1"/>
  <c r="X61481" i="1"/>
  <c r="X61482" i="1"/>
  <c r="X61483" i="1"/>
  <c r="X61484" i="1"/>
  <c r="X61485" i="1"/>
  <c r="X61486" i="1"/>
  <c r="X61487" i="1"/>
  <c r="X61488" i="1"/>
  <c r="X61489" i="1"/>
  <c r="X61490" i="1"/>
  <c r="X61491" i="1"/>
  <c r="X61492" i="1"/>
  <c r="X61493" i="1"/>
  <c r="X61494" i="1"/>
  <c r="X61495" i="1"/>
  <c r="X61496" i="1"/>
  <c r="X61497" i="1"/>
  <c r="X61498" i="1"/>
  <c r="X61499" i="1"/>
  <c r="X61500" i="1"/>
  <c r="X61501" i="1"/>
  <c r="X61502" i="1"/>
  <c r="X61503" i="1"/>
  <c r="X61504" i="1"/>
  <c r="X61505" i="1"/>
  <c r="X61506" i="1"/>
  <c r="X61507" i="1"/>
  <c r="X61508" i="1"/>
  <c r="X61509" i="1"/>
  <c r="X61510" i="1"/>
  <c r="X61511" i="1"/>
  <c r="X61512" i="1"/>
  <c r="X61513" i="1"/>
  <c r="X61514" i="1"/>
  <c r="X61515" i="1"/>
  <c r="X61516" i="1"/>
  <c r="X61517" i="1"/>
  <c r="X61518" i="1"/>
  <c r="X61519" i="1"/>
  <c r="X61520" i="1"/>
  <c r="X61521" i="1"/>
  <c r="X61522" i="1"/>
  <c r="X61523" i="1"/>
  <c r="X61524" i="1"/>
  <c r="X61525" i="1"/>
  <c r="X61526" i="1"/>
  <c r="X61527" i="1"/>
  <c r="X61528" i="1"/>
  <c r="X61529" i="1"/>
  <c r="X61530" i="1"/>
  <c r="X61531" i="1"/>
  <c r="X61532" i="1"/>
  <c r="X61533" i="1"/>
  <c r="X61534" i="1"/>
  <c r="X61535" i="1"/>
  <c r="X61536" i="1"/>
  <c r="X61537" i="1"/>
  <c r="X61538" i="1"/>
  <c r="X61539" i="1"/>
  <c r="X61540" i="1"/>
  <c r="X61541" i="1"/>
  <c r="X61542" i="1"/>
  <c r="X61543" i="1"/>
  <c r="X61544" i="1"/>
  <c r="X61545" i="1"/>
  <c r="X61546" i="1"/>
  <c r="X61547" i="1"/>
  <c r="X61548" i="1"/>
  <c r="X61549" i="1"/>
  <c r="X61550" i="1"/>
  <c r="X61551" i="1"/>
  <c r="X61552" i="1"/>
  <c r="X61553" i="1"/>
  <c r="X61554" i="1"/>
  <c r="X61555" i="1"/>
  <c r="X61556" i="1"/>
  <c r="X61557" i="1"/>
  <c r="X61558" i="1"/>
  <c r="X61559" i="1"/>
  <c r="X61560" i="1"/>
  <c r="X61561" i="1"/>
  <c r="X61562" i="1"/>
  <c r="X61563" i="1"/>
  <c r="X61564" i="1"/>
  <c r="X61565" i="1"/>
  <c r="X61566" i="1"/>
  <c r="X61567" i="1"/>
  <c r="X61568" i="1"/>
  <c r="X61569" i="1"/>
  <c r="X61570" i="1"/>
  <c r="X61571" i="1"/>
  <c r="X61572" i="1"/>
  <c r="X61573" i="1"/>
  <c r="X61574" i="1"/>
  <c r="X61575" i="1"/>
  <c r="X61576" i="1"/>
  <c r="X61577" i="1"/>
  <c r="X61578" i="1"/>
  <c r="X61579" i="1"/>
  <c r="X61580" i="1"/>
  <c r="X61581" i="1"/>
  <c r="X61582" i="1"/>
  <c r="X61583" i="1"/>
  <c r="X61584" i="1"/>
  <c r="X61585" i="1"/>
  <c r="X61586" i="1"/>
  <c r="X61587" i="1"/>
  <c r="X61588" i="1"/>
  <c r="X61589" i="1"/>
  <c r="X61590" i="1"/>
  <c r="X61591" i="1"/>
  <c r="X61592" i="1"/>
  <c r="X61593" i="1"/>
  <c r="X61594" i="1"/>
  <c r="X61595" i="1"/>
  <c r="X61596" i="1"/>
  <c r="X61597" i="1"/>
  <c r="X61598" i="1"/>
  <c r="X61599" i="1"/>
  <c r="X61600" i="1"/>
  <c r="X61601" i="1"/>
  <c r="X61602" i="1"/>
  <c r="X61603" i="1"/>
  <c r="X61604" i="1"/>
  <c r="X61605" i="1"/>
  <c r="X61606" i="1"/>
  <c r="X61607" i="1"/>
  <c r="X61608" i="1"/>
  <c r="X61609" i="1"/>
  <c r="X61610" i="1"/>
  <c r="X61611" i="1"/>
  <c r="X61612" i="1"/>
  <c r="X61613" i="1"/>
  <c r="X61614" i="1"/>
  <c r="X61615" i="1"/>
  <c r="X61616" i="1"/>
  <c r="X61617" i="1"/>
  <c r="X61618" i="1"/>
  <c r="X61619" i="1"/>
  <c r="X61620" i="1"/>
  <c r="X61621" i="1"/>
  <c r="X61622" i="1"/>
  <c r="X61623" i="1"/>
  <c r="X61624" i="1"/>
  <c r="X61625" i="1"/>
  <c r="X61626" i="1"/>
  <c r="X61627" i="1"/>
  <c r="X61628" i="1"/>
  <c r="X61629" i="1"/>
  <c r="X61630" i="1"/>
  <c r="X61631" i="1"/>
  <c r="X61632" i="1"/>
  <c r="X61633" i="1"/>
  <c r="X61634" i="1"/>
  <c r="X61635" i="1"/>
  <c r="X61636" i="1"/>
  <c r="X61637" i="1"/>
  <c r="X61638" i="1"/>
  <c r="X61639" i="1"/>
  <c r="X61640" i="1"/>
  <c r="X61641" i="1"/>
  <c r="X61642" i="1"/>
  <c r="X61643" i="1"/>
  <c r="X61644" i="1"/>
  <c r="X61645" i="1"/>
  <c r="X61646" i="1"/>
  <c r="X61647" i="1"/>
  <c r="X61648" i="1"/>
  <c r="X61649" i="1"/>
  <c r="X61650" i="1"/>
  <c r="X61651" i="1"/>
  <c r="X61652" i="1"/>
  <c r="X61653" i="1"/>
  <c r="X61654" i="1"/>
  <c r="X61655" i="1"/>
  <c r="X61656" i="1"/>
  <c r="X61657" i="1"/>
  <c r="X61658" i="1"/>
  <c r="X61659" i="1"/>
  <c r="X61660" i="1"/>
  <c r="X61661" i="1"/>
  <c r="X61662" i="1"/>
  <c r="X61663" i="1"/>
  <c r="X61664" i="1"/>
  <c r="X61665" i="1"/>
  <c r="X61666" i="1"/>
  <c r="X61667" i="1"/>
  <c r="X61668" i="1"/>
  <c r="X61669" i="1"/>
  <c r="X61670" i="1"/>
  <c r="X61671" i="1"/>
  <c r="X61672" i="1"/>
  <c r="X61673" i="1"/>
  <c r="X61674" i="1"/>
  <c r="X61675" i="1"/>
  <c r="X61676" i="1"/>
  <c r="X61677" i="1"/>
  <c r="X61678" i="1"/>
  <c r="X61679" i="1"/>
  <c r="X61680" i="1"/>
  <c r="X61681" i="1"/>
  <c r="X61682" i="1"/>
  <c r="X61683" i="1"/>
  <c r="X61684" i="1"/>
  <c r="X61685" i="1"/>
  <c r="X61686" i="1"/>
  <c r="X61687" i="1"/>
  <c r="X61688" i="1"/>
  <c r="X61689" i="1"/>
  <c r="X61690" i="1"/>
  <c r="X61691" i="1"/>
  <c r="X61692" i="1"/>
  <c r="X61693" i="1"/>
  <c r="X61694" i="1"/>
  <c r="X61695" i="1"/>
  <c r="X61696" i="1"/>
  <c r="X61697" i="1"/>
  <c r="X61698" i="1"/>
  <c r="X61699" i="1"/>
  <c r="X61700" i="1"/>
  <c r="X61701" i="1"/>
  <c r="X61702" i="1"/>
  <c r="X61703" i="1"/>
  <c r="X61704" i="1"/>
  <c r="X61705" i="1"/>
  <c r="X61706" i="1"/>
  <c r="X61707" i="1"/>
  <c r="X61708" i="1"/>
  <c r="X61709" i="1"/>
  <c r="X61710" i="1"/>
  <c r="X61711" i="1"/>
  <c r="X61712" i="1"/>
  <c r="X61713" i="1"/>
  <c r="X61714" i="1"/>
  <c r="X61715" i="1"/>
  <c r="X61716" i="1"/>
  <c r="X61717" i="1"/>
  <c r="X61718" i="1"/>
  <c r="X61719" i="1"/>
  <c r="X61720" i="1"/>
  <c r="X61721" i="1"/>
  <c r="X61722" i="1"/>
  <c r="X61723" i="1"/>
  <c r="X61724" i="1"/>
  <c r="X61725" i="1"/>
  <c r="X61726" i="1"/>
  <c r="X61727" i="1"/>
  <c r="X61728" i="1"/>
  <c r="X61729" i="1"/>
  <c r="X61730" i="1"/>
  <c r="X61731" i="1"/>
  <c r="X61732" i="1"/>
  <c r="X61733" i="1"/>
  <c r="X61734" i="1"/>
  <c r="X61735" i="1"/>
  <c r="X61736" i="1"/>
  <c r="X61737" i="1"/>
  <c r="X61738" i="1"/>
  <c r="X61739" i="1"/>
  <c r="X61740" i="1"/>
  <c r="X61741" i="1"/>
  <c r="X61742" i="1"/>
  <c r="X61743" i="1"/>
  <c r="X61744" i="1"/>
  <c r="X61745" i="1"/>
  <c r="X61746" i="1"/>
  <c r="X61747" i="1"/>
  <c r="X61748" i="1"/>
  <c r="X61749" i="1"/>
  <c r="X61750" i="1"/>
  <c r="X61751" i="1"/>
  <c r="X61752" i="1"/>
  <c r="X61753" i="1"/>
  <c r="X61754" i="1"/>
  <c r="X61755" i="1"/>
  <c r="X61756" i="1"/>
  <c r="X61757" i="1"/>
  <c r="X61758" i="1"/>
  <c r="X61759" i="1"/>
  <c r="X61760" i="1"/>
  <c r="X61761" i="1"/>
  <c r="X61762" i="1"/>
  <c r="X61763" i="1"/>
  <c r="X61764" i="1"/>
  <c r="X61765" i="1"/>
  <c r="X61766" i="1"/>
  <c r="X61767" i="1"/>
  <c r="X61768" i="1"/>
  <c r="X61769" i="1"/>
  <c r="X61770" i="1"/>
  <c r="X61771" i="1"/>
  <c r="X61772" i="1"/>
  <c r="X61773" i="1"/>
  <c r="X61774" i="1"/>
  <c r="X61775" i="1"/>
  <c r="X61776" i="1"/>
  <c r="X61777" i="1"/>
  <c r="X61778" i="1"/>
  <c r="X61779" i="1"/>
  <c r="X61780" i="1"/>
  <c r="X61781" i="1"/>
  <c r="X61782" i="1"/>
  <c r="X61783" i="1"/>
  <c r="X61784" i="1"/>
  <c r="X61785" i="1"/>
  <c r="X61786" i="1"/>
  <c r="X61787" i="1"/>
  <c r="X61788" i="1"/>
  <c r="X61789" i="1"/>
  <c r="X61790" i="1"/>
  <c r="X61791" i="1"/>
  <c r="X61792" i="1"/>
  <c r="X61793" i="1"/>
  <c r="X61794" i="1"/>
  <c r="X61795" i="1"/>
  <c r="X61796" i="1"/>
  <c r="X61797" i="1"/>
  <c r="X61798" i="1"/>
  <c r="X61799" i="1"/>
  <c r="X61800" i="1"/>
  <c r="X61801" i="1"/>
  <c r="X61802" i="1"/>
  <c r="X61803" i="1"/>
  <c r="X61804" i="1"/>
  <c r="X61805" i="1"/>
  <c r="X61806" i="1"/>
  <c r="X61807" i="1"/>
  <c r="X61808" i="1"/>
  <c r="X61809" i="1"/>
  <c r="X61810" i="1"/>
  <c r="X61811" i="1"/>
  <c r="X61812" i="1"/>
  <c r="X61813" i="1"/>
  <c r="X61814" i="1"/>
  <c r="X61815" i="1"/>
  <c r="X61816" i="1"/>
  <c r="X61817" i="1"/>
  <c r="X61818" i="1"/>
  <c r="X61819" i="1"/>
  <c r="X61820" i="1"/>
  <c r="X61821" i="1"/>
  <c r="X61822" i="1"/>
  <c r="X61823" i="1"/>
  <c r="X61824" i="1"/>
  <c r="X61825" i="1"/>
  <c r="X61826" i="1"/>
  <c r="X61827" i="1"/>
  <c r="X61828" i="1"/>
  <c r="X61829" i="1"/>
  <c r="X61830" i="1"/>
  <c r="X61831" i="1"/>
  <c r="X61832" i="1"/>
  <c r="X61833" i="1"/>
  <c r="X61834" i="1"/>
  <c r="X61835" i="1"/>
  <c r="X61836" i="1"/>
  <c r="X61837" i="1"/>
  <c r="X61838" i="1"/>
  <c r="X61839" i="1"/>
  <c r="X61840" i="1"/>
  <c r="X61841" i="1"/>
  <c r="X61842" i="1"/>
  <c r="X61843" i="1"/>
  <c r="X61844" i="1"/>
  <c r="X61845" i="1"/>
  <c r="X61846" i="1"/>
  <c r="X61847" i="1"/>
  <c r="X61848" i="1"/>
  <c r="X61849" i="1"/>
  <c r="X61850" i="1"/>
  <c r="X61851" i="1"/>
  <c r="X61852" i="1"/>
  <c r="X61853" i="1"/>
  <c r="X61854" i="1"/>
  <c r="X61855" i="1"/>
  <c r="X61856" i="1"/>
  <c r="X61857" i="1"/>
  <c r="X61858" i="1"/>
  <c r="X61859" i="1"/>
  <c r="X61860" i="1"/>
  <c r="X61861" i="1"/>
  <c r="X61862" i="1"/>
  <c r="X61863" i="1"/>
  <c r="X61864" i="1"/>
  <c r="X61865" i="1"/>
  <c r="X61866" i="1"/>
  <c r="X61867" i="1"/>
  <c r="X61868" i="1"/>
  <c r="X61869" i="1"/>
  <c r="X61870" i="1"/>
  <c r="X61871" i="1"/>
  <c r="X61872" i="1"/>
  <c r="X61873" i="1"/>
  <c r="X61874" i="1"/>
  <c r="X61875" i="1"/>
  <c r="X61876" i="1"/>
  <c r="X61877" i="1"/>
  <c r="X61878" i="1"/>
  <c r="X61879" i="1"/>
  <c r="X61880" i="1"/>
  <c r="X61881" i="1"/>
  <c r="X61882" i="1"/>
  <c r="X61883" i="1"/>
  <c r="X61884" i="1"/>
  <c r="X61885" i="1"/>
  <c r="X61886" i="1"/>
  <c r="X61887" i="1"/>
  <c r="X61888" i="1"/>
  <c r="X61889" i="1"/>
  <c r="X61890" i="1"/>
  <c r="X61891" i="1"/>
  <c r="X61892" i="1"/>
  <c r="X61893" i="1"/>
  <c r="X61894" i="1"/>
  <c r="X61895" i="1"/>
  <c r="X61896" i="1"/>
  <c r="X61897" i="1"/>
  <c r="X61898" i="1"/>
  <c r="X61899" i="1"/>
  <c r="X61900" i="1"/>
  <c r="X61901" i="1"/>
  <c r="X61902" i="1"/>
  <c r="X61903" i="1"/>
  <c r="X61904" i="1"/>
  <c r="X61905" i="1"/>
  <c r="X61906" i="1"/>
  <c r="X61907" i="1"/>
  <c r="X61908" i="1"/>
  <c r="X61909" i="1"/>
  <c r="X61910" i="1"/>
  <c r="X61911" i="1"/>
  <c r="X61912" i="1"/>
  <c r="X61913" i="1"/>
  <c r="X61914" i="1"/>
  <c r="X61915" i="1"/>
  <c r="X61916" i="1"/>
  <c r="X61917" i="1"/>
  <c r="X61918" i="1"/>
  <c r="X61919" i="1"/>
  <c r="X61920" i="1"/>
  <c r="X61921" i="1"/>
  <c r="X61922" i="1"/>
  <c r="X61923" i="1"/>
  <c r="X61924" i="1"/>
  <c r="X61925" i="1"/>
  <c r="X61926" i="1"/>
  <c r="X61927" i="1"/>
  <c r="X61928" i="1"/>
  <c r="X61929" i="1"/>
  <c r="X61930" i="1"/>
  <c r="X61931" i="1"/>
  <c r="X61932" i="1"/>
  <c r="X61933" i="1"/>
  <c r="X61934" i="1"/>
  <c r="X61935" i="1"/>
  <c r="X61936" i="1"/>
  <c r="X61937" i="1"/>
  <c r="X61938" i="1"/>
  <c r="X61939" i="1"/>
  <c r="X61940" i="1"/>
  <c r="X61941" i="1"/>
  <c r="X61942" i="1"/>
  <c r="X61943" i="1"/>
  <c r="X61944" i="1"/>
  <c r="X61945" i="1"/>
  <c r="X61946" i="1"/>
  <c r="X61947" i="1"/>
  <c r="X61948" i="1"/>
  <c r="X61949" i="1"/>
  <c r="X61950" i="1"/>
  <c r="X61951" i="1"/>
  <c r="X61952" i="1"/>
  <c r="X61953" i="1"/>
  <c r="X61954" i="1"/>
  <c r="X61955" i="1"/>
  <c r="X61956" i="1"/>
  <c r="X61957" i="1"/>
  <c r="X61958" i="1"/>
  <c r="X61959" i="1"/>
  <c r="X61960" i="1"/>
  <c r="X61961" i="1"/>
  <c r="X61962" i="1"/>
  <c r="X61963" i="1"/>
  <c r="X61964" i="1"/>
  <c r="X61965" i="1"/>
  <c r="X61966" i="1"/>
  <c r="X61967" i="1"/>
  <c r="X61968" i="1"/>
  <c r="X61969" i="1"/>
  <c r="X61970" i="1"/>
  <c r="X61971" i="1"/>
  <c r="X61972" i="1"/>
  <c r="X61973" i="1"/>
  <c r="X61974" i="1"/>
  <c r="X61975" i="1"/>
  <c r="X61976" i="1"/>
  <c r="X61977" i="1"/>
  <c r="X61978" i="1"/>
  <c r="X61979" i="1"/>
  <c r="X61980" i="1"/>
  <c r="X61981" i="1"/>
  <c r="X61982" i="1"/>
  <c r="X61983" i="1"/>
  <c r="X61984" i="1"/>
  <c r="X61985" i="1"/>
  <c r="X61986" i="1"/>
  <c r="X61987" i="1"/>
  <c r="X61988" i="1"/>
  <c r="X61989" i="1"/>
  <c r="X61990" i="1"/>
  <c r="X61991" i="1"/>
  <c r="X61992" i="1"/>
  <c r="X61993" i="1"/>
  <c r="X61994" i="1"/>
  <c r="X61995" i="1"/>
  <c r="X61996" i="1"/>
  <c r="X61997" i="1"/>
  <c r="X61998" i="1"/>
  <c r="X61999" i="1"/>
  <c r="X62000" i="1"/>
  <c r="X62001" i="1"/>
  <c r="X62002" i="1"/>
  <c r="X62003" i="1"/>
  <c r="X62004" i="1"/>
  <c r="X62005" i="1"/>
  <c r="X62006" i="1"/>
  <c r="X62007" i="1"/>
  <c r="X62008" i="1"/>
  <c r="X62009" i="1"/>
  <c r="X62010" i="1"/>
  <c r="X62011" i="1"/>
  <c r="X62012" i="1"/>
  <c r="X62013" i="1"/>
  <c r="X62014" i="1"/>
  <c r="X62015" i="1"/>
  <c r="X62016" i="1"/>
  <c r="X62017" i="1"/>
  <c r="X62018" i="1"/>
  <c r="X62019" i="1"/>
  <c r="X62020" i="1"/>
  <c r="X62021" i="1"/>
  <c r="X62022" i="1"/>
  <c r="X62023" i="1"/>
  <c r="X62024" i="1"/>
  <c r="X62025" i="1"/>
  <c r="X62026" i="1"/>
  <c r="X62027" i="1"/>
  <c r="X62028" i="1"/>
  <c r="X62029" i="1"/>
  <c r="X62030" i="1"/>
  <c r="X62031" i="1"/>
  <c r="X62032" i="1"/>
  <c r="X62033" i="1"/>
  <c r="X62034" i="1"/>
  <c r="X62035" i="1"/>
  <c r="X62036" i="1"/>
  <c r="X62037" i="1"/>
  <c r="X62038" i="1"/>
  <c r="X62039" i="1"/>
  <c r="X62040" i="1"/>
  <c r="X62041" i="1"/>
  <c r="X62042" i="1"/>
  <c r="X62043" i="1"/>
  <c r="X62044" i="1"/>
  <c r="X62045" i="1"/>
  <c r="X62046" i="1"/>
  <c r="X62047" i="1"/>
  <c r="X62048" i="1"/>
  <c r="X62049" i="1"/>
  <c r="X62050" i="1"/>
  <c r="X62051" i="1"/>
  <c r="X62052" i="1"/>
  <c r="X62053" i="1"/>
  <c r="X62054" i="1"/>
  <c r="X62055" i="1"/>
  <c r="X62056" i="1"/>
  <c r="X62057" i="1"/>
  <c r="X62058" i="1"/>
  <c r="X62059" i="1"/>
  <c r="X62060" i="1"/>
  <c r="X62061" i="1"/>
  <c r="X62062" i="1"/>
  <c r="X62063" i="1"/>
  <c r="X62064" i="1"/>
  <c r="X62065" i="1"/>
  <c r="X62066" i="1"/>
  <c r="X62067" i="1"/>
  <c r="X62068" i="1"/>
  <c r="X62069" i="1"/>
  <c r="X62070" i="1"/>
  <c r="X62071" i="1"/>
  <c r="X62072" i="1"/>
  <c r="X62073" i="1"/>
  <c r="X62074" i="1"/>
  <c r="X62075" i="1"/>
  <c r="X62076" i="1"/>
  <c r="X62077" i="1"/>
  <c r="X62078" i="1"/>
  <c r="X62079" i="1"/>
  <c r="X62080" i="1"/>
  <c r="X62081" i="1"/>
  <c r="X62082" i="1"/>
  <c r="X62083" i="1"/>
  <c r="X62084" i="1"/>
  <c r="X62085" i="1"/>
  <c r="X62086" i="1"/>
  <c r="X62087" i="1"/>
  <c r="X62088" i="1"/>
  <c r="X62089" i="1"/>
  <c r="X62090" i="1"/>
  <c r="X62091" i="1"/>
  <c r="X62092" i="1"/>
  <c r="X62093" i="1"/>
  <c r="X62094" i="1"/>
  <c r="X62095" i="1"/>
  <c r="X62096" i="1"/>
  <c r="X62097" i="1"/>
  <c r="X62098" i="1"/>
  <c r="X62099" i="1"/>
  <c r="X62100" i="1"/>
  <c r="X62101" i="1"/>
  <c r="X62102" i="1"/>
  <c r="X62103" i="1"/>
  <c r="X62104" i="1"/>
  <c r="X62105" i="1"/>
  <c r="X62106" i="1"/>
  <c r="X62107" i="1"/>
  <c r="X62108" i="1"/>
  <c r="X62109" i="1"/>
  <c r="X62110" i="1"/>
  <c r="X62111" i="1"/>
  <c r="X62112" i="1"/>
  <c r="X62113" i="1"/>
  <c r="X62114" i="1"/>
  <c r="X62115" i="1"/>
  <c r="X62116" i="1"/>
  <c r="X62117" i="1"/>
  <c r="X62118" i="1"/>
  <c r="X62119" i="1"/>
  <c r="X62120" i="1"/>
  <c r="X62121" i="1"/>
  <c r="X62122" i="1"/>
  <c r="X62123" i="1"/>
  <c r="X62124" i="1"/>
  <c r="X62125" i="1"/>
  <c r="X62126" i="1"/>
  <c r="X62127" i="1"/>
  <c r="X62128" i="1"/>
  <c r="X62129" i="1"/>
  <c r="X62130" i="1"/>
  <c r="X62131" i="1"/>
  <c r="X62132" i="1"/>
  <c r="X62133" i="1"/>
  <c r="X62134" i="1"/>
  <c r="X62135" i="1"/>
  <c r="X62136" i="1"/>
  <c r="X62137" i="1"/>
  <c r="X62138" i="1"/>
  <c r="X62139" i="1"/>
  <c r="X62140" i="1"/>
  <c r="X62141" i="1"/>
  <c r="X62142" i="1"/>
  <c r="X62143" i="1"/>
  <c r="X62144" i="1"/>
  <c r="X62145" i="1"/>
  <c r="X62146" i="1"/>
  <c r="X62147" i="1"/>
  <c r="X62148" i="1"/>
  <c r="X62149" i="1"/>
  <c r="X62150" i="1"/>
  <c r="X62151" i="1"/>
  <c r="X62152" i="1"/>
  <c r="X62153" i="1"/>
  <c r="X62154" i="1"/>
  <c r="X62155" i="1"/>
  <c r="X62156" i="1"/>
  <c r="X62157" i="1"/>
  <c r="X62158" i="1"/>
  <c r="X62159" i="1"/>
  <c r="X62160" i="1"/>
  <c r="X62161" i="1"/>
  <c r="X62162" i="1"/>
  <c r="X62163" i="1"/>
  <c r="X62164" i="1"/>
  <c r="X62165" i="1"/>
  <c r="X62166" i="1"/>
  <c r="X62167" i="1"/>
  <c r="X62168" i="1"/>
  <c r="X62169" i="1"/>
  <c r="X62170" i="1"/>
  <c r="X62171" i="1"/>
  <c r="X62172" i="1"/>
  <c r="X62173" i="1"/>
  <c r="X62174" i="1"/>
  <c r="X62175" i="1"/>
  <c r="X62176" i="1"/>
  <c r="X62177" i="1"/>
  <c r="X62178" i="1"/>
  <c r="X62179" i="1"/>
  <c r="X62180" i="1"/>
  <c r="X62181" i="1"/>
  <c r="X62182" i="1"/>
  <c r="X62183" i="1"/>
  <c r="X62184" i="1"/>
  <c r="X62185" i="1"/>
  <c r="X62186" i="1"/>
  <c r="X62187" i="1"/>
  <c r="X62188" i="1"/>
  <c r="X62189" i="1"/>
  <c r="X62190" i="1"/>
  <c r="X62191" i="1"/>
  <c r="X62192" i="1"/>
  <c r="X62193" i="1"/>
  <c r="X62194" i="1"/>
  <c r="X62195" i="1"/>
  <c r="X62196" i="1"/>
  <c r="X62197" i="1"/>
  <c r="X62198" i="1"/>
  <c r="X62199" i="1"/>
  <c r="X62200" i="1"/>
  <c r="X62201" i="1"/>
  <c r="X62202" i="1"/>
  <c r="X62203" i="1"/>
  <c r="X62204" i="1"/>
  <c r="X62205" i="1"/>
  <c r="X62206" i="1"/>
  <c r="X62207" i="1"/>
  <c r="X62208" i="1"/>
  <c r="X62209" i="1"/>
  <c r="X62210" i="1"/>
  <c r="X62211" i="1"/>
  <c r="X62212" i="1"/>
  <c r="X62213" i="1"/>
  <c r="X62214" i="1"/>
  <c r="X62215" i="1"/>
  <c r="X62216" i="1"/>
  <c r="X62217" i="1"/>
  <c r="X62218" i="1"/>
  <c r="X62219" i="1"/>
  <c r="X62220" i="1"/>
  <c r="X62221" i="1"/>
  <c r="X62222" i="1"/>
  <c r="X62223" i="1"/>
  <c r="X62224" i="1"/>
  <c r="X62225" i="1"/>
  <c r="X62226" i="1"/>
  <c r="X62227" i="1"/>
  <c r="X62228" i="1"/>
  <c r="X62229" i="1"/>
  <c r="X62230" i="1"/>
  <c r="X62231" i="1"/>
  <c r="X62232" i="1"/>
  <c r="X62233" i="1"/>
  <c r="X62234" i="1"/>
  <c r="X62235" i="1"/>
  <c r="X62236" i="1"/>
  <c r="X62237" i="1"/>
  <c r="X62238" i="1"/>
  <c r="X62239" i="1"/>
  <c r="X62240" i="1"/>
  <c r="X62241" i="1"/>
  <c r="X62242" i="1"/>
  <c r="X62243" i="1"/>
  <c r="X62244" i="1"/>
  <c r="X62245" i="1"/>
  <c r="X62246" i="1"/>
  <c r="X62247" i="1"/>
  <c r="X62248" i="1"/>
  <c r="X62249" i="1"/>
  <c r="X62250" i="1"/>
  <c r="X62251" i="1"/>
  <c r="X62252" i="1"/>
  <c r="X62253" i="1"/>
  <c r="X62254" i="1"/>
  <c r="X62255" i="1"/>
  <c r="X62256" i="1"/>
  <c r="X62257" i="1"/>
  <c r="X62258" i="1"/>
  <c r="X62259" i="1"/>
  <c r="X62260" i="1"/>
  <c r="X62261" i="1"/>
  <c r="X62262" i="1"/>
  <c r="X62263" i="1"/>
  <c r="X62264" i="1"/>
  <c r="X62265" i="1"/>
  <c r="X62266" i="1"/>
  <c r="X62267" i="1"/>
  <c r="X62268" i="1"/>
  <c r="X62269" i="1"/>
  <c r="X62270" i="1"/>
  <c r="X62271" i="1"/>
  <c r="X62272" i="1"/>
  <c r="X62273" i="1"/>
  <c r="X62274" i="1"/>
  <c r="X62275" i="1"/>
  <c r="X62276" i="1"/>
  <c r="X62277" i="1"/>
  <c r="X62278" i="1"/>
  <c r="X62279" i="1"/>
  <c r="X62280" i="1"/>
  <c r="X62281" i="1"/>
  <c r="X62282" i="1"/>
  <c r="X62283" i="1"/>
  <c r="X62284" i="1"/>
  <c r="X62285" i="1"/>
  <c r="X62286" i="1"/>
  <c r="X62287" i="1"/>
  <c r="X62288" i="1"/>
  <c r="X62289" i="1"/>
  <c r="X62290" i="1"/>
  <c r="X62291" i="1"/>
  <c r="X62292" i="1"/>
  <c r="X62293" i="1"/>
  <c r="X62294" i="1"/>
  <c r="X62295" i="1"/>
  <c r="X62296" i="1"/>
  <c r="X62297" i="1"/>
  <c r="X62298" i="1"/>
  <c r="X62299" i="1"/>
  <c r="X62300" i="1"/>
  <c r="X62301" i="1"/>
  <c r="X62302" i="1"/>
  <c r="X62303" i="1"/>
  <c r="X62304" i="1"/>
  <c r="X62305" i="1"/>
  <c r="X62306" i="1"/>
  <c r="X62307" i="1"/>
  <c r="X62308" i="1"/>
  <c r="X62309" i="1"/>
  <c r="X62310" i="1"/>
  <c r="X62311" i="1"/>
  <c r="X62312" i="1"/>
  <c r="X62313" i="1"/>
  <c r="X62314" i="1"/>
  <c r="X62315" i="1"/>
  <c r="X62316" i="1"/>
  <c r="X62317" i="1"/>
  <c r="X62318" i="1"/>
  <c r="X62319" i="1"/>
  <c r="X62320" i="1"/>
  <c r="X62321" i="1"/>
  <c r="X62322" i="1"/>
  <c r="X62323" i="1"/>
  <c r="X62324" i="1"/>
  <c r="X62325" i="1"/>
  <c r="X62326" i="1"/>
  <c r="X62327" i="1"/>
  <c r="X62328" i="1"/>
  <c r="X62329" i="1"/>
  <c r="X62330" i="1"/>
  <c r="X62331" i="1"/>
  <c r="X62332" i="1"/>
  <c r="X62333" i="1"/>
  <c r="X62334" i="1"/>
  <c r="X62335" i="1"/>
  <c r="X62336" i="1"/>
  <c r="X62337" i="1"/>
  <c r="X62338" i="1"/>
  <c r="X62339" i="1"/>
  <c r="X62340" i="1"/>
  <c r="X62341" i="1"/>
  <c r="X62342" i="1"/>
  <c r="X62343" i="1"/>
  <c r="X62344" i="1"/>
  <c r="X62345" i="1"/>
  <c r="X62346" i="1"/>
  <c r="X62347" i="1"/>
  <c r="X62348" i="1"/>
  <c r="X62349" i="1"/>
  <c r="X62350" i="1"/>
  <c r="X62351" i="1"/>
  <c r="X62352" i="1"/>
  <c r="X62353" i="1"/>
  <c r="X62354" i="1"/>
  <c r="X62355" i="1"/>
  <c r="X62356" i="1"/>
  <c r="X62357" i="1"/>
  <c r="X62358" i="1"/>
  <c r="X62359" i="1"/>
  <c r="X62360" i="1"/>
  <c r="X62361" i="1"/>
  <c r="X62362" i="1"/>
  <c r="X62363" i="1"/>
  <c r="X62364" i="1"/>
  <c r="X62365" i="1"/>
  <c r="X62366" i="1"/>
  <c r="X62367" i="1"/>
  <c r="X62368" i="1"/>
  <c r="X62369" i="1"/>
  <c r="X62370" i="1"/>
  <c r="X62371" i="1"/>
  <c r="X62372" i="1"/>
  <c r="X62373" i="1"/>
  <c r="X62374" i="1"/>
  <c r="X62375" i="1"/>
  <c r="X62376" i="1"/>
  <c r="X62377" i="1"/>
  <c r="X62378" i="1"/>
  <c r="X62379" i="1"/>
  <c r="X62380" i="1"/>
  <c r="X62381" i="1"/>
  <c r="X62382" i="1"/>
  <c r="X62383" i="1"/>
  <c r="X62384" i="1"/>
  <c r="X62385" i="1"/>
  <c r="X62386" i="1"/>
  <c r="X62387" i="1"/>
  <c r="X62388" i="1"/>
  <c r="X62389" i="1"/>
  <c r="X62390" i="1"/>
  <c r="X62391" i="1"/>
  <c r="X62392" i="1"/>
  <c r="X62393" i="1"/>
  <c r="X62394" i="1"/>
  <c r="X62395" i="1"/>
  <c r="X62396" i="1"/>
  <c r="X62397" i="1"/>
  <c r="X62398" i="1"/>
  <c r="X62399" i="1"/>
  <c r="X62400" i="1"/>
  <c r="X62401" i="1"/>
  <c r="X62402" i="1"/>
  <c r="X62403" i="1"/>
  <c r="X62404" i="1"/>
  <c r="X62405" i="1"/>
  <c r="X62406" i="1"/>
  <c r="X62407" i="1"/>
  <c r="X62408" i="1"/>
  <c r="X62409" i="1"/>
  <c r="X62410" i="1"/>
  <c r="X62411" i="1"/>
  <c r="X62412" i="1"/>
  <c r="X62413" i="1"/>
  <c r="X62414" i="1"/>
  <c r="X62415" i="1"/>
  <c r="X62416" i="1"/>
  <c r="X62417" i="1"/>
  <c r="X62418" i="1"/>
  <c r="X62419" i="1"/>
  <c r="X62420" i="1"/>
  <c r="X62421" i="1"/>
  <c r="X62422" i="1"/>
  <c r="X62423" i="1"/>
  <c r="X62424" i="1"/>
  <c r="X62425" i="1"/>
  <c r="X62426" i="1"/>
  <c r="X62427" i="1"/>
  <c r="X62428" i="1"/>
  <c r="X62429" i="1"/>
  <c r="X62430" i="1"/>
  <c r="X62431" i="1"/>
  <c r="X62432" i="1"/>
  <c r="X62433" i="1"/>
  <c r="X62434" i="1"/>
  <c r="X62435" i="1"/>
  <c r="X62436" i="1"/>
  <c r="X62437" i="1"/>
  <c r="X62438" i="1"/>
  <c r="X62439" i="1"/>
  <c r="X62440" i="1"/>
  <c r="X62441" i="1"/>
  <c r="X62442" i="1"/>
  <c r="X62443" i="1"/>
  <c r="X62444" i="1"/>
  <c r="X62445" i="1"/>
  <c r="X62446" i="1"/>
  <c r="X62447" i="1"/>
  <c r="X62448" i="1"/>
  <c r="X62449" i="1"/>
  <c r="X62450" i="1"/>
  <c r="X62451" i="1"/>
  <c r="X62452" i="1"/>
  <c r="X62453" i="1"/>
  <c r="X62454" i="1"/>
  <c r="X62455" i="1"/>
  <c r="X62456" i="1"/>
  <c r="X62457" i="1"/>
  <c r="X62458" i="1"/>
  <c r="X62459" i="1"/>
  <c r="X62460" i="1"/>
  <c r="X62461" i="1"/>
  <c r="X62462" i="1"/>
  <c r="X62463" i="1"/>
  <c r="X62464" i="1"/>
  <c r="X62465" i="1"/>
  <c r="X62466" i="1"/>
  <c r="X62467" i="1"/>
  <c r="X62468" i="1"/>
  <c r="X62469" i="1"/>
  <c r="X62470" i="1"/>
  <c r="X62471" i="1"/>
  <c r="X62472" i="1"/>
  <c r="X62473" i="1"/>
  <c r="X62474" i="1"/>
  <c r="X62475" i="1"/>
  <c r="X62476" i="1"/>
  <c r="X62477" i="1"/>
  <c r="X62478" i="1"/>
  <c r="X62479" i="1"/>
  <c r="X62480" i="1"/>
  <c r="X62481" i="1"/>
  <c r="X62482" i="1"/>
  <c r="X62483" i="1"/>
  <c r="X62484" i="1"/>
  <c r="X62485" i="1"/>
  <c r="X62486" i="1"/>
  <c r="X62487" i="1"/>
  <c r="X62488" i="1"/>
  <c r="X62489" i="1"/>
  <c r="X62490" i="1"/>
  <c r="X62491" i="1"/>
  <c r="X62492" i="1"/>
  <c r="X62493" i="1"/>
  <c r="X62494" i="1"/>
  <c r="X62495" i="1"/>
  <c r="X62496" i="1"/>
  <c r="X62497" i="1"/>
  <c r="X62498" i="1"/>
  <c r="X62499" i="1"/>
  <c r="X62500" i="1"/>
  <c r="X62501" i="1"/>
  <c r="X62502" i="1"/>
  <c r="X62503" i="1"/>
  <c r="X62504" i="1"/>
  <c r="X62505" i="1"/>
  <c r="X62506" i="1"/>
  <c r="X62507" i="1"/>
  <c r="X62508" i="1"/>
  <c r="X62509" i="1"/>
  <c r="X62510" i="1"/>
  <c r="X62511" i="1"/>
  <c r="X62512" i="1"/>
  <c r="X62513" i="1"/>
  <c r="X62514" i="1"/>
  <c r="X62515" i="1"/>
  <c r="X62516" i="1"/>
  <c r="X62517" i="1"/>
  <c r="X62518" i="1"/>
  <c r="X62519" i="1"/>
  <c r="X62520" i="1"/>
  <c r="X62521" i="1"/>
  <c r="X62522" i="1"/>
  <c r="X62523" i="1"/>
  <c r="X62524" i="1"/>
  <c r="X62525" i="1"/>
  <c r="X62526" i="1"/>
  <c r="X62527" i="1"/>
  <c r="X62528" i="1"/>
  <c r="X62529" i="1"/>
  <c r="X62530" i="1"/>
  <c r="X62531" i="1"/>
  <c r="X62532" i="1"/>
  <c r="X62533" i="1"/>
  <c r="X62534" i="1"/>
  <c r="X62535" i="1"/>
  <c r="X62536" i="1"/>
  <c r="X62537" i="1"/>
  <c r="X62538" i="1"/>
  <c r="X62539" i="1"/>
  <c r="X62540" i="1"/>
  <c r="X62541" i="1"/>
  <c r="X62542" i="1"/>
  <c r="X62543" i="1"/>
  <c r="X62544" i="1"/>
  <c r="X62545" i="1"/>
  <c r="X62546" i="1"/>
  <c r="X62547" i="1"/>
  <c r="X62548" i="1"/>
  <c r="X62549" i="1"/>
  <c r="X62550" i="1"/>
  <c r="X62551" i="1"/>
  <c r="X62552" i="1"/>
  <c r="X62553" i="1"/>
  <c r="X62554" i="1"/>
  <c r="X62555" i="1"/>
  <c r="X62556" i="1"/>
  <c r="X62557" i="1"/>
  <c r="X62558" i="1"/>
  <c r="X62559" i="1"/>
  <c r="X62560" i="1"/>
  <c r="X62561" i="1"/>
  <c r="X62562" i="1"/>
  <c r="X62563" i="1"/>
  <c r="X62564" i="1"/>
  <c r="X62565" i="1"/>
  <c r="X62566" i="1"/>
  <c r="X62567" i="1"/>
  <c r="X62568" i="1"/>
  <c r="X62569" i="1"/>
  <c r="X62570" i="1"/>
  <c r="X62571" i="1"/>
  <c r="X62572" i="1"/>
  <c r="X62573" i="1"/>
  <c r="X62574" i="1"/>
  <c r="X62575" i="1"/>
  <c r="X62576" i="1"/>
  <c r="X62577" i="1"/>
  <c r="X62578" i="1"/>
  <c r="X62579" i="1"/>
  <c r="X62580" i="1"/>
  <c r="X62581" i="1"/>
  <c r="X62582" i="1"/>
  <c r="X62583" i="1"/>
  <c r="X62584" i="1"/>
  <c r="X62585" i="1"/>
  <c r="X62586" i="1"/>
  <c r="X62587" i="1"/>
  <c r="X62588" i="1"/>
  <c r="X62589" i="1"/>
  <c r="X62590" i="1"/>
  <c r="X62591" i="1"/>
  <c r="X62592" i="1"/>
  <c r="X62593" i="1"/>
  <c r="X62594" i="1"/>
  <c r="X62595" i="1"/>
  <c r="X62596" i="1"/>
  <c r="X62597" i="1"/>
  <c r="X62598" i="1"/>
  <c r="X62599" i="1"/>
  <c r="X62600" i="1"/>
  <c r="X62601" i="1"/>
  <c r="X62602" i="1"/>
  <c r="X62603" i="1"/>
  <c r="X62604" i="1"/>
  <c r="X62605" i="1"/>
  <c r="X62606" i="1"/>
  <c r="X62607" i="1"/>
  <c r="X62608" i="1"/>
  <c r="X62609" i="1"/>
  <c r="X62610" i="1"/>
  <c r="X62611" i="1"/>
  <c r="X62612" i="1"/>
  <c r="X62613" i="1"/>
  <c r="X62614" i="1"/>
  <c r="X62615" i="1"/>
  <c r="X62616" i="1"/>
  <c r="X62617" i="1"/>
  <c r="X62618" i="1"/>
  <c r="X62619" i="1"/>
  <c r="X62620" i="1"/>
  <c r="X62621" i="1"/>
  <c r="X62622" i="1"/>
  <c r="X62623" i="1"/>
  <c r="X62624" i="1"/>
  <c r="X62625" i="1"/>
  <c r="X62626" i="1"/>
  <c r="X62627" i="1"/>
  <c r="X62628" i="1"/>
  <c r="X62629" i="1"/>
  <c r="X62630" i="1"/>
  <c r="X62631" i="1"/>
  <c r="X62632" i="1"/>
  <c r="X62633" i="1"/>
  <c r="X62634" i="1"/>
  <c r="X62635" i="1"/>
  <c r="X62636" i="1"/>
  <c r="X62637" i="1"/>
  <c r="X62638" i="1"/>
  <c r="X62639" i="1"/>
  <c r="X62640" i="1"/>
  <c r="X62641" i="1"/>
  <c r="X62642" i="1"/>
  <c r="X62643" i="1"/>
  <c r="X62644" i="1"/>
  <c r="X62645" i="1"/>
  <c r="X62646" i="1"/>
  <c r="X62647" i="1"/>
  <c r="X62648" i="1"/>
  <c r="X62649" i="1"/>
  <c r="X62650" i="1"/>
  <c r="X62651" i="1"/>
  <c r="X62652" i="1"/>
  <c r="X62653" i="1"/>
  <c r="X62654" i="1"/>
  <c r="X62655" i="1"/>
  <c r="X62656" i="1"/>
  <c r="X62657" i="1"/>
  <c r="X62658" i="1"/>
  <c r="X62659" i="1"/>
  <c r="X62660" i="1"/>
  <c r="X62661" i="1"/>
  <c r="X62662" i="1"/>
  <c r="X62663" i="1"/>
  <c r="X62664" i="1"/>
  <c r="X62665" i="1"/>
  <c r="X62666" i="1"/>
  <c r="X62667" i="1"/>
  <c r="X62668" i="1"/>
  <c r="X62669" i="1"/>
  <c r="X62670" i="1"/>
  <c r="X62671" i="1"/>
  <c r="X62672" i="1"/>
  <c r="X62673" i="1"/>
  <c r="X62674" i="1"/>
  <c r="X62675" i="1"/>
  <c r="X62676" i="1"/>
  <c r="X62677" i="1"/>
  <c r="X62678" i="1"/>
  <c r="X62679" i="1"/>
  <c r="X62680" i="1"/>
  <c r="X62681" i="1"/>
  <c r="X62682" i="1"/>
  <c r="X62683" i="1"/>
  <c r="X62684" i="1"/>
  <c r="X62685" i="1"/>
  <c r="X62686" i="1"/>
  <c r="X62687" i="1"/>
  <c r="X62688" i="1"/>
  <c r="X62689" i="1"/>
  <c r="X62690" i="1"/>
  <c r="X62691" i="1"/>
  <c r="X62692" i="1"/>
  <c r="X62693" i="1"/>
  <c r="X62694" i="1"/>
  <c r="X62695" i="1"/>
  <c r="X62696" i="1"/>
  <c r="X62697" i="1"/>
  <c r="X62698" i="1"/>
  <c r="X62699" i="1"/>
  <c r="X62700" i="1"/>
  <c r="X62701" i="1"/>
  <c r="X62702" i="1"/>
  <c r="X62703" i="1"/>
  <c r="X62704" i="1"/>
  <c r="X62705" i="1"/>
  <c r="X62706" i="1"/>
  <c r="X62707" i="1"/>
  <c r="X62708" i="1"/>
  <c r="X62709" i="1"/>
  <c r="X62710" i="1"/>
  <c r="X62711" i="1"/>
  <c r="X62712" i="1"/>
  <c r="X62713" i="1"/>
  <c r="X62714" i="1"/>
  <c r="X62715" i="1"/>
  <c r="X62716" i="1"/>
  <c r="X62717" i="1"/>
  <c r="X62718" i="1"/>
  <c r="X62719" i="1"/>
  <c r="X62720" i="1"/>
  <c r="X62721" i="1"/>
  <c r="X62722" i="1"/>
  <c r="X62723" i="1"/>
  <c r="X62724" i="1"/>
  <c r="X62725" i="1"/>
  <c r="X62726" i="1"/>
  <c r="X62727" i="1"/>
  <c r="X62728" i="1"/>
  <c r="X62729" i="1"/>
  <c r="X62730" i="1"/>
  <c r="X62731" i="1"/>
  <c r="X62732" i="1"/>
  <c r="X62733" i="1"/>
  <c r="X62734" i="1"/>
  <c r="X62735" i="1"/>
  <c r="X62736" i="1"/>
  <c r="X62737" i="1"/>
  <c r="X62738" i="1"/>
  <c r="X62739" i="1"/>
  <c r="X62740" i="1"/>
  <c r="X62741" i="1"/>
  <c r="X62742" i="1"/>
  <c r="X62743" i="1"/>
  <c r="X62744" i="1"/>
  <c r="X62745" i="1"/>
  <c r="X62746" i="1"/>
  <c r="X62747" i="1"/>
  <c r="X62748" i="1"/>
  <c r="X62749" i="1"/>
  <c r="X62750" i="1"/>
  <c r="X62751" i="1"/>
  <c r="X62752" i="1"/>
  <c r="X62753" i="1"/>
  <c r="X62754" i="1"/>
  <c r="X62755" i="1"/>
  <c r="X62756" i="1"/>
  <c r="X62757" i="1"/>
  <c r="X62758" i="1"/>
  <c r="X62759" i="1"/>
  <c r="X62760" i="1"/>
  <c r="X62761" i="1"/>
  <c r="X62762" i="1"/>
  <c r="X62763" i="1"/>
  <c r="X62764" i="1"/>
  <c r="X62765" i="1"/>
  <c r="X62766" i="1"/>
  <c r="X62767" i="1"/>
  <c r="X62768" i="1"/>
  <c r="X62769" i="1"/>
  <c r="X62770" i="1"/>
  <c r="X62771" i="1"/>
  <c r="X62772" i="1"/>
  <c r="X62773" i="1"/>
  <c r="X62774" i="1"/>
  <c r="X62775" i="1"/>
  <c r="X62776" i="1"/>
  <c r="X62777" i="1"/>
  <c r="X62778" i="1"/>
  <c r="X62779" i="1"/>
  <c r="X62780" i="1"/>
  <c r="X62781" i="1"/>
  <c r="X62782" i="1"/>
  <c r="X62783" i="1"/>
  <c r="X62784" i="1"/>
  <c r="X62785" i="1"/>
  <c r="X62786" i="1"/>
  <c r="X62787" i="1"/>
  <c r="X62788" i="1"/>
  <c r="X62789" i="1"/>
  <c r="X62790" i="1"/>
  <c r="X62791" i="1"/>
  <c r="X62792" i="1"/>
  <c r="X62793" i="1"/>
  <c r="X62794" i="1"/>
  <c r="X62795" i="1"/>
  <c r="X62796" i="1"/>
  <c r="X62797" i="1"/>
  <c r="X62798" i="1"/>
  <c r="X62799" i="1"/>
  <c r="X62800" i="1"/>
  <c r="X62801" i="1"/>
  <c r="X62802" i="1"/>
  <c r="X62803" i="1"/>
  <c r="X62804" i="1"/>
  <c r="X62805" i="1"/>
  <c r="X62806" i="1"/>
  <c r="X62807" i="1"/>
  <c r="X62808" i="1"/>
  <c r="X62809" i="1"/>
  <c r="X62810" i="1"/>
  <c r="X62811" i="1"/>
  <c r="X62812" i="1"/>
  <c r="X62813" i="1"/>
  <c r="X62814" i="1"/>
  <c r="X62815" i="1"/>
  <c r="X62816" i="1"/>
  <c r="X62817" i="1"/>
  <c r="X62818" i="1"/>
  <c r="X62819" i="1"/>
  <c r="X62820" i="1"/>
  <c r="X62821" i="1"/>
  <c r="X62822" i="1"/>
  <c r="X62823" i="1"/>
  <c r="X62824" i="1"/>
  <c r="X62825" i="1"/>
  <c r="X62826" i="1"/>
  <c r="X62827" i="1"/>
  <c r="X62828" i="1"/>
  <c r="X62829" i="1"/>
  <c r="X62830" i="1"/>
  <c r="X62831" i="1"/>
  <c r="X62832" i="1"/>
  <c r="X62833" i="1"/>
  <c r="X62834" i="1"/>
  <c r="X62835" i="1"/>
  <c r="X62836" i="1"/>
  <c r="X62837" i="1"/>
  <c r="X62838" i="1"/>
  <c r="X62839" i="1"/>
  <c r="X62840" i="1"/>
  <c r="X62841" i="1"/>
  <c r="X62842" i="1"/>
  <c r="X62843" i="1"/>
  <c r="X62844" i="1"/>
  <c r="X62845" i="1"/>
  <c r="X62846" i="1"/>
  <c r="X62847" i="1"/>
  <c r="X62848" i="1"/>
  <c r="X62849" i="1"/>
  <c r="X62850" i="1"/>
  <c r="X62851" i="1"/>
  <c r="X62852" i="1"/>
  <c r="X62853" i="1"/>
  <c r="X62854" i="1"/>
  <c r="X62855" i="1"/>
  <c r="X62856" i="1"/>
  <c r="X62857" i="1"/>
  <c r="X62858" i="1"/>
  <c r="X62859" i="1"/>
  <c r="X62860" i="1"/>
  <c r="X62861" i="1"/>
  <c r="X62862" i="1"/>
  <c r="X62863" i="1"/>
  <c r="X62864" i="1"/>
  <c r="X62865" i="1"/>
  <c r="X62866" i="1"/>
  <c r="X62867" i="1"/>
  <c r="X62868" i="1"/>
  <c r="X62869" i="1"/>
  <c r="X62870" i="1"/>
  <c r="X62871" i="1"/>
  <c r="X62872" i="1"/>
  <c r="X62873" i="1"/>
  <c r="X62874" i="1"/>
  <c r="X62875" i="1"/>
  <c r="X62876" i="1"/>
  <c r="X62877" i="1"/>
  <c r="X62878" i="1"/>
  <c r="X62879" i="1"/>
  <c r="X62880" i="1"/>
  <c r="X62881" i="1"/>
  <c r="X62882" i="1"/>
  <c r="X62883" i="1"/>
  <c r="X62884" i="1"/>
  <c r="X62885" i="1"/>
  <c r="X62886" i="1"/>
  <c r="X62887" i="1"/>
  <c r="X62888" i="1"/>
  <c r="X62889" i="1"/>
  <c r="X62890" i="1"/>
  <c r="X62891" i="1"/>
  <c r="X62892" i="1"/>
  <c r="X62893" i="1"/>
  <c r="X62894" i="1"/>
  <c r="X62895" i="1"/>
  <c r="X62896" i="1"/>
  <c r="X62897" i="1"/>
  <c r="X62898" i="1"/>
  <c r="X62899" i="1"/>
  <c r="X62900" i="1"/>
  <c r="X62901" i="1"/>
  <c r="X62902" i="1"/>
  <c r="X62903" i="1"/>
  <c r="X62904" i="1"/>
  <c r="X62905" i="1"/>
  <c r="X62906" i="1"/>
  <c r="X62907" i="1"/>
  <c r="X62908" i="1"/>
  <c r="X62909" i="1"/>
  <c r="X62910" i="1"/>
  <c r="X62911" i="1"/>
  <c r="X62912" i="1"/>
  <c r="X62913" i="1"/>
  <c r="X62914" i="1"/>
  <c r="X62915" i="1"/>
  <c r="X62916" i="1"/>
  <c r="X62917" i="1"/>
  <c r="X62918" i="1"/>
  <c r="X62919" i="1"/>
  <c r="X62920" i="1"/>
  <c r="X62921" i="1"/>
  <c r="X62922" i="1"/>
  <c r="X62923" i="1"/>
  <c r="X62924" i="1"/>
  <c r="X62925" i="1"/>
  <c r="X62926" i="1"/>
  <c r="X62927" i="1"/>
  <c r="X62928" i="1"/>
  <c r="X62929" i="1"/>
  <c r="X62930" i="1"/>
  <c r="X62931" i="1"/>
  <c r="X62932" i="1"/>
  <c r="X62933" i="1"/>
  <c r="X62934" i="1"/>
  <c r="X62935" i="1"/>
  <c r="X62936" i="1"/>
  <c r="X62937" i="1"/>
  <c r="X62938" i="1"/>
  <c r="X62939" i="1"/>
  <c r="X62940" i="1"/>
  <c r="X62941" i="1"/>
  <c r="X62942" i="1"/>
  <c r="X62943" i="1"/>
  <c r="X62944" i="1"/>
  <c r="X62945" i="1"/>
  <c r="X62946" i="1"/>
  <c r="X62947" i="1"/>
  <c r="X62948" i="1"/>
  <c r="X62949" i="1"/>
  <c r="X62950" i="1"/>
  <c r="X62951" i="1"/>
  <c r="X62952" i="1"/>
  <c r="X62953" i="1"/>
  <c r="X62954" i="1"/>
  <c r="X62955" i="1"/>
  <c r="X62956" i="1"/>
  <c r="X62957" i="1"/>
  <c r="X62958" i="1"/>
  <c r="X62959" i="1"/>
  <c r="X62960" i="1"/>
  <c r="X62961" i="1"/>
  <c r="X62962" i="1"/>
  <c r="X62963" i="1"/>
  <c r="X62964" i="1"/>
  <c r="X62965" i="1"/>
  <c r="X62966" i="1"/>
  <c r="X62967" i="1"/>
  <c r="X62968" i="1"/>
  <c r="X62969" i="1"/>
  <c r="X62970" i="1"/>
  <c r="X62971" i="1"/>
  <c r="X62972" i="1"/>
  <c r="X62973" i="1"/>
  <c r="X62974" i="1"/>
  <c r="X62975" i="1"/>
  <c r="X62976" i="1"/>
  <c r="X62977" i="1"/>
  <c r="X62978" i="1"/>
  <c r="X62979" i="1"/>
  <c r="X62980" i="1"/>
  <c r="X62981" i="1"/>
  <c r="X62982" i="1"/>
  <c r="X62983" i="1"/>
  <c r="X62984" i="1"/>
  <c r="X62985" i="1"/>
  <c r="X62986" i="1"/>
  <c r="X62987" i="1"/>
  <c r="X62988" i="1"/>
  <c r="X62989" i="1"/>
  <c r="X62990" i="1"/>
  <c r="X62991" i="1"/>
  <c r="X62992" i="1"/>
  <c r="X62993" i="1"/>
  <c r="X62994" i="1"/>
  <c r="X62995" i="1"/>
  <c r="X62996" i="1"/>
  <c r="X62997" i="1"/>
  <c r="X62998" i="1"/>
  <c r="X62999" i="1"/>
  <c r="X63000" i="1"/>
  <c r="X63001" i="1"/>
  <c r="X63002" i="1"/>
  <c r="X63003" i="1"/>
  <c r="X63004" i="1"/>
  <c r="X63005" i="1"/>
  <c r="X63006" i="1"/>
  <c r="X63007" i="1"/>
  <c r="X63008" i="1"/>
  <c r="X63009" i="1"/>
  <c r="X63010" i="1"/>
  <c r="X63011" i="1"/>
  <c r="X63012" i="1"/>
  <c r="X63013" i="1"/>
  <c r="X63014" i="1"/>
  <c r="X63015" i="1"/>
  <c r="X63016" i="1"/>
  <c r="X63017" i="1"/>
  <c r="X63018" i="1"/>
  <c r="X63019" i="1"/>
  <c r="X63020" i="1"/>
  <c r="X63021" i="1"/>
  <c r="X63022" i="1"/>
  <c r="X63023" i="1"/>
  <c r="X63024" i="1"/>
  <c r="X63025" i="1"/>
  <c r="X63026" i="1"/>
  <c r="X63027" i="1"/>
  <c r="X63028" i="1"/>
  <c r="X63029" i="1"/>
  <c r="X63030" i="1"/>
  <c r="X63031" i="1"/>
  <c r="X63032" i="1"/>
  <c r="X63033" i="1"/>
  <c r="X63034" i="1"/>
  <c r="X63035" i="1"/>
  <c r="X63036" i="1"/>
  <c r="X63037" i="1"/>
  <c r="X63038" i="1"/>
  <c r="X63039" i="1"/>
  <c r="X63040" i="1"/>
  <c r="X63041" i="1"/>
  <c r="X63042" i="1"/>
  <c r="X63043" i="1"/>
  <c r="X63044" i="1"/>
  <c r="X63045" i="1"/>
  <c r="X63046" i="1"/>
  <c r="X63047" i="1"/>
  <c r="X63048" i="1"/>
  <c r="X63049" i="1"/>
  <c r="X63050" i="1"/>
  <c r="X63051" i="1"/>
  <c r="X63052" i="1"/>
  <c r="X63053" i="1"/>
  <c r="X63054" i="1"/>
  <c r="X63055" i="1"/>
  <c r="X63056" i="1"/>
  <c r="X63057" i="1"/>
  <c r="X63058" i="1"/>
  <c r="X63059" i="1"/>
  <c r="X63060" i="1"/>
  <c r="X63061" i="1"/>
  <c r="X63062" i="1"/>
  <c r="X63063" i="1"/>
  <c r="X63064" i="1"/>
  <c r="X63065" i="1"/>
  <c r="X63066" i="1"/>
  <c r="X63067" i="1"/>
  <c r="X63068" i="1"/>
  <c r="X63069" i="1"/>
  <c r="X63070" i="1"/>
  <c r="X63071" i="1"/>
  <c r="X63072" i="1"/>
  <c r="X63073" i="1"/>
  <c r="X63074" i="1"/>
  <c r="X63075" i="1"/>
  <c r="X63076" i="1"/>
  <c r="X63077" i="1"/>
  <c r="X63078" i="1"/>
  <c r="X63079" i="1"/>
  <c r="X63080" i="1"/>
  <c r="X63081" i="1"/>
  <c r="X63082" i="1"/>
  <c r="X63083" i="1"/>
  <c r="X63084" i="1"/>
  <c r="X63085" i="1"/>
  <c r="X63086" i="1"/>
  <c r="X63087" i="1"/>
  <c r="X63088" i="1"/>
  <c r="X63089" i="1"/>
  <c r="X63090" i="1"/>
  <c r="X63091" i="1"/>
  <c r="X63092" i="1"/>
  <c r="X63093" i="1"/>
  <c r="X63094" i="1"/>
  <c r="X63095" i="1"/>
  <c r="X63096" i="1"/>
  <c r="X63097" i="1"/>
  <c r="X63098" i="1"/>
  <c r="X63099" i="1"/>
  <c r="X63100" i="1"/>
  <c r="X63101" i="1"/>
  <c r="X63102" i="1"/>
  <c r="X63103" i="1"/>
  <c r="X63104" i="1"/>
  <c r="X63105" i="1"/>
  <c r="X63106" i="1"/>
  <c r="X63107" i="1"/>
  <c r="X63108" i="1"/>
  <c r="X63109" i="1"/>
  <c r="X63110" i="1"/>
  <c r="X63111" i="1"/>
  <c r="X63112" i="1"/>
  <c r="X63113" i="1"/>
  <c r="X63114" i="1"/>
  <c r="X63115" i="1"/>
  <c r="X63116" i="1"/>
  <c r="X63117" i="1"/>
  <c r="X63118" i="1"/>
  <c r="X63119" i="1"/>
  <c r="X63120" i="1"/>
  <c r="X63121" i="1"/>
  <c r="X63122" i="1"/>
  <c r="X63123" i="1"/>
  <c r="X63124" i="1"/>
  <c r="X63125" i="1"/>
  <c r="X63126" i="1"/>
  <c r="X63127" i="1"/>
  <c r="X63128" i="1"/>
  <c r="X63129" i="1"/>
  <c r="X63130" i="1"/>
  <c r="X63131" i="1"/>
  <c r="X63132" i="1"/>
  <c r="X63133" i="1"/>
  <c r="X63134" i="1"/>
  <c r="X63135" i="1"/>
  <c r="X63136" i="1"/>
  <c r="X63137" i="1"/>
  <c r="X63138" i="1"/>
  <c r="X63139" i="1"/>
  <c r="X63140" i="1"/>
  <c r="X63141" i="1"/>
  <c r="X63142" i="1"/>
  <c r="X63143" i="1"/>
  <c r="X63144" i="1"/>
  <c r="X63145" i="1"/>
  <c r="X63146" i="1"/>
  <c r="X63147" i="1"/>
  <c r="X63148" i="1"/>
  <c r="X63149" i="1"/>
  <c r="X63150" i="1"/>
  <c r="X63151" i="1"/>
  <c r="X63152" i="1"/>
  <c r="X63153" i="1"/>
  <c r="X63154" i="1"/>
  <c r="X63155" i="1"/>
  <c r="X63156" i="1"/>
  <c r="X63157" i="1"/>
  <c r="X63158" i="1"/>
  <c r="X63159" i="1"/>
  <c r="X63160" i="1"/>
  <c r="X63161" i="1"/>
  <c r="X63162" i="1"/>
  <c r="X63163" i="1"/>
  <c r="X63164" i="1"/>
  <c r="X63165" i="1"/>
  <c r="X63166" i="1"/>
  <c r="X63167" i="1"/>
  <c r="X63168" i="1"/>
  <c r="X63169" i="1"/>
  <c r="X63170" i="1"/>
  <c r="X63171" i="1"/>
  <c r="X63172" i="1"/>
  <c r="X63173" i="1"/>
  <c r="X63174" i="1"/>
  <c r="X63175" i="1"/>
  <c r="X63176" i="1"/>
  <c r="X63177" i="1"/>
  <c r="X63178" i="1"/>
  <c r="X63179" i="1"/>
  <c r="X63180" i="1"/>
  <c r="X63181" i="1"/>
  <c r="X63182" i="1"/>
  <c r="X63183" i="1"/>
  <c r="X63184" i="1"/>
  <c r="X63185" i="1"/>
  <c r="X63186" i="1"/>
  <c r="X63187" i="1"/>
  <c r="X63188" i="1"/>
  <c r="X63189" i="1"/>
  <c r="X63190" i="1"/>
  <c r="X63191" i="1"/>
  <c r="X63192" i="1"/>
  <c r="X63193" i="1"/>
  <c r="X63194" i="1"/>
  <c r="X63195" i="1"/>
  <c r="X63196" i="1"/>
  <c r="X63197" i="1"/>
  <c r="X63198" i="1"/>
  <c r="X63199" i="1"/>
  <c r="X63200" i="1"/>
  <c r="X63201" i="1"/>
  <c r="X63202" i="1"/>
  <c r="X63203" i="1"/>
  <c r="X63204" i="1"/>
  <c r="X63205" i="1"/>
  <c r="X63206" i="1"/>
  <c r="X63207" i="1"/>
  <c r="X63208" i="1"/>
  <c r="X63209" i="1"/>
  <c r="X63210" i="1"/>
  <c r="X63211" i="1"/>
  <c r="X63212" i="1"/>
  <c r="X63213" i="1"/>
  <c r="X63214" i="1"/>
  <c r="X63215" i="1"/>
  <c r="X63216" i="1"/>
  <c r="X63217" i="1"/>
  <c r="X63218" i="1"/>
  <c r="X63219" i="1"/>
  <c r="X63220" i="1"/>
  <c r="X63221" i="1"/>
  <c r="X63222" i="1"/>
  <c r="X63223" i="1"/>
  <c r="X63224" i="1"/>
  <c r="X63225" i="1"/>
  <c r="X63226" i="1"/>
  <c r="X63227" i="1"/>
  <c r="X63228" i="1"/>
  <c r="X63229" i="1"/>
  <c r="X63230" i="1"/>
  <c r="X63231" i="1"/>
  <c r="X63232" i="1"/>
  <c r="X63233" i="1"/>
  <c r="X63234" i="1"/>
  <c r="X63235" i="1"/>
  <c r="X63236" i="1"/>
  <c r="X63237" i="1"/>
  <c r="X63238" i="1"/>
  <c r="X63239" i="1"/>
  <c r="X63240" i="1"/>
  <c r="X63241" i="1"/>
  <c r="X63242" i="1"/>
  <c r="X63243" i="1"/>
  <c r="X63244" i="1"/>
  <c r="X63245" i="1"/>
  <c r="X63246" i="1"/>
  <c r="X63247" i="1"/>
  <c r="X63248" i="1"/>
  <c r="X63249" i="1"/>
  <c r="X63250" i="1"/>
  <c r="X63251" i="1"/>
  <c r="X63252" i="1"/>
  <c r="X63253" i="1"/>
  <c r="X63254" i="1"/>
  <c r="X63255" i="1"/>
  <c r="X63256" i="1"/>
  <c r="X63257" i="1"/>
  <c r="X63258" i="1"/>
  <c r="X63259" i="1"/>
  <c r="X63260" i="1"/>
  <c r="X63261" i="1"/>
  <c r="X63262" i="1"/>
  <c r="X63263" i="1"/>
  <c r="X63264" i="1"/>
  <c r="X63265" i="1"/>
  <c r="X63266" i="1"/>
  <c r="X63267" i="1"/>
  <c r="X63268" i="1"/>
  <c r="X63269" i="1"/>
  <c r="X63270" i="1"/>
  <c r="X63271" i="1"/>
  <c r="X63272" i="1"/>
  <c r="X63273" i="1"/>
  <c r="X63274" i="1"/>
  <c r="X63275" i="1"/>
  <c r="X63276" i="1"/>
  <c r="X63277" i="1"/>
  <c r="X63278" i="1"/>
  <c r="X63279" i="1"/>
  <c r="X63280" i="1"/>
  <c r="X63281" i="1"/>
  <c r="X63282" i="1"/>
  <c r="X63283" i="1"/>
  <c r="X63284" i="1"/>
  <c r="X63285" i="1"/>
  <c r="X63286" i="1"/>
  <c r="X63287" i="1"/>
  <c r="X63288" i="1"/>
  <c r="X63289" i="1"/>
  <c r="X63290" i="1"/>
  <c r="X63291" i="1"/>
  <c r="X63292" i="1"/>
  <c r="X63293" i="1"/>
  <c r="X63294" i="1"/>
  <c r="X63295" i="1"/>
  <c r="X63296" i="1"/>
  <c r="X63297" i="1"/>
  <c r="X63298" i="1"/>
  <c r="X63299" i="1"/>
  <c r="X63300" i="1"/>
  <c r="X63301" i="1"/>
  <c r="X63302" i="1"/>
  <c r="X63303" i="1"/>
  <c r="X63304" i="1"/>
  <c r="X63305" i="1"/>
  <c r="X63306" i="1"/>
  <c r="X63307" i="1"/>
  <c r="X63308" i="1"/>
  <c r="X63309" i="1"/>
  <c r="X63310" i="1"/>
  <c r="X63311" i="1"/>
  <c r="X63312" i="1"/>
  <c r="X63313" i="1"/>
  <c r="X63314" i="1"/>
  <c r="X63315" i="1"/>
  <c r="X63316" i="1"/>
  <c r="X63317" i="1"/>
  <c r="X63318" i="1"/>
  <c r="X63319" i="1"/>
  <c r="X63320" i="1"/>
  <c r="X63321" i="1"/>
  <c r="X63322" i="1"/>
  <c r="X63323" i="1"/>
  <c r="X63324" i="1"/>
  <c r="X63325" i="1"/>
  <c r="X63326" i="1"/>
  <c r="X63327" i="1"/>
  <c r="X63328" i="1"/>
  <c r="X63329" i="1"/>
  <c r="X63330" i="1"/>
  <c r="X63331" i="1"/>
  <c r="X63332" i="1"/>
  <c r="X63333" i="1"/>
  <c r="X63334" i="1"/>
  <c r="X63335" i="1"/>
  <c r="X63336" i="1"/>
  <c r="X63337" i="1"/>
  <c r="X63338" i="1"/>
  <c r="X63339" i="1"/>
  <c r="X63340" i="1"/>
  <c r="X63341" i="1"/>
  <c r="X63342" i="1"/>
  <c r="X63343" i="1"/>
  <c r="X63344" i="1"/>
  <c r="X63345" i="1"/>
  <c r="X63346" i="1"/>
  <c r="X63347" i="1"/>
  <c r="X63348" i="1"/>
  <c r="X63349" i="1"/>
  <c r="X63350" i="1"/>
  <c r="X63351" i="1"/>
  <c r="X63352" i="1"/>
  <c r="X63353" i="1"/>
  <c r="X63354" i="1"/>
  <c r="X63355" i="1"/>
  <c r="X63356" i="1"/>
  <c r="X63357" i="1"/>
  <c r="X63358" i="1"/>
  <c r="X63359" i="1"/>
  <c r="X63360" i="1"/>
  <c r="X63361" i="1"/>
  <c r="X63362" i="1"/>
  <c r="X63363" i="1"/>
  <c r="X63364" i="1"/>
  <c r="X63365" i="1"/>
  <c r="X63366" i="1"/>
  <c r="X63367" i="1"/>
  <c r="X63368" i="1"/>
  <c r="X63369" i="1"/>
  <c r="X63370" i="1"/>
  <c r="X63371" i="1"/>
  <c r="X63372" i="1"/>
  <c r="X63373" i="1"/>
  <c r="X63374" i="1"/>
  <c r="X63375" i="1"/>
  <c r="X63376" i="1"/>
  <c r="X63377" i="1"/>
  <c r="X63378" i="1"/>
  <c r="X63379" i="1"/>
  <c r="X63380" i="1"/>
  <c r="X63381" i="1"/>
  <c r="X63382" i="1"/>
  <c r="X63383" i="1"/>
  <c r="X63384" i="1"/>
  <c r="X63385" i="1"/>
  <c r="X63386" i="1"/>
  <c r="X63387" i="1"/>
  <c r="X63388" i="1"/>
  <c r="X63389" i="1"/>
  <c r="X63390" i="1"/>
  <c r="X63391" i="1"/>
  <c r="X63392" i="1"/>
  <c r="X63393" i="1"/>
  <c r="X63394" i="1"/>
  <c r="X63395" i="1"/>
  <c r="X63396" i="1"/>
  <c r="X63397" i="1"/>
  <c r="X63398" i="1"/>
  <c r="X63399" i="1"/>
  <c r="X63400" i="1"/>
  <c r="X63401" i="1"/>
  <c r="X63402" i="1"/>
  <c r="X63403" i="1"/>
  <c r="X63404" i="1"/>
  <c r="X63405" i="1"/>
  <c r="X63406" i="1"/>
  <c r="X63407" i="1"/>
  <c r="X63408" i="1"/>
  <c r="X63409" i="1"/>
  <c r="X63410" i="1"/>
  <c r="X63411" i="1"/>
  <c r="X63412" i="1"/>
  <c r="X63413" i="1"/>
  <c r="X63414" i="1"/>
  <c r="X63415" i="1"/>
  <c r="X63416" i="1"/>
  <c r="X63417" i="1"/>
  <c r="X63418" i="1"/>
  <c r="X63419" i="1"/>
  <c r="X63420" i="1"/>
  <c r="X63421" i="1"/>
  <c r="X63422" i="1"/>
  <c r="X63423" i="1"/>
  <c r="X63424" i="1"/>
  <c r="X63425" i="1"/>
  <c r="X63426" i="1"/>
  <c r="X63427" i="1"/>
  <c r="X63428" i="1"/>
  <c r="X63429" i="1"/>
  <c r="X63430" i="1"/>
  <c r="X63431" i="1"/>
  <c r="X63432" i="1"/>
  <c r="X63433" i="1"/>
  <c r="X63434" i="1"/>
  <c r="X63435" i="1"/>
  <c r="X63436" i="1"/>
  <c r="X63437" i="1"/>
  <c r="X63438" i="1"/>
  <c r="X63439" i="1"/>
  <c r="X63440" i="1"/>
  <c r="X63441" i="1"/>
  <c r="X63442" i="1"/>
  <c r="X63443" i="1"/>
  <c r="X63444" i="1"/>
  <c r="X63445" i="1"/>
  <c r="X63446" i="1"/>
  <c r="X63447" i="1"/>
  <c r="X63448" i="1"/>
  <c r="X63449" i="1"/>
  <c r="X63450" i="1"/>
  <c r="X63451" i="1"/>
  <c r="X63452" i="1"/>
  <c r="X63453" i="1"/>
  <c r="X63454" i="1"/>
  <c r="X63455" i="1"/>
  <c r="X63456" i="1"/>
  <c r="X63457" i="1"/>
  <c r="X63458" i="1"/>
  <c r="X63459" i="1"/>
  <c r="X63460" i="1"/>
  <c r="X63461" i="1"/>
  <c r="X63462" i="1"/>
  <c r="X63463" i="1"/>
  <c r="X63464" i="1"/>
  <c r="X63465" i="1"/>
  <c r="X63466" i="1"/>
  <c r="X63467" i="1"/>
  <c r="X63468" i="1"/>
  <c r="X63469" i="1"/>
  <c r="X63470" i="1"/>
  <c r="X63471" i="1"/>
  <c r="X63472" i="1"/>
  <c r="X63473" i="1"/>
  <c r="X63474" i="1"/>
  <c r="X63475" i="1"/>
  <c r="X63476" i="1"/>
  <c r="X63477" i="1"/>
  <c r="X63478" i="1"/>
  <c r="X63479" i="1"/>
  <c r="X63480" i="1"/>
  <c r="X63481" i="1"/>
  <c r="X63482" i="1"/>
  <c r="X63483" i="1"/>
  <c r="X63484" i="1"/>
  <c r="X63485" i="1"/>
  <c r="X63486" i="1"/>
  <c r="X63487" i="1"/>
  <c r="X63488" i="1"/>
  <c r="X63489" i="1"/>
  <c r="X63490" i="1"/>
  <c r="X63491" i="1"/>
  <c r="X63492" i="1"/>
  <c r="X63493" i="1"/>
  <c r="X63494" i="1"/>
  <c r="X63495" i="1"/>
  <c r="X63496" i="1"/>
  <c r="X63497" i="1"/>
  <c r="X63498" i="1"/>
  <c r="X63499" i="1"/>
  <c r="X63500" i="1"/>
  <c r="X63501" i="1"/>
  <c r="X63502" i="1"/>
  <c r="X63503" i="1"/>
  <c r="X63504" i="1"/>
  <c r="X63505" i="1"/>
  <c r="X63506" i="1"/>
  <c r="X63507" i="1"/>
  <c r="X63508" i="1"/>
  <c r="X63509" i="1"/>
  <c r="X63510" i="1"/>
  <c r="X63511" i="1"/>
  <c r="X63512" i="1"/>
  <c r="X63513" i="1"/>
  <c r="X63514" i="1"/>
  <c r="X63515" i="1"/>
  <c r="X63516" i="1"/>
  <c r="X63517" i="1"/>
  <c r="X63518" i="1"/>
  <c r="X63519" i="1"/>
  <c r="X63520" i="1"/>
  <c r="X63521" i="1"/>
  <c r="X63522" i="1"/>
  <c r="X63523" i="1"/>
  <c r="X63524" i="1"/>
  <c r="X63525" i="1"/>
  <c r="X63526" i="1"/>
  <c r="X63527" i="1"/>
  <c r="X63528" i="1"/>
  <c r="X63529" i="1"/>
  <c r="X63530" i="1"/>
  <c r="X63531" i="1"/>
  <c r="X63532" i="1"/>
  <c r="X63533" i="1"/>
  <c r="X63534" i="1"/>
  <c r="X63535" i="1"/>
  <c r="X63536" i="1"/>
  <c r="X63537" i="1"/>
  <c r="X63538" i="1"/>
  <c r="X63539" i="1"/>
  <c r="X63540" i="1"/>
  <c r="X63541" i="1"/>
  <c r="X63542" i="1"/>
  <c r="X63543" i="1"/>
  <c r="X63544" i="1"/>
  <c r="X63545" i="1"/>
  <c r="X63546" i="1"/>
  <c r="X63547" i="1"/>
  <c r="X63548" i="1"/>
  <c r="X63549" i="1"/>
  <c r="X63550" i="1"/>
  <c r="X63551" i="1"/>
  <c r="X63552" i="1"/>
  <c r="X63553" i="1"/>
  <c r="X63554" i="1"/>
  <c r="X63555" i="1"/>
  <c r="X63556" i="1"/>
  <c r="X63557" i="1"/>
  <c r="X63558" i="1"/>
  <c r="X63559" i="1"/>
  <c r="X63560" i="1"/>
  <c r="X63561" i="1"/>
  <c r="X63562" i="1"/>
  <c r="X63563" i="1"/>
  <c r="X63564" i="1"/>
  <c r="X63565" i="1"/>
  <c r="X63566" i="1"/>
  <c r="X63567" i="1"/>
  <c r="X63568" i="1"/>
  <c r="X63569" i="1"/>
  <c r="X63570" i="1"/>
  <c r="X63571" i="1"/>
  <c r="X63572" i="1"/>
  <c r="X63573" i="1"/>
  <c r="X63574" i="1"/>
  <c r="X63575" i="1"/>
  <c r="X63576" i="1"/>
  <c r="X63577" i="1"/>
  <c r="X63578" i="1"/>
  <c r="X63579" i="1"/>
  <c r="X63580" i="1"/>
  <c r="X63581" i="1"/>
  <c r="X63582" i="1"/>
  <c r="X63583" i="1"/>
  <c r="X63584" i="1"/>
  <c r="X63585" i="1"/>
  <c r="X63586" i="1"/>
  <c r="X63587" i="1"/>
  <c r="X63588" i="1"/>
  <c r="X63589" i="1"/>
  <c r="X63590" i="1"/>
  <c r="X63591" i="1"/>
  <c r="X63592" i="1"/>
  <c r="X63593" i="1"/>
  <c r="X63594" i="1"/>
  <c r="X63595" i="1"/>
  <c r="X63596" i="1"/>
  <c r="X63597" i="1"/>
  <c r="X63598" i="1"/>
  <c r="X63599" i="1"/>
  <c r="X63600" i="1"/>
  <c r="X63601" i="1"/>
  <c r="X63602" i="1"/>
  <c r="X63603" i="1"/>
  <c r="X63604" i="1"/>
  <c r="X63605" i="1"/>
  <c r="X63606" i="1"/>
  <c r="X63607" i="1"/>
  <c r="X63608" i="1"/>
  <c r="X63609" i="1"/>
  <c r="X63610" i="1"/>
  <c r="X63611" i="1"/>
  <c r="X63612" i="1"/>
  <c r="X63613" i="1"/>
  <c r="X63614" i="1"/>
  <c r="X63615" i="1"/>
  <c r="X63616" i="1"/>
  <c r="X63617" i="1"/>
  <c r="X63618" i="1"/>
  <c r="X63619" i="1"/>
  <c r="X63620" i="1"/>
  <c r="X63621" i="1"/>
  <c r="X63622" i="1"/>
  <c r="X63623" i="1"/>
  <c r="X63624" i="1"/>
  <c r="X63625" i="1"/>
  <c r="X63626" i="1"/>
  <c r="X63627" i="1"/>
  <c r="X63628" i="1"/>
  <c r="X63629" i="1"/>
  <c r="X63630" i="1"/>
  <c r="X63631" i="1"/>
  <c r="X63632" i="1"/>
  <c r="X63633" i="1"/>
  <c r="X63634" i="1"/>
  <c r="X63635" i="1"/>
  <c r="X63636" i="1"/>
  <c r="X63637" i="1"/>
  <c r="X63638" i="1"/>
  <c r="X63639" i="1"/>
  <c r="X63640" i="1"/>
  <c r="X63641" i="1"/>
  <c r="X63642" i="1"/>
  <c r="X63643" i="1"/>
  <c r="X63644" i="1"/>
  <c r="X63645" i="1"/>
  <c r="X63646" i="1"/>
  <c r="X63647" i="1"/>
  <c r="X63648" i="1"/>
  <c r="X63649" i="1"/>
  <c r="X63650" i="1"/>
  <c r="X63651" i="1"/>
  <c r="X63652" i="1"/>
  <c r="X63653" i="1"/>
  <c r="X63654" i="1"/>
  <c r="X63655" i="1"/>
  <c r="X63656" i="1"/>
  <c r="X63657" i="1"/>
  <c r="X63658" i="1"/>
  <c r="X63659" i="1"/>
  <c r="X63660" i="1"/>
  <c r="X63661" i="1"/>
  <c r="X63662" i="1"/>
  <c r="X63663" i="1"/>
  <c r="X63664" i="1"/>
  <c r="X63665" i="1"/>
  <c r="X63666" i="1"/>
  <c r="X63667" i="1"/>
  <c r="X63668" i="1"/>
  <c r="X63669" i="1"/>
  <c r="X63670" i="1"/>
  <c r="X63671" i="1"/>
  <c r="X63672" i="1"/>
  <c r="X63673" i="1"/>
  <c r="X63674" i="1"/>
  <c r="X63675" i="1"/>
  <c r="X63676" i="1"/>
  <c r="X63677" i="1"/>
  <c r="X63678" i="1"/>
  <c r="X63679" i="1"/>
  <c r="X63680" i="1"/>
  <c r="X63681" i="1"/>
  <c r="X63682" i="1"/>
  <c r="X63683" i="1"/>
  <c r="X63684" i="1"/>
  <c r="X63685" i="1"/>
  <c r="X63686" i="1"/>
  <c r="X63687" i="1"/>
  <c r="X63688" i="1"/>
  <c r="X63689" i="1"/>
  <c r="X63690" i="1"/>
  <c r="X63691" i="1"/>
  <c r="X63692" i="1"/>
  <c r="X63693" i="1"/>
  <c r="X63694" i="1"/>
  <c r="X63695" i="1"/>
  <c r="X63696" i="1"/>
  <c r="X63697" i="1"/>
  <c r="X63698" i="1"/>
  <c r="X63699" i="1"/>
  <c r="X63700" i="1"/>
  <c r="X63701" i="1"/>
  <c r="X63702" i="1"/>
  <c r="X63703" i="1"/>
  <c r="X63704" i="1"/>
  <c r="X63705" i="1"/>
  <c r="X63706" i="1"/>
  <c r="X63707" i="1"/>
  <c r="X63708" i="1"/>
  <c r="X63709" i="1"/>
  <c r="X63710" i="1"/>
  <c r="X63711" i="1"/>
  <c r="X63712" i="1"/>
  <c r="X63713" i="1"/>
  <c r="X63714" i="1"/>
  <c r="X63715" i="1"/>
  <c r="X63716" i="1"/>
  <c r="X63717" i="1"/>
  <c r="X63718" i="1"/>
  <c r="X63719" i="1"/>
  <c r="X63720" i="1"/>
  <c r="X63721" i="1"/>
  <c r="X63722" i="1"/>
  <c r="X63723" i="1"/>
  <c r="X63724" i="1"/>
  <c r="X63725" i="1"/>
  <c r="X63726" i="1"/>
  <c r="X63727" i="1"/>
  <c r="X63728" i="1"/>
  <c r="X63729" i="1"/>
  <c r="X63730" i="1"/>
  <c r="X63731" i="1"/>
  <c r="X63732" i="1"/>
  <c r="X63733" i="1"/>
  <c r="X63734" i="1"/>
  <c r="X63735" i="1"/>
  <c r="X63736" i="1"/>
  <c r="X63737" i="1"/>
  <c r="X63738" i="1"/>
  <c r="X63739" i="1"/>
  <c r="X63740" i="1"/>
  <c r="X63741" i="1"/>
  <c r="X63742" i="1"/>
  <c r="X63743" i="1"/>
  <c r="X63744" i="1"/>
  <c r="X63745" i="1"/>
  <c r="X63746" i="1"/>
  <c r="X63747" i="1"/>
  <c r="X63748" i="1"/>
  <c r="X63749" i="1"/>
  <c r="X63750" i="1"/>
  <c r="X63751" i="1"/>
  <c r="X63752" i="1"/>
  <c r="X63753" i="1"/>
  <c r="X63754" i="1"/>
  <c r="X63755" i="1"/>
  <c r="X63756" i="1"/>
  <c r="X63757" i="1"/>
  <c r="X63758" i="1"/>
  <c r="X63759" i="1"/>
  <c r="X63760" i="1"/>
  <c r="X63761" i="1"/>
  <c r="X63762" i="1"/>
  <c r="X63763" i="1"/>
  <c r="X63764" i="1"/>
  <c r="X63765" i="1"/>
  <c r="X63766" i="1"/>
  <c r="X63767" i="1"/>
  <c r="X63768" i="1"/>
  <c r="X63769" i="1"/>
  <c r="X63770" i="1"/>
  <c r="X63771" i="1"/>
  <c r="X63772" i="1"/>
  <c r="X63773" i="1"/>
  <c r="X63774" i="1"/>
  <c r="X63775" i="1"/>
  <c r="X63776" i="1"/>
  <c r="X63777" i="1"/>
  <c r="X63778" i="1"/>
  <c r="X63779" i="1"/>
  <c r="X63780" i="1"/>
  <c r="X63781" i="1"/>
  <c r="X63782" i="1"/>
  <c r="X63783" i="1"/>
  <c r="X63784" i="1"/>
  <c r="X63785" i="1"/>
  <c r="X63786" i="1"/>
  <c r="X63787" i="1"/>
  <c r="X63788" i="1"/>
  <c r="X63789" i="1"/>
  <c r="X63790" i="1"/>
  <c r="X63791" i="1"/>
  <c r="X63792" i="1"/>
  <c r="X63793" i="1"/>
  <c r="X63794" i="1"/>
  <c r="X63795" i="1"/>
  <c r="X63796" i="1"/>
  <c r="X63797" i="1"/>
  <c r="X63798" i="1"/>
  <c r="X63799" i="1"/>
  <c r="X63800" i="1"/>
  <c r="X63801" i="1"/>
  <c r="X63802" i="1"/>
  <c r="X63803" i="1"/>
  <c r="X63804" i="1"/>
  <c r="X63805" i="1"/>
  <c r="X63806" i="1"/>
  <c r="X63807" i="1"/>
  <c r="X63808" i="1"/>
  <c r="X63809" i="1"/>
  <c r="X63810" i="1"/>
  <c r="X63811" i="1"/>
  <c r="X63812" i="1"/>
  <c r="X63813" i="1"/>
  <c r="X63814" i="1"/>
  <c r="X63815" i="1"/>
  <c r="X63816" i="1"/>
  <c r="X63817" i="1"/>
  <c r="X63818" i="1"/>
  <c r="X63819" i="1"/>
  <c r="X63820" i="1"/>
  <c r="X63821" i="1"/>
  <c r="X63822" i="1"/>
  <c r="X63823" i="1"/>
  <c r="X63824" i="1"/>
  <c r="X63825" i="1"/>
  <c r="X63826" i="1"/>
  <c r="X63827" i="1"/>
  <c r="X63828" i="1"/>
  <c r="X63829" i="1"/>
  <c r="X63830" i="1"/>
  <c r="X63831" i="1"/>
  <c r="X63832" i="1"/>
  <c r="X63833" i="1"/>
  <c r="X63834" i="1"/>
  <c r="X63835" i="1"/>
  <c r="X63836" i="1"/>
  <c r="X63837" i="1"/>
  <c r="X63838" i="1"/>
  <c r="X63839" i="1"/>
  <c r="X63840" i="1"/>
  <c r="X63841" i="1"/>
  <c r="X63842" i="1"/>
  <c r="X63843" i="1"/>
  <c r="X63844" i="1"/>
  <c r="X63845" i="1"/>
  <c r="X63846" i="1"/>
  <c r="X63847" i="1"/>
  <c r="X63848" i="1"/>
  <c r="X63849" i="1"/>
  <c r="X63850" i="1"/>
  <c r="X63851" i="1"/>
  <c r="X63852" i="1"/>
  <c r="X63853" i="1"/>
  <c r="X63854" i="1"/>
  <c r="X63855" i="1"/>
  <c r="X63856" i="1"/>
  <c r="X63857" i="1"/>
  <c r="X63858" i="1"/>
  <c r="X63859" i="1"/>
  <c r="X63860" i="1"/>
  <c r="X63861" i="1"/>
  <c r="X63862" i="1"/>
  <c r="X63863" i="1"/>
  <c r="X63864" i="1"/>
  <c r="X63865" i="1"/>
  <c r="X63866" i="1"/>
  <c r="X63867" i="1"/>
  <c r="X63868" i="1"/>
  <c r="X63869" i="1"/>
  <c r="X63870" i="1"/>
  <c r="X63871" i="1"/>
  <c r="X63872" i="1"/>
  <c r="X63873" i="1"/>
  <c r="X63874" i="1"/>
  <c r="X63875" i="1"/>
  <c r="X63876" i="1"/>
  <c r="X63877" i="1"/>
  <c r="X63878" i="1"/>
  <c r="X63879" i="1"/>
  <c r="X63880" i="1"/>
  <c r="X63881" i="1"/>
  <c r="X63882" i="1"/>
  <c r="X63883" i="1"/>
  <c r="X63884" i="1"/>
  <c r="X63885" i="1"/>
  <c r="X63886" i="1"/>
  <c r="X63887" i="1"/>
  <c r="X63888" i="1"/>
  <c r="X63889" i="1"/>
  <c r="X63890" i="1"/>
  <c r="X63891" i="1"/>
  <c r="X63892" i="1"/>
  <c r="X63893" i="1"/>
  <c r="X63894" i="1"/>
  <c r="X63895" i="1"/>
  <c r="X63896" i="1"/>
  <c r="X63897" i="1"/>
  <c r="X63898" i="1"/>
  <c r="X63899" i="1"/>
  <c r="X63900" i="1"/>
  <c r="X63901" i="1"/>
  <c r="X63902" i="1"/>
  <c r="X63903" i="1"/>
  <c r="X63904" i="1"/>
  <c r="X63905" i="1"/>
  <c r="X63906" i="1"/>
  <c r="X63907" i="1"/>
  <c r="X63908" i="1"/>
  <c r="X63909" i="1"/>
  <c r="X63910" i="1"/>
  <c r="X63911" i="1"/>
  <c r="X63912" i="1"/>
  <c r="X63913" i="1"/>
  <c r="X63914" i="1"/>
  <c r="X63915" i="1"/>
  <c r="X63916" i="1"/>
  <c r="X63917" i="1"/>
  <c r="X63918" i="1"/>
  <c r="X63919" i="1"/>
  <c r="X63920" i="1"/>
  <c r="X63921" i="1"/>
  <c r="X63922" i="1"/>
  <c r="X63923" i="1"/>
  <c r="X63924" i="1"/>
  <c r="X63925" i="1"/>
  <c r="X63926" i="1"/>
  <c r="X63927" i="1"/>
  <c r="X63928" i="1"/>
  <c r="X63929" i="1"/>
  <c r="X63930" i="1"/>
  <c r="X63931" i="1"/>
  <c r="X63932" i="1"/>
  <c r="X63933" i="1"/>
  <c r="X63934" i="1"/>
  <c r="X63935" i="1"/>
  <c r="X63936" i="1"/>
  <c r="X63937" i="1"/>
  <c r="X63938" i="1"/>
  <c r="X63939" i="1"/>
  <c r="X63940" i="1"/>
  <c r="X63941" i="1"/>
  <c r="X63942" i="1"/>
  <c r="X63943" i="1"/>
  <c r="X63944" i="1"/>
  <c r="X63945" i="1"/>
  <c r="X63946" i="1"/>
  <c r="X63947" i="1"/>
  <c r="X63948" i="1"/>
  <c r="X63949" i="1"/>
  <c r="X63950" i="1"/>
  <c r="X63951" i="1"/>
  <c r="X63952" i="1"/>
  <c r="X63953" i="1"/>
  <c r="X63954" i="1"/>
  <c r="X63955" i="1"/>
  <c r="X63956" i="1"/>
  <c r="X63957" i="1"/>
  <c r="X63958" i="1"/>
  <c r="X63959" i="1"/>
  <c r="X63960" i="1"/>
  <c r="X63961" i="1"/>
  <c r="X63962" i="1"/>
  <c r="X63963" i="1"/>
  <c r="X63964" i="1"/>
  <c r="X63965" i="1"/>
  <c r="X63966" i="1"/>
  <c r="X63967" i="1"/>
  <c r="X63968" i="1"/>
  <c r="X63969" i="1"/>
  <c r="X63970" i="1"/>
  <c r="X63971" i="1"/>
  <c r="X63972" i="1"/>
  <c r="X63973" i="1"/>
  <c r="X63974" i="1"/>
  <c r="X63975" i="1"/>
  <c r="X63976" i="1"/>
  <c r="X63977" i="1"/>
  <c r="X63978" i="1"/>
  <c r="X63979" i="1"/>
  <c r="X63980" i="1"/>
  <c r="X63981" i="1"/>
  <c r="X63982" i="1"/>
  <c r="X63983" i="1"/>
  <c r="X63984" i="1"/>
  <c r="X63985" i="1"/>
  <c r="X63986" i="1"/>
  <c r="X63987" i="1"/>
  <c r="X63988" i="1"/>
  <c r="X63989" i="1"/>
  <c r="X63990" i="1"/>
  <c r="X63991" i="1"/>
  <c r="X63992" i="1"/>
  <c r="X63993" i="1"/>
  <c r="X63994" i="1"/>
  <c r="X63995" i="1"/>
  <c r="X63996" i="1"/>
  <c r="X63997" i="1"/>
  <c r="X63998" i="1"/>
  <c r="X63999" i="1"/>
  <c r="X64000" i="1"/>
  <c r="X64001" i="1"/>
  <c r="X64002" i="1"/>
  <c r="X64003" i="1"/>
  <c r="X64004" i="1"/>
  <c r="X64005" i="1"/>
  <c r="X64006" i="1"/>
  <c r="X64007" i="1"/>
  <c r="X64008" i="1"/>
  <c r="X64009" i="1"/>
  <c r="X64010" i="1"/>
  <c r="X64011" i="1"/>
  <c r="X64012" i="1"/>
  <c r="X64013" i="1"/>
  <c r="X64014" i="1"/>
  <c r="X64015" i="1"/>
  <c r="X64016" i="1"/>
  <c r="X64017" i="1"/>
  <c r="X64018" i="1"/>
  <c r="X64019" i="1"/>
  <c r="X64020" i="1"/>
  <c r="X64021" i="1"/>
  <c r="X64022" i="1"/>
  <c r="X64023" i="1"/>
  <c r="X64024" i="1"/>
  <c r="X64025" i="1"/>
  <c r="X64026" i="1"/>
  <c r="X64027" i="1"/>
  <c r="X64028" i="1"/>
  <c r="X64029" i="1"/>
  <c r="X64030" i="1"/>
  <c r="X64031" i="1"/>
  <c r="X64032" i="1"/>
  <c r="X64033" i="1"/>
  <c r="X64034" i="1"/>
  <c r="X64035" i="1"/>
  <c r="X64036" i="1"/>
  <c r="X64037" i="1"/>
  <c r="X64038" i="1"/>
  <c r="X64039" i="1"/>
  <c r="X64040" i="1"/>
  <c r="X64041" i="1"/>
  <c r="X64042" i="1"/>
  <c r="X64043" i="1"/>
  <c r="X64044" i="1"/>
  <c r="X64045" i="1"/>
  <c r="X64046" i="1"/>
  <c r="X64047" i="1"/>
  <c r="X64048" i="1"/>
  <c r="X64049" i="1"/>
  <c r="X64050" i="1"/>
  <c r="X64051" i="1"/>
  <c r="X64052" i="1"/>
  <c r="X64053" i="1"/>
  <c r="X64054" i="1"/>
  <c r="X64055" i="1"/>
  <c r="X64056" i="1"/>
  <c r="X64057" i="1"/>
  <c r="X64058" i="1"/>
  <c r="X64059" i="1"/>
  <c r="X64060" i="1"/>
  <c r="X64061" i="1"/>
  <c r="X64062" i="1"/>
  <c r="X64063" i="1"/>
  <c r="X64064" i="1"/>
  <c r="X64065" i="1"/>
  <c r="X64066" i="1"/>
  <c r="X64067" i="1"/>
  <c r="X64068" i="1"/>
  <c r="X64069" i="1"/>
  <c r="X64070" i="1"/>
  <c r="X64071" i="1"/>
  <c r="X64072" i="1"/>
  <c r="X64073" i="1"/>
  <c r="X64074" i="1"/>
  <c r="X64075" i="1"/>
  <c r="X64076" i="1"/>
  <c r="X64077" i="1"/>
  <c r="X64078" i="1"/>
  <c r="X64079" i="1"/>
  <c r="X64080" i="1"/>
  <c r="X64081" i="1"/>
  <c r="X64082" i="1"/>
  <c r="X64083" i="1"/>
  <c r="X64084" i="1"/>
  <c r="X64085" i="1"/>
  <c r="X64086" i="1"/>
  <c r="X64087" i="1"/>
  <c r="X64088" i="1"/>
  <c r="X64089" i="1"/>
  <c r="X64090" i="1"/>
  <c r="X64091" i="1"/>
  <c r="X64092" i="1"/>
  <c r="X64093" i="1"/>
  <c r="X64094" i="1"/>
  <c r="X64095" i="1"/>
  <c r="X64096" i="1"/>
  <c r="X64097" i="1"/>
  <c r="X64098" i="1"/>
  <c r="X64099" i="1"/>
  <c r="X64100" i="1"/>
  <c r="X64101" i="1"/>
  <c r="X64102" i="1"/>
  <c r="X64103" i="1"/>
  <c r="X64104" i="1"/>
  <c r="X64105" i="1"/>
  <c r="X64106" i="1"/>
  <c r="X64107" i="1"/>
  <c r="X64108" i="1"/>
  <c r="X64109" i="1"/>
  <c r="X64110" i="1"/>
  <c r="X64111" i="1"/>
  <c r="X64112" i="1"/>
  <c r="X64113" i="1"/>
  <c r="X64114" i="1"/>
  <c r="X64115" i="1"/>
  <c r="X64116" i="1"/>
  <c r="X64117" i="1"/>
  <c r="X64118" i="1"/>
  <c r="X64119" i="1"/>
  <c r="X64120" i="1"/>
  <c r="X64121" i="1"/>
  <c r="X64122" i="1"/>
  <c r="X64123" i="1"/>
  <c r="X64124" i="1"/>
  <c r="X64125" i="1"/>
  <c r="X64126" i="1"/>
  <c r="X64127" i="1"/>
  <c r="X64128" i="1"/>
  <c r="X64129" i="1"/>
  <c r="X64130" i="1"/>
  <c r="X64131" i="1"/>
  <c r="X64132" i="1"/>
  <c r="X64133" i="1"/>
  <c r="X64134" i="1"/>
  <c r="X64135" i="1"/>
  <c r="X64136" i="1"/>
  <c r="X64137" i="1"/>
  <c r="X64138" i="1"/>
  <c r="X64139" i="1"/>
  <c r="X64140" i="1"/>
  <c r="X64141" i="1"/>
  <c r="X64142" i="1"/>
  <c r="X64143" i="1"/>
  <c r="X64144" i="1"/>
  <c r="X64145" i="1"/>
  <c r="X64146" i="1"/>
  <c r="X64147" i="1"/>
  <c r="X64148" i="1"/>
  <c r="X64149" i="1"/>
  <c r="X64150" i="1"/>
  <c r="X64151" i="1"/>
  <c r="X64152" i="1"/>
  <c r="X64153" i="1"/>
  <c r="X64154" i="1"/>
  <c r="X64155" i="1"/>
  <c r="X64156" i="1"/>
  <c r="X64157" i="1"/>
  <c r="X64158" i="1"/>
  <c r="X64159" i="1"/>
  <c r="X64160" i="1"/>
  <c r="X64161" i="1"/>
  <c r="X64162" i="1"/>
  <c r="X64163" i="1"/>
  <c r="X64164" i="1"/>
  <c r="X64165" i="1"/>
  <c r="X64166" i="1"/>
  <c r="X64167" i="1"/>
  <c r="X64168" i="1"/>
  <c r="X64169" i="1"/>
  <c r="X64170" i="1"/>
  <c r="X64171" i="1"/>
  <c r="X64172" i="1"/>
  <c r="X64173" i="1"/>
  <c r="X64174" i="1"/>
  <c r="X64175" i="1"/>
  <c r="X64176" i="1"/>
  <c r="X64177" i="1"/>
  <c r="X64178" i="1"/>
  <c r="X64179" i="1"/>
  <c r="X64180" i="1"/>
  <c r="X64181" i="1"/>
  <c r="X64182" i="1"/>
  <c r="X64183" i="1"/>
  <c r="X64184" i="1"/>
  <c r="X64185" i="1"/>
  <c r="X64186" i="1"/>
  <c r="X64187" i="1"/>
  <c r="X64188" i="1"/>
  <c r="X64189" i="1"/>
  <c r="X64190" i="1"/>
  <c r="X64191" i="1"/>
  <c r="X64192" i="1"/>
  <c r="X64193" i="1"/>
  <c r="X64194" i="1"/>
  <c r="X64195" i="1"/>
  <c r="X64196" i="1"/>
  <c r="X64197" i="1"/>
  <c r="X64198" i="1"/>
  <c r="X64199" i="1"/>
  <c r="X64200" i="1"/>
  <c r="X64201" i="1"/>
  <c r="X64202" i="1"/>
  <c r="X64203" i="1"/>
  <c r="X64204" i="1"/>
  <c r="X64205" i="1"/>
  <c r="X64206" i="1"/>
  <c r="X64207" i="1"/>
  <c r="X64208" i="1"/>
  <c r="X64209" i="1"/>
  <c r="X64210" i="1"/>
  <c r="X64211" i="1"/>
  <c r="X64212" i="1"/>
  <c r="X64213" i="1"/>
  <c r="X64214" i="1"/>
  <c r="X64215" i="1"/>
  <c r="X64216" i="1"/>
  <c r="X64217" i="1"/>
  <c r="X64218" i="1"/>
  <c r="X64219" i="1"/>
  <c r="X64220" i="1"/>
  <c r="X64221" i="1"/>
  <c r="X64222" i="1"/>
  <c r="X64223" i="1"/>
  <c r="X64224" i="1"/>
  <c r="X64225" i="1"/>
  <c r="X64226" i="1"/>
  <c r="X64227" i="1"/>
  <c r="X64228" i="1"/>
  <c r="X64229" i="1"/>
  <c r="X64230" i="1"/>
  <c r="X64231" i="1"/>
  <c r="X64232" i="1"/>
  <c r="X64233" i="1"/>
  <c r="X64234" i="1"/>
  <c r="X64235" i="1"/>
  <c r="X64236" i="1"/>
  <c r="X64237" i="1"/>
  <c r="X64238" i="1"/>
  <c r="X64239" i="1"/>
  <c r="X64240" i="1"/>
  <c r="X64241" i="1"/>
  <c r="X64242" i="1"/>
  <c r="X64243" i="1"/>
  <c r="X64244" i="1"/>
  <c r="X64245" i="1"/>
  <c r="X64246" i="1"/>
  <c r="X64247" i="1"/>
  <c r="X64248" i="1"/>
  <c r="X64249" i="1"/>
  <c r="X64250" i="1"/>
  <c r="X64251" i="1"/>
  <c r="X64252" i="1"/>
  <c r="X64253" i="1"/>
  <c r="X64254" i="1"/>
  <c r="X64255" i="1"/>
  <c r="X64256" i="1"/>
  <c r="X64257" i="1"/>
  <c r="X64258" i="1"/>
  <c r="X64259" i="1"/>
  <c r="X64260" i="1"/>
  <c r="X64261" i="1"/>
  <c r="X64262" i="1"/>
  <c r="X64263" i="1"/>
  <c r="X64264" i="1"/>
  <c r="X64265" i="1"/>
  <c r="X64266" i="1"/>
  <c r="X64267" i="1"/>
  <c r="X64268" i="1"/>
  <c r="X64269" i="1"/>
  <c r="X64270" i="1"/>
  <c r="X64271" i="1"/>
  <c r="X64272" i="1"/>
  <c r="X64273" i="1"/>
  <c r="X64274" i="1"/>
  <c r="X64275" i="1"/>
  <c r="X64276" i="1"/>
  <c r="X64277" i="1"/>
  <c r="X64278" i="1"/>
  <c r="X64279" i="1"/>
  <c r="X64280" i="1"/>
  <c r="X64281" i="1"/>
  <c r="X64282" i="1"/>
  <c r="X64283" i="1"/>
  <c r="X64284" i="1"/>
  <c r="X64285" i="1"/>
  <c r="X64286" i="1"/>
  <c r="X64287" i="1"/>
  <c r="X64288" i="1"/>
  <c r="X64289" i="1"/>
  <c r="X64290" i="1"/>
  <c r="X64291" i="1"/>
  <c r="X64292" i="1"/>
  <c r="X64293" i="1"/>
  <c r="X64294" i="1"/>
  <c r="X64295" i="1"/>
  <c r="X64296" i="1"/>
  <c r="X64297" i="1"/>
  <c r="X64298" i="1"/>
  <c r="X64299" i="1"/>
  <c r="X64300" i="1"/>
  <c r="X64301" i="1"/>
  <c r="X64302" i="1"/>
  <c r="X64303" i="1"/>
  <c r="X64304" i="1"/>
  <c r="X64305" i="1"/>
  <c r="X64306" i="1"/>
  <c r="X64307" i="1"/>
  <c r="X64308" i="1"/>
  <c r="X64309" i="1"/>
  <c r="X64310" i="1"/>
  <c r="X64311" i="1"/>
  <c r="X64312" i="1"/>
  <c r="X64313" i="1"/>
  <c r="X64314" i="1"/>
  <c r="X64315" i="1"/>
  <c r="X64316" i="1"/>
  <c r="X64317" i="1"/>
  <c r="X64318" i="1"/>
  <c r="X64319" i="1"/>
  <c r="X64320" i="1"/>
  <c r="X64321" i="1"/>
  <c r="X64322" i="1"/>
  <c r="X64323" i="1"/>
  <c r="X64324" i="1"/>
  <c r="X64325" i="1"/>
  <c r="X64326" i="1"/>
  <c r="X64327" i="1"/>
  <c r="X64328" i="1"/>
  <c r="X64329" i="1"/>
  <c r="X64330" i="1"/>
  <c r="X64331" i="1"/>
  <c r="X64332" i="1"/>
  <c r="X64333" i="1"/>
  <c r="X64334" i="1"/>
  <c r="X64335" i="1"/>
  <c r="X64336" i="1"/>
  <c r="X64337" i="1"/>
  <c r="X64338" i="1"/>
  <c r="X64339" i="1"/>
  <c r="X64340" i="1"/>
  <c r="X64341" i="1"/>
  <c r="X64342" i="1"/>
  <c r="X64343" i="1"/>
  <c r="X64344" i="1"/>
  <c r="X64345" i="1"/>
  <c r="X64346" i="1"/>
  <c r="X64347" i="1"/>
  <c r="X64348" i="1"/>
  <c r="X64349" i="1"/>
  <c r="X64350" i="1"/>
  <c r="X64351" i="1"/>
  <c r="X64352" i="1"/>
  <c r="X64353" i="1"/>
  <c r="X64354" i="1"/>
  <c r="X64355" i="1"/>
  <c r="X64356" i="1"/>
  <c r="X64357" i="1"/>
  <c r="X64358" i="1"/>
  <c r="X64359" i="1"/>
  <c r="X64360" i="1"/>
  <c r="X64361" i="1"/>
  <c r="X64362" i="1"/>
  <c r="X64363" i="1"/>
  <c r="X64364" i="1"/>
  <c r="X64365" i="1"/>
  <c r="X64366" i="1"/>
  <c r="X64367" i="1"/>
  <c r="X64368" i="1"/>
  <c r="X64369" i="1"/>
  <c r="X64370" i="1"/>
  <c r="X64371" i="1"/>
  <c r="X64372" i="1"/>
  <c r="X64373" i="1"/>
  <c r="X64374" i="1"/>
  <c r="X64375" i="1"/>
  <c r="X64376" i="1"/>
  <c r="X64377" i="1"/>
  <c r="X64378" i="1"/>
  <c r="X64379" i="1"/>
  <c r="X64380" i="1"/>
  <c r="X64381" i="1"/>
  <c r="X64382" i="1"/>
  <c r="X64383" i="1"/>
  <c r="X64384" i="1"/>
  <c r="X64385" i="1"/>
  <c r="X64386" i="1"/>
  <c r="X64387" i="1"/>
  <c r="X64388" i="1"/>
  <c r="X64389" i="1"/>
  <c r="X64390" i="1"/>
  <c r="X64391" i="1"/>
  <c r="X64392" i="1"/>
  <c r="X64393" i="1"/>
  <c r="X64394" i="1"/>
  <c r="X64395" i="1"/>
  <c r="X64396" i="1"/>
  <c r="X64397" i="1"/>
  <c r="X64398" i="1"/>
  <c r="X64399" i="1"/>
  <c r="X64400" i="1"/>
  <c r="X64401" i="1"/>
  <c r="X64402" i="1"/>
  <c r="X64403" i="1"/>
  <c r="X64404" i="1"/>
  <c r="X64405" i="1"/>
  <c r="X64406" i="1"/>
  <c r="X64407" i="1"/>
  <c r="X64408" i="1"/>
  <c r="X64409" i="1"/>
  <c r="X64410" i="1"/>
  <c r="X64411" i="1"/>
  <c r="X64412" i="1"/>
  <c r="X64413" i="1"/>
  <c r="X64414" i="1"/>
  <c r="X64415" i="1"/>
  <c r="X64416" i="1"/>
  <c r="X64417" i="1"/>
  <c r="X64418" i="1"/>
  <c r="X64419" i="1"/>
  <c r="X64420" i="1"/>
  <c r="X64421" i="1"/>
  <c r="X64422" i="1"/>
  <c r="X64423" i="1"/>
  <c r="X64424" i="1"/>
  <c r="X64425" i="1"/>
  <c r="X64426" i="1"/>
  <c r="X64427" i="1"/>
  <c r="X64428" i="1"/>
  <c r="X64429" i="1"/>
  <c r="X64430" i="1"/>
  <c r="X64431" i="1"/>
  <c r="X64432" i="1"/>
  <c r="X64433" i="1"/>
  <c r="X64434" i="1"/>
  <c r="X64435" i="1"/>
  <c r="X64436" i="1"/>
  <c r="X64437" i="1"/>
  <c r="X64438" i="1"/>
  <c r="X64439" i="1"/>
  <c r="X64440" i="1"/>
  <c r="X64441" i="1"/>
  <c r="X64442" i="1"/>
  <c r="X64443" i="1"/>
  <c r="X64444" i="1"/>
  <c r="X64445" i="1"/>
  <c r="X64446" i="1"/>
  <c r="X64447" i="1"/>
  <c r="X64448" i="1"/>
  <c r="X64449" i="1"/>
  <c r="X64450" i="1"/>
  <c r="X64451" i="1"/>
  <c r="X64452" i="1"/>
  <c r="X64453" i="1"/>
  <c r="X64454" i="1"/>
  <c r="X64455" i="1"/>
  <c r="X64456" i="1"/>
  <c r="X64457" i="1"/>
  <c r="X64458" i="1"/>
  <c r="X64459" i="1"/>
  <c r="X64460" i="1"/>
  <c r="X64461" i="1"/>
  <c r="X64462" i="1"/>
  <c r="X64463" i="1"/>
  <c r="X64464" i="1"/>
  <c r="X64465" i="1"/>
  <c r="X64466" i="1"/>
  <c r="X64467" i="1"/>
  <c r="X64468" i="1"/>
  <c r="X64469" i="1"/>
  <c r="X64470" i="1"/>
  <c r="X64471" i="1"/>
  <c r="X64472" i="1"/>
  <c r="X64473" i="1"/>
  <c r="X64474" i="1"/>
  <c r="X64475" i="1"/>
  <c r="X64476" i="1"/>
  <c r="X64477" i="1"/>
  <c r="X64478" i="1"/>
  <c r="X64479" i="1"/>
  <c r="X64480" i="1"/>
  <c r="X64481" i="1"/>
  <c r="X64482" i="1"/>
  <c r="X64483" i="1"/>
  <c r="X64484" i="1"/>
  <c r="X64485" i="1"/>
  <c r="X64486" i="1"/>
  <c r="X64487" i="1"/>
  <c r="X64488" i="1"/>
  <c r="X64489" i="1"/>
  <c r="X64490" i="1"/>
  <c r="X64491" i="1"/>
  <c r="X64492" i="1"/>
  <c r="X64493" i="1"/>
  <c r="X64494" i="1"/>
  <c r="X64495" i="1"/>
  <c r="X64496" i="1"/>
  <c r="X64497" i="1"/>
  <c r="X64498" i="1"/>
  <c r="X64499" i="1"/>
  <c r="X64500" i="1"/>
  <c r="X64501" i="1"/>
  <c r="X64502" i="1"/>
  <c r="X64503" i="1"/>
  <c r="X64504" i="1"/>
  <c r="X64505" i="1"/>
  <c r="X64506" i="1"/>
  <c r="X64507" i="1"/>
  <c r="X64508" i="1"/>
  <c r="X64509" i="1"/>
  <c r="X64510" i="1"/>
  <c r="X64511" i="1"/>
  <c r="X64512" i="1"/>
  <c r="X64513" i="1"/>
  <c r="X64514" i="1"/>
  <c r="X64515" i="1"/>
  <c r="X64516" i="1"/>
  <c r="X64517" i="1"/>
  <c r="X64518" i="1"/>
  <c r="X64519" i="1"/>
  <c r="X64520" i="1"/>
  <c r="X64521" i="1"/>
  <c r="X64522" i="1"/>
  <c r="X64523" i="1"/>
  <c r="X64524" i="1"/>
  <c r="X64525" i="1"/>
  <c r="X64526" i="1"/>
  <c r="X64527" i="1"/>
  <c r="X64528" i="1"/>
  <c r="X64529" i="1"/>
  <c r="X64530" i="1"/>
  <c r="X64531" i="1"/>
  <c r="X64532" i="1"/>
  <c r="X64533" i="1"/>
  <c r="X64534" i="1"/>
  <c r="X64535" i="1"/>
  <c r="X64536" i="1"/>
  <c r="X64537" i="1"/>
  <c r="X64538" i="1"/>
  <c r="X64539" i="1"/>
  <c r="X64540" i="1"/>
  <c r="X64541" i="1"/>
  <c r="X64542" i="1"/>
  <c r="X64543" i="1"/>
  <c r="X64544" i="1"/>
  <c r="X64545" i="1"/>
  <c r="X64546" i="1"/>
  <c r="X64547" i="1"/>
  <c r="X64548" i="1"/>
  <c r="X64549" i="1"/>
  <c r="X64550" i="1"/>
  <c r="X64551" i="1"/>
  <c r="X64552" i="1"/>
  <c r="X64553" i="1"/>
  <c r="X64554" i="1"/>
  <c r="X64555" i="1"/>
  <c r="X64556" i="1"/>
  <c r="X64557" i="1"/>
  <c r="X64558" i="1"/>
  <c r="X64559" i="1"/>
  <c r="X64560" i="1"/>
  <c r="X64561" i="1"/>
  <c r="X64562" i="1"/>
  <c r="X64563" i="1"/>
  <c r="X64564" i="1"/>
  <c r="X64565" i="1"/>
  <c r="X64566" i="1"/>
  <c r="X64567" i="1"/>
  <c r="X64568" i="1"/>
  <c r="X64569" i="1"/>
  <c r="X64570" i="1"/>
  <c r="X64571" i="1"/>
  <c r="X64572" i="1"/>
  <c r="X64573" i="1"/>
  <c r="X64574" i="1"/>
  <c r="X64575" i="1"/>
  <c r="X64576" i="1"/>
  <c r="X64577" i="1"/>
  <c r="X64578" i="1"/>
  <c r="X64579" i="1"/>
  <c r="X64580" i="1"/>
  <c r="X64581" i="1"/>
  <c r="X64582" i="1"/>
  <c r="X64583" i="1"/>
  <c r="X64584" i="1"/>
  <c r="X64585" i="1"/>
  <c r="X64586" i="1"/>
  <c r="X64587" i="1"/>
  <c r="X64588" i="1"/>
  <c r="X64589" i="1"/>
  <c r="X64590" i="1"/>
  <c r="X64591" i="1"/>
  <c r="X64592" i="1"/>
  <c r="X64593" i="1"/>
  <c r="X64594" i="1"/>
  <c r="X64595" i="1"/>
  <c r="X64596" i="1"/>
  <c r="X64597" i="1"/>
  <c r="X64598" i="1"/>
  <c r="X64599" i="1"/>
  <c r="X64600" i="1"/>
  <c r="X64601" i="1"/>
  <c r="X64602" i="1"/>
  <c r="X64603" i="1"/>
  <c r="X64604" i="1"/>
  <c r="X64605" i="1"/>
  <c r="X64606" i="1"/>
  <c r="X64607" i="1"/>
  <c r="X64608" i="1"/>
  <c r="X64609" i="1"/>
  <c r="X64610" i="1"/>
  <c r="X64611" i="1"/>
  <c r="X64612" i="1"/>
  <c r="X64613" i="1"/>
  <c r="X64614" i="1"/>
  <c r="X64615" i="1"/>
  <c r="X64616" i="1"/>
  <c r="X64617" i="1"/>
  <c r="X64618" i="1"/>
  <c r="X64619" i="1"/>
  <c r="X64620" i="1"/>
  <c r="X64621" i="1"/>
  <c r="X64622" i="1"/>
  <c r="X64623" i="1"/>
  <c r="X64624" i="1"/>
  <c r="X64625" i="1"/>
  <c r="X64626" i="1"/>
  <c r="X64627" i="1"/>
  <c r="X64628" i="1"/>
  <c r="X64629" i="1"/>
  <c r="X64630" i="1"/>
  <c r="X64631" i="1"/>
  <c r="X64632" i="1"/>
  <c r="X64633" i="1"/>
  <c r="X64634" i="1"/>
  <c r="X64635" i="1"/>
  <c r="X64636" i="1"/>
  <c r="X64637" i="1"/>
  <c r="X64638" i="1"/>
  <c r="X64639" i="1"/>
  <c r="X64640" i="1"/>
  <c r="X64641" i="1"/>
  <c r="X64642" i="1"/>
  <c r="X64643" i="1"/>
  <c r="X64644" i="1"/>
  <c r="X64645" i="1"/>
  <c r="X64646" i="1"/>
  <c r="X64647" i="1"/>
  <c r="X64648" i="1"/>
  <c r="X64649" i="1"/>
  <c r="X64650" i="1"/>
  <c r="X64651" i="1"/>
  <c r="X64652" i="1"/>
  <c r="X64653" i="1"/>
  <c r="X64654" i="1"/>
  <c r="X64655" i="1"/>
  <c r="X64656" i="1"/>
  <c r="X64657" i="1"/>
  <c r="X64658" i="1"/>
  <c r="X64659" i="1"/>
  <c r="X64660" i="1"/>
  <c r="X64661" i="1"/>
  <c r="X64662" i="1"/>
  <c r="X64663" i="1"/>
  <c r="X64664" i="1"/>
  <c r="X64665" i="1"/>
  <c r="X64666" i="1"/>
  <c r="X64667" i="1"/>
  <c r="X64668" i="1"/>
  <c r="X64669" i="1"/>
  <c r="X64670" i="1"/>
  <c r="X64671" i="1"/>
  <c r="X64672" i="1"/>
  <c r="X64673" i="1"/>
  <c r="X64674" i="1"/>
  <c r="X64675" i="1"/>
  <c r="X64676" i="1"/>
  <c r="X64677" i="1"/>
  <c r="X64678" i="1"/>
  <c r="X64679" i="1"/>
  <c r="X64680" i="1"/>
  <c r="X64681" i="1"/>
  <c r="X64682" i="1"/>
  <c r="X64683" i="1"/>
  <c r="X64684" i="1"/>
  <c r="X64685" i="1"/>
  <c r="X64686" i="1"/>
  <c r="X64687" i="1"/>
  <c r="X64688" i="1"/>
  <c r="X64689" i="1"/>
  <c r="X64690" i="1"/>
  <c r="X64691" i="1"/>
  <c r="X64692" i="1"/>
  <c r="X64693" i="1"/>
  <c r="X64694" i="1"/>
  <c r="X64695" i="1"/>
  <c r="X64696" i="1"/>
  <c r="X64697" i="1"/>
  <c r="X64698" i="1"/>
  <c r="X64699" i="1"/>
  <c r="X64700" i="1"/>
  <c r="X64701" i="1"/>
  <c r="X64702" i="1"/>
  <c r="X64703" i="1"/>
  <c r="X64704" i="1"/>
  <c r="X64705" i="1"/>
  <c r="X64706" i="1"/>
  <c r="X64707" i="1"/>
  <c r="X64708" i="1"/>
  <c r="X64709" i="1"/>
  <c r="X64710" i="1"/>
  <c r="X64711" i="1"/>
  <c r="X64712" i="1"/>
  <c r="X64713" i="1"/>
  <c r="X64714" i="1"/>
  <c r="X64715" i="1"/>
  <c r="X64716" i="1"/>
  <c r="X64717" i="1"/>
  <c r="X64718" i="1"/>
  <c r="X64719" i="1"/>
  <c r="X64720" i="1"/>
  <c r="X64721" i="1"/>
  <c r="X64722" i="1"/>
  <c r="X64723" i="1"/>
  <c r="X64724" i="1"/>
  <c r="X64725" i="1"/>
  <c r="X64726" i="1"/>
  <c r="X64727" i="1"/>
  <c r="X64728" i="1"/>
  <c r="X64729" i="1"/>
  <c r="X64730" i="1"/>
  <c r="X64731" i="1"/>
  <c r="X64732" i="1"/>
  <c r="X64733" i="1"/>
  <c r="X64734" i="1"/>
  <c r="X64735" i="1"/>
  <c r="X64736" i="1"/>
  <c r="X64737" i="1"/>
  <c r="X64738" i="1"/>
  <c r="X64739" i="1"/>
  <c r="X64740" i="1"/>
  <c r="X64741" i="1"/>
  <c r="X64742" i="1"/>
  <c r="X64743" i="1"/>
  <c r="X64744" i="1"/>
  <c r="X64745" i="1"/>
  <c r="X64746" i="1"/>
  <c r="X64747" i="1"/>
  <c r="X64748" i="1"/>
  <c r="X64749" i="1"/>
  <c r="X64750" i="1"/>
  <c r="X64751" i="1"/>
  <c r="X64752" i="1"/>
  <c r="X64753" i="1"/>
  <c r="X64754" i="1"/>
  <c r="X64755" i="1"/>
  <c r="X64756" i="1"/>
  <c r="X64757" i="1"/>
  <c r="X64758" i="1"/>
  <c r="X64759" i="1"/>
  <c r="X64760" i="1"/>
  <c r="X64761" i="1"/>
  <c r="X64762" i="1"/>
  <c r="X64763" i="1"/>
  <c r="X64764" i="1"/>
  <c r="X64765" i="1"/>
  <c r="X64766" i="1"/>
  <c r="X64767" i="1"/>
  <c r="X64768" i="1"/>
  <c r="X64769" i="1"/>
  <c r="X64770" i="1"/>
  <c r="X64771" i="1"/>
  <c r="X64772" i="1"/>
  <c r="X64773" i="1"/>
  <c r="X64774" i="1"/>
  <c r="X64775" i="1"/>
  <c r="X64776" i="1"/>
  <c r="X64777" i="1"/>
  <c r="X64778" i="1"/>
  <c r="X64779" i="1"/>
  <c r="X64780" i="1"/>
  <c r="X64781" i="1"/>
  <c r="X64782" i="1"/>
  <c r="X64783" i="1"/>
  <c r="X64784" i="1"/>
  <c r="X64785" i="1"/>
  <c r="X64786" i="1"/>
  <c r="X64787" i="1"/>
  <c r="X64788" i="1"/>
  <c r="X64789" i="1"/>
  <c r="X64790" i="1"/>
  <c r="X64791" i="1"/>
  <c r="X64792" i="1"/>
  <c r="X64793" i="1"/>
  <c r="X64794" i="1"/>
  <c r="X64795" i="1"/>
  <c r="X64796" i="1"/>
  <c r="X64797" i="1"/>
  <c r="X64798" i="1"/>
  <c r="X64799" i="1"/>
  <c r="X64800" i="1"/>
  <c r="X64801" i="1"/>
  <c r="X64802" i="1"/>
  <c r="X64803" i="1"/>
  <c r="X64804" i="1"/>
  <c r="X64805" i="1"/>
  <c r="X64806" i="1"/>
  <c r="X64807" i="1"/>
  <c r="X64808" i="1"/>
  <c r="X64809" i="1"/>
  <c r="X64810" i="1"/>
  <c r="X64811" i="1"/>
  <c r="X64812" i="1"/>
  <c r="X64813" i="1"/>
  <c r="X64814" i="1"/>
  <c r="X64815" i="1"/>
  <c r="X64816" i="1"/>
  <c r="X64817" i="1"/>
  <c r="X64818" i="1"/>
  <c r="X64819" i="1"/>
  <c r="X64820" i="1"/>
  <c r="X64821" i="1"/>
  <c r="X64822" i="1"/>
  <c r="X64823" i="1"/>
  <c r="X64824" i="1"/>
  <c r="X64825" i="1"/>
  <c r="X64826" i="1"/>
  <c r="X64827" i="1"/>
  <c r="X64828" i="1"/>
  <c r="X64829" i="1"/>
  <c r="X64830" i="1"/>
  <c r="X64831" i="1"/>
  <c r="X64832" i="1"/>
  <c r="X64833" i="1"/>
  <c r="X64834" i="1"/>
  <c r="X64835" i="1"/>
  <c r="X64836" i="1"/>
  <c r="X64837" i="1"/>
  <c r="X64838" i="1"/>
  <c r="X64839" i="1"/>
  <c r="X64840" i="1"/>
  <c r="X64841" i="1"/>
  <c r="X64842" i="1"/>
  <c r="X64843" i="1"/>
  <c r="X64844" i="1"/>
  <c r="X64845" i="1"/>
  <c r="X64846" i="1"/>
  <c r="X64847" i="1"/>
  <c r="X64848" i="1"/>
  <c r="X64849" i="1"/>
  <c r="X64850" i="1"/>
  <c r="X64851" i="1"/>
  <c r="X64852" i="1"/>
  <c r="X64853" i="1"/>
  <c r="X64854" i="1"/>
  <c r="X64855" i="1"/>
  <c r="X64856" i="1"/>
  <c r="X64857" i="1"/>
  <c r="X64858" i="1"/>
  <c r="X64859" i="1"/>
  <c r="X64860" i="1"/>
  <c r="X64861" i="1"/>
  <c r="X64862" i="1"/>
  <c r="X64863" i="1"/>
  <c r="X64864" i="1"/>
  <c r="X64865" i="1"/>
  <c r="X64866" i="1"/>
  <c r="X64867" i="1"/>
  <c r="X64868" i="1"/>
  <c r="X64869" i="1"/>
  <c r="X64870" i="1"/>
  <c r="X64871" i="1"/>
  <c r="X64872" i="1"/>
  <c r="X64873" i="1"/>
  <c r="X64874" i="1"/>
  <c r="X64875" i="1"/>
  <c r="X64876" i="1"/>
  <c r="X64877" i="1"/>
  <c r="X64878" i="1"/>
  <c r="X64879" i="1"/>
  <c r="X64880" i="1"/>
  <c r="X64881" i="1"/>
  <c r="X64882" i="1"/>
  <c r="X64883" i="1"/>
  <c r="X64884" i="1"/>
  <c r="X64885" i="1"/>
  <c r="X64886" i="1"/>
  <c r="X64887" i="1"/>
  <c r="X64888" i="1"/>
  <c r="X64889" i="1"/>
  <c r="X64890" i="1"/>
  <c r="X64891" i="1"/>
  <c r="X64892" i="1"/>
  <c r="X64893" i="1"/>
  <c r="X64894" i="1"/>
  <c r="X64895" i="1"/>
  <c r="X64896" i="1"/>
  <c r="X64897" i="1"/>
  <c r="X64898" i="1"/>
  <c r="X64899" i="1"/>
  <c r="X64900" i="1"/>
  <c r="X64901" i="1"/>
  <c r="X64902" i="1"/>
  <c r="X64903" i="1"/>
  <c r="X64904" i="1"/>
  <c r="X64905" i="1"/>
  <c r="X64906" i="1"/>
  <c r="X64907" i="1"/>
  <c r="X64908" i="1"/>
  <c r="X64909" i="1"/>
  <c r="X64910" i="1"/>
  <c r="X64911" i="1"/>
  <c r="X64912" i="1"/>
  <c r="X64913" i="1"/>
  <c r="X64914" i="1"/>
  <c r="X64915" i="1"/>
  <c r="X64916" i="1"/>
  <c r="X64917" i="1"/>
  <c r="X64918" i="1"/>
  <c r="X64919" i="1"/>
  <c r="X64920" i="1"/>
  <c r="X64921" i="1"/>
  <c r="X64922" i="1"/>
  <c r="X64923" i="1"/>
  <c r="X64924" i="1"/>
  <c r="X64925" i="1"/>
  <c r="X64926" i="1"/>
  <c r="X64927" i="1"/>
  <c r="X64928" i="1"/>
  <c r="X64929" i="1"/>
  <c r="X64930" i="1"/>
  <c r="X64931" i="1"/>
  <c r="X64932" i="1"/>
  <c r="X64933" i="1"/>
  <c r="X64934" i="1"/>
  <c r="X64935" i="1"/>
  <c r="X64936" i="1"/>
  <c r="X64937" i="1"/>
  <c r="X64938" i="1"/>
  <c r="X64939" i="1"/>
  <c r="X64940" i="1"/>
  <c r="X64941" i="1"/>
  <c r="X64942" i="1"/>
  <c r="X64943" i="1"/>
  <c r="X64944" i="1"/>
  <c r="X64945" i="1"/>
  <c r="X64946" i="1"/>
  <c r="X64947" i="1"/>
  <c r="X64948" i="1"/>
  <c r="X64949" i="1"/>
  <c r="X64950" i="1"/>
  <c r="X64951" i="1"/>
  <c r="X64952" i="1"/>
  <c r="X64953" i="1"/>
  <c r="X64954" i="1"/>
  <c r="X64955" i="1"/>
  <c r="X64956" i="1"/>
  <c r="X64957" i="1"/>
  <c r="X64958" i="1"/>
  <c r="X64959" i="1"/>
  <c r="X64960" i="1"/>
  <c r="X64961" i="1"/>
  <c r="X64962" i="1"/>
  <c r="X64963" i="1"/>
  <c r="X64964" i="1"/>
  <c r="X64965" i="1"/>
  <c r="X64966" i="1"/>
  <c r="X64967" i="1"/>
  <c r="X64968" i="1"/>
  <c r="X64969" i="1"/>
  <c r="X64970" i="1"/>
  <c r="X64971" i="1"/>
  <c r="X64972" i="1"/>
  <c r="X64973" i="1"/>
  <c r="X64974" i="1"/>
  <c r="X64975" i="1"/>
  <c r="X64976" i="1"/>
  <c r="X64977" i="1"/>
  <c r="X64978" i="1"/>
  <c r="X64979" i="1"/>
  <c r="X64980" i="1"/>
  <c r="X64981" i="1"/>
  <c r="X64982" i="1"/>
  <c r="X64983" i="1"/>
  <c r="X64984" i="1"/>
  <c r="X64985" i="1"/>
  <c r="X64986" i="1"/>
  <c r="X64987" i="1"/>
  <c r="X64988" i="1"/>
  <c r="X64989" i="1"/>
  <c r="X64990" i="1"/>
  <c r="X64991" i="1"/>
  <c r="X64992" i="1"/>
  <c r="X64993" i="1"/>
  <c r="X64994" i="1"/>
  <c r="X64995" i="1"/>
  <c r="X64996" i="1"/>
  <c r="X64997" i="1"/>
  <c r="X64998" i="1"/>
  <c r="X64999" i="1"/>
  <c r="X65000" i="1"/>
  <c r="X65001" i="1"/>
  <c r="X65002" i="1"/>
  <c r="X65003" i="1"/>
  <c r="X65004" i="1"/>
  <c r="X65005" i="1"/>
  <c r="X65006" i="1"/>
  <c r="X65007" i="1"/>
  <c r="X65008" i="1"/>
  <c r="X65009" i="1"/>
  <c r="X65010" i="1"/>
  <c r="X65011" i="1"/>
  <c r="X65012" i="1"/>
  <c r="X65013" i="1"/>
  <c r="X65014" i="1"/>
  <c r="X65015" i="1"/>
  <c r="X65016" i="1"/>
  <c r="X65017" i="1"/>
  <c r="X65018" i="1"/>
  <c r="X65019" i="1"/>
  <c r="X65020" i="1"/>
  <c r="X65021" i="1"/>
  <c r="X65022" i="1"/>
  <c r="X65023" i="1"/>
  <c r="X65024" i="1"/>
  <c r="X65025" i="1"/>
  <c r="X65026" i="1"/>
  <c r="X65027" i="1"/>
  <c r="X65028" i="1"/>
  <c r="X65029" i="1"/>
  <c r="X65030" i="1"/>
  <c r="X65031" i="1"/>
  <c r="X65032" i="1"/>
  <c r="X65033" i="1"/>
  <c r="X65034" i="1"/>
  <c r="X65035" i="1"/>
  <c r="X65036" i="1"/>
  <c r="X65037" i="1"/>
  <c r="X65038" i="1"/>
  <c r="X65039" i="1"/>
  <c r="X65040" i="1"/>
  <c r="X65041" i="1"/>
  <c r="X65042" i="1"/>
  <c r="X65043" i="1"/>
  <c r="X65044" i="1"/>
  <c r="X65045" i="1"/>
  <c r="X65046" i="1"/>
  <c r="X65047" i="1"/>
  <c r="X65048" i="1"/>
  <c r="X65049" i="1"/>
  <c r="X65050" i="1"/>
  <c r="X65051" i="1"/>
  <c r="X65052" i="1"/>
  <c r="X65053" i="1"/>
  <c r="X65054" i="1"/>
  <c r="X65055" i="1"/>
  <c r="X65056" i="1"/>
  <c r="X65057" i="1"/>
  <c r="X65058" i="1"/>
  <c r="X65059" i="1"/>
  <c r="X65060" i="1"/>
  <c r="X65061" i="1"/>
  <c r="X65062" i="1"/>
  <c r="X65063" i="1"/>
  <c r="X65064" i="1"/>
  <c r="X65065" i="1"/>
  <c r="X65066" i="1"/>
  <c r="X65067" i="1"/>
  <c r="X65068" i="1"/>
  <c r="X65069" i="1"/>
  <c r="X65070" i="1"/>
  <c r="X65071" i="1"/>
  <c r="X65072" i="1"/>
  <c r="X65073" i="1"/>
  <c r="X65074" i="1"/>
  <c r="X65075" i="1"/>
  <c r="X65076" i="1"/>
  <c r="X65077" i="1"/>
  <c r="X65078" i="1"/>
  <c r="X65079" i="1"/>
  <c r="X65080" i="1"/>
  <c r="X65081" i="1"/>
  <c r="X65082" i="1"/>
  <c r="X65083" i="1"/>
  <c r="X65084" i="1"/>
  <c r="X65085" i="1"/>
  <c r="X65086" i="1"/>
  <c r="X65087" i="1"/>
  <c r="X65088" i="1"/>
  <c r="X65089" i="1"/>
  <c r="X65090" i="1"/>
  <c r="X65091" i="1"/>
  <c r="X65092" i="1"/>
  <c r="X65093" i="1"/>
  <c r="X65094" i="1"/>
  <c r="X65095" i="1"/>
  <c r="X65096" i="1"/>
  <c r="X65097" i="1"/>
  <c r="X65098" i="1"/>
  <c r="X65099" i="1"/>
  <c r="X65100" i="1"/>
  <c r="X65101" i="1"/>
  <c r="X65102" i="1"/>
  <c r="X65103" i="1"/>
  <c r="X65104" i="1"/>
  <c r="X65105" i="1"/>
  <c r="X65106" i="1"/>
  <c r="X65107" i="1"/>
  <c r="X65108" i="1"/>
  <c r="X65109" i="1"/>
  <c r="X65110" i="1"/>
  <c r="X65111" i="1"/>
  <c r="X65112" i="1"/>
  <c r="X65113" i="1"/>
  <c r="X65114" i="1"/>
  <c r="X65115" i="1"/>
  <c r="X65116" i="1"/>
  <c r="X65117" i="1"/>
  <c r="X65118" i="1"/>
  <c r="X65119" i="1"/>
  <c r="X65120" i="1"/>
  <c r="X65121" i="1"/>
  <c r="X65122" i="1"/>
  <c r="X65123" i="1"/>
  <c r="X65124" i="1"/>
  <c r="X65125" i="1"/>
  <c r="X65126" i="1"/>
  <c r="X65127" i="1"/>
  <c r="X65128" i="1"/>
  <c r="X65129" i="1"/>
  <c r="X65130" i="1"/>
  <c r="X65131" i="1"/>
  <c r="X65132" i="1"/>
  <c r="X65133" i="1"/>
  <c r="X65134" i="1"/>
  <c r="X65135" i="1"/>
  <c r="X65136" i="1"/>
  <c r="X65137" i="1"/>
  <c r="X65138" i="1"/>
  <c r="X65139" i="1"/>
  <c r="X65140" i="1"/>
  <c r="X65141" i="1"/>
  <c r="X65142" i="1"/>
  <c r="X65143" i="1"/>
  <c r="X65144" i="1"/>
  <c r="X65145" i="1"/>
  <c r="X65146" i="1"/>
  <c r="X65147" i="1"/>
  <c r="X65148" i="1"/>
  <c r="X65149" i="1"/>
  <c r="X65150" i="1"/>
  <c r="X65151" i="1"/>
  <c r="X65152" i="1"/>
  <c r="X65153" i="1"/>
  <c r="X65154" i="1"/>
  <c r="X65155" i="1"/>
  <c r="X65156" i="1"/>
  <c r="X65157" i="1"/>
  <c r="X65158" i="1"/>
  <c r="X65159" i="1"/>
  <c r="X65160" i="1"/>
  <c r="X65161" i="1"/>
  <c r="X65162" i="1"/>
  <c r="X65163" i="1"/>
  <c r="X65164" i="1"/>
  <c r="X65165" i="1"/>
  <c r="X65166" i="1"/>
  <c r="X65167" i="1"/>
  <c r="X65168" i="1"/>
  <c r="X65169" i="1"/>
  <c r="X65170" i="1"/>
  <c r="X65171" i="1"/>
  <c r="X65172" i="1"/>
  <c r="X65173" i="1"/>
  <c r="X65174" i="1"/>
  <c r="X65175" i="1"/>
  <c r="X65176" i="1"/>
  <c r="X65177" i="1"/>
  <c r="X65178" i="1"/>
  <c r="X65179" i="1"/>
  <c r="X65180" i="1"/>
  <c r="X65181" i="1"/>
  <c r="X65182" i="1"/>
  <c r="X65183" i="1"/>
  <c r="X65184" i="1"/>
  <c r="X65185" i="1"/>
  <c r="X65186" i="1"/>
  <c r="X65187" i="1"/>
  <c r="X65188" i="1"/>
  <c r="X65189" i="1"/>
  <c r="X65190" i="1"/>
  <c r="X65191" i="1"/>
  <c r="X65192" i="1"/>
  <c r="X65193" i="1"/>
  <c r="X65194" i="1"/>
  <c r="X65195" i="1"/>
  <c r="X65196" i="1"/>
  <c r="X65197" i="1"/>
  <c r="X65198" i="1"/>
  <c r="X65199" i="1"/>
  <c r="X65200" i="1"/>
  <c r="X65201" i="1"/>
  <c r="X65202" i="1"/>
  <c r="X65203" i="1"/>
  <c r="X65204" i="1"/>
  <c r="X65205" i="1"/>
  <c r="X65206" i="1"/>
  <c r="X65207" i="1"/>
  <c r="X65208" i="1"/>
  <c r="X65209" i="1"/>
  <c r="X65210" i="1"/>
  <c r="X65211" i="1"/>
  <c r="X65212" i="1"/>
  <c r="X65213" i="1"/>
  <c r="X65214" i="1"/>
  <c r="X65215" i="1"/>
  <c r="X65216" i="1"/>
  <c r="X65217" i="1"/>
  <c r="X65218" i="1"/>
  <c r="X65219" i="1"/>
  <c r="X65220" i="1"/>
  <c r="X65221" i="1"/>
  <c r="X65222" i="1"/>
  <c r="X65223" i="1"/>
  <c r="X65224" i="1"/>
  <c r="X65225" i="1"/>
  <c r="X65226" i="1"/>
  <c r="X65227" i="1"/>
  <c r="X65228" i="1"/>
  <c r="X65229" i="1"/>
  <c r="X65230" i="1"/>
  <c r="X65231" i="1"/>
  <c r="X65232" i="1"/>
  <c r="X65233" i="1"/>
  <c r="X65234" i="1"/>
  <c r="X65235" i="1"/>
  <c r="X65236" i="1"/>
  <c r="X65237" i="1"/>
  <c r="X65238" i="1"/>
  <c r="X65239" i="1"/>
  <c r="X65240" i="1"/>
  <c r="X65241" i="1"/>
  <c r="X65242" i="1"/>
  <c r="X65243" i="1"/>
  <c r="X65244" i="1"/>
  <c r="X65245" i="1"/>
  <c r="X65246" i="1"/>
  <c r="X65247" i="1"/>
  <c r="X65248" i="1"/>
  <c r="X65249" i="1"/>
  <c r="X65250" i="1"/>
  <c r="X65251" i="1"/>
  <c r="X65252" i="1"/>
  <c r="X65253" i="1"/>
  <c r="X65254" i="1"/>
  <c r="X65255" i="1"/>
  <c r="X65256" i="1"/>
  <c r="X65257" i="1"/>
  <c r="X65258" i="1"/>
  <c r="X65259" i="1"/>
  <c r="X65260" i="1"/>
  <c r="X65261" i="1"/>
  <c r="X65262" i="1"/>
  <c r="X65263" i="1"/>
  <c r="X65264" i="1"/>
  <c r="X65265" i="1"/>
  <c r="X65266" i="1"/>
  <c r="X65267" i="1"/>
  <c r="X65268" i="1"/>
  <c r="X65269" i="1"/>
  <c r="X65270" i="1"/>
  <c r="X65271" i="1"/>
  <c r="X65272" i="1"/>
  <c r="X65273" i="1"/>
  <c r="X65274" i="1"/>
  <c r="X65275" i="1"/>
  <c r="X65276" i="1"/>
  <c r="X65277" i="1"/>
  <c r="X65278" i="1"/>
  <c r="X65279" i="1"/>
  <c r="X65280" i="1"/>
  <c r="X65281" i="1"/>
  <c r="X65282" i="1"/>
  <c r="X65283" i="1"/>
  <c r="X65284" i="1"/>
  <c r="X65285" i="1"/>
  <c r="X65286" i="1"/>
  <c r="X65287" i="1"/>
  <c r="X65288" i="1"/>
  <c r="X65289" i="1"/>
  <c r="X65290" i="1"/>
  <c r="X65291" i="1"/>
  <c r="X65292" i="1"/>
  <c r="X65293" i="1"/>
  <c r="X65294" i="1"/>
  <c r="X65295" i="1"/>
  <c r="X65296" i="1"/>
  <c r="X65297" i="1"/>
  <c r="X65298" i="1"/>
  <c r="X65299" i="1"/>
  <c r="X65300" i="1"/>
  <c r="X65301" i="1"/>
  <c r="X65302" i="1"/>
  <c r="X65303" i="1"/>
  <c r="X65304" i="1"/>
  <c r="X65305" i="1"/>
  <c r="X65306" i="1"/>
  <c r="X65307" i="1"/>
  <c r="X65308" i="1"/>
  <c r="X65309" i="1"/>
  <c r="X65310" i="1"/>
  <c r="X65311" i="1"/>
  <c r="X65312" i="1"/>
  <c r="X65313" i="1"/>
  <c r="X65314" i="1"/>
  <c r="X65315" i="1"/>
  <c r="X65316" i="1"/>
  <c r="X65317" i="1"/>
  <c r="X65318" i="1"/>
  <c r="X65319" i="1"/>
  <c r="X65320" i="1"/>
  <c r="X65321" i="1"/>
  <c r="X65322" i="1"/>
  <c r="X65323" i="1"/>
  <c r="X65324" i="1"/>
  <c r="X65325" i="1"/>
  <c r="X65326" i="1"/>
  <c r="X65327" i="1"/>
  <c r="X65328" i="1"/>
  <c r="X65329" i="1"/>
  <c r="X65330" i="1"/>
  <c r="X65331" i="1"/>
  <c r="X65332" i="1"/>
  <c r="X65333" i="1"/>
  <c r="X65334" i="1"/>
  <c r="X65335" i="1"/>
  <c r="X65336" i="1"/>
  <c r="X65337" i="1"/>
  <c r="X65338" i="1"/>
  <c r="X65339" i="1"/>
  <c r="X65340" i="1"/>
  <c r="X65341" i="1"/>
  <c r="X65342" i="1"/>
  <c r="X65343" i="1"/>
  <c r="X65344" i="1"/>
  <c r="X65345" i="1"/>
  <c r="X65346" i="1"/>
  <c r="X65347" i="1"/>
  <c r="X65348" i="1"/>
  <c r="X65349" i="1"/>
  <c r="X65350" i="1"/>
  <c r="X65351" i="1"/>
  <c r="X65352" i="1"/>
  <c r="X65353" i="1"/>
  <c r="X65354" i="1"/>
  <c r="X65355" i="1"/>
  <c r="X65356" i="1"/>
  <c r="X65357" i="1"/>
  <c r="X65358" i="1"/>
  <c r="X65359" i="1"/>
  <c r="X65360" i="1"/>
  <c r="X65361" i="1"/>
  <c r="X65362" i="1"/>
  <c r="X65363" i="1"/>
  <c r="X65364" i="1"/>
  <c r="X65365" i="1"/>
  <c r="X65366" i="1"/>
  <c r="X65367" i="1"/>
  <c r="X65368" i="1"/>
  <c r="X65369" i="1"/>
  <c r="X65370" i="1"/>
  <c r="X65371" i="1"/>
  <c r="X65372" i="1"/>
  <c r="X65373" i="1"/>
  <c r="X65374" i="1"/>
  <c r="X65375" i="1"/>
  <c r="X65376" i="1"/>
  <c r="X65377" i="1"/>
  <c r="X65378" i="1"/>
  <c r="X65379" i="1"/>
  <c r="X65380" i="1"/>
  <c r="X65381" i="1"/>
  <c r="X65382" i="1"/>
  <c r="X65383" i="1"/>
  <c r="X65384" i="1"/>
  <c r="X65385" i="1"/>
  <c r="X65386" i="1"/>
  <c r="X65387" i="1"/>
  <c r="X65388" i="1"/>
  <c r="X65389" i="1"/>
  <c r="X65390" i="1"/>
  <c r="X65391" i="1"/>
  <c r="X65392" i="1"/>
  <c r="X65393" i="1"/>
  <c r="X65394" i="1"/>
  <c r="X65395" i="1"/>
  <c r="X65396" i="1"/>
  <c r="X65397" i="1"/>
  <c r="X65398" i="1"/>
  <c r="X65399" i="1"/>
  <c r="X65400" i="1"/>
  <c r="X65401" i="1"/>
  <c r="X65402" i="1"/>
  <c r="X65403" i="1"/>
  <c r="X65404" i="1"/>
  <c r="X65405" i="1"/>
  <c r="X65406" i="1"/>
  <c r="X65407" i="1"/>
  <c r="X65408" i="1"/>
  <c r="X65409" i="1"/>
  <c r="X65410" i="1"/>
  <c r="X65411" i="1"/>
  <c r="X65412" i="1"/>
  <c r="X65413" i="1"/>
  <c r="X65414" i="1"/>
  <c r="X65415" i="1"/>
  <c r="X65416" i="1"/>
  <c r="X65417" i="1"/>
  <c r="X65418" i="1"/>
  <c r="X65419" i="1"/>
  <c r="X65420" i="1"/>
  <c r="X65421" i="1"/>
  <c r="X65422" i="1"/>
  <c r="X65423" i="1"/>
  <c r="X65424" i="1"/>
  <c r="X65425" i="1"/>
  <c r="X65426" i="1"/>
  <c r="X65427" i="1"/>
  <c r="X65428" i="1"/>
  <c r="X65429" i="1"/>
  <c r="X65430" i="1"/>
  <c r="X65431" i="1"/>
  <c r="X65432" i="1"/>
  <c r="X65433" i="1"/>
  <c r="X65434" i="1"/>
  <c r="X65435" i="1"/>
  <c r="X65436" i="1"/>
  <c r="X65437" i="1"/>
  <c r="X65438" i="1"/>
  <c r="X65439" i="1"/>
  <c r="X65440" i="1"/>
  <c r="X65441" i="1"/>
  <c r="X65442" i="1"/>
  <c r="X65443" i="1"/>
  <c r="X65444" i="1"/>
  <c r="X65445" i="1"/>
  <c r="X65446" i="1"/>
  <c r="X65447" i="1"/>
  <c r="X65448" i="1"/>
  <c r="X65449" i="1"/>
  <c r="X65450" i="1"/>
  <c r="X65451" i="1"/>
  <c r="X65452" i="1"/>
  <c r="X65453" i="1"/>
  <c r="X65454" i="1"/>
  <c r="X65455" i="1"/>
  <c r="X65456" i="1"/>
  <c r="X65457" i="1"/>
  <c r="X65458" i="1"/>
  <c r="X65459" i="1"/>
  <c r="X65460" i="1"/>
  <c r="X65461" i="1"/>
  <c r="X65462" i="1"/>
  <c r="X65463" i="1"/>
  <c r="X65464" i="1"/>
  <c r="X65465" i="1"/>
  <c r="X65466" i="1"/>
  <c r="X65467" i="1"/>
  <c r="X65468" i="1"/>
  <c r="X65469" i="1"/>
  <c r="X65470" i="1"/>
  <c r="X65471" i="1"/>
  <c r="X65472" i="1"/>
  <c r="X65473" i="1"/>
  <c r="X65474" i="1"/>
  <c r="X65475" i="1"/>
  <c r="X65476" i="1"/>
  <c r="X65477" i="1"/>
  <c r="X65478" i="1"/>
  <c r="X65479" i="1"/>
  <c r="X65480" i="1"/>
  <c r="X65481" i="1"/>
  <c r="X65482" i="1"/>
  <c r="X65483" i="1"/>
  <c r="X65484" i="1"/>
  <c r="X65485" i="1"/>
  <c r="X65486" i="1"/>
  <c r="X65487" i="1"/>
  <c r="X65488" i="1"/>
  <c r="X65489" i="1"/>
  <c r="X65490" i="1"/>
  <c r="X65491" i="1"/>
  <c r="X65492" i="1"/>
  <c r="X65493" i="1"/>
  <c r="X65494" i="1"/>
  <c r="X65495" i="1"/>
  <c r="X65496" i="1"/>
  <c r="X65497" i="1"/>
  <c r="X65498" i="1"/>
  <c r="X65499" i="1"/>
  <c r="X65500" i="1"/>
  <c r="X65501" i="1"/>
  <c r="X65502" i="1"/>
  <c r="X65503" i="1"/>
  <c r="X65504" i="1"/>
  <c r="X65505" i="1"/>
  <c r="X65506" i="1"/>
  <c r="X65507" i="1"/>
  <c r="X65508" i="1"/>
  <c r="X65509" i="1"/>
  <c r="X65510" i="1"/>
  <c r="X65511" i="1"/>
  <c r="X65512" i="1"/>
  <c r="X65513" i="1"/>
  <c r="X65514" i="1"/>
  <c r="X65515" i="1"/>
  <c r="X65516" i="1"/>
  <c r="X65517" i="1"/>
  <c r="X65518" i="1"/>
  <c r="X65519" i="1"/>
  <c r="X65520" i="1"/>
  <c r="X65521" i="1"/>
  <c r="X65522" i="1"/>
  <c r="X65523" i="1"/>
  <c r="X65524" i="1"/>
  <c r="X65525" i="1"/>
  <c r="X65526" i="1"/>
  <c r="X65527" i="1"/>
  <c r="X65528" i="1"/>
  <c r="X65529" i="1"/>
  <c r="X65530" i="1"/>
  <c r="X65531" i="1"/>
  <c r="X65532" i="1"/>
  <c r="X65533" i="1"/>
  <c r="X65534" i="1"/>
  <c r="X65535" i="1"/>
  <c r="X65536" i="1"/>
  <c r="X65537" i="1"/>
  <c r="X65538" i="1"/>
  <c r="X65539" i="1"/>
  <c r="X65540" i="1"/>
  <c r="X65541" i="1"/>
  <c r="X65542" i="1"/>
  <c r="X65543" i="1"/>
  <c r="X65544" i="1"/>
  <c r="X65545" i="1"/>
  <c r="X65546" i="1"/>
  <c r="X65547" i="1"/>
  <c r="X65548" i="1"/>
  <c r="X65549" i="1"/>
  <c r="X65550" i="1"/>
  <c r="X65551" i="1"/>
  <c r="X65552" i="1"/>
  <c r="X65553" i="1"/>
  <c r="X65554" i="1"/>
  <c r="X65555" i="1"/>
  <c r="X65556" i="1"/>
  <c r="X65557" i="1"/>
  <c r="X65558" i="1"/>
  <c r="X65559" i="1"/>
  <c r="X65560" i="1"/>
  <c r="X65561" i="1"/>
  <c r="X65562" i="1"/>
  <c r="X65563" i="1"/>
  <c r="X65564" i="1"/>
  <c r="X65565" i="1"/>
  <c r="X65566" i="1"/>
  <c r="X65567" i="1"/>
  <c r="X65568" i="1"/>
  <c r="X65569" i="1"/>
  <c r="X65570" i="1"/>
  <c r="X65571" i="1"/>
  <c r="X65572" i="1"/>
  <c r="X65573" i="1"/>
  <c r="X65574" i="1"/>
  <c r="X65575" i="1"/>
  <c r="X65576" i="1"/>
  <c r="X65577" i="1"/>
  <c r="X65578" i="1"/>
  <c r="X65579" i="1"/>
  <c r="X65580" i="1"/>
  <c r="X65581" i="1"/>
  <c r="X65582" i="1"/>
  <c r="X65583" i="1"/>
  <c r="X65584" i="1"/>
  <c r="X65585" i="1"/>
  <c r="X65586" i="1"/>
  <c r="X65587" i="1"/>
  <c r="X65588" i="1"/>
  <c r="X65589" i="1"/>
  <c r="X65590" i="1"/>
  <c r="X65591" i="1"/>
  <c r="X65592" i="1"/>
  <c r="X65593" i="1"/>
  <c r="X65594" i="1"/>
  <c r="X65595" i="1"/>
  <c r="X65596" i="1"/>
  <c r="X65597" i="1"/>
  <c r="X65598" i="1"/>
  <c r="X65599" i="1"/>
  <c r="X65600" i="1"/>
  <c r="X65601" i="1"/>
  <c r="X65602" i="1"/>
  <c r="X65603" i="1"/>
  <c r="X65604" i="1"/>
  <c r="X65605" i="1"/>
  <c r="X65606" i="1"/>
  <c r="X65607" i="1"/>
  <c r="X65608" i="1"/>
  <c r="X65609" i="1"/>
  <c r="X65610" i="1"/>
  <c r="X65611" i="1"/>
  <c r="X65612" i="1"/>
  <c r="X65613" i="1"/>
  <c r="X65614" i="1"/>
  <c r="X65615" i="1"/>
  <c r="X65616" i="1"/>
  <c r="X65617" i="1"/>
  <c r="X65618" i="1"/>
  <c r="X65619" i="1"/>
  <c r="X65620" i="1"/>
  <c r="X65621" i="1"/>
  <c r="X65622" i="1"/>
  <c r="X65623" i="1"/>
  <c r="X65624" i="1"/>
  <c r="X65625" i="1"/>
  <c r="X65626" i="1"/>
  <c r="X65627" i="1"/>
  <c r="X65628" i="1"/>
  <c r="X65629" i="1"/>
  <c r="X65630" i="1"/>
  <c r="X65631" i="1"/>
  <c r="X65632" i="1"/>
  <c r="X65633" i="1"/>
  <c r="X65634" i="1"/>
  <c r="X65635" i="1"/>
  <c r="X65636" i="1"/>
  <c r="X65637" i="1"/>
  <c r="X65638" i="1"/>
  <c r="X65639" i="1"/>
  <c r="X65640" i="1"/>
  <c r="X65641" i="1"/>
  <c r="X65642" i="1"/>
  <c r="X65643" i="1"/>
  <c r="X65644" i="1"/>
  <c r="X65645" i="1"/>
  <c r="X65646" i="1"/>
  <c r="X65647" i="1"/>
  <c r="X65648" i="1"/>
  <c r="X65649" i="1"/>
  <c r="X65650" i="1"/>
  <c r="X65651" i="1"/>
  <c r="X65652" i="1"/>
  <c r="X65653" i="1"/>
  <c r="X65654" i="1"/>
  <c r="X65655" i="1"/>
  <c r="X65656" i="1"/>
  <c r="X65657" i="1"/>
  <c r="X65658" i="1"/>
  <c r="X65659" i="1"/>
  <c r="X65660" i="1"/>
  <c r="X65661" i="1"/>
  <c r="X65662" i="1"/>
  <c r="X65663" i="1"/>
  <c r="X65664" i="1"/>
  <c r="X65665" i="1"/>
  <c r="X65666" i="1"/>
  <c r="X65667" i="1"/>
  <c r="X65668" i="1"/>
  <c r="X65669" i="1"/>
  <c r="X65670" i="1"/>
  <c r="X65671" i="1"/>
  <c r="X65672" i="1"/>
  <c r="X65673" i="1"/>
  <c r="X65674" i="1"/>
  <c r="X65675" i="1"/>
  <c r="X65676" i="1"/>
  <c r="X65677" i="1"/>
  <c r="X65678" i="1"/>
  <c r="X65679" i="1"/>
  <c r="X65680" i="1"/>
  <c r="X65681" i="1"/>
  <c r="X65682" i="1"/>
  <c r="X65683" i="1"/>
  <c r="X65684" i="1"/>
  <c r="X65685" i="1"/>
  <c r="X65686" i="1"/>
  <c r="X65687" i="1"/>
  <c r="X65688" i="1"/>
  <c r="X65689" i="1"/>
  <c r="X65690" i="1"/>
  <c r="X65691" i="1"/>
  <c r="X65692" i="1"/>
  <c r="X65693" i="1"/>
  <c r="X65694" i="1"/>
  <c r="X65695" i="1"/>
  <c r="X65696" i="1"/>
  <c r="X65697" i="1"/>
  <c r="X65698" i="1"/>
  <c r="X65699" i="1"/>
  <c r="X65700" i="1"/>
  <c r="X65701" i="1"/>
  <c r="X65702" i="1"/>
  <c r="X65703" i="1"/>
  <c r="X65704" i="1"/>
  <c r="X65705" i="1"/>
  <c r="X65706" i="1"/>
  <c r="X65707" i="1"/>
  <c r="X65708" i="1"/>
  <c r="X65709" i="1"/>
  <c r="X65710" i="1"/>
  <c r="X65711" i="1"/>
  <c r="X65712" i="1"/>
  <c r="X65713" i="1"/>
  <c r="X65714" i="1"/>
  <c r="X65715" i="1"/>
  <c r="X65716" i="1"/>
  <c r="X65717" i="1"/>
  <c r="X65718" i="1"/>
  <c r="X65719" i="1"/>
  <c r="X65720" i="1"/>
  <c r="X65721" i="1"/>
  <c r="X65722" i="1"/>
  <c r="X65723" i="1"/>
  <c r="X65724" i="1"/>
  <c r="X65725" i="1"/>
  <c r="X65726" i="1"/>
  <c r="X65727" i="1"/>
  <c r="X65728" i="1"/>
  <c r="X65729" i="1"/>
  <c r="X65730" i="1"/>
  <c r="X65731" i="1"/>
  <c r="X65732" i="1"/>
  <c r="X65733" i="1"/>
  <c r="X65734" i="1"/>
  <c r="X65735" i="1"/>
  <c r="X65736" i="1"/>
  <c r="X65737" i="1"/>
  <c r="X65738" i="1"/>
  <c r="X65739" i="1"/>
  <c r="X65740" i="1"/>
  <c r="X65741" i="1"/>
  <c r="X65742" i="1"/>
  <c r="X65743" i="1"/>
  <c r="X65744" i="1"/>
  <c r="X65745" i="1"/>
  <c r="X65746" i="1"/>
  <c r="X65747" i="1"/>
  <c r="X65748" i="1"/>
  <c r="X65749" i="1"/>
  <c r="X65750" i="1"/>
  <c r="X65751" i="1"/>
  <c r="X65752" i="1"/>
  <c r="X65753" i="1"/>
  <c r="X65754" i="1"/>
  <c r="X65755" i="1"/>
  <c r="X65756" i="1"/>
  <c r="X65757" i="1"/>
  <c r="X65758" i="1"/>
  <c r="X65759" i="1"/>
  <c r="X65760" i="1"/>
  <c r="X65761" i="1"/>
  <c r="X65762" i="1"/>
  <c r="X65763" i="1"/>
  <c r="X65764" i="1"/>
  <c r="X65765" i="1"/>
  <c r="X65766" i="1"/>
  <c r="X65767" i="1"/>
  <c r="X65768" i="1"/>
  <c r="X65769" i="1"/>
  <c r="X65770" i="1"/>
  <c r="X65771" i="1"/>
  <c r="X65772" i="1"/>
  <c r="X65773" i="1"/>
  <c r="X65774" i="1"/>
  <c r="X65775" i="1"/>
  <c r="X65776" i="1"/>
  <c r="X65777" i="1"/>
  <c r="X65778" i="1"/>
  <c r="X65779" i="1"/>
  <c r="X65780" i="1"/>
  <c r="X65781" i="1"/>
  <c r="X65782" i="1"/>
  <c r="X65783" i="1"/>
  <c r="X65784" i="1"/>
  <c r="X65785" i="1"/>
  <c r="X65786" i="1"/>
  <c r="X65787" i="1"/>
  <c r="X65788" i="1"/>
  <c r="X65789" i="1"/>
  <c r="X65790" i="1"/>
  <c r="X65791" i="1"/>
  <c r="X65792" i="1"/>
  <c r="X65793" i="1"/>
  <c r="X65794" i="1"/>
  <c r="X65795" i="1"/>
  <c r="X65796" i="1"/>
  <c r="X65797" i="1"/>
  <c r="X65798" i="1"/>
  <c r="X65799" i="1"/>
  <c r="X65800" i="1"/>
  <c r="X65801" i="1"/>
  <c r="X65802" i="1"/>
  <c r="X65803" i="1"/>
  <c r="X65804" i="1"/>
  <c r="X65805" i="1"/>
  <c r="X65806" i="1"/>
  <c r="X65807" i="1"/>
  <c r="X65808" i="1"/>
  <c r="X65809" i="1"/>
  <c r="X65810" i="1"/>
  <c r="X65811" i="1"/>
  <c r="X65812" i="1"/>
  <c r="X65813" i="1"/>
  <c r="X65814" i="1"/>
  <c r="X65815" i="1"/>
  <c r="X65816" i="1"/>
  <c r="X65817" i="1"/>
  <c r="X65818" i="1"/>
  <c r="X65819" i="1"/>
  <c r="X65820" i="1"/>
  <c r="X65821" i="1"/>
  <c r="X65822" i="1"/>
  <c r="X65823" i="1"/>
  <c r="X65824" i="1"/>
  <c r="X65825" i="1"/>
  <c r="X65826" i="1"/>
  <c r="X65827" i="1"/>
  <c r="X65828" i="1"/>
  <c r="X65829" i="1"/>
  <c r="X65830" i="1"/>
  <c r="X65831" i="1"/>
  <c r="X65832" i="1"/>
  <c r="X65833" i="1"/>
  <c r="X65834" i="1"/>
  <c r="X65835" i="1"/>
  <c r="X65836" i="1"/>
  <c r="X65837" i="1"/>
  <c r="X65838" i="1"/>
  <c r="X65839" i="1"/>
  <c r="X65840" i="1"/>
  <c r="X65841" i="1"/>
  <c r="X65842" i="1"/>
  <c r="X65843" i="1"/>
  <c r="X65844" i="1"/>
  <c r="X65845" i="1"/>
  <c r="X65846" i="1"/>
  <c r="X65847" i="1"/>
  <c r="X65848" i="1"/>
  <c r="X65849" i="1"/>
  <c r="X65850" i="1"/>
  <c r="X65851" i="1"/>
  <c r="X65852" i="1"/>
  <c r="X65853" i="1"/>
  <c r="X65854" i="1"/>
  <c r="X65855" i="1"/>
  <c r="X65856" i="1"/>
  <c r="X65857" i="1"/>
  <c r="X65858" i="1"/>
  <c r="X65859" i="1"/>
  <c r="X65860" i="1"/>
  <c r="X65861" i="1"/>
  <c r="X65862" i="1"/>
  <c r="X65863" i="1"/>
  <c r="X65864" i="1"/>
  <c r="X65865" i="1"/>
  <c r="X65866" i="1"/>
  <c r="X65867" i="1"/>
  <c r="X65868" i="1"/>
  <c r="X65869" i="1"/>
  <c r="X65870" i="1"/>
  <c r="X65871" i="1"/>
  <c r="X65872" i="1"/>
  <c r="X65873" i="1"/>
  <c r="X65874" i="1"/>
  <c r="X65875" i="1"/>
  <c r="X65876" i="1"/>
  <c r="X65877" i="1"/>
  <c r="X65878" i="1"/>
  <c r="X65879" i="1"/>
  <c r="X65880" i="1"/>
  <c r="X65881" i="1"/>
  <c r="X65882" i="1"/>
  <c r="X65883" i="1"/>
  <c r="X65884" i="1"/>
  <c r="X65885" i="1"/>
  <c r="X65886" i="1"/>
  <c r="X65887" i="1"/>
  <c r="X65888" i="1"/>
  <c r="X65889" i="1"/>
  <c r="X65890" i="1"/>
  <c r="X65891" i="1"/>
  <c r="X65892" i="1"/>
  <c r="X65893" i="1"/>
  <c r="X65894" i="1"/>
  <c r="X65895" i="1"/>
  <c r="X65896" i="1"/>
  <c r="X65897" i="1"/>
  <c r="X65898" i="1"/>
  <c r="X65899" i="1"/>
  <c r="X65900" i="1"/>
  <c r="X65901" i="1"/>
  <c r="X65902" i="1"/>
  <c r="X65903" i="1"/>
  <c r="X65904" i="1"/>
  <c r="X65905" i="1"/>
  <c r="X65906" i="1"/>
  <c r="X65907" i="1"/>
  <c r="X65908" i="1"/>
  <c r="X65909" i="1"/>
  <c r="X65910" i="1"/>
  <c r="X65911" i="1"/>
  <c r="X65912" i="1"/>
  <c r="X65913" i="1"/>
  <c r="X65914" i="1"/>
  <c r="X65915" i="1"/>
  <c r="X65916" i="1"/>
  <c r="X65917" i="1"/>
  <c r="X65918" i="1"/>
  <c r="X65919" i="1"/>
  <c r="X65920" i="1"/>
  <c r="X65921" i="1"/>
  <c r="X65922" i="1"/>
  <c r="X65923" i="1"/>
  <c r="X65924" i="1"/>
  <c r="X65925" i="1"/>
  <c r="X65926" i="1"/>
  <c r="X65927" i="1"/>
  <c r="X65928" i="1"/>
  <c r="X65929" i="1"/>
  <c r="X65930" i="1"/>
  <c r="X65931" i="1"/>
  <c r="X65932" i="1"/>
  <c r="X65933" i="1"/>
  <c r="X65934" i="1"/>
  <c r="X65935" i="1"/>
  <c r="X65936" i="1"/>
  <c r="X65937" i="1"/>
  <c r="X65938" i="1"/>
  <c r="X65939" i="1"/>
  <c r="X65940" i="1"/>
  <c r="X65941" i="1"/>
  <c r="X65942" i="1"/>
  <c r="X65943" i="1"/>
  <c r="X65944" i="1"/>
  <c r="X65945" i="1"/>
  <c r="X65946" i="1"/>
  <c r="X65947" i="1"/>
  <c r="X65948" i="1"/>
  <c r="X65949" i="1"/>
  <c r="X65950" i="1"/>
  <c r="X65951" i="1"/>
  <c r="X65952" i="1"/>
  <c r="X65953" i="1"/>
  <c r="X65954" i="1"/>
  <c r="X65955" i="1"/>
  <c r="X65956" i="1"/>
  <c r="X65957" i="1"/>
  <c r="X65958" i="1"/>
  <c r="X65959" i="1"/>
  <c r="X65960" i="1"/>
  <c r="X65961" i="1"/>
  <c r="X65962" i="1"/>
  <c r="X65963" i="1"/>
  <c r="X65964" i="1"/>
  <c r="X65965" i="1"/>
  <c r="X65966" i="1"/>
  <c r="X65967" i="1"/>
  <c r="X65968" i="1"/>
  <c r="X65969" i="1"/>
  <c r="X65970" i="1"/>
  <c r="X65971" i="1"/>
  <c r="X65972" i="1"/>
  <c r="X65973" i="1"/>
  <c r="X65974" i="1"/>
  <c r="X65975" i="1"/>
  <c r="X65976" i="1"/>
  <c r="X65977" i="1"/>
  <c r="X65978" i="1"/>
  <c r="X65979" i="1"/>
  <c r="X65980" i="1"/>
  <c r="X65981" i="1"/>
  <c r="X65982" i="1"/>
  <c r="X65983" i="1"/>
  <c r="X65984" i="1"/>
  <c r="X65985" i="1"/>
  <c r="X65986" i="1"/>
  <c r="X65987" i="1"/>
  <c r="X65988" i="1"/>
  <c r="X65989" i="1"/>
  <c r="X65990" i="1"/>
  <c r="X65991" i="1"/>
  <c r="X65992" i="1"/>
  <c r="X65993" i="1"/>
  <c r="X65994" i="1"/>
  <c r="X65995" i="1"/>
  <c r="X65996" i="1"/>
  <c r="X65997" i="1"/>
  <c r="X65998" i="1"/>
  <c r="X65999" i="1"/>
  <c r="X66000" i="1"/>
  <c r="X66001" i="1"/>
  <c r="X66002" i="1"/>
  <c r="X66003" i="1"/>
  <c r="X66004" i="1"/>
  <c r="X66005" i="1"/>
  <c r="X66006" i="1"/>
  <c r="X66007" i="1"/>
  <c r="X66008" i="1"/>
  <c r="X66009" i="1"/>
  <c r="X66010" i="1"/>
  <c r="X66011" i="1"/>
  <c r="X66012" i="1"/>
  <c r="X66013" i="1"/>
  <c r="X66014" i="1"/>
  <c r="X66015" i="1"/>
  <c r="X66016" i="1"/>
  <c r="X66017" i="1"/>
  <c r="X66018" i="1"/>
  <c r="X66019" i="1"/>
  <c r="X66020" i="1"/>
  <c r="X66021" i="1"/>
  <c r="X66022" i="1"/>
  <c r="X66023" i="1"/>
  <c r="X66024" i="1"/>
  <c r="X66025" i="1"/>
  <c r="X66026" i="1"/>
  <c r="X66027" i="1"/>
  <c r="X66028" i="1"/>
  <c r="X66029" i="1"/>
  <c r="X66030" i="1"/>
  <c r="X66031" i="1"/>
  <c r="X66032" i="1"/>
  <c r="X66033" i="1"/>
  <c r="X66034" i="1"/>
  <c r="X66035" i="1"/>
  <c r="X66036" i="1"/>
  <c r="X66037" i="1"/>
  <c r="X66038" i="1"/>
  <c r="X66039" i="1"/>
  <c r="X66040" i="1"/>
  <c r="X66041" i="1"/>
  <c r="X66042" i="1"/>
  <c r="X66043" i="1"/>
  <c r="X66044" i="1"/>
  <c r="X66045" i="1"/>
  <c r="X66046" i="1"/>
  <c r="X66047" i="1"/>
  <c r="X66048" i="1"/>
  <c r="X66049" i="1"/>
  <c r="X66050" i="1"/>
  <c r="X66051" i="1"/>
  <c r="X66052" i="1"/>
  <c r="X66053" i="1"/>
  <c r="X66054" i="1"/>
  <c r="X66055" i="1"/>
  <c r="X66056" i="1"/>
  <c r="X66057" i="1"/>
  <c r="X66058" i="1"/>
  <c r="X66059" i="1"/>
  <c r="X66060" i="1"/>
  <c r="X66061" i="1"/>
  <c r="X66062" i="1"/>
  <c r="X66063" i="1"/>
  <c r="X66064" i="1"/>
  <c r="X66065" i="1"/>
  <c r="X66066" i="1"/>
  <c r="X66067" i="1"/>
  <c r="X66068" i="1"/>
  <c r="X66069" i="1"/>
  <c r="X66070" i="1"/>
  <c r="X66071" i="1"/>
  <c r="X66072" i="1"/>
  <c r="X66073" i="1"/>
  <c r="X66074" i="1"/>
  <c r="X66075" i="1"/>
  <c r="X66076" i="1"/>
  <c r="X66077" i="1"/>
  <c r="X66078" i="1"/>
  <c r="X66079" i="1"/>
  <c r="X66080" i="1"/>
  <c r="X66081" i="1"/>
  <c r="X66082" i="1"/>
  <c r="X66083" i="1"/>
  <c r="X66084" i="1"/>
  <c r="X66085" i="1"/>
  <c r="X66086" i="1"/>
  <c r="X66087" i="1"/>
  <c r="X66088" i="1"/>
  <c r="X66089" i="1"/>
  <c r="X66090" i="1"/>
  <c r="X66091" i="1"/>
  <c r="X66092" i="1"/>
  <c r="X66093" i="1"/>
  <c r="X66094" i="1"/>
  <c r="X66095" i="1"/>
  <c r="X66096" i="1"/>
  <c r="X66097" i="1"/>
  <c r="X66098" i="1"/>
  <c r="X66099" i="1"/>
  <c r="X66100" i="1"/>
  <c r="X66101" i="1"/>
  <c r="X66102" i="1"/>
  <c r="X66103" i="1"/>
  <c r="X66104" i="1"/>
  <c r="X66105" i="1"/>
  <c r="X66106" i="1"/>
  <c r="X66107" i="1"/>
  <c r="X66108" i="1"/>
  <c r="X66109" i="1"/>
  <c r="X66110" i="1"/>
  <c r="X66111" i="1"/>
  <c r="X66112" i="1"/>
  <c r="X66113" i="1"/>
  <c r="X66114" i="1"/>
  <c r="X66115" i="1"/>
  <c r="X66116" i="1"/>
  <c r="X66117" i="1"/>
  <c r="X66118" i="1"/>
  <c r="X66119" i="1"/>
  <c r="X66120" i="1"/>
  <c r="X66121" i="1"/>
  <c r="X66122" i="1"/>
  <c r="X66123" i="1"/>
  <c r="X66124" i="1"/>
  <c r="X66125" i="1"/>
  <c r="X66126" i="1"/>
  <c r="X66127" i="1"/>
  <c r="X66128" i="1"/>
  <c r="X66129" i="1"/>
  <c r="X66130" i="1"/>
  <c r="X66131" i="1"/>
  <c r="X66132" i="1"/>
  <c r="X66133" i="1"/>
  <c r="X66134" i="1"/>
  <c r="X66135" i="1"/>
  <c r="X66136" i="1"/>
  <c r="X66137" i="1"/>
  <c r="X66138" i="1"/>
  <c r="X66139" i="1"/>
  <c r="X66140" i="1"/>
  <c r="X66141" i="1"/>
  <c r="X66142" i="1"/>
  <c r="X66143" i="1"/>
  <c r="X66144" i="1"/>
  <c r="X66145" i="1"/>
  <c r="X66146" i="1"/>
  <c r="X66147" i="1"/>
  <c r="X66148" i="1"/>
  <c r="X66149" i="1"/>
  <c r="X66150" i="1"/>
  <c r="X66151" i="1"/>
  <c r="X66152" i="1"/>
  <c r="X66153" i="1"/>
  <c r="X66154" i="1"/>
  <c r="X66155" i="1"/>
  <c r="X66156" i="1"/>
  <c r="X66157" i="1"/>
  <c r="X66158" i="1"/>
  <c r="X66159" i="1"/>
  <c r="X66160" i="1"/>
  <c r="X66161" i="1"/>
  <c r="X66162" i="1"/>
  <c r="X66163" i="1"/>
  <c r="X66164" i="1"/>
  <c r="X66165" i="1"/>
  <c r="X66166" i="1"/>
  <c r="X66167" i="1"/>
  <c r="X66168" i="1"/>
  <c r="X66169" i="1"/>
  <c r="X66170" i="1"/>
  <c r="X66171" i="1"/>
  <c r="X66172" i="1"/>
  <c r="X66173" i="1"/>
  <c r="X66174" i="1"/>
  <c r="X66175" i="1"/>
  <c r="X66176" i="1"/>
  <c r="X66177" i="1"/>
  <c r="X66178" i="1"/>
  <c r="X66179" i="1"/>
  <c r="X66180" i="1"/>
  <c r="X66181" i="1"/>
  <c r="X66182" i="1"/>
  <c r="X66183" i="1"/>
  <c r="X66184" i="1"/>
  <c r="X66185" i="1"/>
  <c r="X66186" i="1"/>
  <c r="X66187" i="1"/>
  <c r="X66188" i="1"/>
  <c r="X66189" i="1"/>
  <c r="X66190" i="1"/>
  <c r="X66191" i="1"/>
  <c r="X66192" i="1"/>
  <c r="X66193" i="1"/>
  <c r="X66194" i="1"/>
  <c r="X66195" i="1"/>
  <c r="X66196" i="1"/>
  <c r="X66197" i="1"/>
  <c r="X66198" i="1"/>
  <c r="X66199" i="1"/>
  <c r="X66200" i="1"/>
  <c r="X66201" i="1"/>
  <c r="X66202" i="1"/>
  <c r="X66203" i="1"/>
  <c r="X66204" i="1"/>
  <c r="X66205" i="1"/>
  <c r="X66206" i="1"/>
  <c r="X66207" i="1"/>
  <c r="X66208" i="1"/>
  <c r="X66209" i="1"/>
  <c r="X66210" i="1"/>
  <c r="X66211" i="1"/>
  <c r="X66212" i="1"/>
  <c r="X66213" i="1"/>
  <c r="X66214" i="1"/>
  <c r="X66215" i="1"/>
  <c r="X66216" i="1"/>
  <c r="X66217" i="1"/>
  <c r="X66218" i="1"/>
  <c r="X66219" i="1"/>
  <c r="X66220" i="1"/>
  <c r="X66221" i="1"/>
  <c r="X66222" i="1"/>
  <c r="X66223" i="1"/>
  <c r="X66224" i="1"/>
  <c r="X66225" i="1"/>
  <c r="X66226" i="1"/>
  <c r="X66227" i="1"/>
  <c r="X66228" i="1"/>
  <c r="X66229" i="1"/>
  <c r="X66230" i="1"/>
  <c r="X66231" i="1"/>
  <c r="X66232" i="1"/>
  <c r="X66233" i="1"/>
  <c r="X66234" i="1"/>
  <c r="X66235" i="1"/>
  <c r="X66236" i="1"/>
  <c r="X66237" i="1"/>
  <c r="X66238" i="1"/>
  <c r="X66239" i="1"/>
  <c r="X66240" i="1"/>
  <c r="X66241" i="1"/>
  <c r="X66242" i="1"/>
  <c r="X66243" i="1"/>
  <c r="X66244" i="1"/>
  <c r="X66245" i="1"/>
  <c r="X66246" i="1"/>
  <c r="X66247" i="1"/>
  <c r="X66248" i="1"/>
  <c r="X66249" i="1"/>
  <c r="X66250" i="1"/>
  <c r="X66251" i="1"/>
  <c r="X66252" i="1"/>
  <c r="X66253" i="1"/>
  <c r="X66254" i="1"/>
  <c r="X66255" i="1"/>
  <c r="X66256" i="1"/>
  <c r="X66257" i="1"/>
  <c r="X66258" i="1"/>
  <c r="X66259" i="1"/>
  <c r="X66260" i="1"/>
  <c r="X66261" i="1"/>
  <c r="X66262" i="1"/>
  <c r="X66263" i="1"/>
  <c r="X66264" i="1"/>
  <c r="X66265" i="1"/>
  <c r="X66266" i="1"/>
  <c r="X66267" i="1"/>
  <c r="X66268" i="1"/>
  <c r="X66269" i="1"/>
  <c r="X66270" i="1"/>
  <c r="X66271" i="1"/>
  <c r="X66272" i="1"/>
  <c r="X66273" i="1"/>
  <c r="X66274" i="1"/>
  <c r="X66275" i="1"/>
  <c r="X66276" i="1"/>
  <c r="X66277" i="1"/>
  <c r="X66278" i="1"/>
  <c r="X66279" i="1"/>
  <c r="X66280" i="1"/>
  <c r="X66281" i="1"/>
  <c r="X66282" i="1"/>
  <c r="X66283" i="1"/>
  <c r="X66284" i="1"/>
  <c r="X66285" i="1"/>
  <c r="X66286" i="1"/>
  <c r="X66287" i="1"/>
  <c r="X66288" i="1"/>
  <c r="X66289" i="1"/>
  <c r="X66290" i="1"/>
  <c r="X66291" i="1"/>
  <c r="X66292" i="1"/>
  <c r="X66293" i="1"/>
  <c r="X66294" i="1"/>
  <c r="X66295" i="1"/>
  <c r="X66296" i="1"/>
  <c r="X66297" i="1"/>
  <c r="X66298" i="1"/>
  <c r="X66299" i="1"/>
  <c r="X66300" i="1"/>
  <c r="X66301" i="1"/>
  <c r="X66302" i="1"/>
  <c r="X66303" i="1"/>
  <c r="X66304" i="1"/>
  <c r="X66305" i="1"/>
  <c r="X66306" i="1"/>
  <c r="X66307" i="1"/>
  <c r="X66308" i="1"/>
  <c r="X66309" i="1"/>
  <c r="X66310" i="1"/>
  <c r="X66311" i="1"/>
  <c r="X66312" i="1"/>
  <c r="X66313" i="1"/>
  <c r="X66314" i="1"/>
  <c r="X66315" i="1"/>
  <c r="X66316" i="1"/>
  <c r="X66317" i="1"/>
  <c r="X66318" i="1"/>
  <c r="X66319" i="1"/>
  <c r="X66320" i="1"/>
  <c r="X66321" i="1"/>
  <c r="X66322" i="1"/>
  <c r="X66323" i="1"/>
  <c r="X66324" i="1"/>
  <c r="X66325" i="1"/>
  <c r="X66326" i="1"/>
  <c r="X66327" i="1"/>
  <c r="X66328" i="1"/>
  <c r="X66329" i="1"/>
  <c r="X66330" i="1"/>
  <c r="X66331" i="1"/>
  <c r="X66332" i="1"/>
  <c r="X66333" i="1"/>
  <c r="X66334" i="1"/>
  <c r="X66335" i="1"/>
  <c r="X66336" i="1"/>
  <c r="X66337" i="1"/>
  <c r="X66338" i="1"/>
  <c r="X66339" i="1"/>
  <c r="X66340" i="1"/>
  <c r="X66341" i="1"/>
  <c r="X66342" i="1"/>
  <c r="X66343" i="1"/>
  <c r="X66344" i="1"/>
  <c r="X66345" i="1"/>
  <c r="X66346" i="1"/>
  <c r="X66347" i="1"/>
  <c r="X66348" i="1"/>
  <c r="X66349" i="1"/>
  <c r="X66350" i="1"/>
  <c r="X66351" i="1"/>
  <c r="X66352" i="1"/>
  <c r="X66353" i="1"/>
  <c r="X66354" i="1"/>
  <c r="X66355" i="1"/>
  <c r="X66356" i="1"/>
  <c r="X66357" i="1"/>
  <c r="X66358" i="1"/>
  <c r="X66359" i="1"/>
  <c r="X66360" i="1"/>
  <c r="X66361" i="1"/>
  <c r="X66362" i="1"/>
  <c r="X66363" i="1"/>
  <c r="X66364" i="1"/>
  <c r="X66365" i="1"/>
  <c r="X66366" i="1"/>
  <c r="X66367" i="1"/>
  <c r="X66368" i="1"/>
  <c r="X66369" i="1"/>
  <c r="X66370" i="1"/>
  <c r="X66371" i="1"/>
  <c r="X66372" i="1"/>
  <c r="X66373" i="1"/>
  <c r="X66374" i="1"/>
  <c r="X66375" i="1"/>
  <c r="X66376" i="1"/>
  <c r="X66377" i="1"/>
  <c r="X66378" i="1"/>
  <c r="X66379" i="1"/>
  <c r="X66380" i="1"/>
  <c r="X66381" i="1"/>
  <c r="X66382" i="1"/>
  <c r="X66383" i="1"/>
  <c r="X66384" i="1"/>
  <c r="X66385" i="1"/>
  <c r="X66386" i="1"/>
  <c r="X66387" i="1"/>
  <c r="X66388" i="1"/>
  <c r="X66389" i="1"/>
  <c r="X66390" i="1"/>
  <c r="X66391" i="1"/>
  <c r="X66392" i="1"/>
  <c r="X66393" i="1"/>
  <c r="X66394" i="1"/>
  <c r="X66395" i="1"/>
  <c r="X66396" i="1"/>
  <c r="X66397" i="1"/>
  <c r="X66398" i="1"/>
  <c r="X66399" i="1"/>
  <c r="X66400" i="1"/>
  <c r="X66401" i="1"/>
  <c r="X66402" i="1"/>
  <c r="X66403" i="1"/>
  <c r="X66404" i="1"/>
  <c r="X66405" i="1"/>
  <c r="X66406" i="1"/>
  <c r="X66407" i="1"/>
  <c r="X66408" i="1"/>
  <c r="X66409" i="1"/>
  <c r="X66410" i="1"/>
  <c r="X66411" i="1"/>
  <c r="X66412" i="1"/>
  <c r="X66413" i="1"/>
  <c r="X66414" i="1"/>
  <c r="X66415" i="1"/>
  <c r="X66416" i="1"/>
  <c r="X66417" i="1"/>
  <c r="X66418" i="1"/>
  <c r="X66419" i="1"/>
  <c r="X66420" i="1"/>
  <c r="X66421" i="1"/>
  <c r="X66422" i="1"/>
  <c r="X66423" i="1"/>
  <c r="X66424" i="1"/>
  <c r="X66425" i="1"/>
  <c r="X66426" i="1"/>
  <c r="X66427" i="1"/>
  <c r="X66428" i="1"/>
  <c r="X66429" i="1"/>
  <c r="X66430" i="1"/>
  <c r="X66431" i="1"/>
  <c r="X66432" i="1"/>
  <c r="X66433" i="1"/>
  <c r="X66434" i="1"/>
  <c r="X66435" i="1"/>
  <c r="X66436" i="1"/>
  <c r="X66437" i="1"/>
  <c r="X66438" i="1"/>
  <c r="X66439" i="1"/>
  <c r="X66440" i="1"/>
  <c r="X66441" i="1"/>
  <c r="X66442" i="1"/>
  <c r="X66443" i="1"/>
  <c r="X66444" i="1"/>
  <c r="X66445" i="1"/>
  <c r="X66446" i="1"/>
  <c r="X66447" i="1"/>
  <c r="X66448" i="1"/>
  <c r="X66449" i="1"/>
  <c r="X66450" i="1"/>
  <c r="X66451" i="1"/>
  <c r="X66452" i="1"/>
  <c r="X66453" i="1"/>
  <c r="X66454" i="1"/>
  <c r="X66455" i="1"/>
  <c r="X66456" i="1"/>
  <c r="X66457" i="1"/>
  <c r="X66458" i="1"/>
  <c r="X66459" i="1"/>
  <c r="X66460" i="1"/>
  <c r="X66461" i="1"/>
  <c r="X66462" i="1"/>
  <c r="X66463" i="1"/>
  <c r="X66464" i="1"/>
  <c r="X66465" i="1"/>
  <c r="X66466" i="1"/>
  <c r="X66467" i="1"/>
  <c r="X66468" i="1"/>
  <c r="X66469" i="1"/>
  <c r="X66470" i="1"/>
  <c r="X66471" i="1"/>
  <c r="X66472" i="1"/>
  <c r="X66473" i="1"/>
  <c r="X66474" i="1"/>
  <c r="X66475" i="1"/>
  <c r="X66476" i="1"/>
  <c r="X66477" i="1"/>
  <c r="X66478" i="1"/>
  <c r="X66479" i="1"/>
  <c r="X66480" i="1"/>
  <c r="X66481" i="1"/>
  <c r="X66482" i="1"/>
  <c r="X66483" i="1"/>
  <c r="X66484" i="1"/>
  <c r="X66485" i="1"/>
  <c r="X66486" i="1"/>
  <c r="X66487" i="1"/>
  <c r="X66488" i="1"/>
  <c r="X66489" i="1"/>
  <c r="X66490" i="1"/>
  <c r="X66491" i="1"/>
  <c r="X66492" i="1"/>
  <c r="X66493" i="1"/>
  <c r="X66494" i="1"/>
  <c r="X66495" i="1"/>
  <c r="X66496" i="1"/>
  <c r="X66497" i="1"/>
  <c r="X66498" i="1"/>
  <c r="X66499" i="1"/>
  <c r="X66500" i="1"/>
  <c r="X66501" i="1"/>
  <c r="X66502" i="1"/>
  <c r="X66503" i="1"/>
  <c r="X66504" i="1"/>
  <c r="X66505" i="1"/>
  <c r="X66506" i="1"/>
  <c r="X66507" i="1"/>
  <c r="X66508" i="1"/>
  <c r="X66509" i="1"/>
  <c r="X66510" i="1"/>
  <c r="X66511" i="1"/>
  <c r="X66512" i="1"/>
  <c r="X66513" i="1"/>
  <c r="X66514" i="1"/>
  <c r="X66515" i="1"/>
  <c r="X66516" i="1"/>
  <c r="X66517" i="1"/>
  <c r="X66518" i="1"/>
  <c r="X66519" i="1"/>
  <c r="X66520" i="1"/>
  <c r="X66521" i="1"/>
  <c r="X66522" i="1"/>
  <c r="X66523" i="1"/>
  <c r="X66524" i="1"/>
  <c r="X66525" i="1"/>
  <c r="X66526" i="1"/>
  <c r="X66527" i="1"/>
  <c r="X66528" i="1"/>
  <c r="X66529" i="1"/>
  <c r="X66530" i="1"/>
  <c r="X66531" i="1"/>
  <c r="X66532" i="1"/>
  <c r="X66533" i="1"/>
  <c r="X66534" i="1"/>
  <c r="X66535" i="1"/>
  <c r="X66536" i="1"/>
  <c r="X66537" i="1"/>
  <c r="X66538" i="1"/>
  <c r="X66539" i="1"/>
  <c r="X66540" i="1"/>
  <c r="X66541" i="1"/>
  <c r="X66542" i="1"/>
  <c r="X66543" i="1"/>
  <c r="X66544" i="1"/>
  <c r="X66545" i="1"/>
  <c r="X66546" i="1"/>
  <c r="X66547" i="1"/>
  <c r="X66548" i="1"/>
  <c r="X66549" i="1"/>
  <c r="X66550" i="1"/>
  <c r="X66551" i="1"/>
  <c r="X66552" i="1"/>
  <c r="X66553" i="1"/>
  <c r="X66554" i="1"/>
  <c r="X66555" i="1"/>
  <c r="X66556" i="1"/>
  <c r="X66557" i="1"/>
  <c r="X66558" i="1"/>
  <c r="X66559" i="1"/>
  <c r="X66560" i="1"/>
  <c r="X66561" i="1"/>
  <c r="X66562" i="1"/>
  <c r="X66563" i="1"/>
  <c r="X66564" i="1"/>
  <c r="X66565" i="1"/>
  <c r="X66566" i="1"/>
  <c r="X66567" i="1"/>
  <c r="X66568" i="1"/>
  <c r="X66569" i="1"/>
  <c r="X66570" i="1"/>
  <c r="X66571" i="1"/>
  <c r="X66572" i="1"/>
  <c r="X66573" i="1"/>
  <c r="X66574" i="1"/>
  <c r="X66575" i="1"/>
  <c r="X66576" i="1"/>
  <c r="X66577" i="1"/>
  <c r="X66578" i="1"/>
  <c r="X66579" i="1"/>
  <c r="X66580" i="1"/>
  <c r="X66581" i="1"/>
  <c r="X66582" i="1"/>
  <c r="X66583" i="1"/>
  <c r="X66584" i="1"/>
  <c r="X66585" i="1"/>
  <c r="X66586" i="1"/>
  <c r="X66587" i="1"/>
  <c r="X66588" i="1"/>
  <c r="X66589" i="1"/>
  <c r="X66590" i="1"/>
  <c r="X66591" i="1"/>
  <c r="X66592" i="1"/>
  <c r="X66593" i="1"/>
  <c r="X66594" i="1"/>
  <c r="X66595" i="1"/>
  <c r="X66596" i="1"/>
  <c r="X66597" i="1"/>
  <c r="X66598" i="1"/>
  <c r="X66599" i="1"/>
  <c r="X66600" i="1"/>
  <c r="X66601" i="1"/>
  <c r="X66602" i="1"/>
  <c r="X66603" i="1"/>
  <c r="X66604" i="1"/>
  <c r="X66605" i="1"/>
  <c r="X66606" i="1"/>
  <c r="X66607" i="1"/>
  <c r="X66608" i="1"/>
  <c r="X66609" i="1"/>
  <c r="X66610" i="1"/>
  <c r="X66611" i="1"/>
  <c r="X66612" i="1"/>
  <c r="X66613" i="1"/>
  <c r="X66614" i="1"/>
  <c r="X66615" i="1"/>
  <c r="X66616" i="1"/>
  <c r="X66617" i="1"/>
  <c r="X66618" i="1"/>
  <c r="X66619" i="1"/>
  <c r="X66620" i="1"/>
  <c r="X66621" i="1"/>
  <c r="X66622" i="1"/>
  <c r="X66623" i="1"/>
  <c r="X66624" i="1"/>
  <c r="X66625" i="1"/>
  <c r="X66626" i="1"/>
  <c r="X66627" i="1"/>
  <c r="X66628" i="1"/>
  <c r="X66629" i="1"/>
  <c r="X66630" i="1"/>
  <c r="X66631" i="1"/>
  <c r="X66632" i="1"/>
  <c r="X66633" i="1"/>
  <c r="X66634" i="1"/>
  <c r="X66635" i="1"/>
  <c r="X66636" i="1"/>
  <c r="X66637" i="1"/>
  <c r="X66638" i="1"/>
  <c r="X66639" i="1"/>
  <c r="X66640" i="1"/>
  <c r="X66641" i="1"/>
  <c r="X66642" i="1"/>
  <c r="X66643" i="1"/>
  <c r="X66644" i="1"/>
  <c r="X66645" i="1"/>
  <c r="X66646" i="1"/>
  <c r="X66647" i="1"/>
  <c r="X66648" i="1"/>
  <c r="X66649" i="1"/>
  <c r="X66650" i="1"/>
  <c r="X66651" i="1"/>
  <c r="X66652" i="1"/>
  <c r="X66653" i="1"/>
  <c r="X66654" i="1"/>
  <c r="X66655" i="1"/>
  <c r="X66656" i="1"/>
  <c r="X66657" i="1"/>
  <c r="X66658" i="1"/>
  <c r="X66659" i="1"/>
  <c r="X66660" i="1"/>
  <c r="X66661" i="1"/>
  <c r="X66662" i="1"/>
  <c r="X66663" i="1"/>
  <c r="X66664" i="1"/>
  <c r="X66665" i="1"/>
  <c r="X66666" i="1"/>
  <c r="X66667" i="1"/>
  <c r="X66668" i="1"/>
  <c r="X66669" i="1"/>
  <c r="X66670" i="1"/>
  <c r="X66671" i="1"/>
  <c r="X66672" i="1"/>
  <c r="X66673" i="1"/>
  <c r="X66674" i="1"/>
  <c r="X66675" i="1"/>
  <c r="X66676" i="1"/>
  <c r="X66677" i="1"/>
  <c r="X66678" i="1"/>
  <c r="X66679" i="1"/>
  <c r="X66680" i="1"/>
  <c r="X66681" i="1"/>
  <c r="X66682" i="1"/>
  <c r="X66683" i="1"/>
  <c r="X66684" i="1"/>
  <c r="X66685" i="1"/>
  <c r="X66686" i="1"/>
  <c r="X66687" i="1"/>
  <c r="X66688" i="1"/>
  <c r="X66689" i="1"/>
  <c r="X66690" i="1"/>
  <c r="X66691" i="1"/>
  <c r="X66692" i="1"/>
  <c r="X66693" i="1"/>
  <c r="X66694" i="1"/>
  <c r="X66695" i="1"/>
  <c r="X66696" i="1"/>
  <c r="X66697" i="1"/>
  <c r="X66698" i="1"/>
  <c r="X66699" i="1"/>
  <c r="X66700" i="1"/>
  <c r="X66701" i="1"/>
  <c r="X66702" i="1"/>
  <c r="X66703" i="1"/>
  <c r="X66704" i="1"/>
  <c r="X66705" i="1"/>
  <c r="X66706" i="1"/>
  <c r="X66707" i="1"/>
  <c r="X66708" i="1"/>
  <c r="X66709" i="1"/>
  <c r="X66710" i="1"/>
  <c r="X66711" i="1"/>
  <c r="X66712" i="1"/>
  <c r="X66713" i="1"/>
  <c r="X66714" i="1"/>
  <c r="X66715" i="1"/>
  <c r="X66716" i="1"/>
  <c r="X66717" i="1"/>
  <c r="X66718" i="1"/>
  <c r="X66719" i="1"/>
  <c r="X66720" i="1"/>
  <c r="X66721" i="1"/>
  <c r="X66722" i="1"/>
  <c r="X66723" i="1"/>
  <c r="X66724" i="1"/>
  <c r="X66725" i="1"/>
  <c r="X66726" i="1"/>
  <c r="X66727" i="1"/>
  <c r="X66728" i="1"/>
  <c r="X66729" i="1"/>
  <c r="X66730" i="1"/>
  <c r="X66731" i="1"/>
  <c r="X66732" i="1"/>
  <c r="X66733" i="1"/>
  <c r="X66734" i="1"/>
  <c r="X66735" i="1"/>
  <c r="X66736" i="1"/>
  <c r="X66737" i="1"/>
  <c r="X66738" i="1"/>
  <c r="X66739" i="1"/>
  <c r="X66740" i="1"/>
  <c r="X66741" i="1"/>
  <c r="X66742" i="1"/>
  <c r="X66743" i="1"/>
  <c r="X66744" i="1"/>
  <c r="X66745" i="1"/>
  <c r="X66746" i="1"/>
  <c r="X66747" i="1"/>
  <c r="X66748" i="1"/>
  <c r="X66749" i="1"/>
  <c r="X66750" i="1"/>
  <c r="X66751" i="1"/>
  <c r="X66752" i="1"/>
  <c r="X66753" i="1"/>
  <c r="X66754" i="1"/>
  <c r="X66755" i="1"/>
  <c r="X66756" i="1"/>
  <c r="X66757" i="1"/>
  <c r="X66758" i="1"/>
  <c r="X66759" i="1"/>
  <c r="X66760" i="1"/>
  <c r="X66761" i="1"/>
  <c r="X66762" i="1"/>
  <c r="X66763" i="1"/>
  <c r="X66764" i="1"/>
  <c r="X66765" i="1"/>
  <c r="X66766" i="1"/>
  <c r="X66767" i="1"/>
  <c r="X66768" i="1"/>
  <c r="X66769" i="1"/>
  <c r="X66770" i="1"/>
  <c r="X66771" i="1"/>
  <c r="X66772" i="1"/>
  <c r="X66773" i="1"/>
  <c r="X66774" i="1"/>
  <c r="X66775" i="1"/>
  <c r="X66776" i="1"/>
  <c r="X66777" i="1"/>
  <c r="X66778" i="1"/>
  <c r="X66779" i="1"/>
  <c r="X66780" i="1"/>
  <c r="X66781" i="1"/>
  <c r="X66782" i="1"/>
  <c r="X66783" i="1"/>
  <c r="X66784" i="1"/>
  <c r="X66785" i="1"/>
  <c r="X66786" i="1"/>
  <c r="X66787" i="1"/>
  <c r="X66788" i="1"/>
  <c r="X66789" i="1"/>
  <c r="X66790" i="1"/>
  <c r="X66791" i="1"/>
  <c r="X66792" i="1"/>
  <c r="X66793" i="1"/>
  <c r="X66794" i="1"/>
  <c r="X66795" i="1"/>
  <c r="X66796" i="1"/>
  <c r="X66797" i="1"/>
  <c r="X66798" i="1"/>
  <c r="X66799" i="1"/>
  <c r="X66800" i="1"/>
  <c r="X66801" i="1"/>
  <c r="X66802" i="1"/>
  <c r="X66803" i="1"/>
  <c r="X66804" i="1"/>
  <c r="X66805" i="1"/>
  <c r="X66806" i="1"/>
  <c r="X66807" i="1"/>
  <c r="X66808" i="1"/>
  <c r="X66809" i="1"/>
  <c r="X66810" i="1"/>
  <c r="X66811" i="1"/>
  <c r="X66812" i="1"/>
  <c r="X66813" i="1"/>
  <c r="X66814" i="1"/>
  <c r="X66815" i="1"/>
  <c r="X66816" i="1"/>
  <c r="X66817" i="1"/>
  <c r="X66818" i="1"/>
  <c r="X66819" i="1"/>
  <c r="X66820" i="1"/>
  <c r="X66821" i="1"/>
  <c r="X66822" i="1"/>
  <c r="X66823" i="1"/>
  <c r="X66824" i="1"/>
  <c r="X66825" i="1"/>
  <c r="X66826" i="1"/>
  <c r="X66827" i="1"/>
  <c r="X66828" i="1"/>
  <c r="X66829" i="1"/>
  <c r="X66830" i="1"/>
  <c r="X66831" i="1"/>
  <c r="X66832" i="1"/>
  <c r="X66833" i="1"/>
  <c r="X66834" i="1"/>
  <c r="X66835" i="1"/>
  <c r="X66836" i="1"/>
  <c r="X66837" i="1"/>
  <c r="X66838" i="1"/>
  <c r="X66839" i="1"/>
  <c r="X66840" i="1"/>
  <c r="X66841" i="1"/>
  <c r="X66842" i="1"/>
  <c r="X66843" i="1"/>
  <c r="X66844" i="1"/>
  <c r="X66845" i="1"/>
  <c r="X66846" i="1"/>
  <c r="X66847" i="1"/>
  <c r="X66848" i="1"/>
  <c r="X66849" i="1"/>
  <c r="X66850" i="1"/>
  <c r="X66851" i="1"/>
  <c r="X66852" i="1"/>
  <c r="X66853" i="1"/>
  <c r="X66854" i="1"/>
  <c r="X66855" i="1"/>
  <c r="X66856" i="1"/>
  <c r="X66857" i="1"/>
  <c r="X66858" i="1"/>
  <c r="X66859" i="1"/>
  <c r="X66860" i="1"/>
  <c r="X66861" i="1"/>
  <c r="X66862" i="1"/>
  <c r="X66863" i="1"/>
  <c r="X66864" i="1"/>
  <c r="X66865" i="1"/>
  <c r="X66866" i="1"/>
  <c r="X66867" i="1"/>
  <c r="X66868" i="1"/>
  <c r="X66869" i="1"/>
  <c r="X66870" i="1"/>
  <c r="X66871" i="1"/>
  <c r="X66872" i="1"/>
  <c r="X66873" i="1"/>
  <c r="X66874" i="1"/>
  <c r="X66875" i="1"/>
  <c r="X66876" i="1"/>
  <c r="X66877" i="1"/>
  <c r="X66878" i="1"/>
  <c r="X66879" i="1"/>
  <c r="X66880" i="1"/>
  <c r="X66881" i="1"/>
  <c r="X66882" i="1"/>
  <c r="X66883" i="1"/>
  <c r="X66884" i="1"/>
  <c r="X66885" i="1"/>
  <c r="X66886" i="1"/>
  <c r="X66887" i="1"/>
  <c r="X66888" i="1"/>
  <c r="X66889" i="1"/>
  <c r="X66890" i="1"/>
  <c r="X66891" i="1"/>
  <c r="X66892" i="1"/>
  <c r="X66893" i="1"/>
  <c r="X66894" i="1"/>
  <c r="X66895" i="1"/>
  <c r="X66896" i="1"/>
  <c r="X66897" i="1"/>
  <c r="X66898" i="1"/>
  <c r="X66899" i="1"/>
  <c r="X66900" i="1"/>
  <c r="X66901" i="1"/>
  <c r="X66902" i="1"/>
  <c r="X66903" i="1"/>
  <c r="X66904" i="1"/>
  <c r="X66905" i="1"/>
  <c r="X66906" i="1"/>
  <c r="X66907" i="1"/>
  <c r="X66908" i="1"/>
  <c r="X66909" i="1"/>
  <c r="X66910" i="1"/>
  <c r="X66911" i="1"/>
  <c r="X66912" i="1"/>
  <c r="X66913" i="1"/>
  <c r="X66914" i="1"/>
  <c r="X66915" i="1"/>
  <c r="X66916" i="1"/>
  <c r="X66917" i="1"/>
  <c r="X66918" i="1"/>
  <c r="X66919" i="1"/>
  <c r="X66920" i="1"/>
  <c r="X66921" i="1"/>
  <c r="X66922" i="1"/>
  <c r="X66923" i="1"/>
  <c r="X66924" i="1"/>
  <c r="X66925" i="1"/>
  <c r="X66926" i="1"/>
  <c r="X66927" i="1"/>
  <c r="X66928" i="1"/>
  <c r="X66929" i="1"/>
  <c r="X66930" i="1"/>
  <c r="X66931" i="1"/>
  <c r="X66932" i="1"/>
  <c r="X66933" i="1"/>
  <c r="X66934" i="1"/>
  <c r="X66935" i="1"/>
  <c r="X66936" i="1"/>
  <c r="X66937" i="1"/>
  <c r="X66938" i="1"/>
  <c r="X66939" i="1"/>
  <c r="X66940" i="1"/>
  <c r="X66941" i="1"/>
  <c r="X66942" i="1"/>
  <c r="X66943" i="1"/>
  <c r="X66944" i="1"/>
  <c r="X66945" i="1"/>
  <c r="X66946" i="1"/>
  <c r="X66947" i="1"/>
  <c r="X66948" i="1"/>
  <c r="X66949" i="1"/>
  <c r="X66950" i="1"/>
  <c r="X66951" i="1"/>
  <c r="X66952" i="1"/>
  <c r="X66953" i="1"/>
  <c r="X66954" i="1"/>
  <c r="X66955" i="1"/>
  <c r="X66956" i="1"/>
  <c r="X66957" i="1"/>
  <c r="X66958" i="1"/>
  <c r="X66959" i="1"/>
  <c r="X66960" i="1"/>
  <c r="X66961" i="1"/>
  <c r="X66962" i="1"/>
  <c r="X66963" i="1"/>
  <c r="X66964" i="1"/>
  <c r="X66965" i="1"/>
  <c r="X66966" i="1"/>
  <c r="X66967" i="1"/>
  <c r="X66968" i="1"/>
  <c r="X66969" i="1"/>
  <c r="X66970" i="1"/>
  <c r="X66971" i="1"/>
  <c r="X66972" i="1"/>
  <c r="X66973" i="1"/>
  <c r="X66974" i="1"/>
  <c r="X66975" i="1"/>
  <c r="X66976" i="1"/>
  <c r="X66977" i="1"/>
  <c r="X66978" i="1"/>
  <c r="X66979" i="1"/>
  <c r="X66980" i="1"/>
  <c r="X66981" i="1"/>
  <c r="X66982" i="1"/>
  <c r="X66983" i="1"/>
  <c r="X66984" i="1"/>
  <c r="X66985" i="1"/>
  <c r="X66986" i="1"/>
  <c r="X66987" i="1"/>
  <c r="X66988" i="1"/>
  <c r="X66989" i="1"/>
  <c r="X66990" i="1"/>
  <c r="X66991" i="1"/>
  <c r="X66992" i="1"/>
  <c r="X66993" i="1"/>
  <c r="X66994" i="1"/>
  <c r="X66995" i="1"/>
  <c r="X66996" i="1"/>
  <c r="X66997" i="1"/>
  <c r="X66998" i="1"/>
  <c r="X66999" i="1"/>
  <c r="X67000" i="1"/>
  <c r="X67001" i="1"/>
  <c r="X67002" i="1"/>
  <c r="X67003" i="1"/>
  <c r="X67004" i="1"/>
  <c r="X67005" i="1"/>
  <c r="X67006" i="1"/>
  <c r="X67007" i="1"/>
  <c r="X67008" i="1"/>
  <c r="X67009" i="1"/>
  <c r="X67010" i="1"/>
  <c r="X67011" i="1"/>
  <c r="X67012" i="1"/>
  <c r="X67013" i="1"/>
  <c r="X67014" i="1"/>
  <c r="X67015" i="1"/>
  <c r="X67016" i="1"/>
  <c r="X67017" i="1"/>
  <c r="X67018" i="1"/>
  <c r="X67019" i="1"/>
  <c r="X67020" i="1"/>
  <c r="X67021" i="1"/>
  <c r="X67022" i="1"/>
  <c r="X67023" i="1"/>
  <c r="X67024" i="1"/>
  <c r="X67025" i="1"/>
  <c r="X67026" i="1"/>
  <c r="X67027" i="1"/>
  <c r="X67028" i="1"/>
  <c r="X67029" i="1"/>
  <c r="X67030" i="1"/>
  <c r="X67031" i="1"/>
  <c r="X67032" i="1"/>
  <c r="X67033" i="1"/>
  <c r="X67034" i="1"/>
  <c r="X67035" i="1"/>
  <c r="X67036" i="1"/>
  <c r="X67037" i="1"/>
  <c r="X67038" i="1"/>
  <c r="X67039" i="1"/>
  <c r="X67040" i="1"/>
  <c r="X67041" i="1"/>
  <c r="X67042" i="1"/>
  <c r="X67043" i="1"/>
  <c r="X67044" i="1"/>
  <c r="X67045" i="1"/>
  <c r="X67046" i="1"/>
  <c r="X67047" i="1"/>
  <c r="X67048" i="1"/>
  <c r="X67049" i="1"/>
  <c r="X67050" i="1"/>
  <c r="X67051" i="1"/>
  <c r="X67052" i="1"/>
  <c r="X67053" i="1"/>
  <c r="X67054" i="1"/>
  <c r="X67055" i="1"/>
  <c r="X67056" i="1"/>
  <c r="X67057" i="1"/>
  <c r="X67058" i="1"/>
  <c r="X67059" i="1"/>
  <c r="X67060" i="1"/>
  <c r="X67061" i="1"/>
  <c r="X67062" i="1"/>
  <c r="X67063" i="1"/>
  <c r="X67064" i="1"/>
  <c r="X67065" i="1"/>
  <c r="X67066" i="1"/>
  <c r="X67067" i="1"/>
  <c r="X67068" i="1"/>
  <c r="X67069" i="1"/>
  <c r="X67070" i="1"/>
  <c r="X67071" i="1"/>
  <c r="X67072" i="1"/>
  <c r="X67073" i="1"/>
  <c r="X67074" i="1"/>
  <c r="X67075" i="1"/>
  <c r="X67076" i="1"/>
  <c r="X67077" i="1"/>
  <c r="X67078" i="1"/>
  <c r="X67079" i="1"/>
  <c r="X67080" i="1"/>
  <c r="X67081" i="1"/>
  <c r="X67082" i="1"/>
  <c r="X67083" i="1"/>
  <c r="X67084" i="1"/>
  <c r="X67085" i="1"/>
  <c r="X67086" i="1"/>
  <c r="X67087" i="1"/>
  <c r="X67088" i="1"/>
  <c r="X67089" i="1"/>
  <c r="X67090" i="1"/>
  <c r="X67091" i="1"/>
  <c r="X67092" i="1"/>
  <c r="X67093" i="1"/>
  <c r="X67094" i="1"/>
  <c r="X67095" i="1"/>
  <c r="X67096" i="1"/>
  <c r="X67097" i="1"/>
  <c r="X67098" i="1"/>
  <c r="X67099" i="1"/>
  <c r="X67100" i="1"/>
  <c r="X67101" i="1"/>
  <c r="X67102" i="1"/>
  <c r="X67103" i="1"/>
  <c r="X67104" i="1"/>
  <c r="X67105" i="1"/>
  <c r="X67106" i="1"/>
  <c r="X67107" i="1"/>
  <c r="X67108" i="1"/>
  <c r="X67109" i="1"/>
  <c r="X67110" i="1"/>
  <c r="X67111" i="1"/>
  <c r="X67112" i="1"/>
  <c r="X67113" i="1"/>
  <c r="X67114" i="1"/>
  <c r="X67115" i="1"/>
  <c r="X67116" i="1"/>
  <c r="X67117" i="1"/>
  <c r="X67118" i="1"/>
  <c r="X67119" i="1"/>
  <c r="X67120" i="1"/>
  <c r="X67121" i="1"/>
  <c r="X67122" i="1"/>
  <c r="X67123" i="1"/>
  <c r="X67124" i="1"/>
  <c r="X67125" i="1"/>
  <c r="X67126" i="1"/>
  <c r="X67127" i="1"/>
  <c r="X67128" i="1"/>
  <c r="X67129" i="1"/>
  <c r="X67130" i="1"/>
  <c r="X67131" i="1"/>
  <c r="X67132" i="1"/>
  <c r="X67133" i="1"/>
  <c r="X67134" i="1"/>
  <c r="X67135" i="1"/>
  <c r="X67136" i="1"/>
  <c r="X67137" i="1"/>
  <c r="X67138" i="1"/>
  <c r="X67139" i="1"/>
  <c r="X67140" i="1"/>
  <c r="X67141" i="1"/>
  <c r="X67142" i="1"/>
  <c r="X67143" i="1"/>
  <c r="X67144" i="1"/>
  <c r="X67145" i="1"/>
  <c r="X67146" i="1"/>
  <c r="X67147" i="1"/>
  <c r="X67148" i="1"/>
  <c r="X67149" i="1"/>
  <c r="X67150" i="1"/>
  <c r="X67151" i="1"/>
  <c r="X67152" i="1"/>
  <c r="X67153" i="1"/>
  <c r="X67154" i="1"/>
  <c r="X67155" i="1"/>
  <c r="X67156" i="1"/>
  <c r="X67157" i="1"/>
  <c r="X67158" i="1"/>
  <c r="X67159" i="1"/>
  <c r="X67160" i="1"/>
  <c r="X67161" i="1"/>
  <c r="X67162" i="1"/>
  <c r="X67163" i="1"/>
  <c r="X67164" i="1"/>
  <c r="X67165" i="1"/>
  <c r="X67166" i="1"/>
  <c r="X67167" i="1"/>
  <c r="X67168" i="1"/>
  <c r="X67169" i="1"/>
  <c r="X67170" i="1"/>
  <c r="X67171" i="1"/>
  <c r="X67172" i="1"/>
  <c r="X67173" i="1"/>
  <c r="X67174" i="1"/>
  <c r="X67175" i="1"/>
  <c r="X67176" i="1"/>
  <c r="X67177" i="1"/>
  <c r="X67178" i="1"/>
  <c r="X67179" i="1"/>
  <c r="X67180" i="1"/>
  <c r="X67181" i="1"/>
  <c r="X67182" i="1"/>
  <c r="X67183" i="1"/>
  <c r="X67184" i="1"/>
  <c r="X67185" i="1"/>
  <c r="X67186" i="1"/>
  <c r="X67187" i="1"/>
  <c r="X67188" i="1"/>
  <c r="X67189" i="1"/>
  <c r="X67190" i="1"/>
  <c r="X67191" i="1"/>
  <c r="X67192" i="1"/>
  <c r="X67193" i="1"/>
  <c r="X67194" i="1"/>
  <c r="X67195" i="1"/>
  <c r="X67196" i="1"/>
  <c r="X67197" i="1"/>
  <c r="X67198" i="1"/>
  <c r="X67199" i="1"/>
  <c r="X67200" i="1"/>
  <c r="X67201" i="1"/>
  <c r="X67202" i="1"/>
  <c r="X67203" i="1"/>
  <c r="X67204" i="1"/>
  <c r="X67205" i="1"/>
  <c r="X67206" i="1"/>
  <c r="X67207" i="1"/>
  <c r="X67208" i="1"/>
  <c r="X67209" i="1"/>
  <c r="X67210" i="1"/>
  <c r="X67211" i="1"/>
  <c r="X67212" i="1"/>
  <c r="X67213" i="1"/>
  <c r="X67214" i="1"/>
  <c r="X67215" i="1"/>
  <c r="X67216" i="1"/>
  <c r="X67217" i="1"/>
  <c r="X67218" i="1"/>
  <c r="X67219" i="1"/>
  <c r="X67220" i="1"/>
  <c r="X67221" i="1"/>
  <c r="X67222" i="1"/>
  <c r="X67223" i="1"/>
  <c r="X67224" i="1"/>
  <c r="X67225" i="1"/>
  <c r="X67226" i="1"/>
  <c r="X67227" i="1"/>
  <c r="X67228" i="1"/>
  <c r="X67229" i="1"/>
  <c r="X67230" i="1"/>
  <c r="X67231" i="1"/>
  <c r="X67232" i="1"/>
  <c r="X67233" i="1"/>
  <c r="X67234" i="1"/>
  <c r="X67235" i="1"/>
  <c r="X67236" i="1"/>
  <c r="X67237" i="1"/>
  <c r="X67238" i="1"/>
  <c r="X67239" i="1"/>
  <c r="X67240" i="1"/>
  <c r="X67241" i="1"/>
  <c r="X67242" i="1"/>
  <c r="X67243" i="1"/>
  <c r="X67244" i="1"/>
  <c r="X67245" i="1"/>
  <c r="X67246" i="1"/>
  <c r="X67247" i="1"/>
  <c r="X67248" i="1"/>
  <c r="X67249" i="1"/>
  <c r="X67250" i="1"/>
  <c r="X67251" i="1"/>
  <c r="X67252" i="1"/>
  <c r="X67253" i="1"/>
  <c r="X67254" i="1"/>
  <c r="X67255" i="1"/>
  <c r="X67256" i="1"/>
  <c r="X67257" i="1"/>
  <c r="X67258" i="1"/>
  <c r="X67259" i="1"/>
  <c r="X67260" i="1"/>
  <c r="X67261" i="1"/>
  <c r="X67262" i="1"/>
  <c r="X67263" i="1"/>
  <c r="X67264" i="1"/>
  <c r="X67265" i="1"/>
  <c r="X67266" i="1"/>
  <c r="X67267" i="1"/>
  <c r="X67268" i="1"/>
  <c r="X67269" i="1"/>
  <c r="X67270" i="1"/>
  <c r="X67271" i="1"/>
  <c r="X67272" i="1"/>
  <c r="X67273" i="1"/>
  <c r="X67274" i="1"/>
  <c r="X67275" i="1"/>
  <c r="X67276" i="1"/>
  <c r="X67277" i="1"/>
  <c r="X67278" i="1"/>
  <c r="X67279" i="1"/>
  <c r="X67280" i="1"/>
  <c r="X67281" i="1"/>
  <c r="X67282" i="1"/>
  <c r="X67283" i="1"/>
  <c r="X67284" i="1"/>
  <c r="X67285" i="1"/>
  <c r="X67286" i="1"/>
  <c r="X67287" i="1"/>
  <c r="X67288" i="1"/>
  <c r="X67289" i="1"/>
  <c r="X67290" i="1"/>
  <c r="X67291" i="1"/>
  <c r="X67292" i="1"/>
  <c r="X67293" i="1"/>
  <c r="X67294" i="1"/>
  <c r="X67295" i="1"/>
  <c r="X67296" i="1"/>
  <c r="X67297" i="1"/>
  <c r="X67298" i="1"/>
  <c r="X67299" i="1"/>
  <c r="X67300" i="1"/>
  <c r="X67301" i="1"/>
  <c r="X67302" i="1"/>
  <c r="X67303" i="1"/>
  <c r="X67304" i="1"/>
  <c r="X67305" i="1"/>
  <c r="X67306" i="1"/>
  <c r="X67307" i="1"/>
  <c r="X67308" i="1"/>
  <c r="X67309" i="1"/>
  <c r="X67310" i="1"/>
  <c r="X67311" i="1"/>
  <c r="X67312" i="1"/>
  <c r="X67313" i="1"/>
  <c r="X67314" i="1"/>
  <c r="X67315" i="1"/>
  <c r="X67316" i="1"/>
  <c r="X67317" i="1"/>
  <c r="X67318" i="1"/>
  <c r="X67319" i="1"/>
  <c r="X67320" i="1"/>
  <c r="X67321" i="1"/>
  <c r="X67322" i="1"/>
  <c r="X67323" i="1"/>
  <c r="X67324" i="1"/>
  <c r="X67325" i="1"/>
  <c r="X67326" i="1"/>
  <c r="X67327" i="1"/>
  <c r="X67328" i="1"/>
  <c r="X67329" i="1"/>
  <c r="X67330" i="1"/>
  <c r="X67331" i="1"/>
  <c r="X67332" i="1"/>
  <c r="X67333" i="1"/>
  <c r="X67334" i="1"/>
  <c r="X67335" i="1"/>
  <c r="X67336" i="1"/>
  <c r="X67337" i="1"/>
  <c r="X67338" i="1"/>
  <c r="X67339" i="1"/>
  <c r="X67340" i="1"/>
  <c r="X67341" i="1"/>
  <c r="X67342" i="1"/>
  <c r="X67343" i="1"/>
  <c r="X67344" i="1"/>
  <c r="X67345" i="1"/>
  <c r="X67346" i="1"/>
  <c r="X67347" i="1"/>
  <c r="X67348" i="1"/>
  <c r="X67349" i="1"/>
  <c r="X67350" i="1"/>
  <c r="X67351" i="1"/>
  <c r="X67352" i="1"/>
  <c r="X67353" i="1"/>
  <c r="X67354" i="1"/>
  <c r="X67355" i="1"/>
  <c r="X67356" i="1"/>
  <c r="X67357" i="1"/>
  <c r="X67358" i="1"/>
  <c r="X67359" i="1"/>
  <c r="X67360" i="1"/>
  <c r="X67361" i="1"/>
  <c r="X67362" i="1"/>
  <c r="X67363" i="1"/>
  <c r="X67364" i="1"/>
  <c r="X67365" i="1"/>
  <c r="X67366" i="1"/>
  <c r="X67367" i="1"/>
  <c r="X67368" i="1"/>
  <c r="X67369" i="1"/>
  <c r="X67370" i="1"/>
  <c r="X67371" i="1"/>
  <c r="X67372" i="1"/>
  <c r="X67373" i="1"/>
  <c r="X67374" i="1"/>
  <c r="X67375" i="1"/>
  <c r="X67376" i="1"/>
  <c r="X67377" i="1"/>
  <c r="X67378" i="1"/>
  <c r="X67379" i="1"/>
  <c r="X67380" i="1"/>
  <c r="X67381" i="1"/>
  <c r="X67382" i="1"/>
  <c r="X67383" i="1"/>
  <c r="X67384" i="1"/>
  <c r="X67385" i="1"/>
  <c r="X67386" i="1"/>
  <c r="X67387" i="1"/>
  <c r="X67388" i="1"/>
  <c r="X67389" i="1"/>
  <c r="X67390" i="1"/>
  <c r="X67391" i="1"/>
  <c r="X67392" i="1"/>
  <c r="X67393" i="1"/>
  <c r="X67394" i="1"/>
  <c r="X67395" i="1"/>
  <c r="X67396" i="1"/>
  <c r="X67397" i="1"/>
  <c r="X67398" i="1"/>
  <c r="X67399" i="1"/>
  <c r="X67400" i="1"/>
  <c r="X67401" i="1"/>
  <c r="X67402" i="1"/>
  <c r="X67403" i="1"/>
  <c r="X67404" i="1"/>
  <c r="X67405" i="1"/>
  <c r="X67406" i="1"/>
  <c r="X67407" i="1"/>
  <c r="X67408" i="1"/>
  <c r="X67409" i="1"/>
  <c r="X67410" i="1"/>
  <c r="X67411" i="1"/>
  <c r="X67412" i="1"/>
  <c r="X67413" i="1"/>
  <c r="X67414" i="1"/>
  <c r="X67415" i="1"/>
  <c r="X67416" i="1"/>
  <c r="X67417" i="1"/>
  <c r="X67418" i="1"/>
  <c r="X67419" i="1"/>
  <c r="X67420" i="1"/>
  <c r="X67421" i="1"/>
  <c r="X67422" i="1"/>
  <c r="X67423" i="1"/>
  <c r="X67424" i="1"/>
  <c r="X67425" i="1"/>
  <c r="X67426" i="1"/>
  <c r="X67427" i="1"/>
  <c r="X67428" i="1"/>
  <c r="X67429" i="1"/>
  <c r="X67430" i="1"/>
  <c r="X67431" i="1"/>
  <c r="X67432" i="1"/>
  <c r="X67433" i="1"/>
  <c r="X67434" i="1"/>
  <c r="X67435" i="1"/>
  <c r="X67436" i="1"/>
  <c r="X67437" i="1"/>
  <c r="X67438" i="1"/>
  <c r="X67439" i="1"/>
  <c r="X67440" i="1"/>
  <c r="X67441" i="1"/>
  <c r="X67442" i="1"/>
  <c r="X67443" i="1"/>
  <c r="X67444" i="1"/>
  <c r="X67445" i="1"/>
  <c r="X67446" i="1"/>
  <c r="X67447" i="1"/>
  <c r="X67448" i="1"/>
  <c r="X67449" i="1"/>
  <c r="X67450" i="1"/>
  <c r="X67451" i="1"/>
  <c r="X67452" i="1"/>
  <c r="X67453" i="1"/>
  <c r="X67454" i="1"/>
  <c r="X67455" i="1"/>
  <c r="X67456" i="1"/>
  <c r="X67457" i="1"/>
  <c r="X67458" i="1"/>
  <c r="X67459" i="1"/>
  <c r="X67460" i="1"/>
  <c r="X67461" i="1"/>
  <c r="X67462" i="1"/>
  <c r="X67463" i="1"/>
  <c r="X67464" i="1"/>
  <c r="X67465" i="1"/>
  <c r="X67466" i="1"/>
  <c r="X67467" i="1"/>
  <c r="X67468" i="1"/>
  <c r="X67469" i="1"/>
  <c r="X67470" i="1"/>
  <c r="X67471" i="1"/>
  <c r="X67472" i="1"/>
  <c r="X67473" i="1"/>
  <c r="X67474" i="1"/>
  <c r="X67475" i="1"/>
  <c r="X67476" i="1"/>
  <c r="X67477" i="1"/>
  <c r="X67478" i="1"/>
  <c r="X67479" i="1"/>
  <c r="X67480" i="1"/>
  <c r="X67481" i="1"/>
  <c r="X67482" i="1"/>
  <c r="X67483" i="1"/>
  <c r="X67484" i="1"/>
  <c r="X67485" i="1"/>
  <c r="X67486" i="1"/>
  <c r="X67487" i="1"/>
  <c r="X67488" i="1"/>
  <c r="X67489" i="1"/>
  <c r="X67490" i="1"/>
  <c r="X67491" i="1"/>
  <c r="X67492" i="1"/>
  <c r="X67493" i="1"/>
  <c r="X67494" i="1"/>
  <c r="X67495" i="1"/>
  <c r="X67496" i="1"/>
  <c r="X67497" i="1"/>
  <c r="X67498" i="1"/>
  <c r="X67499" i="1"/>
  <c r="X67500" i="1"/>
  <c r="X67501" i="1"/>
  <c r="X67502" i="1"/>
  <c r="X67503" i="1"/>
  <c r="X67504" i="1"/>
  <c r="X67505" i="1"/>
  <c r="X67506" i="1"/>
  <c r="X67507" i="1"/>
  <c r="X67508" i="1"/>
  <c r="X67509" i="1"/>
  <c r="X67510" i="1"/>
  <c r="X67511" i="1"/>
  <c r="X67512" i="1"/>
  <c r="X67513" i="1"/>
  <c r="X67514" i="1"/>
  <c r="X67515" i="1"/>
  <c r="X67516" i="1"/>
  <c r="X67517" i="1"/>
  <c r="X67518" i="1"/>
  <c r="X67519" i="1"/>
  <c r="X67520" i="1"/>
  <c r="X67521" i="1"/>
  <c r="X67522" i="1"/>
  <c r="X67523" i="1"/>
  <c r="X67524" i="1"/>
  <c r="X67525" i="1"/>
  <c r="X67526" i="1"/>
  <c r="X67527" i="1"/>
  <c r="X67528" i="1"/>
  <c r="X67529" i="1"/>
  <c r="X67530" i="1"/>
  <c r="X67531" i="1"/>
  <c r="X67532" i="1"/>
  <c r="X67533" i="1"/>
  <c r="X67534" i="1"/>
  <c r="X67535" i="1"/>
  <c r="X67536" i="1"/>
  <c r="X67537" i="1"/>
  <c r="X67538" i="1"/>
  <c r="X67539" i="1"/>
  <c r="X67540" i="1"/>
  <c r="X67541" i="1"/>
  <c r="X67542" i="1"/>
  <c r="X67543" i="1"/>
  <c r="X67544" i="1"/>
  <c r="X67545" i="1"/>
  <c r="X67546" i="1"/>
  <c r="X67547" i="1"/>
  <c r="X67548" i="1"/>
  <c r="X67549" i="1"/>
  <c r="X67550" i="1"/>
  <c r="X67551" i="1"/>
  <c r="X67552" i="1"/>
  <c r="X67553" i="1"/>
  <c r="X67554" i="1"/>
  <c r="X67555" i="1"/>
  <c r="X67556" i="1"/>
  <c r="X67557" i="1"/>
  <c r="X67558" i="1"/>
  <c r="X67559" i="1"/>
  <c r="X67560" i="1"/>
  <c r="X67561" i="1"/>
  <c r="X67562" i="1"/>
  <c r="X67563" i="1"/>
  <c r="X67564" i="1"/>
  <c r="X67565" i="1"/>
  <c r="X67566" i="1"/>
  <c r="X67567" i="1"/>
  <c r="X67568" i="1"/>
  <c r="X67569" i="1"/>
  <c r="X67570" i="1"/>
  <c r="X67571" i="1"/>
  <c r="X67572" i="1"/>
  <c r="X67573" i="1"/>
  <c r="X67574" i="1"/>
  <c r="X67575" i="1"/>
  <c r="X67576" i="1"/>
  <c r="X67577" i="1"/>
  <c r="X67578" i="1"/>
  <c r="X67579" i="1"/>
  <c r="X67580" i="1"/>
  <c r="X67581" i="1"/>
  <c r="X67582" i="1"/>
  <c r="X67583" i="1"/>
  <c r="X67584" i="1"/>
  <c r="X67585" i="1"/>
  <c r="X67586" i="1"/>
  <c r="X67587" i="1"/>
  <c r="X67588" i="1"/>
  <c r="X67589" i="1"/>
  <c r="X67590" i="1"/>
  <c r="X67591" i="1"/>
  <c r="X67592" i="1"/>
  <c r="X67593" i="1"/>
  <c r="X67594" i="1"/>
  <c r="X67595" i="1"/>
  <c r="X67596" i="1"/>
  <c r="X67597" i="1"/>
  <c r="X67598" i="1"/>
  <c r="X67599" i="1"/>
  <c r="X67600" i="1"/>
  <c r="X67601" i="1"/>
  <c r="X67602" i="1"/>
  <c r="X67603" i="1"/>
  <c r="X67604" i="1"/>
  <c r="X67605" i="1"/>
  <c r="X67606" i="1"/>
  <c r="X67607" i="1"/>
  <c r="X67608" i="1"/>
  <c r="X67609" i="1"/>
  <c r="X67610" i="1"/>
  <c r="X67611" i="1"/>
  <c r="X67612" i="1"/>
  <c r="X67613" i="1"/>
  <c r="X67614" i="1"/>
  <c r="X67615" i="1"/>
  <c r="X67616" i="1"/>
  <c r="X67617" i="1"/>
  <c r="X67618" i="1"/>
  <c r="X67619" i="1"/>
  <c r="X67620" i="1"/>
  <c r="X67621" i="1"/>
  <c r="X67622" i="1"/>
  <c r="X67623" i="1"/>
  <c r="X67624" i="1"/>
  <c r="X67625" i="1"/>
  <c r="X67626" i="1"/>
  <c r="X67627" i="1"/>
  <c r="X67628" i="1"/>
  <c r="X67629" i="1"/>
  <c r="X67630" i="1"/>
  <c r="X67631" i="1"/>
  <c r="X67632" i="1"/>
  <c r="X67633" i="1"/>
  <c r="X67634" i="1"/>
  <c r="X67635" i="1"/>
  <c r="X67636" i="1"/>
  <c r="X67637" i="1"/>
  <c r="X67638" i="1"/>
  <c r="X67639" i="1"/>
  <c r="X67640" i="1"/>
  <c r="X67641" i="1"/>
  <c r="X67642" i="1"/>
  <c r="X67643" i="1"/>
  <c r="X67644" i="1"/>
  <c r="X67645" i="1"/>
  <c r="X67646" i="1"/>
  <c r="X67647" i="1"/>
  <c r="X67648" i="1"/>
  <c r="X67649" i="1"/>
  <c r="X67650" i="1"/>
  <c r="X67651" i="1"/>
  <c r="X67652" i="1"/>
  <c r="X67653" i="1"/>
  <c r="X67654" i="1"/>
  <c r="X67655" i="1"/>
  <c r="X67656" i="1"/>
  <c r="X67657" i="1"/>
  <c r="X67658" i="1"/>
  <c r="X67659" i="1"/>
  <c r="X67660" i="1"/>
  <c r="X67661" i="1"/>
  <c r="X67662" i="1"/>
  <c r="X67663" i="1"/>
  <c r="X67664" i="1"/>
  <c r="X67665" i="1"/>
  <c r="X67666" i="1"/>
  <c r="X67667" i="1"/>
  <c r="X67668" i="1"/>
  <c r="X67669" i="1"/>
  <c r="X67670" i="1"/>
  <c r="X67671" i="1"/>
  <c r="X67672" i="1"/>
  <c r="X67673" i="1"/>
  <c r="X67674" i="1"/>
  <c r="X67675" i="1"/>
  <c r="X67676" i="1"/>
  <c r="X67677" i="1"/>
  <c r="X67678" i="1"/>
  <c r="X67679" i="1"/>
  <c r="X67680" i="1"/>
  <c r="X67681" i="1"/>
  <c r="X67682" i="1"/>
  <c r="X67683" i="1"/>
  <c r="X67684" i="1"/>
  <c r="X67685" i="1"/>
  <c r="X67686" i="1"/>
  <c r="X67687" i="1"/>
  <c r="X67688" i="1"/>
  <c r="X67689" i="1"/>
  <c r="X67690" i="1"/>
  <c r="X67691" i="1"/>
  <c r="X67692" i="1"/>
  <c r="X67693" i="1"/>
  <c r="X67694" i="1"/>
  <c r="X67695" i="1"/>
  <c r="X67696" i="1"/>
  <c r="X67697" i="1"/>
  <c r="X67698" i="1"/>
  <c r="X67699" i="1"/>
  <c r="X67700" i="1"/>
  <c r="X67701" i="1"/>
  <c r="X67702" i="1"/>
  <c r="X67703" i="1"/>
  <c r="X67704" i="1"/>
  <c r="X67705" i="1"/>
  <c r="X67706" i="1"/>
  <c r="X67707" i="1"/>
  <c r="X67708" i="1"/>
  <c r="X67709" i="1"/>
  <c r="X67710" i="1"/>
  <c r="X67711" i="1"/>
  <c r="X67712" i="1"/>
  <c r="X67713" i="1"/>
  <c r="X67714" i="1"/>
  <c r="X67715" i="1"/>
  <c r="X67716" i="1"/>
  <c r="X67717" i="1"/>
  <c r="X67718" i="1"/>
  <c r="X67719" i="1"/>
  <c r="X67720" i="1"/>
  <c r="X67721" i="1"/>
  <c r="X67722" i="1"/>
  <c r="X67723" i="1"/>
  <c r="X67724" i="1"/>
  <c r="X67725" i="1"/>
  <c r="X67726" i="1"/>
  <c r="X67727" i="1"/>
  <c r="X67728" i="1"/>
  <c r="X67729" i="1"/>
  <c r="X67730" i="1"/>
  <c r="X67731" i="1"/>
  <c r="X67732" i="1"/>
  <c r="X67733" i="1"/>
  <c r="X67734" i="1"/>
  <c r="X67735" i="1"/>
  <c r="X67736" i="1"/>
  <c r="X67737" i="1"/>
  <c r="X67738" i="1"/>
  <c r="X67739" i="1"/>
  <c r="X67740" i="1"/>
  <c r="X67741" i="1"/>
  <c r="X67742" i="1"/>
  <c r="X67743" i="1"/>
  <c r="X67744" i="1"/>
  <c r="X67745" i="1"/>
  <c r="X67746" i="1"/>
  <c r="X67747" i="1"/>
  <c r="X67748" i="1"/>
  <c r="X67749" i="1"/>
  <c r="X67750" i="1"/>
  <c r="X67751" i="1"/>
  <c r="X67752" i="1"/>
  <c r="X67753" i="1"/>
  <c r="X67754" i="1"/>
  <c r="X67755" i="1"/>
  <c r="X67756" i="1"/>
  <c r="X67757" i="1"/>
  <c r="X67758" i="1"/>
  <c r="X67759" i="1"/>
  <c r="X67760" i="1"/>
  <c r="X67761" i="1"/>
  <c r="X67762" i="1"/>
  <c r="X67763" i="1"/>
  <c r="X67764" i="1"/>
  <c r="X67765" i="1"/>
  <c r="X67766" i="1"/>
  <c r="X67767" i="1"/>
  <c r="X67768" i="1"/>
  <c r="X67769" i="1"/>
  <c r="X67770" i="1"/>
  <c r="X67771" i="1"/>
  <c r="X67772" i="1"/>
  <c r="X67773" i="1"/>
  <c r="X67774" i="1"/>
  <c r="X67775" i="1"/>
  <c r="X67776" i="1"/>
  <c r="X67777" i="1"/>
  <c r="X67778" i="1"/>
  <c r="X67779" i="1"/>
  <c r="X67780" i="1"/>
  <c r="X67781" i="1"/>
  <c r="X67782" i="1"/>
  <c r="X67783" i="1"/>
  <c r="X67784" i="1"/>
  <c r="X67785" i="1"/>
  <c r="X67786" i="1"/>
  <c r="X67787" i="1"/>
  <c r="X67788" i="1"/>
  <c r="X67789" i="1"/>
  <c r="X67790" i="1"/>
  <c r="X67791" i="1"/>
  <c r="X67792" i="1"/>
  <c r="X67793" i="1"/>
  <c r="X67794" i="1"/>
  <c r="X67795" i="1"/>
  <c r="X67796" i="1"/>
  <c r="X67797" i="1"/>
  <c r="X67798" i="1"/>
  <c r="X67799" i="1"/>
  <c r="X67800" i="1"/>
  <c r="X67801" i="1"/>
  <c r="X67802" i="1"/>
  <c r="X67803" i="1"/>
  <c r="X67804" i="1"/>
  <c r="X67805" i="1"/>
  <c r="X67806" i="1"/>
  <c r="X67807" i="1"/>
  <c r="X67808" i="1"/>
  <c r="X67809" i="1"/>
  <c r="X67810" i="1"/>
  <c r="X67811" i="1"/>
  <c r="X67812" i="1"/>
  <c r="X67813" i="1"/>
  <c r="X67814" i="1"/>
  <c r="X67815" i="1"/>
  <c r="X67816" i="1"/>
  <c r="X67817" i="1"/>
  <c r="X67818" i="1"/>
  <c r="X67819" i="1"/>
  <c r="X67820" i="1"/>
  <c r="X67821" i="1"/>
  <c r="X67822" i="1"/>
  <c r="X67823" i="1"/>
  <c r="X67824" i="1"/>
  <c r="X67825" i="1"/>
  <c r="X67826" i="1"/>
  <c r="X67827" i="1"/>
  <c r="X67828" i="1"/>
  <c r="X67829" i="1"/>
  <c r="X67830" i="1"/>
  <c r="X67831" i="1"/>
  <c r="X67832" i="1"/>
  <c r="X67833" i="1"/>
  <c r="X67834" i="1"/>
  <c r="X67835" i="1"/>
  <c r="X67836" i="1"/>
  <c r="X67837" i="1"/>
  <c r="X67838" i="1"/>
  <c r="X67839" i="1"/>
  <c r="X67840" i="1"/>
  <c r="X67841" i="1"/>
  <c r="X67842" i="1"/>
  <c r="X67843" i="1"/>
  <c r="X67844" i="1"/>
  <c r="X67845" i="1"/>
  <c r="X67846" i="1"/>
  <c r="X67847" i="1"/>
  <c r="X67848" i="1"/>
  <c r="X67849" i="1"/>
  <c r="X67850" i="1"/>
  <c r="X67851" i="1"/>
  <c r="X67852" i="1"/>
  <c r="X67853" i="1"/>
  <c r="X67854" i="1"/>
  <c r="X67855" i="1"/>
  <c r="X67856" i="1"/>
  <c r="X67857" i="1"/>
  <c r="X67858" i="1"/>
  <c r="X67859" i="1"/>
  <c r="X67860" i="1"/>
  <c r="X67861" i="1"/>
  <c r="X67862" i="1"/>
  <c r="X67863" i="1"/>
  <c r="X67864" i="1"/>
  <c r="X67865" i="1"/>
  <c r="X67866" i="1"/>
  <c r="X67867" i="1"/>
  <c r="X67868" i="1"/>
  <c r="X67869" i="1"/>
  <c r="X67870" i="1"/>
  <c r="X67871" i="1"/>
  <c r="X67872" i="1"/>
  <c r="X67873" i="1"/>
  <c r="X67874" i="1"/>
  <c r="X67875" i="1"/>
  <c r="X67876" i="1"/>
  <c r="X67877" i="1"/>
  <c r="X67878" i="1"/>
  <c r="X67879" i="1"/>
  <c r="X67880" i="1"/>
  <c r="X67881" i="1"/>
  <c r="X67882" i="1"/>
  <c r="X67883" i="1"/>
  <c r="X67884" i="1"/>
  <c r="X67885" i="1"/>
  <c r="X67886" i="1"/>
  <c r="X67887" i="1"/>
  <c r="X67888" i="1"/>
  <c r="X67889" i="1"/>
  <c r="X67890" i="1"/>
  <c r="X67891" i="1"/>
  <c r="X67892" i="1"/>
  <c r="X67893" i="1"/>
  <c r="X67894" i="1"/>
  <c r="X67895" i="1"/>
  <c r="X67896" i="1"/>
  <c r="X67897" i="1"/>
  <c r="X67898" i="1"/>
  <c r="X67899" i="1"/>
  <c r="X67900" i="1"/>
  <c r="X67901" i="1"/>
  <c r="X67902" i="1"/>
  <c r="X67903" i="1"/>
  <c r="X67904" i="1"/>
  <c r="X67905" i="1"/>
  <c r="X67906" i="1"/>
  <c r="X67907" i="1"/>
  <c r="X67908" i="1"/>
  <c r="X67909" i="1"/>
  <c r="X67910" i="1"/>
  <c r="X67911" i="1"/>
  <c r="X67912" i="1"/>
  <c r="X67913" i="1"/>
  <c r="X67914" i="1"/>
  <c r="X67915" i="1"/>
  <c r="X67916" i="1"/>
  <c r="X67917" i="1"/>
  <c r="X67918" i="1"/>
  <c r="X67919" i="1"/>
  <c r="X67920" i="1"/>
  <c r="X67921" i="1"/>
  <c r="X67922" i="1"/>
  <c r="X67923" i="1"/>
  <c r="X67924" i="1"/>
  <c r="X67925" i="1"/>
  <c r="X67926" i="1"/>
  <c r="X67927" i="1"/>
  <c r="X67928" i="1"/>
  <c r="X67929" i="1"/>
  <c r="X67930" i="1"/>
  <c r="X67931" i="1"/>
  <c r="X67932" i="1"/>
  <c r="X67933" i="1"/>
  <c r="X67934" i="1"/>
  <c r="X67935" i="1"/>
  <c r="X67936" i="1"/>
  <c r="X67937" i="1"/>
  <c r="X67938" i="1"/>
  <c r="X67939" i="1"/>
  <c r="X67940" i="1"/>
  <c r="X67941" i="1"/>
  <c r="X67942" i="1"/>
  <c r="X67943" i="1"/>
  <c r="X67944" i="1"/>
  <c r="X67945" i="1"/>
  <c r="X67946" i="1"/>
  <c r="X67947" i="1"/>
  <c r="X67948" i="1"/>
  <c r="X67949" i="1"/>
  <c r="X67950" i="1"/>
  <c r="X67951" i="1"/>
  <c r="X67952" i="1"/>
  <c r="X67953" i="1"/>
  <c r="X67954" i="1"/>
  <c r="X67955" i="1"/>
  <c r="X67956" i="1"/>
  <c r="X67957" i="1"/>
  <c r="X67958" i="1"/>
  <c r="X67959" i="1"/>
  <c r="X67960" i="1"/>
  <c r="X67961" i="1"/>
  <c r="X67962" i="1"/>
  <c r="X67963" i="1"/>
  <c r="X67964" i="1"/>
  <c r="X67965" i="1"/>
  <c r="X67966" i="1"/>
  <c r="X67967" i="1"/>
  <c r="X67968" i="1"/>
  <c r="X67969" i="1"/>
  <c r="X67970" i="1"/>
  <c r="X67971" i="1"/>
  <c r="X67972" i="1"/>
  <c r="X67973" i="1"/>
  <c r="X67974" i="1"/>
  <c r="X67975" i="1"/>
  <c r="X67976" i="1"/>
  <c r="X67977" i="1"/>
  <c r="X67978" i="1"/>
  <c r="X67979" i="1"/>
  <c r="X67980" i="1"/>
  <c r="X67981" i="1"/>
  <c r="X67982" i="1"/>
  <c r="X67983" i="1"/>
  <c r="X67984" i="1"/>
  <c r="X67985" i="1"/>
  <c r="X67986" i="1"/>
  <c r="X67987" i="1"/>
  <c r="X67988" i="1"/>
  <c r="X67989" i="1"/>
  <c r="X67990" i="1"/>
  <c r="X67991" i="1"/>
  <c r="X67992" i="1"/>
  <c r="X67993" i="1"/>
  <c r="X67994" i="1"/>
  <c r="X67995" i="1"/>
  <c r="X67996" i="1"/>
  <c r="X67997" i="1"/>
  <c r="X67998" i="1"/>
  <c r="X67999" i="1"/>
  <c r="X68000" i="1"/>
  <c r="X68001" i="1"/>
  <c r="X68002" i="1"/>
  <c r="X68003" i="1"/>
  <c r="X68004" i="1"/>
  <c r="X68005" i="1"/>
  <c r="X68006" i="1"/>
  <c r="X68007" i="1"/>
  <c r="X68008" i="1"/>
  <c r="X68009" i="1"/>
  <c r="X68010" i="1"/>
  <c r="X68011" i="1"/>
  <c r="X68012" i="1"/>
  <c r="X68013" i="1"/>
  <c r="X68014" i="1"/>
  <c r="X68015" i="1"/>
  <c r="X68016" i="1"/>
  <c r="X68017" i="1"/>
  <c r="X68018" i="1"/>
  <c r="X68019" i="1"/>
  <c r="X68020" i="1"/>
  <c r="X68021" i="1"/>
  <c r="X68022" i="1"/>
  <c r="X68023" i="1"/>
  <c r="X68024" i="1"/>
  <c r="X68025" i="1"/>
  <c r="X68026" i="1"/>
  <c r="X68027" i="1"/>
  <c r="X68028" i="1"/>
  <c r="X68029" i="1"/>
  <c r="X68030" i="1"/>
  <c r="X68031" i="1"/>
  <c r="X68032" i="1"/>
  <c r="X68033" i="1"/>
  <c r="X68034" i="1"/>
  <c r="X68035" i="1"/>
  <c r="X68036" i="1"/>
  <c r="X68037" i="1"/>
  <c r="X68038" i="1"/>
  <c r="X68039" i="1"/>
  <c r="X68040" i="1"/>
  <c r="X68041" i="1"/>
  <c r="X68042" i="1"/>
  <c r="X68043" i="1"/>
  <c r="X68044" i="1"/>
  <c r="X68045" i="1"/>
  <c r="X68046" i="1"/>
  <c r="X68047" i="1"/>
  <c r="X68048" i="1"/>
  <c r="X68049" i="1"/>
  <c r="X68050" i="1"/>
  <c r="X68051" i="1"/>
  <c r="X68052" i="1"/>
  <c r="X68053" i="1"/>
  <c r="X68054" i="1"/>
  <c r="X68055" i="1"/>
  <c r="X68056" i="1"/>
  <c r="X68057" i="1"/>
  <c r="X68058" i="1"/>
  <c r="X68059" i="1"/>
  <c r="X68060" i="1"/>
  <c r="X68061" i="1"/>
  <c r="X68062" i="1"/>
  <c r="X68063" i="1"/>
  <c r="X68064" i="1"/>
  <c r="X68065" i="1"/>
  <c r="X68066" i="1"/>
  <c r="X68067" i="1"/>
  <c r="X68068" i="1"/>
  <c r="X68069" i="1"/>
  <c r="X68070" i="1"/>
  <c r="X68071" i="1"/>
  <c r="X68072" i="1"/>
  <c r="X68073" i="1"/>
  <c r="X68074" i="1"/>
  <c r="X68075" i="1"/>
  <c r="X68076" i="1"/>
  <c r="X68077" i="1"/>
  <c r="X68078" i="1"/>
  <c r="X68079" i="1"/>
  <c r="X68080" i="1"/>
  <c r="X68081" i="1"/>
  <c r="X68082" i="1"/>
  <c r="X68083" i="1"/>
  <c r="X68084" i="1"/>
  <c r="X68085" i="1"/>
  <c r="X68086" i="1"/>
  <c r="X68087" i="1"/>
  <c r="X68088" i="1"/>
  <c r="X68089" i="1"/>
  <c r="X68090" i="1"/>
  <c r="X68091" i="1"/>
  <c r="X68092" i="1"/>
  <c r="X68093" i="1"/>
  <c r="X68094" i="1"/>
  <c r="X68095" i="1"/>
  <c r="X68096" i="1"/>
  <c r="X68097" i="1"/>
  <c r="X68098" i="1"/>
  <c r="X68099" i="1"/>
  <c r="X68100" i="1"/>
  <c r="X68101" i="1"/>
  <c r="X68102" i="1"/>
  <c r="X68103" i="1"/>
  <c r="X68104" i="1"/>
  <c r="X68105" i="1"/>
  <c r="X68106" i="1"/>
  <c r="X68107" i="1"/>
  <c r="X68108" i="1"/>
  <c r="X68109" i="1"/>
  <c r="X68110" i="1"/>
  <c r="X68111" i="1"/>
  <c r="X68112" i="1"/>
  <c r="X68113" i="1"/>
  <c r="X68114" i="1"/>
  <c r="X68115" i="1"/>
  <c r="X68116" i="1"/>
  <c r="X68117" i="1"/>
  <c r="X68118" i="1"/>
  <c r="X68119" i="1"/>
  <c r="X68120" i="1"/>
  <c r="X68121" i="1"/>
  <c r="X68122" i="1"/>
  <c r="X68123" i="1"/>
  <c r="X68124" i="1"/>
  <c r="X68125" i="1"/>
  <c r="X68126" i="1"/>
  <c r="X68127" i="1"/>
  <c r="X68128" i="1"/>
  <c r="X68129" i="1"/>
  <c r="X68130" i="1"/>
  <c r="X68131" i="1"/>
  <c r="X68132" i="1"/>
  <c r="X68133" i="1"/>
  <c r="X68134" i="1"/>
  <c r="X68135" i="1"/>
  <c r="X68136" i="1"/>
  <c r="X68137" i="1"/>
  <c r="X68138" i="1"/>
  <c r="X68139" i="1"/>
  <c r="X68140" i="1"/>
  <c r="X68141" i="1"/>
  <c r="X68142" i="1"/>
  <c r="X68143" i="1"/>
  <c r="X68144" i="1"/>
  <c r="X68145" i="1"/>
  <c r="X68146" i="1"/>
  <c r="X68147" i="1"/>
  <c r="X68148" i="1"/>
  <c r="X68149" i="1"/>
  <c r="X68150" i="1"/>
  <c r="X68151" i="1"/>
  <c r="X68152" i="1"/>
  <c r="X68153" i="1"/>
  <c r="X68154" i="1"/>
  <c r="X68155" i="1"/>
  <c r="X68156" i="1"/>
  <c r="X68157" i="1"/>
  <c r="X68158" i="1"/>
  <c r="X68159" i="1"/>
  <c r="X68160" i="1"/>
  <c r="X68161" i="1"/>
  <c r="X68162" i="1"/>
  <c r="X68163" i="1"/>
  <c r="X68164" i="1"/>
  <c r="X68165" i="1"/>
  <c r="X68166" i="1"/>
  <c r="X68167" i="1"/>
  <c r="X68168" i="1"/>
  <c r="X68169" i="1"/>
  <c r="X68170" i="1"/>
  <c r="X68171" i="1"/>
  <c r="X68172" i="1"/>
  <c r="X68173" i="1"/>
  <c r="X68174" i="1"/>
  <c r="X68175" i="1"/>
  <c r="X68176" i="1"/>
  <c r="X68177" i="1"/>
  <c r="X68178" i="1"/>
  <c r="X68179" i="1"/>
  <c r="X68180" i="1"/>
  <c r="X68181" i="1"/>
  <c r="X68182" i="1"/>
  <c r="X68183" i="1"/>
  <c r="X68184" i="1"/>
  <c r="X68185" i="1"/>
  <c r="X68186" i="1"/>
  <c r="X68187" i="1"/>
  <c r="X68188" i="1"/>
  <c r="X68189" i="1"/>
  <c r="X68190" i="1"/>
  <c r="X68191" i="1"/>
  <c r="X68192" i="1"/>
  <c r="X68193" i="1"/>
  <c r="X68194" i="1"/>
  <c r="X68195" i="1"/>
  <c r="X68196" i="1"/>
  <c r="X68197" i="1"/>
  <c r="X68198" i="1"/>
  <c r="X68199" i="1"/>
  <c r="X68200" i="1"/>
  <c r="X68201" i="1"/>
  <c r="X68202" i="1"/>
  <c r="X68203" i="1"/>
  <c r="X68204" i="1"/>
  <c r="X68205" i="1"/>
  <c r="X68206" i="1"/>
  <c r="X68207" i="1"/>
  <c r="X68208" i="1"/>
  <c r="X68209" i="1"/>
  <c r="X68210" i="1"/>
  <c r="X68211" i="1"/>
  <c r="X68212" i="1"/>
  <c r="X68213" i="1"/>
  <c r="X68214" i="1"/>
  <c r="X68215" i="1"/>
  <c r="X68216" i="1"/>
  <c r="X68217" i="1"/>
  <c r="X68218" i="1"/>
  <c r="X68219" i="1"/>
  <c r="X68220" i="1"/>
  <c r="X68221" i="1"/>
  <c r="X68222" i="1"/>
  <c r="X68223" i="1"/>
  <c r="X68224" i="1"/>
  <c r="X68225" i="1"/>
  <c r="X68226" i="1"/>
  <c r="X68227" i="1"/>
  <c r="X68228" i="1"/>
  <c r="X68229" i="1"/>
  <c r="X68230" i="1"/>
  <c r="X68231" i="1"/>
  <c r="X68232" i="1"/>
  <c r="X68233" i="1"/>
  <c r="X68234" i="1"/>
  <c r="X68235" i="1"/>
  <c r="X68236" i="1"/>
  <c r="X68237" i="1"/>
  <c r="X68238" i="1"/>
  <c r="X68239" i="1"/>
  <c r="X68240" i="1"/>
  <c r="X68241" i="1"/>
  <c r="X68242" i="1"/>
  <c r="X68243" i="1"/>
  <c r="X68244" i="1"/>
  <c r="X68245" i="1"/>
  <c r="X68246" i="1"/>
  <c r="X68247" i="1"/>
  <c r="X68248" i="1"/>
  <c r="X68249" i="1"/>
  <c r="X68250" i="1"/>
  <c r="X68251" i="1"/>
  <c r="X68252" i="1"/>
  <c r="X68253" i="1"/>
  <c r="X68254" i="1"/>
  <c r="X68255" i="1"/>
  <c r="X68256" i="1"/>
  <c r="X68257" i="1"/>
  <c r="X68258" i="1"/>
  <c r="X68259" i="1"/>
  <c r="X68260" i="1"/>
  <c r="X68261" i="1"/>
  <c r="X68262" i="1"/>
  <c r="X68263" i="1"/>
  <c r="X68264" i="1"/>
  <c r="X68265" i="1"/>
  <c r="X68266" i="1"/>
  <c r="X68267" i="1"/>
  <c r="X68268" i="1"/>
  <c r="X68269" i="1"/>
  <c r="X68270" i="1"/>
  <c r="X68271" i="1"/>
  <c r="X68272" i="1"/>
  <c r="X68273" i="1"/>
  <c r="X68274" i="1"/>
  <c r="X68275" i="1"/>
  <c r="X68276" i="1"/>
  <c r="X68277" i="1"/>
  <c r="X68278" i="1"/>
  <c r="X68279" i="1"/>
  <c r="X68280" i="1"/>
  <c r="X68281" i="1"/>
  <c r="X68282" i="1"/>
  <c r="X68283" i="1"/>
  <c r="X68284" i="1"/>
  <c r="X68285" i="1"/>
  <c r="X68286" i="1"/>
  <c r="X68287" i="1"/>
  <c r="X68288" i="1"/>
  <c r="X68289" i="1"/>
  <c r="X68290" i="1"/>
  <c r="X68291" i="1"/>
  <c r="X68292" i="1"/>
  <c r="X68293" i="1"/>
  <c r="X68294" i="1"/>
  <c r="X68295" i="1"/>
  <c r="X68296" i="1"/>
  <c r="X68297" i="1"/>
  <c r="X68298" i="1"/>
  <c r="X68299" i="1"/>
  <c r="X68300" i="1"/>
  <c r="X68301" i="1"/>
  <c r="X68302" i="1"/>
  <c r="X68303" i="1"/>
  <c r="X68304" i="1"/>
  <c r="X68305" i="1"/>
  <c r="X68306" i="1"/>
  <c r="X68307" i="1"/>
  <c r="X68308" i="1"/>
  <c r="X68309" i="1"/>
  <c r="X68310" i="1"/>
  <c r="X68311" i="1"/>
  <c r="X68312" i="1"/>
  <c r="X68313" i="1"/>
  <c r="X68314" i="1"/>
  <c r="X68315" i="1"/>
  <c r="X68316" i="1"/>
  <c r="X68317" i="1"/>
  <c r="X68318" i="1"/>
  <c r="X68319" i="1"/>
  <c r="X68320" i="1"/>
  <c r="X68321" i="1"/>
  <c r="X68322" i="1"/>
  <c r="X68323" i="1"/>
  <c r="X68324" i="1"/>
  <c r="X68325" i="1"/>
  <c r="X68326" i="1"/>
  <c r="X68327" i="1"/>
  <c r="X68328" i="1"/>
  <c r="X68329" i="1"/>
  <c r="X68330" i="1"/>
  <c r="X68331" i="1"/>
  <c r="X68332" i="1"/>
  <c r="X68333" i="1"/>
  <c r="X68334" i="1"/>
  <c r="X68335" i="1"/>
  <c r="X68336" i="1"/>
  <c r="X68337" i="1"/>
  <c r="X68338" i="1"/>
  <c r="X68339" i="1"/>
  <c r="X68340" i="1"/>
  <c r="X68341" i="1"/>
  <c r="X68342" i="1"/>
  <c r="X68343" i="1"/>
  <c r="X68344" i="1"/>
  <c r="X68345" i="1"/>
  <c r="X68346" i="1"/>
  <c r="X68347" i="1"/>
  <c r="X68348" i="1"/>
  <c r="X68349" i="1"/>
  <c r="X68350" i="1"/>
  <c r="X68351" i="1"/>
  <c r="X68352" i="1"/>
  <c r="X68353" i="1"/>
  <c r="X68354" i="1"/>
  <c r="X68355" i="1"/>
  <c r="X68356" i="1"/>
  <c r="X68357" i="1"/>
  <c r="X68358" i="1"/>
  <c r="X68359" i="1"/>
  <c r="X68360" i="1"/>
  <c r="X68361" i="1"/>
  <c r="X68362" i="1"/>
  <c r="X68363" i="1"/>
  <c r="X68364" i="1"/>
  <c r="X68365" i="1"/>
  <c r="X68366" i="1"/>
  <c r="X68367" i="1"/>
  <c r="X68368" i="1"/>
  <c r="X68369" i="1"/>
  <c r="X68370" i="1"/>
  <c r="X68371" i="1"/>
  <c r="X68372" i="1"/>
  <c r="X68373" i="1"/>
  <c r="X68374" i="1"/>
  <c r="X68375" i="1"/>
  <c r="X68376" i="1"/>
  <c r="X68377" i="1"/>
  <c r="X68378" i="1"/>
  <c r="X68379" i="1"/>
  <c r="X68380" i="1"/>
  <c r="X68381" i="1"/>
  <c r="X68382" i="1"/>
  <c r="X68383" i="1"/>
  <c r="X68384" i="1"/>
  <c r="X68385" i="1"/>
  <c r="X68386" i="1"/>
  <c r="X68387" i="1"/>
  <c r="X68388" i="1"/>
  <c r="X68389" i="1"/>
  <c r="X68390" i="1"/>
  <c r="X68391" i="1"/>
  <c r="X68392" i="1"/>
  <c r="X68393" i="1"/>
  <c r="X68394" i="1"/>
  <c r="X68395" i="1"/>
  <c r="X68396" i="1"/>
  <c r="X68397" i="1"/>
  <c r="X68398" i="1"/>
  <c r="X68399" i="1"/>
  <c r="X68400" i="1"/>
  <c r="X68401" i="1"/>
  <c r="X68402" i="1"/>
  <c r="X68403" i="1"/>
  <c r="X68404" i="1"/>
  <c r="X68405" i="1"/>
  <c r="X68406" i="1"/>
  <c r="X68407" i="1"/>
  <c r="X68408" i="1"/>
  <c r="X68409" i="1"/>
  <c r="X68410" i="1"/>
  <c r="X68411" i="1"/>
  <c r="X68412" i="1"/>
  <c r="X68413" i="1"/>
  <c r="X68414" i="1"/>
  <c r="X68415" i="1"/>
  <c r="X68416" i="1"/>
  <c r="X68417" i="1"/>
  <c r="X68418" i="1"/>
  <c r="X68419" i="1"/>
  <c r="X68420" i="1"/>
  <c r="X68421" i="1"/>
  <c r="X68422" i="1"/>
  <c r="X68423" i="1"/>
  <c r="X68424" i="1"/>
  <c r="X68425" i="1"/>
  <c r="X68426" i="1"/>
  <c r="X68427" i="1"/>
  <c r="X68428" i="1"/>
  <c r="X68429" i="1"/>
  <c r="X68430" i="1"/>
  <c r="X68431" i="1"/>
  <c r="X68432" i="1"/>
  <c r="X68433" i="1"/>
  <c r="X68434" i="1"/>
  <c r="X68435" i="1"/>
  <c r="X68436" i="1"/>
  <c r="X68437" i="1"/>
  <c r="X68438" i="1"/>
  <c r="X68439" i="1"/>
  <c r="X68440" i="1"/>
  <c r="X68441" i="1"/>
  <c r="X68442" i="1"/>
  <c r="X68443" i="1"/>
  <c r="X68444" i="1"/>
  <c r="X68445" i="1"/>
  <c r="X68446" i="1"/>
  <c r="X68447" i="1"/>
  <c r="X68448" i="1"/>
  <c r="X68449" i="1"/>
  <c r="X68450" i="1"/>
  <c r="X68451" i="1"/>
  <c r="X68452" i="1"/>
  <c r="X68453" i="1"/>
  <c r="X68454" i="1"/>
  <c r="X68455" i="1"/>
  <c r="X68456" i="1"/>
  <c r="X68457" i="1"/>
  <c r="X68458" i="1"/>
  <c r="X68459" i="1"/>
  <c r="X68460" i="1"/>
  <c r="X68461" i="1"/>
  <c r="X68462" i="1"/>
  <c r="X68463" i="1"/>
  <c r="X68464" i="1"/>
  <c r="X68465" i="1"/>
  <c r="X68466" i="1"/>
  <c r="X68467" i="1"/>
  <c r="X68468" i="1"/>
  <c r="X68469" i="1"/>
  <c r="X68470" i="1"/>
  <c r="X68471" i="1"/>
  <c r="X68472" i="1"/>
  <c r="X68473" i="1"/>
  <c r="X68474" i="1"/>
  <c r="X68475" i="1"/>
  <c r="X68476" i="1"/>
  <c r="X68477" i="1"/>
  <c r="X68478" i="1"/>
  <c r="X68479" i="1"/>
  <c r="X68480" i="1"/>
  <c r="X68481" i="1"/>
  <c r="X68482" i="1"/>
  <c r="X68483" i="1"/>
  <c r="X68484" i="1"/>
  <c r="X68485" i="1"/>
  <c r="X68486" i="1"/>
  <c r="X68487" i="1"/>
  <c r="X68488" i="1"/>
  <c r="X68489" i="1"/>
  <c r="X68490" i="1"/>
  <c r="X68491" i="1"/>
  <c r="X68492" i="1"/>
  <c r="X68493" i="1"/>
  <c r="X68494" i="1"/>
  <c r="X68495" i="1"/>
  <c r="X68496" i="1"/>
  <c r="X68497" i="1"/>
  <c r="X68498" i="1"/>
  <c r="X68499" i="1"/>
  <c r="X68500" i="1"/>
  <c r="X68501" i="1"/>
  <c r="X68502" i="1"/>
  <c r="X68503" i="1"/>
  <c r="X68504" i="1"/>
  <c r="X68505" i="1"/>
  <c r="X68506" i="1"/>
  <c r="X68507" i="1"/>
  <c r="X68508" i="1"/>
  <c r="X68509" i="1"/>
  <c r="X68510" i="1"/>
  <c r="X68511" i="1"/>
  <c r="X68512" i="1"/>
  <c r="X68513" i="1"/>
  <c r="X68514" i="1"/>
  <c r="X68515" i="1"/>
  <c r="X68516" i="1"/>
  <c r="X68517" i="1"/>
  <c r="X68518" i="1"/>
  <c r="X68519" i="1"/>
  <c r="X68520" i="1"/>
  <c r="X68521" i="1"/>
  <c r="X68522" i="1"/>
  <c r="X68523" i="1"/>
  <c r="X68524" i="1"/>
  <c r="X68525" i="1"/>
  <c r="X68526" i="1"/>
  <c r="X68527" i="1"/>
  <c r="X68528" i="1"/>
  <c r="X68529" i="1"/>
  <c r="X68530" i="1"/>
  <c r="X68531" i="1"/>
  <c r="X68532" i="1"/>
  <c r="X68533" i="1"/>
  <c r="X68534" i="1"/>
  <c r="X68535" i="1"/>
  <c r="X68536" i="1"/>
  <c r="X68537" i="1"/>
  <c r="X68538" i="1"/>
  <c r="X68539" i="1"/>
  <c r="X68540" i="1"/>
  <c r="X68541" i="1"/>
  <c r="X68542" i="1"/>
  <c r="X68543" i="1"/>
  <c r="X68544" i="1"/>
  <c r="X68545" i="1"/>
  <c r="X68546" i="1"/>
  <c r="X68547" i="1"/>
  <c r="X68548" i="1"/>
  <c r="X68549" i="1"/>
  <c r="X68550" i="1"/>
  <c r="X68551" i="1"/>
  <c r="X68552" i="1"/>
  <c r="X68553" i="1"/>
  <c r="X68554" i="1"/>
  <c r="X68555" i="1"/>
  <c r="X68556" i="1"/>
  <c r="X68557" i="1"/>
  <c r="X68558" i="1"/>
  <c r="X68559" i="1"/>
  <c r="X68560" i="1"/>
  <c r="X68561" i="1"/>
  <c r="X68562" i="1"/>
  <c r="X68563" i="1"/>
  <c r="X68564" i="1"/>
  <c r="X68565" i="1"/>
  <c r="X68566" i="1"/>
  <c r="X68567" i="1"/>
  <c r="X68568" i="1"/>
  <c r="X68569" i="1"/>
  <c r="X68570" i="1"/>
  <c r="X68571" i="1"/>
  <c r="X68572" i="1"/>
  <c r="X68573" i="1"/>
  <c r="X68574" i="1"/>
  <c r="X68575" i="1"/>
  <c r="X68576" i="1"/>
  <c r="X68577" i="1"/>
  <c r="X68578" i="1"/>
  <c r="X68579" i="1"/>
  <c r="X68580" i="1"/>
  <c r="X68581" i="1"/>
  <c r="X68582" i="1"/>
  <c r="X68583" i="1"/>
  <c r="X68584" i="1"/>
  <c r="X68585" i="1"/>
  <c r="X68586" i="1"/>
  <c r="X68587" i="1"/>
  <c r="X68588" i="1"/>
  <c r="X68589" i="1"/>
  <c r="X68590" i="1"/>
  <c r="X68591" i="1"/>
  <c r="X68592" i="1"/>
  <c r="X68593" i="1"/>
  <c r="X68594" i="1"/>
  <c r="X68595" i="1"/>
  <c r="X68596" i="1"/>
  <c r="X68597" i="1"/>
  <c r="X68598" i="1"/>
  <c r="X68599" i="1"/>
  <c r="X68600" i="1"/>
  <c r="X68601" i="1"/>
  <c r="X68602" i="1"/>
  <c r="X68603" i="1"/>
  <c r="X68604" i="1"/>
  <c r="X68605" i="1"/>
  <c r="X68606" i="1"/>
  <c r="X68607" i="1"/>
  <c r="X68608" i="1"/>
  <c r="X68609" i="1"/>
  <c r="X68610" i="1"/>
  <c r="X68611" i="1"/>
  <c r="X68612" i="1"/>
  <c r="X68613" i="1"/>
  <c r="X68614" i="1"/>
  <c r="X68615" i="1"/>
  <c r="X68616" i="1"/>
  <c r="X68617" i="1"/>
  <c r="X68618" i="1"/>
  <c r="X68619" i="1"/>
  <c r="X68620" i="1"/>
  <c r="X68621" i="1"/>
  <c r="X68622" i="1"/>
  <c r="X68623" i="1"/>
  <c r="X68624" i="1"/>
  <c r="X68625" i="1"/>
  <c r="X68626" i="1"/>
  <c r="X68627" i="1"/>
  <c r="X68628" i="1"/>
  <c r="X68629" i="1"/>
  <c r="X68630" i="1"/>
  <c r="X68631" i="1"/>
  <c r="X68632" i="1"/>
  <c r="X68633" i="1"/>
  <c r="X68634" i="1"/>
  <c r="X68635" i="1"/>
  <c r="X68636" i="1"/>
  <c r="X68637" i="1"/>
  <c r="X68638" i="1"/>
  <c r="X68639" i="1"/>
  <c r="X68640" i="1"/>
  <c r="X68641" i="1"/>
  <c r="X68642" i="1"/>
  <c r="X68643" i="1"/>
  <c r="X68644" i="1"/>
  <c r="X68645" i="1"/>
  <c r="X68646" i="1"/>
  <c r="X68647" i="1"/>
  <c r="X68648" i="1"/>
  <c r="X68649" i="1"/>
  <c r="X68650" i="1"/>
  <c r="X68651" i="1"/>
  <c r="X68652" i="1"/>
  <c r="X68653" i="1"/>
  <c r="X68654" i="1"/>
  <c r="X68655" i="1"/>
  <c r="X68656" i="1"/>
  <c r="X68657" i="1"/>
  <c r="X68658" i="1"/>
  <c r="X68659" i="1"/>
  <c r="X68660" i="1"/>
  <c r="X68661" i="1"/>
  <c r="X68662" i="1"/>
  <c r="X68663" i="1"/>
  <c r="X68664" i="1"/>
  <c r="X68665" i="1"/>
  <c r="X68666" i="1"/>
  <c r="X68667" i="1"/>
  <c r="X68668" i="1"/>
  <c r="X68669" i="1"/>
  <c r="X68670" i="1"/>
  <c r="X68671" i="1"/>
  <c r="X68672" i="1"/>
  <c r="X68673" i="1"/>
  <c r="X68674" i="1"/>
  <c r="X68675" i="1"/>
  <c r="X68676" i="1"/>
  <c r="X68677" i="1"/>
  <c r="X68678" i="1"/>
  <c r="X68679" i="1"/>
  <c r="X68680" i="1"/>
  <c r="X68681" i="1"/>
  <c r="X68682" i="1"/>
  <c r="X68683" i="1"/>
  <c r="X68684" i="1"/>
  <c r="X68685" i="1"/>
  <c r="X68686" i="1"/>
  <c r="X68687" i="1"/>
  <c r="X68688" i="1"/>
  <c r="X68689" i="1"/>
  <c r="X68690" i="1"/>
  <c r="X68691" i="1"/>
  <c r="X68692" i="1"/>
  <c r="X68693" i="1"/>
  <c r="X68694" i="1"/>
  <c r="X68695" i="1"/>
  <c r="X68696" i="1"/>
  <c r="X68697" i="1"/>
  <c r="X68698" i="1"/>
  <c r="X68699" i="1"/>
  <c r="X68700" i="1"/>
  <c r="X68701" i="1"/>
  <c r="X68702" i="1"/>
  <c r="X68703" i="1"/>
  <c r="X68704" i="1"/>
  <c r="X68705" i="1"/>
  <c r="X68706" i="1"/>
  <c r="X68707" i="1"/>
  <c r="X68708" i="1"/>
  <c r="X68709" i="1"/>
  <c r="X68710" i="1"/>
  <c r="X68711" i="1"/>
  <c r="X68712" i="1"/>
  <c r="X68713" i="1"/>
  <c r="X68714" i="1"/>
  <c r="X68715" i="1"/>
  <c r="X68716" i="1"/>
  <c r="X68717" i="1"/>
  <c r="X68718" i="1"/>
  <c r="X68719" i="1"/>
  <c r="X68720" i="1"/>
  <c r="X68721" i="1"/>
  <c r="X68722" i="1"/>
  <c r="X68723" i="1"/>
  <c r="X68724" i="1"/>
  <c r="X68725" i="1"/>
  <c r="X68726" i="1"/>
  <c r="X68727" i="1"/>
  <c r="X68728" i="1"/>
  <c r="X68729" i="1"/>
  <c r="X68730" i="1"/>
  <c r="X68731" i="1"/>
  <c r="X68732" i="1"/>
  <c r="X68733" i="1"/>
  <c r="X68734" i="1"/>
  <c r="X68735" i="1"/>
  <c r="X68736" i="1"/>
  <c r="X68737" i="1"/>
  <c r="X68738" i="1"/>
  <c r="X68739" i="1"/>
  <c r="X68740" i="1"/>
  <c r="X68741" i="1"/>
  <c r="X68742" i="1"/>
  <c r="X68743" i="1"/>
  <c r="X68744" i="1"/>
  <c r="X68745" i="1"/>
  <c r="X68746" i="1"/>
  <c r="X68747" i="1"/>
  <c r="X68748" i="1"/>
  <c r="X68749" i="1"/>
  <c r="X68750" i="1"/>
  <c r="X68751" i="1"/>
  <c r="X68752" i="1"/>
  <c r="X68753" i="1"/>
  <c r="X68754" i="1"/>
  <c r="X68755" i="1"/>
  <c r="X68756" i="1"/>
  <c r="X68757" i="1"/>
  <c r="X68758" i="1"/>
  <c r="X68759" i="1"/>
  <c r="X68760" i="1"/>
  <c r="X68761" i="1"/>
  <c r="X68762" i="1"/>
  <c r="X68763" i="1"/>
  <c r="X68764" i="1"/>
  <c r="X68765" i="1"/>
  <c r="X68766" i="1"/>
  <c r="X68767" i="1"/>
  <c r="X68768" i="1"/>
  <c r="X68769" i="1"/>
  <c r="X68770" i="1"/>
  <c r="X68771" i="1"/>
  <c r="X68772" i="1"/>
  <c r="X68773" i="1"/>
  <c r="X68774" i="1"/>
  <c r="X68775" i="1"/>
  <c r="X68776" i="1"/>
  <c r="X68777" i="1"/>
  <c r="X68778" i="1"/>
  <c r="X68779" i="1"/>
  <c r="X68780" i="1"/>
  <c r="X68781" i="1"/>
  <c r="X68782" i="1"/>
  <c r="X68783" i="1"/>
  <c r="X68784" i="1"/>
  <c r="X68785" i="1"/>
  <c r="X68786" i="1"/>
  <c r="X68787" i="1"/>
  <c r="X68788" i="1"/>
  <c r="X68789" i="1"/>
  <c r="X68790" i="1"/>
  <c r="X68791" i="1"/>
  <c r="X68792" i="1"/>
  <c r="X68793" i="1"/>
  <c r="X68794" i="1"/>
  <c r="X68795" i="1"/>
  <c r="X68796" i="1"/>
  <c r="X68797" i="1"/>
  <c r="X68798" i="1"/>
  <c r="X68799" i="1"/>
  <c r="X68800" i="1"/>
  <c r="X68801" i="1"/>
  <c r="X68802" i="1"/>
  <c r="X68803" i="1"/>
  <c r="X68804" i="1"/>
  <c r="X68805" i="1"/>
  <c r="X68806" i="1"/>
  <c r="X68807" i="1"/>
  <c r="X68808" i="1"/>
  <c r="X68809" i="1"/>
  <c r="X68810" i="1"/>
  <c r="X68811" i="1"/>
  <c r="X68812" i="1"/>
  <c r="X68813" i="1"/>
  <c r="X68814" i="1"/>
  <c r="X68815" i="1"/>
  <c r="X68816" i="1"/>
  <c r="X68817" i="1"/>
  <c r="X68818" i="1"/>
  <c r="X68819" i="1"/>
  <c r="X68820" i="1"/>
  <c r="X68821" i="1"/>
  <c r="X68822" i="1"/>
  <c r="X68823" i="1"/>
  <c r="X68824" i="1"/>
  <c r="X68825" i="1"/>
  <c r="X68826" i="1"/>
  <c r="X68827" i="1"/>
  <c r="X68828" i="1"/>
  <c r="X68829" i="1"/>
  <c r="X68830" i="1"/>
  <c r="X68831" i="1"/>
  <c r="X68832" i="1"/>
  <c r="X68833" i="1"/>
  <c r="X68834" i="1"/>
  <c r="X68835" i="1"/>
  <c r="X68836" i="1"/>
  <c r="X68837" i="1"/>
  <c r="X68838" i="1"/>
  <c r="X68839" i="1"/>
  <c r="X68840" i="1"/>
  <c r="X68841" i="1"/>
  <c r="X68842" i="1"/>
  <c r="X68843" i="1"/>
  <c r="X68844" i="1"/>
  <c r="X68845" i="1"/>
  <c r="X68846" i="1"/>
  <c r="X68847" i="1"/>
  <c r="X68848" i="1"/>
  <c r="X68849" i="1"/>
  <c r="X68850" i="1"/>
  <c r="X68851" i="1"/>
  <c r="X68852" i="1"/>
  <c r="X68853" i="1"/>
  <c r="X68854" i="1"/>
  <c r="X68855" i="1"/>
  <c r="X68856" i="1"/>
  <c r="X68857" i="1"/>
  <c r="X68858" i="1"/>
  <c r="X68859" i="1"/>
  <c r="X68860" i="1"/>
  <c r="X68861" i="1"/>
  <c r="X68862" i="1"/>
  <c r="X68863" i="1"/>
  <c r="X68864" i="1"/>
  <c r="X68865" i="1"/>
  <c r="X68866" i="1"/>
  <c r="X68867" i="1"/>
  <c r="X68868" i="1"/>
  <c r="X68869" i="1"/>
  <c r="X68870" i="1"/>
  <c r="X68871" i="1"/>
  <c r="X68872" i="1"/>
  <c r="X68873" i="1"/>
  <c r="X68874" i="1"/>
  <c r="X68875" i="1"/>
  <c r="X68876" i="1"/>
  <c r="X68877" i="1"/>
  <c r="X68878" i="1"/>
  <c r="X68879" i="1"/>
  <c r="X68880" i="1"/>
  <c r="X68881" i="1"/>
  <c r="X68882" i="1"/>
  <c r="X68883" i="1"/>
  <c r="X68884" i="1"/>
  <c r="X68885" i="1"/>
  <c r="X68886" i="1"/>
  <c r="X68887" i="1"/>
  <c r="X68888" i="1"/>
  <c r="X68889" i="1"/>
  <c r="X68890" i="1"/>
  <c r="X68891" i="1"/>
  <c r="X68892" i="1"/>
  <c r="X68893" i="1"/>
  <c r="X68894" i="1"/>
  <c r="X68895" i="1"/>
  <c r="X68896" i="1"/>
  <c r="X68897" i="1"/>
  <c r="X68898" i="1"/>
  <c r="X68899" i="1"/>
  <c r="X68900" i="1"/>
  <c r="X68901" i="1"/>
  <c r="X68902" i="1"/>
  <c r="X68903" i="1"/>
  <c r="X68904" i="1"/>
  <c r="X68905" i="1"/>
  <c r="X68906" i="1"/>
  <c r="X68907" i="1"/>
  <c r="X68908" i="1"/>
  <c r="X68909" i="1"/>
  <c r="X68910" i="1"/>
  <c r="X68911" i="1"/>
  <c r="X68912" i="1"/>
  <c r="X68913" i="1"/>
  <c r="X68914" i="1"/>
  <c r="X68915" i="1"/>
  <c r="X68916" i="1"/>
  <c r="X68917" i="1"/>
  <c r="X68918" i="1"/>
  <c r="X68919" i="1"/>
  <c r="X68920" i="1"/>
  <c r="X68921" i="1"/>
  <c r="X68922" i="1"/>
  <c r="X68923" i="1"/>
  <c r="X68924" i="1"/>
  <c r="X68925" i="1"/>
  <c r="X68926" i="1"/>
  <c r="X68927" i="1"/>
  <c r="X68928" i="1"/>
  <c r="X68929" i="1"/>
  <c r="X68930" i="1"/>
  <c r="X68931" i="1"/>
  <c r="X68932" i="1"/>
  <c r="X68933" i="1"/>
  <c r="X68934" i="1"/>
  <c r="X68935" i="1"/>
  <c r="X68936" i="1"/>
  <c r="X68937" i="1"/>
  <c r="X68938" i="1"/>
  <c r="X68939" i="1"/>
  <c r="X68940" i="1"/>
  <c r="X68941" i="1"/>
  <c r="X68942" i="1"/>
  <c r="X68943" i="1"/>
  <c r="X68944" i="1"/>
  <c r="X68945" i="1"/>
  <c r="X68946" i="1"/>
  <c r="X68947" i="1"/>
  <c r="X68948" i="1"/>
  <c r="X68949" i="1"/>
  <c r="X68950" i="1"/>
  <c r="X68951" i="1"/>
  <c r="X68952" i="1"/>
  <c r="X68953" i="1"/>
  <c r="X68954" i="1"/>
  <c r="X68955" i="1"/>
  <c r="X68956" i="1"/>
  <c r="X68957" i="1"/>
  <c r="X68958" i="1"/>
  <c r="X68959" i="1"/>
  <c r="X68960" i="1"/>
  <c r="X68961" i="1"/>
  <c r="X68962" i="1"/>
  <c r="X68963" i="1"/>
  <c r="X68964" i="1"/>
  <c r="X68965" i="1"/>
  <c r="X68966" i="1"/>
  <c r="X68967" i="1"/>
  <c r="X68968" i="1"/>
  <c r="X68969" i="1"/>
  <c r="X68970" i="1"/>
  <c r="X68971" i="1"/>
  <c r="X68972" i="1"/>
  <c r="X68973" i="1"/>
  <c r="X68974" i="1"/>
  <c r="X68975" i="1"/>
  <c r="X68976" i="1"/>
  <c r="X68977" i="1"/>
  <c r="X68978" i="1"/>
  <c r="X68979" i="1"/>
  <c r="X68980" i="1"/>
  <c r="X68981" i="1"/>
  <c r="X68982" i="1"/>
  <c r="X68983" i="1"/>
  <c r="X68984" i="1"/>
  <c r="X68985" i="1"/>
  <c r="X68986" i="1"/>
  <c r="X68987" i="1"/>
  <c r="X68988" i="1"/>
  <c r="X68989" i="1"/>
  <c r="X68990" i="1"/>
  <c r="X68991" i="1"/>
  <c r="X68992" i="1"/>
  <c r="X68993" i="1"/>
  <c r="X68994" i="1"/>
  <c r="X68995" i="1"/>
  <c r="X68996" i="1"/>
  <c r="X68997" i="1"/>
  <c r="X68998" i="1"/>
  <c r="X68999" i="1"/>
  <c r="X69000" i="1"/>
  <c r="X69001" i="1"/>
  <c r="X69002" i="1"/>
  <c r="X69003" i="1"/>
  <c r="X69004" i="1"/>
  <c r="X69005" i="1"/>
  <c r="X69006" i="1"/>
  <c r="X69007" i="1"/>
  <c r="X69008" i="1"/>
  <c r="X69009" i="1"/>
  <c r="X69010" i="1"/>
  <c r="X69011" i="1"/>
  <c r="X69012" i="1"/>
  <c r="X69013" i="1"/>
  <c r="X69014" i="1"/>
  <c r="X69015" i="1"/>
  <c r="X69016" i="1"/>
  <c r="X69017" i="1"/>
  <c r="X69018" i="1"/>
  <c r="X69019" i="1"/>
  <c r="X69020" i="1"/>
  <c r="X69021" i="1"/>
  <c r="X69022" i="1"/>
  <c r="X69023" i="1"/>
  <c r="X69024" i="1"/>
  <c r="X69025" i="1"/>
  <c r="X69026" i="1"/>
  <c r="X69027" i="1"/>
  <c r="X69028" i="1"/>
  <c r="X69029" i="1"/>
  <c r="X69030" i="1"/>
  <c r="X69031" i="1"/>
  <c r="X69032" i="1"/>
  <c r="X69033" i="1"/>
  <c r="X69034" i="1"/>
  <c r="X69035" i="1"/>
  <c r="X69036" i="1"/>
  <c r="X69037" i="1"/>
  <c r="X69038" i="1"/>
  <c r="X69039" i="1"/>
  <c r="X69040" i="1"/>
  <c r="X69041" i="1"/>
  <c r="X69042" i="1"/>
  <c r="X69043" i="1"/>
  <c r="X69044" i="1"/>
  <c r="X69045" i="1"/>
  <c r="X69046" i="1"/>
  <c r="X69047" i="1"/>
  <c r="X69048" i="1"/>
  <c r="X69049" i="1"/>
  <c r="X69050" i="1"/>
  <c r="X69051" i="1"/>
  <c r="X69052" i="1"/>
  <c r="X69053" i="1"/>
  <c r="X69054" i="1"/>
  <c r="X69055" i="1"/>
  <c r="X69056" i="1"/>
  <c r="X69057" i="1"/>
  <c r="X69058" i="1"/>
  <c r="X69059" i="1"/>
  <c r="X69060" i="1"/>
  <c r="X69061" i="1"/>
  <c r="X69062" i="1"/>
  <c r="X69063" i="1"/>
  <c r="X69064" i="1"/>
  <c r="X69065" i="1"/>
  <c r="X69066" i="1"/>
  <c r="X69067" i="1"/>
  <c r="X69068" i="1"/>
  <c r="X69069" i="1"/>
  <c r="X69070" i="1"/>
  <c r="X69071" i="1"/>
  <c r="X69072" i="1"/>
  <c r="X69073" i="1"/>
  <c r="X69074" i="1"/>
  <c r="X69075" i="1"/>
  <c r="X69076" i="1"/>
  <c r="X69077" i="1"/>
  <c r="X69078" i="1"/>
  <c r="X69079" i="1"/>
  <c r="X69080" i="1"/>
  <c r="X69081" i="1"/>
  <c r="X69082" i="1"/>
  <c r="X69083" i="1"/>
  <c r="X69084" i="1"/>
  <c r="X69085" i="1"/>
  <c r="X69086" i="1"/>
  <c r="X69087" i="1"/>
  <c r="X69088" i="1"/>
  <c r="X69089" i="1"/>
  <c r="X69090" i="1"/>
  <c r="X69091" i="1"/>
  <c r="X69092" i="1"/>
  <c r="X69093" i="1"/>
  <c r="X69094" i="1"/>
  <c r="X69095" i="1"/>
  <c r="X69096" i="1"/>
  <c r="X69097" i="1"/>
  <c r="X69098" i="1"/>
  <c r="X69099" i="1"/>
  <c r="X69100" i="1"/>
  <c r="X69101" i="1"/>
  <c r="X69102" i="1"/>
  <c r="X69103" i="1"/>
  <c r="X69104" i="1"/>
  <c r="X69105" i="1"/>
  <c r="X69106" i="1"/>
  <c r="X69107" i="1"/>
  <c r="X69108" i="1"/>
  <c r="X69109" i="1"/>
  <c r="X69110" i="1"/>
  <c r="X69111" i="1"/>
  <c r="X69112" i="1"/>
  <c r="X69113" i="1"/>
  <c r="X69114" i="1"/>
  <c r="X69115" i="1"/>
  <c r="X69116" i="1"/>
  <c r="X69117" i="1"/>
  <c r="X69118" i="1"/>
  <c r="X69119" i="1"/>
  <c r="X69120" i="1"/>
  <c r="X69121" i="1"/>
  <c r="X69122" i="1"/>
  <c r="X69123" i="1"/>
  <c r="X69124" i="1"/>
  <c r="X69125" i="1"/>
  <c r="X69126" i="1"/>
  <c r="X69127" i="1"/>
  <c r="X69128" i="1"/>
  <c r="X69129" i="1"/>
  <c r="X69130" i="1"/>
  <c r="X69131" i="1"/>
  <c r="X69132" i="1"/>
  <c r="X69133" i="1"/>
  <c r="X69134" i="1"/>
  <c r="X69135" i="1"/>
  <c r="X69136" i="1"/>
  <c r="X69137" i="1"/>
  <c r="X69138" i="1"/>
  <c r="X69139" i="1"/>
  <c r="X69140" i="1"/>
  <c r="X69141" i="1"/>
  <c r="X69142" i="1"/>
  <c r="X69143" i="1"/>
  <c r="X69144" i="1"/>
  <c r="X69145" i="1"/>
  <c r="X69146" i="1"/>
  <c r="X69147" i="1"/>
  <c r="X69148" i="1"/>
  <c r="X69149" i="1"/>
  <c r="X69150" i="1"/>
  <c r="X69151" i="1"/>
  <c r="X69152" i="1"/>
  <c r="X69153" i="1"/>
  <c r="X69154" i="1"/>
  <c r="X69155" i="1"/>
  <c r="X69156" i="1"/>
  <c r="X69157" i="1"/>
  <c r="X69158" i="1"/>
  <c r="X69159" i="1"/>
  <c r="X69160" i="1"/>
  <c r="X69161" i="1"/>
  <c r="X69162" i="1"/>
  <c r="X69163" i="1"/>
  <c r="X69164" i="1"/>
  <c r="X69165" i="1"/>
  <c r="X69166" i="1"/>
  <c r="X69167" i="1"/>
  <c r="X69168" i="1"/>
  <c r="X69169" i="1"/>
  <c r="X69170" i="1"/>
  <c r="X69171" i="1"/>
  <c r="X69172" i="1"/>
  <c r="X69173" i="1"/>
  <c r="X69174" i="1"/>
  <c r="X69175" i="1"/>
  <c r="X69176" i="1"/>
  <c r="X69177" i="1"/>
  <c r="X69178" i="1"/>
  <c r="X69179" i="1"/>
  <c r="X69180" i="1"/>
  <c r="X69181" i="1"/>
  <c r="X69182" i="1"/>
  <c r="X69183" i="1"/>
  <c r="X69184" i="1"/>
  <c r="X69185" i="1"/>
  <c r="X69186" i="1"/>
  <c r="X69187" i="1"/>
  <c r="X69188" i="1"/>
  <c r="X69189" i="1"/>
  <c r="X69190" i="1"/>
  <c r="X69191" i="1"/>
  <c r="X69192" i="1"/>
  <c r="X69193" i="1"/>
  <c r="X69194" i="1"/>
  <c r="X69195" i="1"/>
  <c r="X69196" i="1"/>
  <c r="X69197" i="1"/>
  <c r="X69198" i="1"/>
  <c r="X69199" i="1"/>
  <c r="X69200" i="1"/>
  <c r="X69201" i="1"/>
  <c r="X69202" i="1"/>
  <c r="X69203" i="1"/>
  <c r="X69204" i="1"/>
  <c r="X69205" i="1"/>
  <c r="X69206" i="1"/>
  <c r="X69207" i="1"/>
  <c r="X69208" i="1"/>
  <c r="X69209" i="1"/>
  <c r="X69210" i="1"/>
  <c r="X69211" i="1"/>
  <c r="X69212" i="1"/>
  <c r="X69213" i="1"/>
  <c r="X69214" i="1"/>
  <c r="X69215" i="1"/>
  <c r="X69216" i="1"/>
  <c r="X69217" i="1"/>
  <c r="X69218" i="1"/>
  <c r="X69219" i="1"/>
  <c r="X69220" i="1"/>
  <c r="X69221" i="1"/>
  <c r="X69222" i="1"/>
  <c r="X69223" i="1"/>
  <c r="X69224" i="1"/>
  <c r="X69225" i="1"/>
  <c r="X69226" i="1"/>
  <c r="X69227" i="1"/>
  <c r="X69228" i="1"/>
  <c r="X69229" i="1"/>
  <c r="X69230" i="1"/>
  <c r="X69231" i="1"/>
  <c r="X69232" i="1"/>
  <c r="X69233" i="1"/>
  <c r="X69234" i="1"/>
  <c r="X69235" i="1"/>
  <c r="X69236" i="1"/>
  <c r="X69237" i="1"/>
  <c r="X69238" i="1"/>
  <c r="X69239" i="1"/>
  <c r="X69240" i="1"/>
  <c r="X69241" i="1"/>
  <c r="X69242" i="1"/>
  <c r="X69243" i="1"/>
  <c r="X69244" i="1"/>
  <c r="X69245" i="1"/>
  <c r="X69246" i="1"/>
  <c r="X69247" i="1"/>
  <c r="X69248" i="1"/>
  <c r="X69249" i="1"/>
  <c r="X69250" i="1"/>
  <c r="X69251" i="1"/>
  <c r="X69252" i="1"/>
  <c r="X69253" i="1"/>
  <c r="X69254" i="1"/>
  <c r="X69255" i="1"/>
  <c r="X69256" i="1"/>
  <c r="X69257" i="1"/>
  <c r="X69258" i="1"/>
  <c r="X69259" i="1"/>
  <c r="X69260" i="1"/>
  <c r="X69261" i="1"/>
  <c r="X69262" i="1"/>
  <c r="X69263" i="1"/>
  <c r="X69264" i="1"/>
  <c r="X69265" i="1"/>
  <c r="X69266" i="1"/>
  <c r="X69267" i="1"/>
  <c r="X69268" i="1"/>
  <c r="X69269" i="1"/>
  <c r="X69270" i="1"/>
  <c r="X69271" i="1"/>
  <c r="X69272" i="1"/>
  <c r="X69273" i="1"/>
  <c r="X69274" i="1"/>
  <c r="X69275" i="1"/>
  <c r="X69276" i="1"/>
  <c r="X69277" i="1"/>
  <c r="X69278" i="1"/>
  <c r="X69279" i="1"/>
  <c r="X69280" i="1"/>
  <c r="X69281" i="1"/>
  <c r="X69282" i="1"/>
  <c r="X69283" i="1"/>
  <c r="X69284" i="1"/>
  <c r="X69285" i="1"/>
  <c r="X69286" i="1"/>
  <c r="X69287" i="1"/>
  <c r="X69288" i="1"/>
  <c r="X69289" i="1"/>
  <c r="X69290" i="1"/>
  <c r="X69291" i="1"/>
  <c r="X69292" i="1"/>
  <c r="X69293" i="1"/>
  <c r="X69294" i="1"/>
  <c r="X69295" i="1"/>
  <c r="X69296" i="1"/>
  <c r="X69297" i="1"/>
  <c r="X69298" i="1"/>
  <c r="X69299" i="1"/>
  <c r="X69300" i="1"/>
  <c r="X69301" i="1"/>
  <c r="X69302" i="1"/>
  <c r="X69303" i="1"/>
  <c r="X69304" i="1"/>
  <c r="X69305" i="1"/>
  <c r="X69306" i="1"/>
  <c r="X69307" i="1"/>
  <c r="X69308" i="1"/>
  <c r="X69309" i="1"/>
  <c r="X69310" i="1"/>
  <c r="X69311" i="1"/>
  <c r="X69312" i="1"/>
  <c r="X69313" i="1"/>
  <c r="X69314" i="1"/>
  <c r="X69315" i="1"/>
  <c r="X69316" i="1"/>
  <c r="X69317" i="1"/>
  <c r="X69318" i="1"/>
  <c r="X69319" i="1"/>
  <c r="X69320" i="1"/>
  <c r="X69321" i="1"/>
  <c r="X69322" i="1"/>
  <c r="X69323" i="1"/>
  <c r="X69324" i="1"/>
  <c r="X69325" i="1"/>
  <c r="X69326" i="1"/>
  <c r="X69327" i="1"/>
  <c r="X69328" i="1"/>
  <c r="X69329" i="1"/>
  <c r="X69330" i="1"/>
  <c r="X69331" i="1"/>
  <c r="X69332" i="1"/>
  <c r="X69333" i="1"/>
  <c r="X69334" i="1"/>
  <c r="X69335" i="1"/>
  <c r="X69336" i="1"/>
  <c r="X69337" i="1"/>
  <c r="X69338" i="1"/>
  <c r="X69339" i="1"/>
  <c r="X69340" i="1"/>
  <c r="X69341" i="1"/>
  <c r="X69342" i="1"/>
  <c r="X69343" i="1"/>
  <c r="X69344" i="1"/>
  <c r="X69345" i="1"/>
  <c r="X69346" i="1"/>
  <c r="X69347" i="1"/>
  <c r="X69348" i="1"/>
  <c r="X69349" i="1"/>
  <c r="X69350" i="1"/>
  <c r="X69351" i="1"/>
  <c r="X69352" i="1"/>
  <c r="X69353" i="1"/>
  <c r="X69354" i="1"/>
  <c r="X69355" i="1"/>
  <c r="X69356" i="1"/>
  <c r="X69357" i="1"/>
  <c r="X69358" i="1"/>
  <c r="X69359" i="1"/>
  <c r="X69360" i="1"/>
  <c r="X69361" i="1"/>
  <c r="X69362" i="1"/>
  <c r="X69363" i="1"/>
  <c r="X69364" i="1"/>
  <c r="X69365" i="1"/>
  <c r="X69366" i="1"/>
  <c r="X69367" i="1"/>
  <c r="X69368" i="1"/>
  <c r="X69369" i="1"/>
  <c r="X69370" i="1"/>
  <c r="X69371" i="1"/>
  <c r="X69372" i="1"/>
  <c r="X69373" i="1"/>
  <c r="X69374" i="1"/>
  <c r="X69375" i="1"/>
  <c r="X69376" i="1"/>
  <c r="X69377" i="1"/>
  <c r="X69378" i="1"/>
  <c r="X69379" i="1"/>
  <c r="X69380" i="1"/>
  <c r="X69381" i="1"/>
  <c r="X69382" i="1"/>
  <c r="X69383" i="1"/>
  <c r="X69384" i="1"/>
  <c r="X69385" i="1"/>
  <c r="X69386" i="1"/>
  <c r="X69387" i="1"/>
  <c r="X69388" i="1"/>
  <c r="X69389" i="1"/>
  <c r="X69390" i="1"/>
  <c r="X69391" i="1"/>
  <c r="X69392" i="1"/>
  <c r="X69393" i="1"/>
  <c r="X69394" i="1"/>
  <c r="X69395" i="1"/>
  <c r="X69396" i="1"/>
  <c r="X69397" i="1"/>
  <c r="X69398" i="1"/>
  <c r="X69399" i="1"/>
  <c r="X69400" i="1"/>
  <c r="X69401" i="1"/>
  <c r="X69402" i="1"/>
  <c r="X69403" i="1"/>
  <c r="X69404" i="1"/>
  <c r="X69405" i="1"/>
  <c r="X69406" i="1"/>
  <c r="X69407" i="1"/>
  <c r="X69408" i="1"/>
  <c r="X69409" i="1"/>
  <c r="X69410" i="1"/>
  <c r="X69411" i="1"/>
  <c r="X69412" i="1"/>
  <c r="X69413" i="1"/>
  <c r="X69414" i="1"/>
  <c r="X69415" i="1"/>
  <c r="X69416" i="1"/>
  <c r="X69417" i="1"/>
  <c r="X69418" i="1"/>
  <c r="X69419" i="1"/>
  <c r="X69420" i="1"/>
  <c r="X69421" i="1"/>
  <c r="X69422" i="1"/>
  <c r="X69423" i="1"/>
  <c r="X69424" i="1"/>
  <c r="X69425" i="1"/>
  <c r="X69426" i="1"/>
  <c r="X69427" i="1"/>
  <c r="X69428" i="1"/>
  <c r="X69429" i="1"/>
  <c r="X69430" i="1"/>
  <c r="X69431" i="1"/>
  <c r="X69432" i="1"/>
  <c r="X69433" i="1"/>
  <c r="X69434" i="1"/>
  <c r="X69435" i="1"/>
  <c r="X69436" i="1"/>
  <c r="X69437" i="1"/>
  <c r="X69438" i="1"/>
  <c r="X69439" i="1"/>
  <c r="X69440" i="1"/>
  <c r="X69441" i="1"/>
  <c r="X69442" i="1"/>
  <c r="X69443" i="1"/>
  <c r="X69444" i="1"/>
  <c r="X69445" i="1"/>
  <c r="X69446" i="1"/>
  <c r="X69447" i="1"/>
  <c r="X69448" i="1"/>
  <c r="X69449" i="1"/>
  <c r="X69450" i="1"/>
  <c r="X69451" i="1"/>
  <c r="X69452" i="1"/>
  <c r="X69453" i="1"/>
  <c r="X69454" i="1"/>
  <c r="X69455" i="1"/>
  <c r="X69456" i="1"/>
  <c r="X69457" i="1"/>
  <c r="X69458" i="1"/>
  <c r="X69459" i="1"/>
  <c r="X69460" i="1"/>
  <c r="X69461" i="1"/>
  <c r="X69462" i="1"/>
  <c r="X69463" i="1"/>
  <c r="X69464" i="1"/>
  <c r="X69465" i="1"/>
  <c r="X69466" i="1"/>
  <c r="X69467" i="1"/>
  <c r="X69468" i="1"/>
  <c r="X69469" i="1"/>
  <c r="X69470" i="1"/>
  <c r="X69471" i="1"/>
  <c r="X69472" i="1"/>
  <c r="X69473" i="1"/>
  <c r="X69474" i="1"/>
  <c r="X69475" i="1"/>
  <c r="X69476" i="1"/>
  <c r="X69477" i="1"/>
  <c r="X69478" i="1"/>
  <c r="X69479" i="1"/>
  <c r="X69480" i="1"/>
  <c r="X69481" i="1"/>
  <c r="X69482" i="1"/>
  <c r="X69483" i="1"/>
  <c r="X69484" i="1"/>
  <c r="X69485" i="1"/>
  <c r="X69486" i="1"/>
  <c r="X69487" i="1"/>
  <c r="X69488" i="1"/>
  <c r="X69489" i="1"/>
  <c r="X69490" i="1"/>
  <c r="X69491" i="1"/>
  <c r="X69492" i="1"/>
  <c r="X69493" i="1"/>
  <c r="X69494" i="1"/>
  <c r="X69495" i="1"/>
  <c r="X69496" i="1"/>
  <c r="X69497" i="1"/>
  <c r="X69498" i="1"/>
  <c r="X69499" i="1"/>
  <c r="X69500" i="1"/>
  <c r="X69501" i="1"/>
  <c r="X69502" i="1"/>
  <c r="X69503" i="1"/>
  <c r="X69504" i="1"/>
  <c r="X69505" i="1"/>
  <c r="X69506" i="1"/>
  <c r="X69507" i="1"/>
  <c r="X69508" i="1"/>
  <c r="X69509" i="1"/>
  <c r="X69510" i="1"/>
  <c r="X69511" i="1"/>
  <c r="X69512" i="1"/>
  <c r="X69513" i="1"/>
  <c r="X69514" i="1"/>
  <c r="X69515" i="1"/>
  <c r="X69516" i="1"/>
  <c r="X69517" i="1"/>
  <c r="X69518" i="1"/>
  <c r="X69519" i="1"/>
  <c r="X69520" i="1"/>
  <c r="X69521" i="1"/>
  <c r="X69522" i="1"/>
  <c r="X69523" i="1"/>
  <c r="X69524" i="1"/>
  <c r="X69525" i="1"/>
  <c r="X69526" i="1"/>
  <c r="X69527" i="1"/>
  <c r="X69528" i="1"/>
  <c r="X69529" i="1"/>
  <c r="X69530" i="1"/>
  <c r="X69531" i="1"/>
  <c r="X69532" i="1"/>
  <c r="X69533" i="1"/>
  <c r="X69534" i="1"/>
  <c r="X69535" i="1"/>
  <c r="X69536" i="1"/>
  <c r="X69537" i="1"/>
  <c r="X69538" i="1"/>
  <c r="X69539" i="1"/>
  <c r="X69540" i="1"/>
  <c r="X69541" i="1"/>
  <c r="X69542" i="1"/>
  <c r="X69543" i="1"/>
  <c r="X69544" i="1"/>
  <c r="X69545" i="1"/>
  <c r="X69546" i="1"/>
  <c r="X69547" i="1"/>
  <c r="X69548" i="1"/>
  <c r="X69549" i="1"/>
  <c r="X69550" i="1"/>
  <c r="X69551" i="1"/>
  <c r="X69552" i="1"/>
  <c r="X69553" i="1"/>
  <c r="X69554" i="1"/>
  <c r="X69555" i="1"/>
  <c r="X69556" i="1"/>
  <c r="X69557" i="1"/>
  <c r="X69558" i="1"/>
  <c r="X69559" i="1"/>
  <c r="X69560" i="1"/>
  <c r="X69561" i="1"/>
  <c r="X69562" i="1"/>
  <c r="X69563" i="1"/>
  <c r="X69564" i="1"/>
  <c r="X69565" i="1"/>
  <c r="X69566" i="1"/>
  <c r="X69567" i="1"/>
  <c r="X69568" i="1"/>
  <c r="X69569" i="1"/>
  <c r="X69570" i="1"/>
  <c r="X69571" i="1"/>
  <c r="X69572" i="1"/>
  <c r="X69573" i="1"/>
  <c r="X69574" i="1"/>
  <c r="X69575" i="1"/>
  <c r="X69576" i="1"/>
  <c r="X69577" i="1"/>
  <c r="X69578" i="1"/>
  <c r="X69579" i="1"/>
  <c r="X69580" i="1"/>
  <c r="X69581" i="1"/>
  <c r="X69582" i="1"/>
  <c r="X69583" i="1"/>
  <c r="X69584" i="1"/>
  <c r="X69585" i="1"/>
  <c r="X69586" i="1"/>
  <c r="X69587" i="1"/>
  <c r="X69588" i="1"/>
  <c r="X69589" i="1"/>
  <c r="X69590" i="1"/>
  <c r="X69591" i="1"/>
  <c r="X69592" i="1"/>
  <c r="X69593" i="1"/>
  <c r="X69594" i="1"/>
  <c r="X69595" i="1"/>
  <c r="X69596" i="1"/>
  <c r="X69597" i="1"/>
  <c r="X69598" i="1"/>
  <c r="X69599" i="1"/>
  <c r="X69600" i="1"/>
  <c r="X69601" i="1"/>
  <c r="X69602" i="1"/>
  <c r="X69603" i="1"/>
  <c r="X69604" i="1"/>
  <c r="X69605" i="1"/>
  <c r="X69606" i="1"/>
  <c r="X69607" i="1"/>
  <c r="X69608" i="1"/>
  <c r="X69609" i="1"/>
  <c r="X69610" i="1"/>
  <c r="X69611" i="1"/>
  <c r="X69612" i="1"/>
  <c r="X69613" i="1"/>
  <c r="X69614" i="1"/>
  <c r="X69615" i="1"/>
  <c r="X69616" i="1"/>
  <c r="X69617" i="1"/>
  <c r="X69618" i="1"/>
  <c r="X69619" i="1"/>
  <c r="X69620" i="1"/>
  <c r="X69621" i="1"/>
  <c r="X69622" i="1"/>
  <c r="X69623" i="1"/>
  <c r="X69624" i="1"/>
  <c r="X69625" i="1"/>
  <c r="X69626" i="1"/>
  <c r="X69627" i="1"/>
  <c r="X69628" i="1"/>
  <c r="X69629" i="1"/>
  <c r="X69630" i="1"/>
  <c r="X69631" i="1"/>
  <c r="X69632" i="1"/>
  <c r="X69633" i="1"/>
  <c r="X69634" i="1"/>
  <c r="X69635" i="1"/>
  <c r="X69636" i="1"/>
  <c r="X69637" i="1"/>
  <c r="X69638" i="1"/>
  <c r="X69639" i="1"/>
  <c r="X69640" i="1"/>
  <c r="X69641" i="1"/>
  <c r="X69642" i="1"/>
  <c r="X69643" i="1"/>
  <c r="X69644" i="1"/>
  <c r="X69645" i="1"/>
  <c r="X69646" i="1"/>
  <c r="X69647" i="1"/>
  <c r="X69648" i="1"/>
  <c r="X69649" i="1"/>
  <c r="X69650" i="1"/>
  <c r="X69651" i="1"/>
  <c r="X69652" i="1"/>
  <c r="X69653" i="1"/>
  <c r="X69654" i="1"/>
  <c r="X69655" i="1"/>
  <c r="X69656" i="1"/>
  <c r="X69657" i="1"/>
  <c r="X69658" i="1"/>
  <c r="X69659" i="1"/>
  <c r="X69660" i="1"/>
  <c r="X69661" i="1"/>
  <c r="X69662" i="1"/>
  <c r="X69663" i="1"/>
  <c r="X69664" i="1"/>
  <c r="X69665" i="1"/>
  <c r="X69666" i="1"/>
  <c r="X69667" i="1"/>
  <c r="X69668" i="1"/>
  <c r="X69669" i="1"/>
  <c r="X69670" i="1"/>
  <c r="X69671" i="1"/>
  <c r="X69672" i="1"/>
  <c r="X69673" i="1"/>
  <c r="X69674" i="1"/>
  <c r="X69675" i="1"/>
  <c r="X69676" i="1"/>
  <c r="X69677" i="1"/>
  <c r="X69678" i="1"/>
  <c r="X69679" i="1"/>
  <c r="X69680" i="1"/>
  <c r="X69681" i="1"/>
  <c r="X69682" i="1"/>
  <c r="X69683" i="1"/>
  <c r="X69684" i="1"/>
  <c r="X69685" i="1"/>
  <c r="X69686" i="1"/>
  <c r="X69687" i="1"/>
  <c r="X69688" i="1"/>
  <c r="X69689" i="1"/>
  <c r="X69690" i="1"/>
  <c r="X69691" i="1"/>
  <c r="X69692" i="1"/>
  <c r="X69693" i="1"/>
  <c r="X69694" i="1"/>
  <c r="X69695" i="1"/>
  <c r="X69696" i="1"/>
  <c r="X69697" i="1"/>
  <c r="X69698" i="1"/>
  <c r="X69699" i="1"/>
  <c r="X69700" i="1"/>
  <c r="X69701" i="1"/>
  <c r="X69702" i="1"/>
  <c r="X69703" i="1"/>
  <c r="X69704" i="1"/>
  <c r="X69705" i="1"/>
  <c r="X69706" i="1"/>
  <c r="X69707" i="1"/>
  <c r="X69708" i="1"/>
  <c r="X69709" i="1"/>
  <c r="X69710" i="1"/>
  <c r="X69711" i="1"/>
  <c r="X69712" i="1"/>
  <c r="X69713" i="1"/>
  <c r="X69714" i="1"/>
  <c r="X69715" i="1"/>
  <c r="X69716" i="1"/>
  <c r="X69717" i="1"/>
  <c r="X69718" i="1"/>
  <c r="X69719" i="1"/>
  <c r="X69720" i="1"/>
  <c r="X69721" i="1"/>
  <c r="X69722" i="1"/>
  <c r="X69723" i="1"/>
  <c r="X69724" i="1"/>
  <c r="X69725" i="1"/>
  <c r="X69726" i="1"/>
  <c r="X69727" i="1"/>
  <c r="X69728" i="1"/>
  <c r="X69729" i="1"/>
  <c r="X69730" i="1"/>
  <c r="X69731" i="1"/>
  <c r="X69732" i="1"/>
  <c r="X69733" i="1"/>
  <c r="X69734" i="1"/>
  <c r="X69735" i="1"/>
  <c r="X69736" i="1"/>
  <c r="X69737" i="1"/>
  <c r="X69738" i="1"/>
  <c r="X69739" i="1"/>
  <c r="X69740" i="1"/>
  <c r="X69741" i="1"/>
  <c r="X69742" i="1"/>
  <c r="X69743" i="1"/>
  <c r="X69744" i="1"/>
  <c r="X69745" i="1"/>
  <c r="X69746" i="1"/>
  <c r="X69747" i="1"/>
  <c r="X69748" i="1"/>
  <c r="X69749" i="1"/>
  <c r="X69750" i="1"/>
  <c r="X69751" i="1"/>
  <c r="X69752" i="1"/>
  <c r="X69753" i="1"/>
  <c r="X69754" i="1"/>
  <c r="X69755" i="1"/>
  <c r="X69756" i="1"/>
  <c r="X69757" i="1"/>
  <c r="X69758" i="1"/>
  <c r="X69759" i="1"/>
  <c r="X69760" i="1"/>
  <c r="X69761" i="1"/>
  <c r="X69762" i="1"/>
  <c r="X69763" i="1"/>
  <c r="X69764" i="1"/>
  <c r="X69765" i="1"/>
  <c r="X69766" i="1"/>
  <c r="X69767" i="1"/>
  <c r="X69768" i="1"/>
  <c r="X69769" i="1"/>
  <c r="X69770" i="1"/>
  <c r="X69771" i="1"/>
  <c r="X69772" i="1"/>
  <c r="X69773" i="1"/>
  <c r="X69774" i="1"/>
  <c r="X69775" i="1"/>
  <c r="X69776" i="1"/>
  <c r="X69777" i="1"/>
  <c r="X69778" i="1"/>
  <c r="X69779" i="1"/>
  <c r="X69780" i="1"/>
  <c r="X69781" i="1"/>
  <c r="X69782" i="1"/>
  <c r="X69783" i="1"/>
  <c r="X69784" i="1"/>
  <c r="X69785" i="1"/>
  <c r="X69786" i="1"/>
  <c r="X69787" i="1"/>
  <c r="X69788" i="1"/>
  <c r="X69789" i="1"/>
  <c r="X69790" i="1"/>
  <c r="X69791" i="1"/>
  <c r="X69792" i="1"/>
  <c r="X69793" i="1"/>
  <c r="X69794" i="1"/>
  <c r="X69795" i="1"/>
  <c r="X69796" i="1"/>
  <c r="X69797" i="1"/>
  <c r="X69798" i="1"/>
  <c r="X69799" i="1"/>
  <c r="X69800" i="1"/>
  <c r="X69801" i="1"/>
  <c r="X69802" i="1"/>
  <c r="X69803" i="1"/>
  <c r="X69804" i="1"/>
  <c r="X69805" i="1"/>
  <c r="X69806" i="1"/>
  <c r="X69807" i="1"/>
  <c r="X69808" i="1"/>
  <c r="X69809" i="1"/>
  <c r="X69810" i="1"/>
  <c r="X69811" i="1"/>
  <c r="X69812" i="1"/>
  <c r="X69813" i="1"/>
  <c r="X69814" i="1"/>
  <c r="X69815" i="1"/>
  <c r="X69816" i="1"/>
  <c r="X69817" i="1"/>
  <c r="X69818" i="1"/>
  <c r="X69819" i="1"/>
  <c r="X69820" i="1"/>
  <c r="X69821" i="1"/>
  <c r="X69822" i="1"/>
  <c r="X69823" i="1"/>
  <c r="X69824" i="1"/>
  <c r="X69825" i="1"/>
  <c r="X69826" i="1"/>
  <c r="X69827" i="1"/>
  <c r="X69828" i="1"/>
  <c r="X69829" i="1"/>
  <c r="X69830" i="1"/>
  <c r="X69831" i="1"/>
  <c r="X69832" i="1"/>
  <c r="X69833" i="1"/>
  <c r="X69834" i="1"/>
  <c r="X69835" i="1"/>
  <c r="X69836" i="1"/>
  <c r="X69837" i="1"/>
  <c r="X69838" i="1"/>
  <c r="X69839" i="1"/>
  <c r="X69840" i="1"/>
  <c r="X69841" i="1"/>
  <c r="X69842" i="1"/>
  <c r="X69843" i="1"/>
  <c r="X69844" i="1"/>
  <c r="X69845" i="1"/>
  <c r="X69846" i="1"/>
  <c r="X69847" i="1"/>
  <c r="X69848" i="1"/>
  <c r="X69849" i="1"/>
  <c r="X69850" i="1"/>
  <c r="X69851" i="1"/>
  <c r="X69852" i="1"/>
  <c r="X69853" i="1"/>
  <c r="X69854" i="1"/>
  <c r="X69855" i="1"/>
  <c r="X69856" i="1"/>
  <c r="X69857" i="1"/>
  <c r="X69858" i="1"/>
  <c r="X69859" i="1"/>
  <c r="X69860" i="1"/>
  <c r="X69861" i="1"/>
  <c r="X69862" i="1"/>
  <c r="X69863" i="1"/>
  <c r="X69864" i="1"/>
  <c r="X69865" i="1"/>
  <c r="X69866" i="1"/>
  <c r="X69867" i="1"/>
  <c r="X69868" i="1"/>
  <c r="X69869" i="1"/>
  <c r="X69870" i="1"/>
  <c r="X69871" i="1"/>
  <c r="X69872" i="1"/>
  <c r="X69873" i="1"/>
  <c r="X69874" i="1"/>
  <c r="X69875" i="1"/>
  <c r="X69876" i="1"/>
  <c r="X69877" i="1"/>
  <c r="X69878" i="1"/>
  <c r="X69879" i="1"/>
  <c r="X69880" i="1"/>
  <c r="X69881" i="1"/>
  <c r="X69882" i="1"/>
  <c r="X69883" i="1"/>
  <c r="X69884" i="1"/>
  <c r="X69885" i="1"/>
  <c r="X69886" i="1"/>
  <c r="X69887" i="1"/>
  <c r="X69888" i="1"/>
  <c r="X69889" i="1"/>
  <c r="X69890" i="1"/>
  <c r="X69891" i="1"/>
  <c r="X69892" i="1"/>
  <c r="X69893" i="1"/>
  <c r="X69894" i="1"/>
  <c r="X69895" i="1"/>
  <c r="X69896" i="1"/>
  <c r="X69897" i="1"/>
  <c r="X69898" i="1"/>
  <c r="X69899" i="1"/>
  <c r="X69900" i="1"/>
  <c r="X69901" i="1"/>
  <c r="X69902" i="1"/>
  <c r="X69903" i="1"/>
  <c r="X69904" i="1"/>
  <c r="X69905" i="1"/>
  <c r="X69906" i="1"/>
  <c r="X69907" i="1"/>
  <c r="X69908" i="1"/>
  <c r="X69909" i="1"/>
  <c r="X69910" i="1"/>
  <c r="X69911" i="1"/>
  <c r="X69912" i="1"/>
  <c r="X69913" i="1"/>
  <c r="X69914" i="1"/>
  <c r="X69915" i="1"/>
  <c r="X69916" i="1"/>
  <c r="X69917" i="1"/>
  <c r="X69918" i="1"/>
  <c r="X69919" i="1"/>
  <c r="X69920" i="1"/>
  <c r="X69921" i="1"/>
  <c r="X69922" i="1"/>
  <c r="X69923" i="1"/>
  <c r="X69924" i="1"/>
  <c r="X69925" i="1"/>
  <c r="X69926" i="1"/>
  <c r="X69927" i="1"/>
  <c r="X69928" i="1"/>
  <c r="X69929" i="1"/>
  <c r="X69930" i="1"/>
  <c r="X69931" i="1"/>
  <c r="X69932" i="1"/>
  <c r="X69933" i="1"/>
  <c r="X69934" i="1"/>
  <c r="X69935" i="1"/>
  <c r="X69936" i="1"/>
  <c r="X69937" i="1"/>
  <c r="X69938" i="1"/>
  <c r="X69939" i="1"/>
  <c r="X69940" i="1"/>
  <c r="X69941" i="1"/>
  <c r="X69942" i="1"/>
  <c r="X69943" i="1"/>
  <c r="X69944" i="1"/>
  <c r="X69945" i="1"/>
  <c r="X69946" i="1"/>
  <c r="X69947" i="1"/>
  <c r="X69948" i="1"/>
  <c r="X69949" i="1"/>
  <c r="X69950" i="1"/>
  <c r="X69951" i="1"/>
  <c r="X69952" i="1"/>
  <c r="X69953" i="1"/>
  <c r="X69954" i="1"/>
  <c r="X69955" i="1"/>
  <c r="X69956" i="1"/>
  <c r="X69957" i="1"/>
  <c r="X69958" i="1"/>
  <c r="X69959" i="1"/>
  <c r="X69960" i="1"/>
  <c r="X69961" i="1"/>
  <c r="X69962" i="1"/>
  <c r="X69963" i="1"/>
  <c r="X69964" i="1"/>
  <c r="X69965" i="1"/>
  <c r="X69966" i="1"/>
  <c r="X69967" i="1"/>
  <c r="X69968" i="1"/>
  <c r="X69969" i="1"/>
  <c r="X69970" i="1"/>
  <c r="X69971" i="1"/>
  <c r="X69972" i="1"/>
  <c r="X69973" i="1"/>
  <c r="X69974" i="1"/>
  <c r="X69975" i="1"/>
  <c r="X69976" i="1"/>
  <c r="X69977" i="1"/>
  <c r="X69978" i="1"/>
  <c r="X69979" i="1"/>
  <c r="X69980" i="1"/>
  <c r="X69981" i="1"/>
  <c r="X69982" i="1"/>
  <c r="X69983" i="1"/>
  <c r="X69984" i="1"/>
  <c r="X69985" i="1"/>
  <c r="X69986" i="1"/>
  <c r="X69987" i="1"/>
  <c r="X69988" i="1"/>
  <c r="X69989" i="1"/>
  <c r="X69990" i="1"/>
  <c r="X69991" i="1"/>
  <c r="X69992" i="1"/>
  <c r="X69993" i="1"/>
  <c r="X69994" i="1"/>
  <c r="X69995" i="1"/>
  <c r="X69996" i="1"/>
  <c r="X69997" i="1"/>
  <c r="X69998" i="1"/>
  <c r="X69999" i="1"/>
  <c r="X70000" i="1"/>
  <c r="X70001" i="1"/>
  <c r="X70002" i="1"/>
  <c r="X70003" i="1"/>
  <c r="X70004" i="1"/>
  <c r="X70005" i="1"/>
  <c r="X70006" i="1"/>
  <c r="X70007" i="1"/>
  <c r="X70008" i="1"/>
  <c r="X70009" i="1"/>
  <c r="X70010" i="1"/>
  <c r="X70011" i="1"/>
  <c r="X70012" i="1"/>
  <c r="X70013" i="1"/>
  <c r="X70014" i="1"/>
  <c r="X70015" i="1"/>
  <c r="X70016" i="1"/>
  <c r="X70017" i="1"/>
  <c r="X70018" i="1"/>
  <c r="X70019" i="1"/>
  <c r="X70020" i="1"/>
  <c r="X70021" i="1"/>
  <c r="X70022" i="1"/>
  <c r="X70023" i="1"/>
  <c r="X70024" i="1"/>
  <c r="X70025" i="1"/>
  <c r="X70026" i="1"/>
  <c r="X70027" i="1"/>
  <c r="X70028" i="1"/>
  <c r="X70029" i="1"/>
  <c r="X70030" i="1"/>
  <c r="X70031" i="1"/>
  <c r="X70032" i="1"/>
  <c r="X70033" i="1"/>
  <c r="X70034" i="1"/>
  <c r="X70035" i="1"/>
  <c r="X70036" i="1"/>
  <c r="X70037" i="1"/>
  <c r="X70038" i="1"/>
  <c r="X70039" i="1"/>
  <c r="X70040" i="1"/>
  <c r="X70041" i="1"/>
  <c r="X70042" i="1"/>
  <c r="X70043" i="1"/>
  <c r="X70044" i="1"/>
  <c r="X70045" i="1"/>
  <c r="X70046" i="1"/>
  <c r="X70047" i="1"/>
  <c r="X70048" i="1"/>
  <c r="X70049" i="1"/>
  <c r="X70050" i="1"/>
  <c r="X70051" i="1"/>
  <c r="X70052" i="1"/>
  <c r="X70053" i="1"/>
  <c r="X70054" i="1"/>
  <c r="X70055" i="1"/>
  <c r="X70056" i="1"/>
  <c r="X70057" i="1"/>
  <c r="X70058" i="1"/>
  <c r="X70059" i="1"/>
  <c r="X70060" i="1"/>
  <c r="X70061" i="1"/>
  <c r="X70062" i="1"/>
  <c r="X70063" i="1"/>
  <c r="X70064" i="1"/>
  <c r="X70065" i="1"/>
  <c r="X70066" i="1"/>
  <c r="X70067" i="1"/>
  <c r="X70068" i="1"/>
  <c r="X70069" i="1"/>
  <c r="X70070" i="1"/>
  <c r="X70071" i="1"/>
  <c r="X70072" i="1"/>
  <c r="X70073" i="1"/>
  <c r="X70074" i="1"/>
  <c r="X70075" i="1"/>
  <c r="X70076" i="1"/>
  <c r="X70077" i="1"/>
  <c r="X70078" i="1"/>
  <c r="X70079" i="1"/>
  <c r="X70080" i="1"/>
  <c r="X70081" i="1"/>
  <c r="X70082" i="1"/>
  <c r="X70083" i="1"/>
  <c r="X70084" i="1"/>
  <c r="X70085" i="1"/>
  <c r="X70086" i="1"/>
  <c r="X70087" i="1"/>
  <c r="X70088" i="1"/>
  <c r="X70089" i="1"/>
  <c r="X70090" i="1"/>
  <c r="X70091" i="1"/>
  <c r="X70092" i="1"/>
  <c r="X70093" i="1"/>
  <c r="X70094" i="1"/>
  <c r="X70095" i="1"/>
  <c r="X70096" i="1"/>
  <c r="X70097" i="1"/>
  <c r="X70098" i="1"/>
  <c r="X70099" i="1"/>
  <c r="X70100" i="1"/>
  <c r="X70101" i="1"/>
  <c r="X70102" i="1"/>
  <c r="X70103" i="1"/>
  <c r="X70104" i="1"/>
  <c r="X70105" i="1"/>
  <c r="X70106" i="1"/>
  <c r="X70107" i="1"/>
  <c r="X70108" i="1"/>
  <c r="X70109" i="1"/>
  <c r="X70110" i="1"/>
  <c r="X70111" i="1"/>
  <c r="X70112" i="1"/>
  <c r="X70113" i="1"/>
  <c r="X70114" i="1"/>
  <c r="X70115" i="1"/>
  <c r="X70116" i="1"/>
  <c r="X70117" i="1"/>
  <c r="X70118" i="1"/>
  <c r="X70119" i="1"/>
  <c r="X70120" i="1"/>
  <c r="X70121" i="1"/>
  <c r="X70122" i="1"/>
  <c r="X70123" i="1"/>
  <c r="X70124" i="1"/>
  <c r="X70125" i="1"/>
  <c r="X70126" i="1"/>
  <c r="X70127" i="1"/>
  <c r="X70128" i="1"/>
  <c r="X70129" i="1"/>
  <c r="X70130" i="1"/>
  <c r="X70131" i="1"/>
  <c r="X70132" i="1"/>
  <c r="X70133" i="1"/>
  <c r="X70134" i="1"/>
  <c r="X70135" i="1"/>
  <c r="X70136" i="1"/>
  <c r="X70137" i="1"/>
  <c r="X70138" i="1"/>
  <c r="X70139" i="1"/>
  <c r="X70140" i="1"/>
  <c r="X70141" i="1"/>
  <c r="X70142" i="1"/>
  <c r="X70143" i="1"/>
  <c r="X70144" i="1"/>
  <c r="X70145" i="1"/>
  <c r="X70146" i="1"/>
  <c r="X70147" i="1"/>
  <c r="X70148" i="1"/>
  <c r="X70149" i="1"/>
  <c r="X70150" i="1"/>
  <c r="X70151" i="1"/>
  <c r="X70152" i="1"/>
  <c r="X70153" i="1"/>
  <c r="X70154" i="1"/>
  <c r="X70155" i="1"/>
  <c r="X70156" i="1"/>
  <c r="X70157" i="1"/>
  <c r="X70158" i="1"/>
  <c r="X70159" i="1"/>
  <c r="X70160" i="1"/>
  <c r="X70161" i="1"/>
  <c r="X70162" i="1"/>
  <c r="X70163" i="1"/>
  <c r="X70164" i="1"/>
  <c r="X70165" i="1"/>
  <c r="X70166" i="1"/>
  <c r="X70167" i="1"/>
  <c r="X70168" i="1"/>
  <c r="X70169" i="1"/>
  <c r="X70170" i="1"/>
  <c r="X70171" i="1"/>
  <c r="X70172" i="1"/>
  <c r="X70173" i="1"/>
  <c r="X70174" i="1"/>
  <c r="X70175" i="1"/>
  <c r="X70176" i="1"/>
  <c r="X70177" i="1"/>
  <c r="X70178" i="1"/>
  <c r="X70179" i="1"/>
  <c r="X70180" i="1"/>
  <c r="X70181" i="1"/>
  <c r="X70182" i="1"/>
  <c r="X70183" i="1"/>
  <c r="X70184" i="1"/>
  <c r="X70185" i="1"/>
  <c r="X70186" i="1"/>
  <c r="X70187" i="1"/>
  <c r="X70188" i="1"/>
  <c r="X70189" i="1"/>
  <c r="X70190" i="1"/>
  <c r="X70191" i="1"/>
  <c r="X70192" i="1"/>
  <c r="X70193" i="1"/>
  <c r="X70194" i="1"/>
  <c r="X70195" i="1"/>
  <c r="X70196" i="1"/>
  <c r="X70197" i="1"/>
  <c r="X70198" i="1"/>
  <c r="X70199" i="1"/>
  <c r="X70200" i="1"/>
  <c r="X70201" i="1"/>
  <c r="X70202" i="1"/>
  <c r="X70203" i="1"/>
  <c r="X70204" i="1"/>
  <c r="X70205" i="1"/>
  <c r="X70206" i="1"/>
  <c r="X70207" i="1"/>
  <c r="X70208" i="1"/>
  <c r="X70209" i="1"/>
  <c r="X70210" i="1"/>
  <c r="X70211" i="1"/>
  <c r="X70212" i="1"/>
  <c r="X70213" i="1"/>
  <c r="X70214" i="1"/>
  <c r="X70215" i="1"/>
  <c r="X70216" i="1"/>
  <c r="X70217" i="1"/>
  <c r="X70218" i="1"/>
  <c r="X70219" i="1"/>
  <c r="X70220" i="1"/>
  <c r="X70221" i="1"/>
  <c r="X70222" i="1"/>
  <c r="X70223" i="1"/>
  <c r="X70224" i="1"/>
  <c r="X70225" i="1"/>
  <c r="X70226" i="1"/>
  <c r="X70227" i="1"/>
  <c r="X70228" i="1"/>
  <c r="X70229" i="1"/>
  <c r="X70230" i="1"/>
  <c r="X70231" i="1"/>
  <c r="X70232" i="1"/>
  <c r="X70233" i="1"/>
  <c r="X70234" i="1"/>
  <c r="X70235" i="1"/>
  <c r="X70236" i="1"/>
  <c r="X70237" i="1"/>
  <c r="X70238" i="1"/>
  <c r="X70239" i="1"/>
  <c r="X70240" i="1"/>
  <c r="X70241" i="1"/>
  <c r="X70242" i="1"/>
  <c r="X70243" i="1"/>
  <c r="X70244" i="1"/>
  <c r="X70245" i="1"/>
  <c r="X70246" i="1"/>
  <c r="X70247" i="1"/>
  <c r="X70248" i="1"/>
  <c r="X70249" i="1"/>
  <c r="X70250" i="1"/>
  <c r="X70251" i="1"/>
  <c r="X70252" i="1"/>
  <c r="X70253" i="1"/>
  <c r="X70254" i="1"/>
  <c r="X70255" i="1"/>
  <c r="X70256" i="1"/>
  <c r="X70257" i="1"/>
  <c r="X70258" i="1"/>
  <c r="X70259" i="1"/>
  <c r="X70260" i="1"/>
  <c r="X70261" i="1"/>
  <c r="X70262" i="1"/>
  <c r="X70263" i="1"/>
  <c r="X70264" i="1"/>
  <c r="X70265" i="1"/>
  <c r="X70266" i="1"/>
  <c r="X70267" i="1"/>
  <c r="X70268" i="1"/>
  <c r="X70269" i="1"/>
  <c r="X70270" i="1"/>
  <c r="X70271" i="1"/>
  <c r="X70272" i="1"/>
  <c r="X70273" i="1"/>
  <c r="X70274" i="1"/>
  <c r="X70275" i="1"/>
  <c r="X70276" i="1"/>
  <c r="X70277" i="1"/>
  <c r="X70278" i="1"/>
  <c r="X70279" i="1"/>
  <c r="X70280" i="1"/>
  <c r="X70281" i="1"/>
  <c r="X70282" i="1"/>
  <c r="X70283" i="1"/>
  <c r="X70284" i="1"/>
  <c r="X70285" i="1"/>
  <c r="X70286" i="1"/>
  <c r="X70287" i="1"/>
  <c r="X70288" i="1"/>
  <c r="X70289" i="1"/>
  <c r="X70290" i="1"/>
  <c r="X70291" i="1"/>
  <c r="X70292" i="1"/>
  <c r="X70293" i="1"/>
  <c r="X70294" i="1"/>
  <c r="X70295" i="1"/>
  <c r="X70296" i="1"/>
  <c r="X70297" i="1"/>
  <c r="X70298" i="1"/>
  <c r="X70299" i="1"/>
  <c r="X70300" i="1"/>
  <c r="X70301" i="1"/>
  <c r="X70302" i="1"/>
  <c r="X70303" i="1"/>
  <c r="X70304" i="1"/>
  <c r="X70305" i="1"/>
  <c r="X70306" i="1"/>
  <c r="X70307" i="1"/>
  <c r="X70308" i="1"/>
  <c r="X70309" i="1"/>
  <c r="X70310" i="1"/>
  <c r="X70311" i="1"/>
  <c r="X70312" i="1"/>
  <c r="X70313" i="1"/>
  <c r="X70314" i="1"/>
  <c r="X70315" i="1"/>
  <c r="X70316" i="1"/>
  <c r="X70317" i="1"/>
  <c r="X70318" i="1"/>
  <c r="X70319" i="1"/>
  <c r="X70320" i="1"/>
  <c r="X70321" i="1"/>
  <c r="X70322" i="1"/>
  <c r="X70323" i="1"/>
  <c r="X70324" i="1"/>
  <c r="X70325" i="1"/>
  <c r="X70326" i="1"/>
  <c r="X70327" i="1"/>
  <c r="X70328" i="1"/>
  <c r="X70329" i="1"/>
  <c r="X70330" i="1"/>
  <c r="X70331" i="1"/>
  <c r="X70332" i="1"/>
  <c r="X70333" i="1"/>
  <c r="X70334" i="1"/>
  <c r="X70335" i="1"/>
  <c r="X70336" i="1"/>
  <c r="X70337" i="1"/>
  <c r="X70338" i="1"/>
  <c r="X70339" i="1"/>
  <c r="X70340" i="1"/>
  <c r="X70341" i="1"/>
  <c r="X70342" i="1"/>
  <c r="X70343" i="1"/>
  <c r="X70344" i="1"/>
  <c r="X70345" i="1"/>
  <c r="X70346" i="1"/>
  <c r="X70347" i="1"/>
  <c r="X70348" i="1"/>
  <c r="X70349" i="1"/>
  <c r="X70350" i="1"/>
  <c r="X70351" i="1"/>
  <c r="X70352" i="1"/>
  <c r="X70353" i="1"/>
  <c r="X70354" i="1"/>
  <c r="X70355" i="1"/>
  <c r="X70356" i="1"/>
  <c r="X70357" i="1"/>
  <c r="X70358" i="1"/>
  <c r="X70359" i="1"/>
  <c r="X70360" i="1"/>
  <c r="X70361" i="1"/>
  <c r="X70362" i="1"/>
  <c r="X70363" i="1"/>
  <c r="X70364" i="1"/>
  <c r="X70365" i="1"/>
  <c r="X70366" i="1"/>
  <c r="X70367" i="1"/>
  <c r="X70368" i="1"/>
  <c r="X70369" i="1"/>
  <c r="X70370" i="1"/>
  <c r="X70371" i="1"/>
  <c r="X70372" i="1"/>
  <c r="X70373" i="1"/>
  <c r="X70374" i="1"/>
  <c r="X70375" i="1"/>
  <c r="X70376" i="1"/>
  <c r="X70377" i="1"/>
  <c r="X70378" i="1"/>
  <c r="X70379" i="1"/>
  <c r="X70380" i="1"/>
  <c r="X70381" i="1"/>
  <c r="X70382" i="1"/>
  <c r="X70383" i="1"/>
  <c r="X70384" i="1"/>
  <c r="X70385" i="1"/>
  <c r="X70386" i="1"/>
  <c r="X70387" i="1"/>
  <c r="X70388" i="1"/>
  <c r="X70389" i="1"/>
  <c r="X70390" i="1"/>
  <c r="X70391" i="1"/>
  <c r="X70392" i="1"/>
  <c r="X70393" i="1"/>
  <c r="X70394" i="1"/>
  <c r="X70395" i="1"/>
  <c r="X70396" i="1"/>
  <c r="X70397" i="1"/>
  <c r="X70398" i="1"/>
  <c r="X70399" i="1"/>
  <c r="X70400" i="1"/>
  <c r="X70401" i="1"/>
  <c r="X70402" i="1"/>
  <c r="X70403" i="1"/>
  <c r="X70404" i="1"/>
  <c r="X70405" i="1"/>
  <c r="X70406" i="1"/>
  <c r="X70407" i="1"/>
  <c r="X70408" i="1"/>
  <c r="X70409" i="1"/>
  <c r="X70410" i="1"/>
  <c r="X70411" i="1"/>
  <c r="X70412" i="1"/>
  <c r="X70413" i="1"/>
  <c r="X70414" i="1"/>
  <c r="X70415" i="1"/>
  <c r="X70416" i="1"/>
  <c r="X70417" i="1"/>
  <c r="X70418" i="1"/>
  <c r="X70419" i="1"/>
  <c r="X70420" i="1"/>
  <c r="X70421" i="1"/>
  <c r="X70422" i="1"/>
  <c r="X70423" i="1"/>
  <c r="X70424" i="1"/>
  <c r="X70425" i="1"/>
  <c r="X70426" i="1"/>
  <c r="X70427" i="1"/>
  <c r="X70428" i="1"/>
  <c r="X70429" i="1"/>
  <c r="X70430" i="1"/>
  <c r="X70431" i="1"/>
  <c r="X70432" i="1"/>
  <c r="X70433" i="1"/>
  <c r="X70434" i="1"/>
  <c r="X70435" i="1"/>
  <c r="X70436" i="1"/>
  <c r="X70437" i="1"/>
  <c r="X70438" i="1"/>
  <c r="X70439" i="1"/>
  <c r="X70440" i="1"/>
  <c r="X70441" i="1"/>
  <c r="X70442" i="1"/>
  <c r="X70443" i="1"/>
  <c r="X70444" i="1"/>
  <c r="X70445" i="1"/>
  <c r="X70446" i="1"/>
  <c r="X70447" i="1"/>
  <c r="X70448" i="1"/>
  <c r="X70449" i="1"/>
  <c r="X70450" i="1"/>
  <c r="X70451" i="1"/>
  <c r="X70452" i="1"/>
  <c r="X70453" i="1"/>
  <c r="X70454" i="1"/>
  <c r="X70455" i="1"/>
  <c r="X70456" i="1"/>
  <c r="X70457" i="1"/>
  <c r="X70458" i="1"/>
  <c r="X70459" i="1"/>
  <c r="X70460" i="1"/>
  <c r="X70461" i="1"/>
  <c r="X70462" i="1"/>
  <c r="X70463" i="1"/>
  <c r="X70464" i="1"/>
  <c r="X70465" i="1"/>
  <c r="X70466" i="1"/>
  <c r="X70467" i="1"/>
  <c r="X70468" i="1"/>
  <c r="X70469" i="1"/>
  <c r="X70470" i="1"/>
  <c r="X70471" i="1"/>
  <c r="X70472" i="1"/>
  <c r="X70473" i="1"/>
  <c r="X70474" i="1"/>
  <c r="X70475" i="1"/>
  <c r="X70476" i="1"/>
  <c r="X70477" i="1"/>
  <c r="X70478" i="1"/>
  <c r="X70479" i="1"/>
  <c r="X70480" i="1"/>
  <c r="X70481" i="1"/>
  <c r="X70482" i="1"/>
  <c r="X70483" i="1"/>
  <c r="X70484" i="1"/>
  <c r="X70485" i="1"/>
  <c r="X70486" i="1"/>
  <c r="X70487" i="1"/>
  <c r="X70488" i="1"/>
  <c r="X70489" i="1"/>
  <c r="X70490" i="1"/>
  <c r="X70491" i="1"/>
  <c r="X70492" i="1"/>
  <c r="X70493" i="1"/>
  <c r="X70494" i="1"/>
  <c r="X70495" i="1"/>
  <c r="X70496" i="1"/>
  <c r="X70497" i="1"/>
  <c r="X70498" i="1"/>
  <c r="X70499" i="1"/>
  <c r="X70500" i="1"/>
  <c r="X70501" i="1"/>
  <c r="X70502" i="1"/>
  <c r="X70503" i="1"/>
  <c r="X70504" i="1"/>
  <c r="X70505" i="1"/>
  <c r="X70506" i="1"/>
  <c r="X70507" i="1"/>
  <c r="X70508" i="1"/>
  <c r="X70509" i="1"/>
  <c r="X70510" i="1"/>
  <c r="X70511" i="1"/>
  <c r="X70512" i="1"/>
  <c r="X70513" i="1"/>
  <c r="X70514" i="1"/>
  <c r="X70515" i="1"/>
  <c r="X70516" i="1"/>
  <c r="X70517" i="1"/>
  <c r="X70518" i="1"/>
  <c r="X70519" i="1"/>
  <c r="X70520" i="1"/>
  <c r="X70521" i="1"/>
  <c r="X70522" i="1"/>
  <c r="X70523" i="1"/>
  <c r="X70524" i="1"/>
  <c r="X70525" i="1"/>
  <c r="X70526" i="1"/>
  <c r="X70527" i="1"/>
  <c r="X70528" i="1"/>
  <c r="X70529" i="1"/>
  <c r="X70530" i="1"/>
  <c r="X70531" i="1"/>
  <c r="X70532" i="1"/>
  <c r="X70533" i="1"/>
  <c r="X70534" i="1"/>
  <c r="X70535" i="1"/>
  <c r="X70536" i="1"/>
  <c r="X70537" i="1"/>
  <c r="X70538" i="1"/>
  <c r="X70539" i="1"/>
  <c r="X70540" i="1"/>
  <c r="X70541" i="1"/>
  <c r="X70542" i="1"/>
  <c r="X70543" i="1"/>
  <c r="X70544" i="1"/>
  <c r="X70545" i="1"/>
  <c r="X70546" i="1"/>
  <c r="X70547" i="1"/>
  <c r="X70548" i="1"/>
  <c r="X70549" i="1"/>
  <c r="X70550" i="1"/>
  <c r="X70551" i="1"/>
  <c r="X70552" i="1"/>
  <c r="X70553" i="1"/>
  <c r="X70554" i="1"/>
  <c r="X70555" i="1"/>
  <c r="X70556" i="1"/>
  <c r="X70557" i="1"/>
  <c r="X70558" i="1"/>
  <c r="X70559" i="1"/>
  <c r="X70560" i="1"/>
  <c r="X70561" i="1"/>
  <c r="X70562" i="1"/>
  <c r="X70563" i="1"/>
  <c r="X70564" i="1"/>
  <c r="X70565" i="1"/>
  <c r="X70566" i="1"/>
  <c r="X70567" i="1"/>
  <c r="X70568" i="1"/>
  <c r="X70569" i="1"/>
  <c r="X70570" i="1"/>
  <c r="X70571" i="1"/>
  <c r="X70572" i="1"/>
  <c r="X70573" i="1"/>
  <c r="X70574" i="1"/>
  <c r="X70575" i="1"/>
  <c r="X70576" i="1"/>
  <c r="X70577" i="1"/>
  <c r="X70578" i="1"/>
  <c r="X70579" i="1"/>
  <c r="X70580" i="1"/>
  <c r="X70581" i="1"/>
  <c r="X70582" i="1"/>
  <c r="X70583" i="1"/>
  <c r="X70584" i="1"/>
  <c r="X70585" i="1"/>
  <c r="X70586" i="1"/>
  <c r="X70587" i="1"/>
  <c r="X70588" i="1"/>
  <c r="X70589" i="1"/>
  <c r="X70590" i="1"/>
  <c r="X70591" i="1"/>
  <c r="X70592" i="1"/>
  <c r="X70593" i="1"/>
  <c r="X70594" i="1"/>
  <c r="X70595" i="1"/>
  <c r="X70596" i="1"/>
  <c r="X70597" i="1"/>
  <c r="X70598" i="1"/>
  <c r="X70599" i="1"/>
  <c r="X70600" i="1"/>
  <c r="X70601" i="1"/>
  <c r="X70602" i="1"/>
  <c r="X70603" i="1"/>
  <c r="X70604" i="1"/>
  <c r="X70605" i="1"/>
  <c r="X70606" i="1"/>
  <c r="X70607" i="1"/>
  <c r="X70608" i="1"/>
  <c r="X70609" i="1"/>
  <c r="X70610" i="1"/>
  <c r="X70611" i="1"/>
  <c r="X70612" i="1"/>
  <c r="X70613" i="1"/>
  <c r="X70614" i="1"/>
  <c r="X70615" i="1"/>
  <c r="X70616" i="1"/>
  <c r="X70617" i="1"/>
  <c r="X70618" i="1"/>
  <c r="X70619" i="1"/>
  <c r="X70620" i="1"/>
  <c r="X70621" i="1"/>
  <c r="X70622" i="1"/>
  <c r="X70623" i="1"/>
  <c r="X70624" i="1"/>
  <c r="X70625" i="1"/>
  <c r="X70626" i="1"/>
  <c r="X70627" i="1"/>
  <c r="X70628" i="1"/>
  <c r="X70629" i="1"/>
  <c r="X70630" i="1"/>
  <c r="X70631" i="1"/>
  <c r="X70632" i="1"/>
  <c r="X70633" i="1"/>
  <c r="X70634" i="1"/>
  <c r="X70635" i="1"/>
  <c r="X70636" i="1"/>
  <c r="X70637" i="1"/>
  <c r="X70638" i="1"/>
  <c r="X70639" i="1"/>
  <c r="X70640" i="1"/>
  <c r="X70641" i="1"/>
  <c r="X70642" i="1"/>
  <c r="X70643" i="1"/>
  <c r="X70644" i="1"/>
  <c r="X70645" i="1"/>
  <c r="X70646" i="1"/>
  <c r="X70647" i="1"/>
  <c r="X70648" i="1"/>
  <c r="X70649" i="1"/>
  <c r="X70650" i="1"/>
  <c r="X70651" i="1"/>
  <c r="X70652" i="1"/>
  <c r="X70653" i="1"/>
  <c r="X70654" i="1"/>
  <c r="X70655" i="1"/>
  <c r="X70656" i="1"/>
  <c r="X70657" i="1"/>
  <c r="X70658" i="1"/>
  <c r="X70659" i="1"/>
  <c r="X70660" i="1"/>
  <c r="X70661" i="1"/>
  <c r="X70662" i="1"/>
  <c r="X70663" i="1"/>
  <c r="X70664" i="1"/>
  <c r="X70665" i="1"/>
  <c r="X70666" i="1"/>
  <c r="X70667" i="1"/>
  <c r="X70668" i="1"/>
  <c r="X70669" i="1"/>
  <c r="X70670" i="1"/>
  <c r="X70671" i="1"/>
  <c r="X70672" i="1"/>
  <c r="X70673" i="1"/>
  <c r="X70674" i="1"/>
  <c r="X70675" i="1"/>
  <c r="X70676" i="1"/>
  <c r="X70677" i="1"/>
  <c r="X70678" i="1"/>
  <c r="X70679" i="1"/>
  <c r="X70680" i="1"/>
  <c r="X70681" i="1"/>
  <c r="X70682" i="1"/>
  <c r="X70683" i="1"/>
  <c r="X70684" i="1"/>
  <c r="X70685" i="1"/>
  <c r="X70686" i="1"/>
  <c r="X70687" i="1"/>
  <c r="X70688" i="1"/>
  <c r="X70689" i="1"/>
  <c r="X70690" i="1"/>
  <c r="X70691" i="1"/>
  <c r="X70692" i="1"/>
  <c r="X70693" i="1"/>
  <c r="X70694" i="1"/>
  <c r="X70695" i="1"/>
  <c r="X70696" i="1"/>
  <c r="X70697" i="1"/>
  <c r="X70698" i="1"/>
  <c r="X70699" i="1"/>
  <c r="X70700" i="1"/>
  <c r="X70701" i="1"/>
  <c r="X70702" i="1"/>
  <c r="X70703" i="1"/>
  <c r="X70704" i="1"/>
  <c r="X70705" i="1"/>
  <c r="X70706" i="1"/>
  <c r="X70707" i="1"/>
  <c r="X70708" i="1"/>
  <c r="X70709" i="1"/>
  <c r="X70710" i="1"/>
  <c r="X70711" i="1"/>
  <c r="X70712" i="1"/>
  <c r="X70713" i="1"/>
  <c r="X70714" i="1"/>
  <c r="X70715" i="1"/>
  <c r="X70716" i="1"/>
  <c r="X70717" i="1"/>
  <c r="X70718" i="1"/>
  <c r="X70719" i="1"/>
  <c r="X70720" i="1"/>
  <c r="X70721" i="1"/>
  <c r="X70722" i="1"/>
  <c r="X70723" i="1"/>
  <c r="X70724" i="1"/>
  <c r="X70725" i="1"/>
  <c r="X70726" i="1"/>
  <c r="X70727" i="1"/>
  <c r="X70728" i="1"/>
  <c r="X70729" i="1"/>
  <c r="X70730" i="1"/>
  <c r="X70731" i="1"/>
  <c r="X70732" i="1"/>
  <c r="X70733" i="1"/>
  <c r="X70734" i="1"/>
  <c r="X70735" i="1"/>
  <c r="X70736" i="1"/>
  <c r="X70737" i="1"/>
  <c r="X70738" i="1"/>
  <c r="X70739" i="1"/>
  <c r="X70740" i="1"/>
  <c r="X70741" i="1"/>
  <c r="X70742" i="1"/>
  <c r="X70743" i="1"/>
  <c r="X70744" i="1"/>
  <c r="X70745" i="1"/>
  <c r="X70746" i="1"/>
  <c r="X70747" i="1"/>
  <c r="X70748" i="1"/>
  <c r="X70749" i="1"/>
  <c r="X70750" i="1"/>
  <c r="X70751" i="1"/>
  <c r="X70752" i="1"/>
  <c r="X70753" i="1"/>
  <c r="X70754" i="1"/>
  <c r="X70755" i="1"/>
  <c r="X70756" i="1"/>
  <c r="X70757" i="1"/>
  <c r="X70758" i="1"/>
  <c r="X70759" i="1"/>
  <c r="X70760" i="1"/>
  <c r="X70761" i="1"/>
  <c r="X70762" i="1"/>
  <c r="X70763" i="1"/>
  <c r="X70764" i="1"/>
  <c r="X70765" i="1"/>
  <c r="X70766" i="1"/>
  <c r="X70767" i="1"/>
  <c r="X70768" i="1"/>
  <c r="X70769" i="1"/>
  <c r="X70770" i="1"/>
  <c r="X70771" i="1"/>
  <c r="X70772" i="1"/>
  <c r="X70773" i="1"/>
  <c r="X70774" i="1"/>
  <c r="X70775" i="1"/>
  <c r="X70776" i="1"/>
  <c r="X70777" i="1"/>
  <c r="X70778" i="1"/>
  <c r="X70779" i="1"/>
  <c r="X70780" i="1"/>
  <c r="X70781" i="1"/>
  <c r="X70782" i="1"/>
  <c r="X70783" i="1"/>
  <c r="X70784" i="1"/>
  <c r="X70785" i="1"/>
  <c r="X70786" i="1"/>
  <c r="X70787" i="1"/>
  <c r="X70788" i="1"/>
  <c r="X70789" i="1"/>
  <c r="X70790" i="1"/>
  <c r="X70791" i="1"/>
  <c r="X70792" i="1"/>
  <c r="X70793" i="1"/>
  <c r="X70794" i="1"/>
  <c r="X70795" i="1"/>
  <c r="X70796" i="1"/>
  <c r="X70797" i="1"/>
  <c r="X70798" i="1"/>
  <c r="X70799" i="1"/>
  <c r="X70800" i="1"/>
  <c r="X70801" i="1"/>
  <c r="X70802" i="1"/>
  <c r="X70803" i="1"/>
  <c r="X70804" i="1"/>
  <c r="X70805" i="1"/>
  <c r="X70806" i="1"/>
  <c r="X70807" i="1"/>
  <c r="X70808" i="1"/>
  <c r="X70809" i="1"/>
  <c r="X70810" i="1"/>
  <c r="X70811" i="1"/>
  <c r="X70812" i="1"/>
  <c r="X70813" i="1"/>
  <c r="X70814" i="1"/>
  <c r="X70815" i="1"/>
  <c r="X70816" i="1"/>
  <c r="X70817" i="1"/>
  <c r="X70818" i="1"/>
  <c r="X70819" i="1"/>
  <c r="X70820" i="1"/>
  <c r="X70821" i="1"/>
  <c r="X70822" i="1"/>
  <c r="X70823" i="1"/>
  <c r="X70824" i="1"/>
  <c r="X70825" i="1"/>
  <c r="X70826" i="1"/>
  <c r="X70827" i="1"/>
  <c r="X70828" i="1"/>
  <c r="X70829" i="1"/>
  <c r="X70830" i="1"/>
  <c r="X70831" i="1"/>
  <c r="X70832" i="1"/>
  <c r="X70833" i="1"/>
  <c r="X70834" i="1"/>
  <c r="X70835" i="1"/>
  <c r="X70836" i="1"/>
  <c r="X70837" i="1"/>
  <c r="X70838" i="1"/>
  <c r="X70839" i="1"/>
  <c r="X70840" i="1"/>
  <c r="X70841" i="1"/>
  <c r="X70842" i="1"/>
  <c r="X70843" i="1"/>
  <c r="X70844" i="1"/>
  <c r="X70845" i="1"/>
  <c r="X70846" i="1"/>
  <c r="X70847" i="1"/>
  <c r="X70848" i="1"/>
  <c r="X70849" i="1"/>
  <c r="X70850" i="1"/>
  <c r="X70851" i="1"/>
  <c r="X70852" i="1"/>
  <c r="X70853" i="1"/>
  <c r="X70854" i="1"/>
  <c r="X70855" i="1"/>
  <c r="X70856" i="1"/>
  <c r="X70857" i="1"/>
  <c r="X70858" i="1"/>
  <c r="X70859" i="1"/>
  <c r="X70860" i="1"/>
  <c r="X70861" i="1"/>
  <c r="X70862" i="1"/>
  <c r="X70863" i="1"/>
  <c r="X70864" i="1"/>
  <c r="X70865" i="1"/>
  <c r="X70866" i="1"/>
  <c r="X70867" i="1"/>
  <c r="X70868" i="1"/>
  <c r="X70869" i="1"/>
  <c r="X70870" i="1"/>
  <c r="X70871" i="1"/>
  <c r="X70872" i="1"/>
  <c r="X70873" i="1"/>
  <c r="X70874" i="1"/>
  <c r="X70875" i="1"/>
  <c r="X70876" i="1"/>
  <c r="X70877" i="1"/>
  <c r="X70878" i="1"/>
  <c r="X70879" i="1"/>
  <c r="X70880" i="1"/>
  <c r="X70881" i="1"/>
  <c r="X70882" i="1"/>
  <c r="X70883" i="1"/>
  <c r="X70884" i="1"/>
  <c r="X70885" i="1"/>
  <c r="X70886" i="1"/>
  <c r="X70887" i="1"/>
  <c r="X70888" i="1"/>
  <c r="X70889" i="1"/>
  <c r="X70890" i="1"/>
  <c r="X70891" i="1"/>
  <c r="X70892" i="1"/>
  <c r="X70893" i="1"/>
  <c r="X70894" i="1"/>
  <c r="X70895" i="1"/>
  <c r="X70896" i="1"/>
  <c r="X70897" i="1"/>
  <c r="X70898" i="1"/>
  <c r="X70899" i="1"/>
  <c r="X70900" i="1"/>
  <c r="X70901" i="1"/>
  <c r="X70902" i="1"/>
  <c r="X70903" i="1"/>
  <c r="X70904" i="1"/>
  <c r="X70905" i="1"/>
  <c r="X70906" i="1"/>
  <c r="X70907" i="1"/>
  <c r="X70908" i="1"/>
  <c r="X70909" i="1"/>
  <c r="X70910" i="1"/>
  <c r="X70911" i="1"/>
  <c r="X70912" i="1"/>
  <c r="X70913" i="1"/>
  <c r="X70914" i="1"/>
  <c r="X70915" i="1"/>
  <c r="X70916" i="1"/>
  <c r="X70917" i="1"/>
  <c r="X70918" i="1"/>
  <c r="X70919" i="1"/>
  <c r="X70920" i="1"/>
  <c r="X70921" i="1"/>
  <c r="X70922" i="1"/>
  <c r="X70923" i="1"/>
  <c r="X70924" i="1"/>
  <c r="X70925" i="1"/>
  <c r="X70926" i="1"/>
  <c r="X70927" i="1"/>
  <c r="X70928" i="1"/>
  <c r="X70929" i="1"/>
  <c r="X70930" i="1"/>
  <c r="X70931" i="1"/>
  <c r="X70932" i="1"/>
  <c r="X70933" i="1"/>
  <c r="X70934" i="1"/>
  <c r="X70935" i="1"/>
  <c r="X70936" i="1"/>
  <c r="X70937" i="1"/>
  <c r="X70938" i="1"/>
  <c r="X70939" i="1"/>
  <c r="X70940" i="1"/>
  <c r="X70941" i="1"/>
  <c r="X70942" i="1"/>
  <c r="X70943" i="1"/>
  <c r="X70944" i="1"/>
  <c r="X70945" i="1"/>
  <c r="X70946" i="1"/>
  <c r="X70947" i="1"/>
  <c r="X70948" i="1"/>
  <c r="X70949" i="1"/>
  <c r="X70950" i="1"/>
  <c r="X70951" i="1"/>
  <c r="X70952" i="1"/>
  <c r="X70953" i="1"/>
  <c r="X70954" i="1"/>
  <c r="X70955" i="1"/>
  <c r="X70956" i="1"/>
  <c r="X70957" i="1"/>
  <c r="X70958" i="1"/>
  <c r="X70959" i="1"/>
  <c r="X70960" i="1"/>
  <c r="X70961" i="1"/>
  <c r="X70962" i="1"/>
  <c r="X70963" i="1"/>
  <c r="X70964" i="1"/>
  <c r="X70965" i="1"/>
  <c r="X70966" i="1"/>
  <c r="X70967" i="1"/>
  <c r="X70968" i="1"/>
  <c r="X70969" i="1"/>
  <c r="X70970" i="1"/>
  <c r="X70971" i="1"/>
  <c r="X70972" i="1"/>
  <c r="X70973" i="1"/>
  <c r="X70974" i="1"/>
  <c r="X70975" i="1"/>
  <c r="X70976" i="1"/>
  <c r="X70977" i="1"/>
  <c r="X70978" i="1"/>
  <c r="X70979" i="1"/>
  <c r="X70980" i="1"/>
  <c r="X70981" i="1"/>
  <c r="X70982" i="1"/>
  <c r="X70983" i="1"/>
  <c r="X70984" i="1"/>
  <c r="X70985" i="1"/>
  <c r="X70986" i="1"/>
  <c r="X70987" i="1"/>
  <c r="X70988" i="1"/>
  <c r="X70989" i="1"/>
  <c r="X70990" i="1"/>
  <c r="X70991" i="1"/>
  <c r="X70992" i="1"/>
  <c r="X70993" i="1"/>
  <c r="X70994" i="1"/>
  <c r="X70995" i="1"/>
  <c r="X70996" i="1"/>
  <c r="X70997" i="1"/>
  <c r="X70998" i="1"/>
  <c r="X70999" i="1"/>
  <c r="X71000" i="1"/>
  <c r="X71001" i="1"/>
  <c r="X71002" i="1"/>
  <c r="X71003" i="1"/>
  <c r="X71004" i="1"/>
  <c r="X71005" i="1"/>
  <c r="X71006" i="1"/>
  <c r="X71007" i="1"/>
  <c r="X71008" i="1"/>
  <c r="X71009" i="1"/>
  <c r="X71010" i="1"/>
  <c r="X71011" i="1"/>
  <c r="X71012" i="1"/>
  <c r="X71013" i="1"/>
  <c r="X71014" i="1"/>
  <c r="X71015" i="1"/>
  <c r="X71016" i="1"/>
  <c r="X71017" i="1"/>
  <c r="X71018" i="1"/>
  <c r="X71019" i="1"/>
  <c r="X71020" i="1"/>
  <c r="X71021" i="1"/>
  <c r="X71022" i="1"/>
  <c r="X71023" i="1"/>
  <c r="X71024" i="1"/>
  <c r="X71025" i="1"/>
  <c r="X71026" i="1"/>
  <c r="X71027" i="1"/>
  <c r="X71028" i="1"/>
  <c r="X71029" i="1"/>
  <c r="X71030" i="1"/>
  <c r="X71031" i="1"/>
  <c r="X71032" i="1"/>
  <c r="X71033" i="1"/>
  <c r="X71034" i="1"/>
  <c r="X71035" i="1"/>
  <c r="X71036" i="1"/>
  <c r="X71037" i="1"/>
  <c r="X71038" i="1"/>
  <c r="X71039" i="1"/>
  <c r="X71040" i="1"/>
  <c r="X71041" i="1"/>
  <c r="X71042" i="1"/>
  <c r="X71043" i="1"/>
  <c r="X71044" i="1"/>
  <c r="X71045" i="1"/>
  <c r="X71046" i="1"/>
  <c r="X71047" i="1"/>
  <c r="X71048" i="1"/>
  <c r="X71049" i="1"/>
  <c r="X71050" i="1"/>
  <c r="X71051" i="1"/>
  <c r="X71052" i="1"/>
  <c r="X71053" i="1"/>
  <c r="X71054" i="1"/>
  <c r="X71055" i="1"/>
  <c r="X71056" i="1"/>
  <c r="X71057" i="1"/>
  <c r="X71058" i="1"/>
  <c r="X71059" i="1"/>
  <c r="X71060" i="1"/>
  <c r="X71061" i="1"/>
  <c r="X71062" i="1"/>
  <c r="X71063" i="1"/>
  <c r="X71064" i="1"/>
  <c r="X71065" i="1"/>
  <c r="X71066" i="1"/>
  <c r="X71067" i="1"/>
  <c r="X71068" i="1"/>
  <c r="X71069" i="1"/>
  <c r="X71070" i="1"/>
  <c r="X71071" i="1"/>
  <c r="X71072" i="1"/>
  <c r="X71073" i="1"/>
  <c r="X71074" i="1"/>
  <c r="X71075" i="1"/>
  <c r="X71076" i="1"/>
  <c r="X71077" i="1"/>
  <c r="X71078" i="1"/>
  <c r="X71079" i="1"/>
  <c r="X71080" i="1"/>
  <c r="X71081" i="1"/>
  <c r="X71082" i="1"/>
  <c r="X71083" i="1"/>
  <c r="X71084" i="1"/>
  <c r="X71085" i="1"/>
  <c r="X71086" i="1"/>
  <c r="X71087" i="1"/>
  <c r="X71088" i="1"/>
  <c r="X71089" i="1"/>
  <c r="X71090" i="1"/>
  <c r="X71091" i="1"/>
  <c r="X71092" i="1"/>
  <c r="X71093" i="1"/>
  <c r="X71094" i="1"/>
  <c r="X71095" i="1"/>
  <c r="X71096" i="1"/>
  <c r="X71097" i="1"/>
  <c r="X71098" i="1"/>
  <c r="X71099" i="1"/>
  <c r="X71100" i="1"/>
  <c r="X71101" i="1"/>
  <c r="X71102" i="1"/>
  <c r="X71103" i="1"/>
  <c r="X71104" i="1"/>
  <c r="X71105" i="1"/>
  <c r="X71106" i="1"/>
  <c r="X71107" i="1"/>
  <c r="X71108" i="1"/>
  <c r="X71109" i="1"/>
  <c r="X71110" i="1"/>
  <c r="X71111" i="1"/>
  <c r="X71112" i="1"/>
  <c r="X71113" i="1"/>
  <c r="X71114" i="1"/>
  <c r="X71115" i="1"/>
  <c r="X71116" i="1"/>
  <c r="X71117" i="1"/>
  <c r="X71118" i="1"/>
  <c r="X71119" i="1"/>
  <c r="X71120" i="1"/>
  <c r="X71121" i="1"/>
  <c r="X71122" i="1"/>
  <c r="X71123" i="1"/>
  <c r="X71124" i="1"/>
  <c r="X71125" i="1"/>
  <c r="X71126" i="1"/>
  <c r="X71127" i="1"/>
  <c r="X71128" i="1"/>
  <c r="X71129" i="1"/>
  <c r="X71130" i="1"/>
  <c r="X71131" i="1"/>
  <c r="X71132" i="1"/>
  <c r="X71133" i="1"/>
  <c r="X71134" i="1"/>
  <c r="X71135" i="1"/>
  <c r="X71136" i="1"/>
  <c r="X71137" i="1"/>
  <c r="X71138" i="1"/>
  <c r="X71139" i="1"/>
  <c r="X71140" i="1"/>
  <c r="X71141" i="1"/>
  <c r="X71142" i="1"/>
  <c r="X71143" i="1"/>
  <c r="X71144" i="1"/>
  <c r="X71145" i="1"/>
  <c r="X71146" i="1"/>
  <c r="X71147" i="1"/>
  <c r="X71148" i="1"/>
  <c r="X71149" i="1"/>
  <c r="X71150" i="1"/>
  <c r="X71151" i="1"/>
  <c r="X71152" i="1"/>
  <c r="X71153" i="1"/>
  <c r="X71154" i="1"/>
  <c r="X71155" i="1"/>
  <c r="X71156" i="1"/>
  <c r="X71157" i="1"/>
  <c r="X71158" i="1"/>
  <c r="X71159" i="1"/>
  <c r="X71160" i="1"/>
  <c r="X71161" i="1"/>
  <c r="X71162" i="1"/>
  <c r="X71163" i="1"/>
  <c r="X71164" i="1"/>
  <c r="X71165" i="1"/>
  <c r="X71166" i="1"/>
  <c r="X71167" i="1"/>
  <c r="X71168" i="1"/>
  <c r="X71169" i="1"/>
  <c r="X71170" i="1"/>
  <c r="X71171" i="1"/>
  <c r="X71172" i="1"/>
  <c r="X71173" i="1"/>
  <c r="X71174" i="1"/>
  <c r="X71175" i="1"/>
  <c r="X71176" i="1"/>
  <c r="X71177" i="1"/>
  <c r="X71178" i="1"/>
  <c r="X71179" i="1"/>
  <c r="X71180" i="1"/>
  <c r="X71181" i="1"/>
  <c r="X71182" i="1"/>
  <c r="X71183" i="1"/>
  <c r="X71184" i="1"/>
  <c r="X71185" i="1"/>
  <c r="X71186" i="1"/>
  <c r="X71187" i="1"/>
  <c r="X71188" i="1"/>
  <c r="X71189" i="1"/>
  <c r="X71190" i="1"/>
  <c r="X71191" i="1"/>
  <c r="X71192" i="1"/>
  <c r="X71193" i="1"/>
  <c r="X71194" i="1"/>
  <c r="X71195" i="1"/>
  <c r="X71196" i="1"/>
  <c r="X71197" i="1"/>
  <c r="X71198" i="1"/>
  <c r="X71199" i="1"/>
  <c r="X71200" i="1"/>
  <c r="X71201" i="1"/>
  <c r="X71202" i="1"/>
  <c r="X71203" i="1"/>
  <c r="X71204" i="1"/>
  <c r="X71205" i="1"/>
  <c r="X71206" i="1"/>
  <c r="X71207" i="1"/>
  <c r="X71208" i="1"/>
  <c r="X71209" i="1"/>
  <c r="X71210" i="1"/>
  <c r="X71211" i="1"/>
  <c r="X71212" i="1"/>
  <c r="X71213" i="1"/>
  <c r="X71214" i="1"/>
  <c r="X71215" i="1"/>
  <c r="X71216" i="1"/>
  <c r="X71217" i="1"/>
  <c r="X71218" i="1"/>
  <c r="X71219" i="1"/>
  <c r="X71220" i="1"/>
  <c r="X71221" i="1"/>
  <c r="X71222" i="1"/>
  <c r="X71223" i="1"/>
  <c r="X71224" i="1"/>
  <c r="X71225" i="1"/>
  <c r="X71226" i="1"/>
  <c r="X71227" i="1"/>
  <c r="X71228" i="1"/>
  <c r="X71229" i="1"/>
  <c r="X71230" i="1"/>
  <c r="X71231" i="1"/>
  <c r="X71232" i="1"/>
  <c r="X71233" i="1"/>
  <c r="X71234" i="1"/>
  <c r="X71235" i="1"/>
  <c r="X71236" i="1"/>
  <c r="X71237" i="1"/>
  <c r="X71238" i="1"/>
  <c r="X71239" i="1"/>
  <c r="X71240" i="1"/>
  <c r="X71241" i="1"/>
  <c r="X71242" i="1"/>
  <c r="X71243" i="1"/>
  <c r="X71244" i="1"/>
  <c r="X71245" i="1"/>
  <c r="X71246" i="1"/>
  <c r="X71247" i="1"/>
  <c r="X71248" i="1"/>
  <c r="X71249" i="1"/>
  <c r="X71250" i="1"/>
  <c r="X71251" i="1"/>
  <c r="X71252" i="1"/>
  <c r="X71253" i="1"/>
  <c r="X71254" i="1"/>
  <c r="X71255" i="1"/>
  <c r="X71256" i="1"/>
  <c r="X71257" i="1"/>
  <c r="X71258" i="1"/>
  <c r="X71259" i="1"/>
  <c r="X71260" i="1"/>
  <c r="X71261" i="1"/>
  <c r="X71262" i="1"/>
  <c r="X71263" i="1"/>
  <c r="X71264" i="1"/>
  <c r="X71265" i="1"/>
  <c r="X71266" i="1"/>
  <c r="X71267" i="1"/>
  <c r="X71268" i="1"/>
  <c r="X71269" i="1"/>
  <c r="X71270" i="1"/>
  <c r="X71271" i="1"/>
  <c r="X71272" i="1"/>
  <c r="X71273" i="1"/>
  <c r="X71274" i="1"/>
  <c r="X71275" i="1"/>
  <c r="X71276" i="1"/>
  <c r="X71277" i="1"/>
  <c r="X71278" i="1"/>
  <c r="X71279" i="1"/>
  <c r="X71280" i="1"/>
  <c r="X71281" i="1"/>
  <c r="X71282" i="1"/>
  <c r="X71283" i="1"/>
  <c r="X71284" i="1"/>
  <c r="X71285" i="1"/>
  <c r="X71286" i="1"/>
  <c r="X71287" i="1"/>
  <c r="X71288" i="1"/>
  <c r="X71289" i="1"/>
  <c r="X71290" i="1"/>
  <c r="X71291" i="1"/>
  <c r="X71292" i="1"/>
  <c r="X71293" i="1"/>
  <c r="X71294" i="1"/>
  <c r="X71295" i="1"/>
  <c r="X71296" i="1"/>
  <c r="X71297" i="1"/>
  <c r="X71298" i="1"/>
  <c r="X71299" i="1"/>
  <c r="X71300" i="1"/>
  <c r="X71301" i="1"/>
  <c r="X71302" i="1"/>
  <c r="X71303" i="1"/>
  <c r="X71304" i="1"/>
  <c r="X71305" i="1"/>
  <c r="X71306" i="1"/>
  <c r="X71307" i="1"/>
  <c r="X71308" i="1"/>
  <c r="X71309" i="1"/>
  <c r="X71310" i="1"/>
  <c r="X71311" i="1"/>
  <c r="X71312" i="1"/>
  <c r="X71313" i="1"/>
  <c r="X71314" i="1"/>
  <c r="X71315" i="1"/>
  <c r="X71316" i="1"/>
  <c r="X71317" i="1"/>
  <c r="X71318" i="1"/>
  <c r="X71319" i="1"/>
  <c r="X71320" i="1"/>
  <c r="X71321" i="1"/>
  <c r="X71322" i="1"/>
  <c r="X71323" i="1"/>
  <c r="X71324" i="1"/>
  <c r="X71325" i="1"/>
  <c r="X71326" i="1"/>
  <c r="X71327" i="1"/>
  <c r="X71328" i="1"/>
  <c r="X71329" i="1"/>
  <c r="X71330" i="1"/>
  <c r="X71331" i="1"/>
  <c r="X71332" i="1"/>
  <c r="X71333" i="1"/>
  <c r="X71334" i="1"/>
  <c r="X71335" i="1"/>
  <c r="X71336" i="1"/>
  <c r="X71337" i="1"/>
  <c r="X71338" i="1"/>
  <c r="X71339" i="1"/>
  <c r="X71340" i="1"/>
  <c r="X71341" i="1"/>
  <c r="X71342" i="1"/>
  <c r="X71343" i="1"/>
  <c r="X71344" i="1"/>
  <c r="X71345" i="1"/>
  <c r="X71346" i="1"/>
  <c r="X71347" i="1"/>
  <c r="X71348" i="1"/>
  <c r="X71349" i="1"/>
  <c r="X71350" i="1"/>
  <c r="X71351" i="1"/>
  <c r="X71352" i="1"/>
  <c r="X71353" i="1"/>
  <c r="X71354" i="1"/>
  <c r="X71355" i="1"/>
  <c r="X71356" i="1"/>
  <c r="X71357" i="1"/>
  <c r="X71358" i="1"/>
  <c r="X71359" i="1"/>
  <c r="X71360" i="1"/>
  <c r="X71361" i="1"/>
  <c r="X71362" i="1"/>
  <c r="X71363" i="1"/>
  <c r="X71364" i="1"/>
  <c r="X71365" i="1"/>
  <c r="X71366" i="1"/>
  <c r="X71367" i="1"/>
  <c r="X71368" i="1"/>
  <c r="X71369" i="1"/>
  <c r="X71370" i="1"/>
  <c r="X71371" i="1"/>
  <c r="X71372" i="1"/>
  <c r="X71373" i="1"/>
  <c r="X71374" i="1"/>
  <c r="X71375" i="1"/>
  <c r="X71376" i="1"/>
  <c r="X71377" i="1"/>
  <c r="X71378" i="1"/>
  <c r="X71379" i="1"/>
  <c r="X71380" i="1"/>
  <c r="X71381" i="1"/>
  <c r="X71382" i="1"/>
  <c r="X71383" i="1"/>
  <c r="X71384" i="1"/>
  <c r="X71385" i="1"/>
  <c r="X71386" i="1"/>
  <c r="X71387" i="1"/>
  <c r="X71388" i="1"/>
  <c r="X71389" i="1"/>
  <c r="X71390" i="1"/>
  <c r="X71391" i="1"/>
  <c r="X71392" i="1"/>
  <c r="X71393" i="1"/>
  <c r="X71394" i="1"/>
  <c r="X71395" i="1"/>
  <c r="X71396" i="1"/>
  <c r="X71397" i="1"/>
  <c r="X71398" i="1"/>
  <c r="X71399" i="1"/>
  <c r="X71400" i="1"/>
  <c r="X71401" i="1"/>
  <c r="X71402" i="1"/>
  <c r="X71403" i="1"/>
  <c r="X71404" i="1"/>
  <c r="X71405" i="1"/>
  <c r="X71406" i="1"/>
  <c r="X71407" i="1"/>
  <c r="X71408" i="1"/>
  <c r="X71409" i="1"/>
  <c r="X71410" i="1"/>
  <c r="X71411" i="1"/>
  <c r="X71412" i="1"/>
  <c r="X71413" i="1"/>
  <c r="X71414" i="1"/>
  <c r="X71415" i="1"/>
  <c r="X71416" i="1"/>
  <c r="X71417" i="1"/>
  <c r="X71418" i="1"/>
  <c r="X71419" i="1"/>
  <c r="X71420" i="1"/>
  <c r="X71421" i="1"/>
  <c r="X71422" i="1"/>
  <c r="X71423" i="1"/>
  <c r="X71424" i="1"/>
  <c r="X71425" i="1"/>
  <c r="X71426" i="1"/>
  <c r="X71427" i="1"/>
  <c r="X71428" i="1"/>
  <c r="X71429" i="1"/>
  <c r="X71430" i="1"/>
  <c r="X71431" i="1"/>
  <c r="X71432" i="1"/>
  <c r="X71433" i="1"/>
  <c r="X71434" i="1"/>
  <c r="X71435" i="1"/>
  <c r="X71436" i="1"/>
  <c r="X71437" i="1"/>
  <c r="X71438" i="1"/>
  <c r="X71439" i="1"/>
  <c r="X71440" i="1"/>
  <c r="X71441" i="1"/>
  <c r="X71442" i="1"/>
  <c r="X71443" i="1"/>
  <c r="X71444" i="1"/>
  <c r="X71445" i="1"/>
  <c r="X71446" i="1"/>
  <c r="X71447" i="1"/>
  <c r="X71448" i="1"/>
  <c r="X71449" i="1"/>
  <c r="X71450" i="1"/>
  <c r="X71451" i="1"/>
  <c r="X71452" i="1"/>
  <c r="X71453" i="1"/>
  <c r="X71454" i="1"/>
  <c r="X71455" i="1"/>
  <c r="X71456" i="1"/>
  <c r="X71457" i="1"/>
  <c r="X71458" i="1"/>
  <c r="X71459" i="1"/>
  <c r="X71460" i="1"/>
  <c r="X71461" i="1"/>
  <c r="X71462" i="1"/>
  <c r="X71463" i="1"/>
  <c r="X71464" i="1"/>
  <c r="X71465" i="1"/>
  <c r="X71466" i="1"/>
  <c r="X71467" i="1"/>
  <c r="X71468" i="1"/>
  <c r="X71469" i="1"/>
  <c r="X71470" i="1"/>
  <c r="X71471" i="1"/>
  <c r="X71472" i="1"/>
  <c r="X71473" i="1"/>
  <c r="X71474" i="1"/>
  <c r="X71475" i="1"/>
  <c r="X71476" i="1"/>
  <c r="X71477" i="1"/>
  <c r="X71478" i="1"/>
  <c r="X71479" i="1"/>
  <c r="X71480" i="1"/>
  <c r="X71481" i="1"/>
  <c r="X71482" i="1"/>
  <c r="X71483" i="1"/>
  <c r="X71484" i="1"/>
  <c r="X71485" i="1"/>
  <c r="X71486" i="1"/>
  <c r="X71487" i="1"/>
  <c r="X71488" i="1"/>
  <c r="X71489" i="1"/>
  <c r="X71490" i="1"/>
  <c r="X71491" i="1"/>
  <c r="X71492" i="1"/>
  <c r="X71493" i="1"/>
  <c r="X71494" i="1"/>
  <c r="X71495" i="1"/>
  <c r="X71496" i="1"/>
  <c r="X71497" i="1"/>
  <c r="X71498" i="1"/>
  <c r="X71499" i="1"/>
  <c r="X71500" i="1"/>
  <c r="X71501" i="1"/>
  <c r="X71502" i="1"/>
  <c r="X71503" i="1"/>
  <c r="X71504" i="1"/>
  <c r="X71505" i="1"/>
  <c r="X71506" i="1"/>
  <c r="X71507" i="1"/>
  <c r="X71508" i="1"/>
  <c r="X71509" i="1"/>
  <c r="X71510" i="1"/>
  <c r="X71511" i="1"/>
  <c r="X71512" i="1"/>
  <c r="X71513" i="1"/>
  <c r="X71514" i="1"/>
  <c r="X71515" i="1"/>
  <c r="X71516" i="1"/>
  <c r="X71517" i="1"/>
  <c r="X71518" i="1"/>
  <c r="X71519" i="1"/>
  <c r="X71520" i="1"/>
  <c r="X71521" i="1"/>
  <c r="X71522" i="1"/>
  <c r="X71523" i="1"/>
  <c r="X71524" i="1"/>
  <c r="X71525" i="1"/>
  <c r="X71526" i="1"/>
  <c r="X71527" i="1"/>
  <c r="X71528" i="1"/>
  <c r="X71529" i="1"/>
  <c r="X71530" i="1"/>
  <c r="X71531" i="1"/>
  <c r="X71532" i="1"/>
  <c r="X71533" i="1"/>
  <c r="X71534" i="1"/>
  <c r="X71535" i="1"/>
  <c r="X71536" i="1"/>
  <c r="X71537" i="1"/>
  <c r="X71538" i="1"/>
  <c r="X71539" i="1"/>
  <c r="X71540" i="1"/>
  <c r="X71541" i="1"/>
  <c r="X71542" i="1"/>
  <c r="X71543" i="1"/>
  <c r="X71544" i="1"/>
  <c r="X71545" i="1"/>
  <c r="X71546" i="1"/>
  <c r="X71547" i="1"/>
  <c r="X71548" i="1"/>
  <c r="X71549" i="1"/>
  <c r="X71550" i="1"/>
  <c r="X71551" i="1"/>
  <c r="X71552" i="1"/>
  <c r="X71553" i="1"/>
  <c r="X71554" i="1"/>
  <c r="X71555" i="1"/>
  <c r="X71556" i="1"/>
  <c r="X71557" i="1"/>
  <c r="X71558" i="1"/>
  <c r="X71559" i="1"/>
  <c r="X71560" i="1"/>
  <c r="X71561" i="1"/>
  <c r="X71562" i="1"/>
  <c r="X71563" i="1"/>
  <c r="X71564" i="1"/>
  <c r="X71565" i="1"/>
  <c r="X71566" i="1"/>
  <c r="X71567" i="1"/>
  <c r="X71568" i="1"/>
  <c r="X71569" i="1"/>
  <c r="X71570" i="1"/>
  <c r="X71571" i="1"/>
  <c r="X71572" i="1"/>
  <c r="X71573" i="1"/>
  <c r="X71574" i="1"/>
  <c r="X71575" i="1"/>
  <c r="X71576" i="1"/>
  <c r="X71577" i="1"/>
  <c r="X71578" i="1"/>
  <c r="X71579" i="1"/>
  <c r="X71580" i="1"/>
  <c r="X71581" i="1"/>
  <c r="X71582" i="1"/>
  <c r="X71583" i="1"/>
  <c r="X71584" i="1"/>
  <c r="X71585" i="1"/>
  <c r="X71586" i="1"/>
  <c r="X71587" i="1"/>
  <c r="X71588" i="1"/>
  <c r="X71589" i="1"/>
  <c r="X71590" i="1"/>
  <c r="X71591" i="1"/>
  <c r="X71592" i="1"/>
  <c r="X71593" i="1"/>
  <c r="X71594" i="1"/>
  <c r="X71595" i="1"/>
  <c r="X71596" i="1"/>
  <c r="X71597" i="1"/>
  <c r="X71598" i="1"/>
  <c r="X71599" i="1"/>
  <c r="X71600" i="1"/>
  <c r="X71601" i="1"/>
  <c r="X71602" i="1"/>
  <c r="X71603" i="1"/>
  <c r="X71604" i="1"/>
  <c r="X71605" i="1"/>
  <c r="X71606" i="1"/>
  <c r="X71607" i="1"/>
  <c r="X71608" i="1"/>
  <c r="X71609" i="1"/>
  <c r="X71610" i="1"/>
  <c r="X71611" i="1"/>
  <c r="X71612" i="1"/>
  <c r="X71613" i="1"/>
  <c r="X71614" i="1"/>
  <c r="X71615" i="1"/>
  <c r="X71616" i="1"/>
  <c r="X71617" i="1"/>
  <c r="X71618" i="1"/>
  <c r="X71619" i="1"/>
  <c r="X71620" i="1"/>
  <c r="X71621" i="1"/>
  <c r="X71622" i="1"/>
  <c r="X71623" i="1"/>
  <c r="X71624" i="1"/>
  <c r="X71625" i="1"/>
  <c r="X71626" i="1"/>
  <c r="X71627" i="1"/>
  <c r="X71628" i="1"/>
  <c r="X71629" i="1"/>
  <c r="X71630" i="1"/>
  <c r="X71631" i="1"/>
  <c r="X71632" i="1"/>
  <c r="X71633" i="1"/>
  <c r="X71634" i="1"/>
  <c r="X71635" i="1"/>
  <c r="X71636" i="1"/>
  <c r="X71637" i="1"/>
  <c r="X71638" i="1"/>
  <c r="X71639" i="1"/>
  <c r="X71640" i="1"/>
  <c r="X71641" i="1"/>
  <c r="X71642" i="1"/>
  <c r="X71643" i="1"/>
  <c r="X71644" i="1"/>
  <c r="X71645" i="1"/>
  <c r="X71646" i="1"/>
  <c r="X71647" i="1"/>
  <c r="X71648" i="1"/>
  <c r="X71649" i="1"/>
  <c r="X71650" i="1"/>
  <c r="X71651" i="1"/>
  <c r="X71652" i="1"/>
  <c r="X71653" i="1"/>
  <c r="X71654" i="1"/>
  <c r="X71655" i="1"/>
  <c r="X71656" i="1"/>
  <c r="X71657" i="1"/>
  <c r="X71658" i="1"/>
  <c r="X71659" i="1"/>
  <c r="X71660" i="1"/>
  <c r="X71661" i="1"/>
  <c r="X71662" i="1"/>
  <c r="X71663" i="1"/>
  <c r="X71664" i="1"/>
  <c r="X71665" i="1"/>
  <c r="X71666" i="1"/>
  <c r="X71667" i="1"/>
  <c r="X71668" i="1"/>
  <c r="X71669" i="1"/>
  <c r="X71670" i="1"/>
  <c r="X71671" i="1"/>
  <c r="X71672" i="1"/>
  <c r="X71673" i="1"/>
  <c r="X71674" i="1"/>
  <c r="X71675" i="1"/>
  <c r="X71676" i="1"/>
  <c r="X71677" i="1"/>
  <c r="X71678" i="1"/>
  <c r="X71679" i="1"/>
  <c r="X71680" i="1"/>
  <c r="X71681" i="1"/>
  <c r="X71682" i="1"/>
  <c r="X71683" i="1"/>
  <c r="X71684" i="1"/>
  <c r="X71685" i="1"/>
  <c r="X71686" i="1"/>
  <c r="X71687" i="1"/>
  <c r="X71688" i="1"/>
  <c r="X71689" i="1"/>
  <c r="X71690" i="1"/>
  <c r="X71691" i="1"/>
  <c r="X71692" i="1"/>
  <c r="X71693" i="1"/>
  <c r="X71694" i="1"/>
  <c r="X71695" i="1"/>
  <c r="X71696" i="1"/>
  <c r="X71697" i="1"/>
  <c r="X71698" i="1"/>
  <c r="X71699" i="1"/>
  <c r="X71700" i="1"/>
  <c r="X71701" i="1"/>
  <c r="X71702" i="1"/>
  <c r="X71703" i="1"/>
  <c r="X71704" i="1"/>
  <c r="X71705" i="1"/>
  <c r="X71706" i="1"/>
  <c r="X71707" i="1"/>
  <c r="X71708" i="1"/>
  <c r="X71709" i="1"/>
  <c r="X71710" i="1"/>
  <c r="X71711" i="1"/>
  <c r="X71712" i="1"/>
  <c r="X71713" i="1"/>
  <c r="X71714" i="1"/>
  <c r="X71715" i="1"/>
  <c r="X71716" i="1"/>
  <c r="X71717" i="1"/>
  <c r="X71718" i="1"/>
  <c r="X71719" i="1"/>
  <c r="X71720" i="1"/>
  <c r="X71721" i="1"/>
  <c r="X71722" i="1"/>
  <c r="X71723" i="1"/>
  <c r="X71724" i="1"/>
  <c r="X71725" i="1"/>
  <c r="X71726" i="1"/>
  <c r="X71727" i="1"/>
  <c r="X71728" i="1"/>
  <c r="X71729" i="1"/>
  <c r="X71730" i="1"/>
  <c r="X71731" i="1"/>
  <c r="X71732" i="1"/>
  <c r="X71733" i="1"/>
  <c r="X71734" i="1"/>
  <c r="X71735" i="1"/>
  <c r="X71736" i="1"/>
  <c r="X71737" i="1"/>
  <c r="X71738" i="1"/>
  <c r="X71739" i="1"/>
  <c r="X71740" i="1"/>
  <c r="X71741" i="1"/>
  <c r="X71742" i="1"/>
  <c r="X71743" i="1"/>
  <c r="X71744" i="1"/>
  <c r="X71745" i="1"/>
  <c r="X71746" i="1"/>
  <c r="X71747" i="1"/>
  <c r="X71748" i="1"/>
  <c r="X71749" i="1"/>
  <c r="X71750" i="1"/>
  <c r="X71751" i="1"/>
  <c r="X71752" i="1"/>
  <c r="X71753" i="1"/>
  <c r="X71754" i="1"/>
  <c r="X71755" i="1"/>
  <c r="X71756" i="1"/>
  <c r="X71757" i="1"/>
  <c r="X71758" i="1"/>
  <c r="X71759" i="1"/>
  <c r="X71760" i="1"/>
  <c r="X71761" i="1"/>
  <c r="X71762" i="1"/>
  <c r="X71763" i="1"/>
  <c r="X71764" i="1"/>
  <c r="X71765" i="1"/>
  <c r="X71766" i="1"/>
  <c r="X71767" i="1"/>
  <c r="X71768" i="1"/>
  <c r="X71769" i="1"/>
  <c r="X71770" i="1"/>
  <c r="X71771" i="1"/>
  <c r="X71772" i="1"/>
  <c r="X71773" i="1"/>
  <c r="X71774" i="1"/>
  <c r="X71775" i="1"/>
  <c r="X71776" i="1"/>
  <c r="X71777" i="1"/>
  <c r="X71778" i="1"/>
  <c r="X71779" i="1"/>
  <c r="X71780" i="1"/>
  <c r="X71781" i="1"/>
  <c r="X71782" i="1"/>
  <c r="X71783" i="1"/>
  <c r="X71784" i="1"/>
  <c r="X71785" i="1"/>
  <c r="X71786" i="1"/>
  <c r="X71787" i="1"/>
  <c r="X71788" i="1"/>
  <c r="X71789" i="1"/>
  <c r="X71790" i="1"/>
  <c r="X71791" i="1"/>
  <c r="X71792" i="1"/>
  <c r="X71793" i="1"/>
  <c r="X71794" i="1"/>
  <c r="X71795" i="1"/>
  <c r="X71796" i="1"/>
  <c r="X71797" i="1"/>
  <c r="X71798" i="1"/>
  <c r="X71799" i="1"/>
  <c r="X71800" i="1"/>
  <c r="X71801" i="1"/>
  <c r="X71802" i="1"/>
  <c r="X71803" i="1"/>
  <c r="X71804" i="1"/>
  <c r="X71805" i="1"/>
  <c r="X71806" i="1"/>
  <c r="X71807" i="1"/>
  <c r="X71808" i="1"/>
  <c r="X71809" i="1"/>
  <c r="X71810" i="1"/>
  <c r="X71811" i="1"/>
  <c r="X71812" i="1"/>
  <c r="X71813" i="1"/>
  <c r="X71814" i="1"/>
  <c r="X71815" i="1"/>
  <c r="X71816" i="1"/>
  <c r="X71817" i="1"/>
  <c r="X71818" i="1"/>
  <c r="X71819" i="1"/>
  <c r="X71820" i="1"/>
  <c r="X71821" i="1"/>
  <c r="X71822" i="1"/>
  <c r="X71823" i="1"/>
  <c r="X71824" i="1"/>
  <c r="X71825" i="1"/>
  <c r="X71826" i="1"/>
  <c r="X71827" i="1"/>
  <c r="X71828" i="1"/>
  <c r="X71829" i="1"/>
  <c r="X71830" i="1"/>
  <c r="X71831" i="1"/>
  <c r="X71832" i="1"/>
  <c r="X71833" i="1"/>
  <c r="X71834" i="1"/>
  <c r="X71835" i="1"/>
  <c r="X71836" i="1"/>
  <c r="X71837" i="1"/>
  <c r="X71838" i="1"/>
  <c r="X71839" i="1"/>
  <c r="X71840" i="1"/>
  <c r="X71841" i="1"/>
  <c r="X71842" i="1"/>
  <c r="X71843" i="1"/>
  <c r="X71844" i="1"/>
  <c r="X71845" i="1"/>
  <c r="X71846" i="1"/>
  <c r="X71847" i="1"/>
  <c r="X71848" i="1"/>
  <c r="X71849" i="1"/>
  <c r="X71850" i="1"/>
  <c r="X71851" i="1"/>
  <c r="X71852" i="1"/>
  <c r="X71853" i="1"/>
  <c r="X71854" i="1"/>
  <c r="X71855" i="1"/>
  <c r="X71856" i="1"/>
  <c r="X71857" i="1"/>
  <c r="X71858" i="1"/>
  <c r="X71859" i="1"/>
  <c r="X71860" i="1"/>
  <c r="X71861" i="1"/>
  <c r="X71862" i="1"/>
  <c r="X71863" i="1"/>
  <c r="X71864" i="1"/>
  <c r="X71865" i="1"/>
  <c r="X71866" i="1"/>
  <c r="X71867" i="1"/>
  <c r="X71868" i="1"/>
  <c r="X71869" i="1"/>
  <c r="X71870" i="1"/>
  <c r="X71871" i="1"/>
  <c r="X71872" i="1"/>
  <c r="X71873" i="1"/>
  <c r="X71874" i="1"/>
  <c r="X71875" i="1"/>
  <c r="X71876" i="1"/>
  <c r="X71877" i="1"/>
  <c r="X71878" i="1"/>
  <c r="X71879" i="1"/>
  <c r="X71880" i="1"/>
  <c r="X71881" i="1"/>
  <c r="X71882" i="1"/>
  <c r="X71883" i="1"/>
  <c r="X71884" i="1"/>
  <c r="X71885" i="1"/>
  <c r="X71886" i="1"/>
  <c r="X71887" i="1"/>
  <c r="X71888" i="1"/>
  <c r="X71889" i="1"/>
  <c r="X71890" i="1"/>
  <c r="X71891" i="1"/>
  <c r="X71892" i="1"/>
  <c r="X71893" i="1"/>
  <c r="X71894" i="1"/>
  <c r="X71895" i="1"/>
  <c r="X71896" i="1"/>
  <c r="X71897" i="1"/>
  <c r="X71898" i="1"/>
  <c r="X71899" i="1"/>
  <c r="X71900" i="1"/>
  <c r="X71901" i="1"/>
  <c r="X71902" i="1"/>
  <c r="X71903" i="1"/>
  <c r="X71904" i="1"/>
  <c r="X71905" i="1"/>
  <c r="X71906" i="1"/>
  <c r="X71907" i="1"/>
  <c r="X71908" i="1"/>
  <c r="X71909" i="1"/>
  <c r="X71910" i="1"/>
  <c r="X71911" i="1"/>
  <c r="X71912" i="1"/>
  <c r="X71913" i="1"/>
  <c r="X71914" i="1"/>
  <c r="X71915" i="1"/>
  <c r="X71916" i="1"/>
  <c r="X71917" i="1"/>
  <c r="X71918" i="1"/>
  <c r="X71919" i="1"/>
  <c r="X71920" i="1"/>
  <c r="X71921" i="1"/>
  <c r="X71922" i="1"/>
  <c r="X71923" i="1"/>
  <c r="X71924" i="1"/>
  <c r="X71925" i="1"/>
  <c r="X71926" i="1"/>
  <c r="X71927" i="1"/>
  <c r="X71928" i="1"/>
  <c r="X71929" i="1"/>
  <c r="X71930" i="1"/>
  <c r="X71931" i="1"/>
  <c r="X71932" i="1"/>
  <c r="X71933" i="1"/>
  <c r="X71934" i="1"/>
  <c r="X71935" i="1"/>
  <c r="X71936" i="1"/>
  <c r="X71937" i="1"/>
  <c r="X71938" i="1"/>
  <c r="X71939" i="1"/>
  <c r="X71940" i="1"/>
  <c r="X71941" i="1"/>
  <c r="X71942" i="1"/>
  <c r="X71943" i="1"/>
  <c r="X71944" i="1"/>
  <c r="X71945" i="1"/>
  <c r="X71946" i="1"/>
  <c r="X71947" i="1"/>
  <c r="X71948" i="1"/>
  <c r="X71949" i="1"/>
  <c r="X71950" i="1"/>
  <c r="X71951" i="1"/>
  <c r="X71952" i="1"/>
  <c r="X71953" i="1"/>
  <c r="X71954" i="1"/>
  <c r="X71955" i="1"/>
  <c r="X71956" i="1"/>
  <c r="X71957" i="1"/>
  <c r="X71958" i="1"/>
  <c r="X71959" i="1"/>
  <c r="X71960" i="1"/>
  <c r="X71961" i="1"/>
  <c r="X71962" i="1"/>
  <c r="X71963" i="1"/>
  <c r="X71964" i="1"/>
  <c r="X71965" i="1"/>
  <c r="X71966" i="1"/>
  <c r="X71967" i="1"/>
  <c r="X71968" i="1"/>
  <c r="X71969" i="1"/>
  <c r="X71970" i="1"/>
  <c r="X71971" i="1"/>
  <c r="X71972" i="1"/>
  <c r="X71973" i="1"/>
  <c r="X71974" i="1"/>
  <c r="X71975" i="1"/>
  <c r="X71976" i="1"/>
  <c r="X71977" i="1"/>
  <c r="X71978" i="1"/>
  <c r="X71979" i="1"/>
  <c r="X71980" i="1"/>
  <c r="X71981" i="1"/>
  <c r="X71982" i="1"/>
  <c r="X71983" i="1"/>
  <c r="X71984" i="1"/>
  <c r="X71985" i="1"/>
  <c r="X71986" i="1"/>
  <c r="X71987" i="1"/>
  <c r="X71988" i="1"/>
  <c r="X71989" i="1"/>
  <c r="X71990" i="1"/>
  <c r="X71991" i="1"/>
  <c r="X71992" i="1"/>
  <c r="X71993" i="1"/>
  <c r="X71994" i="1"/>
  <c r="X71995" i="1"/>
  <c r="X71996" i="1"/>
  <c r="X71997" i="1"/>
  <c r="X71998" i="1"/>
  <c r="X71999" i="1"/>
  <c r="X72000" i="1"/>
  <c r="X72001" i="1"/>
  <c r="X72002" i="1"/>
  <c r="X72003" i="1"/>
  <c r="X72004" i="1"/>
  <c r="X72005" i="1"/>
  <c r="X72006" i="1"/>
  <c r="X72007" i="1"/>
  <c r="X72008" i="1"/>
  <c r="X72009" i="1"/>
  <c r="X72010" i="1"/>
  <c r="X72011" i="1"/>
  <c r="X72012" i="1"/>
  <c r="X72013" i="1"/>
  <c r="X72014" i="1"/>
  <c r="X72015" i="1"/>
  <c r="X72016" i="1"/>
  <c r="X72017" i="1"/>
  <c r="X72018" i="1"/>
  <c r="X72019" i="1"/>
  <c r="X72020" i="1"/>
  <c r="X72021" i="1"/>
  <c r="X72022" i="1"/>
  <c r="X72023" i="1"/>
  <c r="X72024" i="1"/>
  <c r="X72025" i="1"/>
  <c r="X72026" i="1"/>
  <c r="X72027" i="1"/>
  <c r="X72028" i="1"/>
  <c r="X72029" i="1"/>
  <c r="X72030" i="1"/>
  <c r="X72031" i="1"/>
  <c r="X72032" i="1"/>
  <c r="X72033" i="1"/>
  <c r="X72034" i="1"/>
  <c r="X72035" i="1"/>
  <c r="X72036" i="1"/>
  <c r="X72037" i="1"/>
  <c r="X72038" i="1"/>
  <c r="X72039" i="1"/>
  <c r="X72040" i="1"/>
  <c r="X72041" i="1"/>
  <c r="X72042" i="1"/>
  <c r="X72043" i="1"/>
  <c r="X72044" i="1"/>
  <c r="X72045" i="1"/>
  <c r="X72046" i="1"/>
  <c r="X72047" i="1"/>
  <c r="X72048" i="1"/>
  <c r="X72049" i="1"/>
  <c r="X72050" i="1"/>
  <c r="X72051" i="1"/>
  <c r="X72052" i="1"/>
  <c r="X72053" i="1"/>
  <c r="X72054" i="1"/>
  <c r="X72055" i="1"/>
  <c r="X72056" i="1"/>
  <c r="X72057" i="1"/>
  <c r="X72058" i="1"/>
  <c r="X72059" i="1"/>
  <c r="X72060" i="1"/>
  <c r="X72061" i="1"/>
  <c r="X72062" i="1"/>
  <c r="X72063" i="1"/>
  <c r="X72064" i="1"/>
  <c r="X72065" i="1"/>
  <c r="X72066" i="1"/>
  <c r="X72067" i="1"/>
  <c r="X72068" i="1"/>
  <c r="X72069" i="1"/>
  <c r="X72070" i="1"/>
  <c r="X72071" i="1"/>
  <c r="X72072" i="1"/>
  <c r="X72073" i="1"/>
  <c r="X72074" i="1"/>
  <c r="X72075" i="1"/>
  <c r="X72076" i="1"/>
  <c r="X72077" i="1"/>
  <c r="X72078" i="1"/>
  <c r="X72079" i="1"/>
  <c r="X72080" i="1"/>
  <c r="X72081" i="1"/>
  <c r="X72082" i="1"/>
  <c r="X72083" i="1"/>
  <c r="X72084" i="1"/>
  <c r="X72085" i="1"/>
  <c r="X72086" i="1"/>
  <c r="X72087" i="1"/>
  <c r="X72088" i="1"/>
  <c r="X72089" i="1"/>
  <c r="X72090" i="1"/>
  <c r="X72091" i="1"/>
  <c r="X72092" i="1"/>
  <c r="X72093" i="1"/>
  <c r="X72094" i="1"/>
  <c r="X72095" i="1"/>
  <c r="X72096" i="1"/>
  <c r="X72097" i="1"/>
  <c r="X72098" i="1"/>
  <c r="X72099" i="1"/>
  <c r="X72100" i="1"/>
  <c r="X72101" i="1"/>
  <c r="X72102" i="1"/>
  <c r="X72103" i="1"/>
  <c r="X72104" i="1"/>
  <c r="X72105" i="1"/>
  <c r="X72106" i="1"/>
  <c r="X72107" i="1"/>
  <c r="X72108" i="1"/>
  <c r="X72109" i="1"/>
  <c r="X72110" i="1"/>
  <c r="X72111" i="1"/>
  <c r="X72112" i="1"/>
  <c r="X72113" i="1"/>
  <c r="X72114" i="1"/>
  <c r="X72115" i="1"/>
  <c r="X72116" i="1"/>
  <c r="X72117" i="1"/>
  <c r="X72118" i="1"/>
  <c r="X72119" i="1"/>
  <c r="X72120" i="1"/>
  <c r="X72121" i="1"/>
  <c r="X72122" i="1"/>
  <c r="X72123" i="1"/>
  <c r="X72124" i="1"/>
  <c r="X72125" i="1"/>
  <c r="X72126" i="1"/>
  <c r="X72127" i="1"/>
  <c r="X72128" i="1"/>
  <c r="X72129" i="1"/>
  <c r="X72130" i="1"/>
  <c r="X72131" i="1"/>
  <c r="X72132" i="1"/>
  <c r="X72133" i="1"/>
  <c r="X72134" i="1"/>
  <c r="X72135" i="1"/>
  <c r="X72136" i="1"/>
  <c r="X72137" i="1"/>
  <c r="X72138" i="1"/>
  <c r="X72139" i="1"/>
  <c r="X72140" i="1"/>
  <c r="X72141" i="1"/>
  <c r="X72142" i="1"/>
  <c r="X72143" i="1"/>
  <c r="X72144" i="1"/>
  <c r="X72145" i="1"/>
  <c r="X72146" i="1"/>
  <c r="X72147" i="1"/>
  <c r="X72148" i="1"/>
  <c r="X72149" i="1"/>
  <c r="X72150" i="1"/>
  <c r="X72151" i="1"/>
  <c r="X72152" i="1"/>
  <c r="X72153" i="1"/>
  <c r="X72154" i="1"/>
  <c r="X72155" i="1"/>
  <c r="X72156" i="1"/>
  <c r="X72157" i="1"/>
  <c r="X72158" i="1"/>
  <c r="X72159" i="1"/>
  <c r="X72160" i="1"/>
  <c r="X72161" i="1"/>
  <c r="X72162" i="1"/>
  <c r="X72163" i="1"/>
  <c r="X72164" i="1"/>
  <c r="X72165" i="1"/>
  <c r="X72166" i="1"/>
  <c r="X72167" i="1"/>
  <c r="X72168" i="1"/>
  <c r="X72169" i="1"/>
  <c r="X72170" i="1"/>
  <c r="X72171" i="1"/>
  <c r="X72172" i="1"/>
  <c r="X72173" i="1"/>
  <c r="X72174" i="1"/>
  <c r="X72175" i="1"/>
  <c r="X72176" i="1"/>
  <c r="X72177" i="1"/>
  <c r="X72178" i="1"/>
  <c r="X72179" i="1"/>
  <c r="X72180" i="1"/>
  <c r="X72181" i="1"/>
  <c r="X72182" i="1"/>
  <c r="X72183" i="1"/>
  <c r="X72184" i="1"/>
  <c r="X72185" i="1"/>
  <c r="X72186" i="1"/>
  <c r="X72187" i="1"/>
  <c r="X72188" i="1"/>
  <c r="X72189" i="1"/>
  <c r="X72190" i="1"/>
  <c r="X72191" i="1"/>
  <c r="X72192" i="1"/>
  <c r="X72193" i="1"/>
  <c r="X72194" i="1"/>
  <c r="X72195" i="1"/>
  <c r="X72196" i="1"/>
  <c r="X72197" i="1"/>
  <c r="X72198" i="1"/>
  <c r="X72199" i="1"/>
  <c r="X72200" i="1"/>
  <c r="X72201" i="1"/>
  <c r="X72202" i="1"/>
  <c r="X72203" i="1"/>
  <c r="X72204" i="1"/>
  <c r="X72205" i="1"/>
  <c r="X72206" i="1"/>
  <c r="X72207" i="1"/>
  <c r="X72208" i="1"/>
  <c r="X72209" i="1"/>
  <c r="X72210" i="1"/>
  <c r="X72211" i="1"/>
  <c r="X72212" i="1"/>
  <c r="X72213" i="1"/>
  <c r="X72214" i="1"/>
  <c r="X72215" i="1"/>
  <c r="X72216" i="1"/>
  <c r="X72217" i="1"/>
  <c r="X72218" i="1"/>
  <c r="X72219" i="1"/>
  <c r="X72220" i="1"/>
  <c r="X72221" i="1"/>
  <c r="X72222" i="1"/>
  <c r="X72223" i="1"/>
  <c r="X72224" i="1"/>
  <c r="X72225" i="1"/>
  <c r="X72226" i="1"/>
  <c r="X72227" i="1"/>
  <c r="X72228" i="1"/>
  <c r="X72229" i="1"/>
  <c r="X72230" i="1"/>
  <c r="X72231" i="1"/>
  <c r="X72232" i="1"/>
  <c r="X72233" i="1"/>
  <c r="X72234" i="1"/>
  <c r="X72235" i="1"/>
  <c r="X72236" i="1"/>
  <c r="X72237" i="1"/>
  <c r="X72238" i="1"/>
  <c r="X72239" i="1"/>
  <c r="X72240" i="1"/>
  <c r="X72241" i="1"/>
  <c r="X72242" i="1"/>
  <c r="X72243" i="1"/>
  <c r="X72244" i="1"/>
  <c r="X72245" i="1"/>
  <c r="X72246" i="1"/>
  <c r="X72247" i="1"/>
  <c r="X72248" i="1"/>
  <c r="X72249" i="1"/>
  <c r="X72250" i="1"/>
  <c r="X72251" i="1"/>
  <c r="X72252" i="1"/>
  <c r="X72253" i="1"/>
  <c r="X72254" i="1"/>
  <c r="X72255" i="1"/>
  <c r="X72256" i="1"/>
  <c r="X72257" i="1"/>
  <c r="X72258" i="1"/>
  <c r="X72259" i="1"/>
  <c r="X72260" i="1"/>
  <c r="X72261" i="1"/>
  <c r="X72262" i="1"/>
  <c r="X72263" i="1"/>
  <c r="X72264" i="1"/>
  <c r="X72265" i="1"/>
  <c r="X72266" i="1"/>
  <c r="X72267" i="1"/>
  <c r="X72268" i="1"/>
  <c r="X72269" i="1"/>
  <c r="X72270" i="1"/>
  <c r="X72271" i="1"/>
  <c r="X72272" i="1"/>
  <c r="X72273" i="1"/>
  <c r="X72274" i="1"/>
  <c r="X72275" i="1"/>
  <c r="X72276" i="1"/>
  <c r="X72277" i="1"/>
  <c r="X72278" i="1"/>
  <c r="X72279" i="1"/>
  <c r="X72280" i="1"/>
  <c r="X72281" i="1"/>
  <c r="X72282" i="1"/>
  <c r="X72283" i="1"/>
  <c r="X72284" i="1"/>
  <c r="X72285" i="1"/>
  <c r="X72286" i="1"/>
  <c r="X72287" i="1"/>
  <c r="X72288" i="1"/>
  <c r="X72289" i="1"/>
  <c r="X72290" i="1"/>
  <c r="X72291" i="1"/>
  <c r="X72292" i="1"/>
  <c r="X72293" i="1"/>
  <c r="X72294" i="1"/>
  <c r="X72295" i="1"/>
  <c r="X72296" i="1"/>
  <c r="X72297" i="1"/>
  <c r="X72298" i="1"/>
  <c r="X72299" i="1"/>
  <c r="X72300" i="1"/>
  <c r="X72301" i="1"/>
  <c r="X72302" i="1"/>
  <c r="X72303" i="1"/>
  <c r="X72304" i="1"/>
  <c r="X72305" i="1"/>
  <c r="X72306" i="1"/>
  <c r="X72307" i="1"/>
  <c r="X72308" i="1"/>
  <c r="X72309" i="1"/>
  <c r="X72310" i="1"/>
  <c r="X72311" i="1"/>
  <c r="X72312" i="1"/>
  <c r="X72313" i="1"/>
  <c r="X72314" i="1"/>
  <c r="X72315" i="1"/>
  <c r="X72316" i="1"/>
  <c r="X72317" i="1"/>
  <c r="X72318" i="1"/>
  <c r="X72319" i="1"/>
  <c r="X72320" i="1"/>
  <c r="X72321" i="1"/>
  <c r="X72322" i="1"/>
  <c r="X72323" i="1"/>
  <c r="X72324" i="1"/>
  <c r="X72325" i="1"/>
  <c r="X72326" i="1"/>
  <c r="X72327" i="1"/>
  <c r="X72328" i="1"/>
  <c r="X72329" i="1"/>
  <c r="X72330" i="1"/>
  <c r="X72331" i="1"/>
  <c r="X72332" i="1"/>
  <c r="X72333" i="1"/>
  <c r="X72334" i="1"/>
  <c r="X72335" i="1"/>
  <c r="X72336" i="1"/>
  <c r="X72337" i="1"/>
  <c r="X72338" i="1"/>
  <c r="X72339" i="1"/>
  <c r="X72340" i="1"/>
  <c r="X72341" i="1"/>
  <c r="X72342" i="1"/>
  <c r="X72343" i="1"/>
  <c r="X72344" i="1"/>
  <c r="X72345" i="1"/>
  <c r="X72346" i="1"/>
  <c r="X72347" i="1"/>
  <c r="X72348" i="1"/>
  <c r="X72349" i="1"/>
  <c r="X72350" i="1"/>
  <c r="X72351" i="1"/>
  <c r="X72352" i="1"/>
  <c r="X72353" i="1"/>
  <c r="X72354" i="1"/>
  <c r="X72355" i="1"/>
  <c r="X72356" i="1"/>
  <c r="X72357" i="1"/>
  <c r="X72358" i="1"/>
  <c r="X72359" i="1"/>
  <c r="X72360" i="1"/>
  <c r="X72361" i="1"/>
  <c r="X72362" i="1"/>
  <c r="X72363" i="1"/>
  <c r="X72364" i="1"/>
  <c r="X72365" i="1"/>
  <c r="X72366" i="1"/>
  <c r="X72367" i="1"/>
  <c r="X72368" i="1"/>
  <c r="X72369" i="1"/>
  <c r="X72370" i="1"/>
  <c r="X72371" i="1"/>
  <c r="X72372" i="1"/>
  <c r="X72373" i="1"/>
  <c r="X72374" i="1"/>
  <c r="X72375" i="1"/>
  <c r="X72376" i="1"/>
  <c r="X72377" i="1"/>
  <c r="X72378" i="1"/>
  <c r="X72379" i="1"/>
  <c r="X72380" i="1"/>
  <c r="X72381" i="1"/>
  <c r="X72382" i="1"/>
  <c r="X72383" i="1"/>
  <c r="X72384" i="1"/>
  <c r="X72385" i="1"/>
  <c r="X72386" i="1"/>
  <c r="X72387" i="1"/>
  <c r="X72388" i="1"/>
  <c r="X72389" i="1"/>
  <c r="X72390" i="1"/>
  <c r="X72391" i="1"/>
  <c r="X72392" i="1"/>
  <c r="X72393" i="1"/>
  <c r="X72394" i="1"/>
  <c r="X72395" i="1"/>
  <c r="X72396" i="1"/>
  <c r="X72397" i="1"/>
  <c r="X72398" i="1"/>
  <c r="X72399" i="1"/>
  <c r="X72400" i="1"/>
  <c r="X72401" i="1"/>
  <c r="X72402" i="1"/>
  <c r="X72403" i="1"/>
  <c r="X72404" i="1"/>
  <c r="X72405" i="1"/>
  <c r="X72406" i="1"/>
  <c r="X72407" i="1"/>
  <c r="X72408" i="1"/>
  <c r="X72409" i="1"/>
  <c r="X72410" i="1"/>
  <c r="X72411" i="1"/>
  <c r="X72412" i="1"/>
  <c r="X72413" i="1"/>
  <c r="X72414" i="1"/>
  <c r="X72415" i="1"/>
  <c r="X72416" i="1"/>
  <c r="X72417" i="1"/>
  <c r="X72418" i="1"/>
  <c r="X72419" i="1"/>
  <c r="X72420" i="1"/>
  <c r="X72421" i="1"/>
  <c r="X72422" i="1"/>
  <c r="X72423" i="1"/>
  <c r="X72424" i="1"/>
  <c r="X72425" i="1"/>
  <c r="X72426" i="1"/>
  <c r="X72427" i="1"/>
  <c r="X72428" i="1"/>
  <c r="X72429" i="1"/>
  <c r="X72430" i="1"/>
  <c r="X72431" i="1"/>
  <c r="X72432" i="1"/>
  <c r="X72433" i="1"/>
  <c r="X72434" i="1"/>
  <c r="X72435" i="1"/>
  <c r="X72436" i="1"/>
  <c r="X72437" i="1"/>
  <c r="X72438" i="1"/>
  <c r="X72439" i="1"/>
  <c r="X72440" i="1"/>
  <c r="X72441" i="1"/>
  <c r="X72442" i="1"/>
  <c r="X72443" i="1"/>
  <c r="X72444" i="1"/>
  <c r="X72445" i="1"/>
  <c r="X72446" i="1"/>
  <c r="X72447" i="1"/>
  <c r="X72448" i="1"/>
  <c r="X72449" i="1"/>
  <c r="X72450" i="1"/>
  <c r="X72451" i="1"/>
  <c r="X72452" i="1"/>
  <c r="X72453" i="1"/>
  <c r="X72454" i="1"/>
  <c r="X72455" i="1"/>
  <c r="X72456" i="1"/>
  <c r="X72457" i="1"/>
  <c r="X72458" i="1"/>
  <c r="X72459" i="1"/>
  <c r="X72460" i="1"/>
  <c r="X72461" i="1"/>
  <c r="X72462" i="1"/>
  <c r="X72463" i="1"/>
  <c r="X72464" i="1"/>
  <c r="X72465" i="1"/>
  <c r="X72466" i="1"/>
  <c r="X72467" i="1"/>
  <c r="X72468" i="1"/>
  <c r="X72469" i="1"/>
  <c r="X72470" i="1"/>
  <c r="X72471" i="1"/>
  <c r="X72472" i="1"/>
  <c r="X72473" i="1"/>
  <c r="X72474" i="1"/>
  <c r="X72475" i="1"/>
  <c r="X72476" i="1"/>
  <c r="X72477" i="1"/>
  <c r="X72478" i="1"/>
  <c r="X72479" i="1"/>
  <c r="X72480" i="1"/>
  <c r="X72481" i="1"/>
  <c r="X72482" i="1"/>
  <c r="X72483" i="1"/>
  <c r="X72484" i="1"/>
  <c r="X72485" i="1"/>
  <c r="X72486" i="1"/>
  <c r="X72487" i="1"/>
  <c r="X72488" i="1"/>
  <c r="X72489" i="1"/>
  <c r="X72490" i="1"/>
  <c r="X72491" i="1"/>
  <c r="X72492" i="1"/>
  <c r="X72493" i="1"/>
  <c r="X72494" i="1"/>
  <c r="X72495" i="1"/>
  <c r="X72496" i="1"/>
  <c r="X72497" i="1"/>
  <c r="X72498" i="1"/>
  <c r="X72499" i="1"/>
  <c r="X72500" i="1"/>
  <c r="X72501" i="1"/>
  <c r="X72502" i="1"/>
  <c r="X72503" i="1"/>
  <c r="X72504" i="1"/>
  <c r="X72505" i="1"/>
  <c r="X72506" i="1"/>
  <c r="X72507" i="1"/>
  <c r="X72508" i="1"/>
  <c r="X72509" i="1"/>
  <c r="X72510" i="1"/>
  <c r="X72511" i="1"/>
  <c r="X72512" i="1"/>
  <c r="X72513" i="1"/>
  <c r="X72514" i="1"/>
  <c r="X72515" i="1"/>
  <c r="X72516" i="1"/>
  <c r="X72517" i="1"/>
  <c r="X72518" i="1"/>
  <c r="X72519" i="1"/>
  <c r="X72520" i="1"/>
  <c r="X72521" i="1"/>
  <c r="X72522" i="1"/>
  <c r="X72523" i="1"/>
  <c r="X72524" i="1"/>
  <c r="X72525" i="1"/>
  <c r="X72526" i="1"/>
  <c r="X72527" i="1"/>
  <c r="X72528" i="1"/>
  <c r="X72529" i="1"/>
  <c r="X72530" i="1"/>
  <c r="X72531" i="1"/>
  <c r="X72532" i="1"/>
  <c r="X72533" i="1"/>
  <c r="X72534" i="1"/>
  <c r="X72535" i="1"/>
  <c r="X72536" i="1"/>
  <c r="X72537" i="1"/>
  <c r="X72538" i="1"/>
  <c r="X72539" i="1"/>
  <c r="X72540" i="1"/>
  <c r="X72541" i="1"/>
  <c r="X72542" i="1"/>
  <c r="X72543" i="1"/>
  <c r="X72544" i="1"/>
  <c r="X72545" i="1"/>
  <c r="X72546" i="1"/>
  <c r="X72547" i="1"/>
  <c r="X72548" i="1"/>
  <c r="X72549" i="1"/>
  <c r="X72550" i="1"/>
  <c r="X72551" i="1"/>
  <c r="X72552" i="1"/>
  <c r="X72553" i="1"/>
  <c r="X72554" i="1"/>
  <c r="X72555" i="1"/>
  <c r="X72556" i="1"/>
  <c r="X72557" i="1"/>
  <c r="X72558" i="1"/>
  <c r="X72559" i="1"/>
  <c r="X72560" i="1"/>
  <c r="X72561" i="1"/>
  <c r="X72562" i="1"/>
  <c r="X72563" i="1"/>
  <c r="X72564" i="1"/>
  <c r="X72565" i="1"/>
  <c r="X72566" i="1"/>
  <c r="X72567" i="1"/>
  <c r="X72568" i="1"/>
  <c r="X72569" i="1"/>
  <c r="X72570" i="1"/>
  <c r="X72571" i="1"/>
  <c r="X72572" i="1"/>
  <c r="X72573" i="1"/>
  <c r="X72574" i="1"/>
  <c r="X72575" i="1"/>
  <c r="X72576" i="1"/>
  <c r="X72577" i="1"/>
  <c r="X72578" i="1"/>
  <c r="X72579" i="1"/>
  <c r="X72580" i="1"/>
  <c r="X72581" i="1"/>
  <c r="X72582" i="1"/>
  <c r="X72583" i="1"/>
  <c r="X72584" i="1"/>
  <c r="X72585" i="1"/>
  <c r="X72586" i="1"/>
  <c r="X72587" i="1"/>
  <c r="X72588" i="1"/>
  <c r="X72589" i="1"/>
  <c r="X72590" i="1"/>
  <c r="X72591" i="1"/>
  <c r="X72592" i="1"/>
  <c r="X72593" i="1"/>
  <c r="X72594" i="1"/>
  <c r="X72595" i="1"/>
  <c r="X72596" i="1"/>
  <c r="X72597" i="1"/>
  <c r="X72598" i="1"/>
  <c r="X72599" i="1"/>
  <c r="X72600" i="1"/>
  <c r="X72601" i="1"/>
  <c r="X72602" i="1"/>
  <c r="X72603" i="1"/>
  <c r="X72604" i="1"/>
  <c r="X72605" i="1"/>
  <c r="X72606" i="1"/>
  <c r="X72607" i="1"/>
  <c r="X72608" i="1"/>
  <c r="X72609" i="1"/>
  <c r="X72610" i="1"/>
  <c r="X72611" i="1"/>
  <c r="X72612" i="1"/>
  <c r="X72613" i="1"/>
  <c r="X72614" i="1"/>
  <c r="X72615" i="1"/>
  <c r="X72616" i="1"/>
  <c r="X72617" i="1"/>
  <c r="X72618" i="1"/>
  <c r="X72619" i="1"/>
  <c r="X72620" i="1"/>
  <c r="X72621" i="1"/>
  <c r="X72622" i="1"/>
  <c r="X72623" i="1"/>
  <c r="X72624" i="1"/>
  <c r="X72625" i="1"/>
  <c r="X72626" i="1"/>
  <c r="X72627" i="1"/>
  <c r="X72628" i="1"/>
  <c r="X72629" i="1"/>
  <c r="X72630" i="1"/>
  <c r="X72631" i="1"/>
  <c r="X72632" i="1"/>
  <c r="X72633" i="1"/>
  <c r="X72634" i="1"/>
  <c r="X72635" i="1"/>
  <c r="X72636" i="1"/>
  <c r="X72637" i="1"/>
  <c r="X72638" i="1"/>
  <c r="X72639" i="1"/>
  <c r="X72640" i="1"/>
  <c r="X72641" i="1"/>
  <c r="X72642" i="1"/>
  <c r="X72643" i="1"/>
  <c r="X72644" i="1"/>
  <c r="X72645" i="1"/>
  <c r="X72646" i="1"/>
  <c r="X72647" i="1"/>
  <c r="X72648" i="1"/>
  <c r="X72649" i="1"/>
  <c r="X72650" i="1"/>
  <c r="X72651" i="1"/>
  <c r="X72652" i="1"/>
  <c r="X72653" i="1"/>
  <c r="X72654" i="1"/>
  <c r="X72655" i="1"/>
  <c r="X72656" i="1"/>
  <c r="X72657" i="1"/>
  <c r="X72658" i="1"/>
  <c r="X72659" i="1"/>
  <c r="X72660" i="1"/>
  <c r="X72661" i="1"/>
  <c r="X72662" i="1"/>
  <c r="X72663" i="1"/>
  <c r="X72664" i="1"/>
  <c r="X72665" i="1"/>
  <c r="X72666" i="1"/>
  <c r="X72667" i="1"/>
  <c r="X72668" i="1"/>
  <c r="X72669" i="1"/>
  <c r="X72670" i="1"/>
  <c r="X72671" i="1"/>
  <c r="X72672" i="1"/>
  <c r="X72673" i="1"/>
  <c r="X72674" i="1"/>
  <c r="X72675" i="1"/>
  <c r="X72676" i="1"/>
  <c r="X72677" i="1"/>
  <c r="X72678" i="1"/>
  <c r="X72679" i="1"/>
  <c r="X72680" i="1"/>
  <c r="X72681" i="1"/>
  <c r="X72682" i="1"/>
  <c r="X72683" i="1"/>
  <c r="X72684" i="1"/>
  <c r="X72685" i="1"/>
  <c r="X72686" i="1"/>
  <c r="X72687" i="1"/>
  <c r="X72688" i="1"/>
  <c r="X72689" i="1"/>
  <c r="X72690" i="1"/>
  <c r="X72691" i="1"/>
  <c r="X72692" i="1"/>
  <c r="X72693" i="1"/>
  <c r="X72694" i="1"/>
  <c r="X72695" i="1"/>
  <c r="X72696" i="1"/>
  <c r="X72697" i="1"/>
  <c r="X72698" i="1"/>
  <c r="X72699" i="1"/>
  <c r="X72700" i="1"/>
  <c r="X72701" i="1"/>
  <c r="X72702" i="1"/>
  <c r="X72703" i="1"/>
  <c r="X72704" i="1"/>
  <c r="X72705" i="1"/>
  <c r="X72706" i="1"/>
  <c r="X72707" i="1"/>
  <c r="X72708" i="1"/>
  <c r="X72709" i="1"/>
  <c r="X72710" i="1"/>
  <c r="X72711" i="1"/>
  <c r="X72712" i="1"/>
  <c r="X72713" i="1"/>
  <c r="X72714" i="1"/>
  <c r="X72715" i="1"/>
  <c r="X72716" i="1"/>
  <c r="X72717" i="1"/>
  <c r="X72718" i="1"/>
  <c r="X72719" i="1"/>
  <c r="X72720" i="1"/>
  <c r="X72721" i="1"/>
  <c r="X72722" i="1"/>
  <c r="X72723" i="1"/>
  <c r="X72724" i="1"/>
  <c r="X72725" i="1"/>
  <c r="X72726" i="1"/>
  <c r="X72727" i="1"/>
  <c r="X72728" i="1"/>
  <c r="X72729" i="1"/>
  <c r="X72730" i="1"/>
  <c r="X72731" i="1"/>
  <c r="X72732" i="1"/>
  <c r="X72733" i="1"/>
  <c r="X72734" i="1"/>
  <c r="X72735" i="1"/>
  <c r="X72736" i="1"/>
  <c r="X72737" i="1"/>
  <c r="X72738" i="1"/>
  <c r="X72739" i="1"/>
  <c r="X72740" i="1"/>
  <c r="X72741" i="1"/>
  <c r="X72742" i="1"/>
  <c r="X72743" i="1"/>
  <c r="X72744" i="1"/>
  <c r="X72745" i="1"/>
  <c r="X72746" i="1"/>
  <c r="X72747" i="1"/>
  <c r="X72748" i="1"/>
  <c r="X72749" i="1"/>
  <c r="X72750" i="1"/>
  <c r="X72751" i="1"/>
  <c r="X72752" i="1"/>
  <c r="X72753" i="1"/>
  <c r="X72754" i="1"/>
  <c r="X72755" i="1"/>
  <c r="X72756" i="1"/>
  <c r="X72757" i="1"/>
  <c r="X72758" i="1"/>
  <c r="X72759" i="1"/>
  <c r="X72760" i="1"/>
  <c r="X72761" i="1"/>
  <c r="X72762" i="1"/>
  <c r="X72763" i="1"/>
  <c r="X72764" i="1"/>
  <c r="X72765" i="1"/>
  <c r="X72766" i="1"/>
  <c r="X72767" i="1"/>
  <c r="X72768" i="1"/>
  <c r="X72769" i="1"/>
  <c r="X72770" i="1"/>
  <c r="X72771" i="1"/>
  <c r="X72772" i="1"/>
  <c r="X72773" i="1"/>
  <c r="X72774" i="1"/>
  <c r="X72775" i="1"/>
  <c r="X72776" i="1"/>
  <c r="X72777" i="1"/>
  <c r="X72778" i="1"/>
  <c r="X72779" i="1"/>
  <c r="X72780" i="1"/>
  <c r="X72781" i="1"/>
  <c r="X72782" i="1"/>
  <c r="X72783" i="1"/>
  <c r="X72784" i="1"/>
  <c r="X72785" i="1"/>
  <c r="X72786" i="1"/>
  <c r="X72787" i="1"/>
  <c r="X72788" i="1"/>
  <c r="X72789" i="1"/>
  <c r="X72790" i="1"/>
  <c r="X72791" i="1"/>
  <c r="X72792" i="1"/>
  <c r="X72793" i="1"/>
  <c r="X72794" i="1"/>
  <c r="X72795" i="1"/>
  <c r="X72796" i="1"/>
  <c r="X72797" i="1"/>
  <c r="X72798" i="1"/>
  <c r="X72799" i="1"/>
  <c r="X72800" i="1"/>
  <c r="X72801" i="1"/>
  <c r="X72802" i="1"/>
  <c r="X72803" i="1"/>
  <c r="X72804" i="1"/>
  <c r="X72805" i="1"/>
  <c r="X72806" i="1"/>
  <c r="X72807" i="1"/>
  <c r="X72808" i="1"/>
  <c r="X72809" i="1"/>
  <c r="X72810" i="1"/>
  <c r="X72811" i="1"/>
  <c r="X72812" i="1"/>
  <c r="X72813" i="1"/>
  <c r="X72814" i="1"/>
  <c r="X72815" i="1"/>
  <c r="X72816" i="1"/>
  <c r="X72817" i="1"/>
  <c r="X72818" i="1"/>
  <c r="X72819" i="1"/>
  <c r="X72820" i="1"/>
  <c r="X72821" i="1"/>
  <c r="X72822" i="1"/>
  <c r="X72823" i="1"/>
  <c r="X72824" i="1"/>
  <c r="X72825" i="1"/>
  <c r="X72826" i="1"/>
  <c r="X72827" i="1"/>
  <c r="X72828" i="1"/>
  <c r="X72829" i="1"/>
  <c r="X72830" i="1"/>
  <c r="X72831" i="1"/>
  <c r="X72832" i="1"/>
  <c r="X72833" i="1"/>
  <c r="X72834" i="1"/>
  <c r="X72835" i="1"/>
  <c r="X72836" i="1"/>
  <c r="X72837" i="1"/>
  <c r="X72838" i="1"/>
  <c r="X72839" i="1"/>
  <c r="X72840" i="1"/>
  <c r="X72841" i="1"/>
  <c r="X72842" i="1"/>
  <c r="X72843" i="1"/>
  <c r="X72844" i="1"/>
  <c r="X72845" i="1"/>
  <c r="X72846" i="1"/>
  <c r="X72847" i="1"/>
  <c r="X72848" i="1"/>
  <c r="X72849" i="1"/>
  <c r="X72850" i="1"/>
  <c r="X72851" i="1"/>
  <c r="X72852" i="1"/>
  <c r="X72853" i="1"/>
  <c r="X72854" i="1"/>
  <c r="X72855" i="1"/>
  <c r="X72856" i="1"/>
  <c r="X72857" i="1"/>
  <c r="X72858" i="1"/>
  <c r="X72859" i="1"/>
  <c r="X72860" i="1"/>
  <c r="X72861" i="1"/>
  <c r="X72862" i="1"/>
  <c r="X72863" i="1"/>
  <c r="X72864" i="1"/>
  <c r="X72865" i="1"/>
  <c r="X72866" i="1"/>
  <c r="X72867" i="1"/>
  <c r="X72868" i="1"/>
  <c r="X72869" i="1"/>
  <c r="X72870" i="1"/>
  <c r="X72871" i="1"/>
  <c r="X72872" i="1"/>
  <c r="X72873" i="1"/>
  <c r="X72874" i="1"/>
  <c r="X72875" i="1"/>
  <c r="X72876" i="1"/>
  <c r="X72877" i="1"/>
  <c r="X72878" i="1"/>
  <c r="X72879" i="1"/>
  <c r="X72880" i="1"/>
  <c r="X72881" i="1"/>
  <c r="X72882" i="1"/>
  <c r="X72883" i="1"/>
  <c r="X72884" i="1"/>
  <c r="X72885" i="1"/>
  <c r="X72886" i="1"/>
  <c r="X72887" i="1"/>
  <c r="X72888" i="1"/>
  <c r="X72889" i="1"/>
  <c r="X72890" i="1"/>
  <c r="X72891" i="1"/>
  <c r="X72892" i="1"/>
  <c r="X72893" i="1"/>
  <c r="X72894" i="1"/>
  <c r="X72895" i="1"/>
  <c r="X72896" i="1"/>
  <c r="X72897" i="1"/>
  <c r="X72898" i="1"/>
  <c r="X72899" i="1"/>
  <c r="X72900" i="1"/>
  <c r="X72901" i="1"/>
  <c r="X72902" i="1"/>
  <c r="X72903" i="1"/>
  <c r="X72904" i="1"/>
  <c r="X72905" i="1"/>
  <c r="X72906" i="1"/>
  <c r="X72907" i="1"/>
  <c r="X72908" i="1"/>
  <c r="X72909" i="1"/>
  <c r="X72910" i="1"/>
  <c r="X72911" i="1"/>
  <c r="X72912" i="1"/>
  <c r="X72913" i="1"/>
  <c r="X72914" i="1"/>
  <c r="X72915" i="1"/>
  <c r="X72916" i="1"/>
  <c r="X72917" i="1"/>
  <c r="X72918" i="1"/>
  <c r="X72919" i="1"/>
  <c r="X72920" i="1"/>
  <c r="X72921" i="1"/>
  <c r="X72922" i="1"/>
  <c r="X72923" i="1"/>
  <c r="X72924" i="1"/>
  <c r="X72925" i="1"/>
  <c r="X72926" i="1"/>
  <c r="X72927" i="1"/>
  <c r="X72928" i="1"/>
  <c r="X72929" i="1"/>
  <c r="X72930" i="1"/>
  <c r="X72931" i="1"/>
  <c r="X72932" i="1"/>
  <c r="X72933" i="1"/>
  <c r="X72934" i="1"/>
  <c r="X72935" i="1"/>
  <c r="X72936" i="1"/>
  <c r="X72937" i="1"/>
  <c r="X72938" i="1"/>
  <c r="X72939" i="1"/>
  <c r="X72940" i="1"/>
  <c r="X72941" i="1"/>
  <c r="X72942" i="1"/>
  <c r="X72943" i="1"/>
  <c r="X72944" i="1"/>
  <c r="X72945" i="1"/>
  <c r="X72946" i="1"/>
  <c r="X72947" i="1"/>
  <c r="X72948" i="1"/>
  <c r="X72949" i="1"/>
  <c r="X72950" i="1"/>
  <c r="X72951" i="1"/>
  <c r="X72952" i="1"/>
  <c r="X72953" i="1"/>
  <c r="X72954" i="1"/>
  <c r="X72955" i="1"/>
  <c r="X72956" i="1"/>
  <c r="X72957" i="1"/>
  <c r="X72958" i="1"/>
  <c r="X72959" i="1"/>
  <c r="X72960" i="1"/>
  <c r="X72961" i="1"/>
  <c r="X72962" i="1"/>
  <c r="X72963" i="1"/>
  <c r="X72964" i="1"/>
  <c r="X72965" i="1"/>
  <c r="X72966" i="1"/>
  <c r="X72967" i="1"/>
  <c r="X72968" i="1"/>
  <c r="X72969" i="1"/>
  <c r="X72970" i="1"/>
  <c r="X72971" i="1"/>
  <c r="X72972" i="1"/>
  <c r="X72973" i="1"/>
  <c r="X72974" i="1"/>
  <c r="X72975" i="1"/>
  <c r="X72976" i="1"/>
  <c r="X72977" i="1"/>
  <c r="X72978" i="1"/>
  <c r="X72979" i="1"/>
  <c r="X72980" i="1"/>
  <c r="X72981" i="1"/>
  <c r="X72982" i="1"/>
  <c r="X72983" i="1"/>
  <c r="X72984" i="1"/>
  <c r="X72985" i="1"/>
  <c r="X72986" i="1"/>
  <c r="X72987" i="1"/>
  <c r="X72988" i="1"/>
  <c r="X72989" i="1"/>
  <c r="X72990" i="1"/>
  <c r="X72991" i="1"/>
  <c r="X72992" i="1"/>
  <c r="X72993" i="1"/>
  <c r="X72994" i="1"/>
  <c r="X72995" i="1"/>
  <c r="X72996" i="1"/>
  <c r="X72997" i="1"/>
  <c r="X72998" i="1"/>
  <c r="X72999" i="1"/>
  <c r="X73000" i="1"/>
  <c r="X73001" i="1"/>
  <c r="X73002" i="1"/>
  <c r="X73003" i="1"/>
  <c r="X73004" i="1"/>
  <c r="X73005" i="1"/>
  <c r="X73006" i="1"/>
  <c r="X73007" i="1"/>
  <c r="X73008" i="1"/>
  <c r="X73009" i="1"/>
  <c r="X73010" i="1"/>
  <c r="X73011" i="1"/>
  <c r="X73012" i="1"/>
  <c r="X73013" i="1"/>
  <c r="X73014" i="1"/>
  <c r="X73015" i="1"/>
  <c r="X73016" i="1"/>
  <c r="X73017" i="1"/>
  <c r="X73018" i="1"/>
  <c r="X73019" i="1"/>
  <c r="X73020" i="1"/>
  <c r="X73021" i="1"/>
  <c r="X73022" i="1"/>
  <c r="X73023" i="1"/>
  <c r="X73024" i="1"/>
  <c r="X73025" i="1"/>
  <c r="X73026" i="1"/>
  <c r="X73027" i="1"/>
  <c r="X73028" i="1"/>
  <c r="X73029" i="1"/>
  <c r="X73030" i="1"/>
  <c r="X73031" i="1"/>
  <c r="X73032" i="1"/>
  <c r="X73033" i="1"/>
  <c r="X73034" i="1"/>
  <c r="X73035" i="1"/>
  <c r="X73036" i="1"/>
  <c r="X73037" i="1"/>
  <c r="X73038" i="1"/>
  <c r="X73039" i="1"/>
  <c r="X73040" i="1"/>
  <c r="X73041" i="1"/>
  <c r="X73042" i="1"/>
  <c r="X73043" i="1"/>
  <c r="X73044" i="1"/>
  <c r="X73045" i="1"/>
  <c r="X73046" i="1"/>
  <c r="X73047" i="1"/>
  <c r="X73048" i="1"/>
  <c r="X73049" i="1"/>
  <c r="X73050" i="1"/>
  <c r="X73051" i="1"/>
  <c r="X73052" i="1"/>
  <c r="X73053" i="1"/>
  <c r="X73054" i="1"/>
  <c r="X73055" i="1"/>
  <c r="X73056" i="1"/>
  <c r="X73057" i="1"/>
  <c r="X73058" i="1"/>
  <c r="X73059" i="1"/>
  <c r="X73060" i="1"/>
  <c r="X73061" i="1"/>
  <c r="X73062" i="1"/>
  <c r="X73063" i="1"/>
  <c r="X73064" i="1"/>
  <c r="X73065" i="1"/>
  <c r="X73066" i="1"/>
  <c r="X73067" i="1"/>
  <c r="X73068" i="1"/>
  <c r="X73069" i="1"/>
  <c r="X73070" i="1"/>
  <c r="X73071" i="1"/>
  <c r="X73072" i="1"/>
  <c r="X73073" i="1"/>
  <c r="X73074" i="1"/>
  <c r="X73075" i="1"/>
  <c r="X73076" i="1"/>
  <c r="X73077" i="1"/>
  <c r="X73078" i="1"/>
  <c r="X73079" i="1"/>
  <c r="X73080" i="1"/>
  <c r="X73081" i="1"/>
  <c r="X73082" i="1"/>
  <c r="X73083" i="1"/>
  <c r="X73084" i="1"/>
  <c r="X73085" i="1"/>
  <c r="X73086" i="1"/>
  <c r="X73087" i="1"/>
  <c r="X73088" i="1"/>
  <c r="X73089" i="1"/>
  <c r="X73090" i="1"/>
  <c r="X73091" i="1"/>
  <c r="X73092" i="1"/>
  <c r="X73093" i="1"/>
  <c r="X73094" i="1"/>
  <c r="X73095" i="1"/>
  <c r="X73096" i="1"/>
  <c r="X73097" i="1"/>
  <c r="X73098" i="1"/>
  <c r="X73099" i="1"/>
  <c r="X73100" i="1"/>
  <c r="X73101" i="1"/>
  <c r="X73102" i="1"/>
  <c r="X73103" i="1"/>
  <c r="X73104" i="1"/>
  <c r="X73105" i="1"/>
  <c r="X73106" i="1"/>
  <c r="X73107" i="1"/>
  <c r="X73108" i="1"/>
  <c r="X73109" i="1"/>
  <c r="X73110" i="1"/>
  <c r="X73111" i="1"/>
  <c r="X73112" i="1"/>
  <c r="X73113" i="1"/>
  <c r="X73114" i="1"/>
  <c r="X73115" i="1"/>
  <c r="X73116" i="1"/>
  <c r="X73117" i="1"/>
  <c r="X73118" i="1"/>
  <c r="X73119" i="1"/>
  <c r="X73120" i="1"/>
  <c r="X73121" i="1"/>
  <c r="X73122" i="1"/>
  <c r="X73123" i="1"/>
  <c r="X73124" i="1"/>
  <c r="X73125" i="1"/>
  <c r="X73126" i="1"/>
  <c r="X73127" i="1"/>
  <c r="X73128" i="1"/>
  <c r="X73129" i="1"/>
  <c r="X73130" i="1"/>
  <c r="X73131" i="1"/>
  <c r="X73132" i="1"/>
  <c r="X73133" i="1"/>
  <c r="X73134" i="1"/>
  <c r="X73135" i="1"/>
  <c r="X73136" i="1"/>
  <c r="X73137" i="1"/>
  <c r="X73138" i="1"/>
  <c r="X73139" i="1"/>
  <c r="X73140" i="1"/>
  <c r="X73141" i="1"/>
  <c r="X73142" i="1"/>
  <c r="X73143" i="1"/>
  <c r="X73144" i="1"/>
  <c r="X73145" i="1"/>
  <c r="X73146" i="1"/>
  <c r="X73147" i="1"/>
  <c r="X73148" i="1"/>
  <c r="X73149" i="1"/>
  <c r="X73150" i="1"/>
  <c r="X73151" i="1"/>
  <c r="X73152" i="1"/>
  <c r="X73153" i="1"/>
  <c r="X73154" i="1"/>
  <c r="X73155" i="1"/>
  <c r="X73156" i="1"/>
  <c r="X73157" i="1"/>
  <c r="X73158" i="1"/>
  <c r="X73159" i="1"/>
  <c r="X73160" i="1"/>
  <c r="X73161" i="1"/>
  <c r="X73162" i="1"/>
  <c r="X73163" i="1"/>
  <c r="X73164" i="1"/>
  <c r="X73165" i="1"/>
  <c r="X73166" i="1"/>
  <c r="X73167" i="1"/>
  <c r="X73168" i="1"/>
  <c r="X73169" i="1"/>
  <c r="X73170" i="1"/>
  <c r="X73171" i="1"/>
  <c r="X73172" i="1"/>
  <c r="X73173" i="1"/>
  <c r="X73174" i="1"/>
  <c r="X73175" i="1"/>
  <c r="X73176" i="1"/>
  <c r="X73177" i="1"/>
  <c r="X73178" i="1"/>
  <c r="X73179" i="1"/>
  <c r="X73180" i="1"/>
  <c r="X73181" i="1"/>
  <c r="X73182" i="1"/>
  <c r="X73183" i="1"/>
  <c r="X73184" i="1"/>
  <c r="X73185" i="1"/>
  <c r="X73186" i="1"/>
  <c r="X73187" i="1"/>
  <c r="X73188" i="1"/>
  <c r="X73189" i="1"/>
  <c r="X73190" i="1"/>
  <c r="X73191" i="1"/>
  <c r="X73192" i="1"/>
  <c r="X73193" i="1"/>
  <c r="X73194" i="1"/>
  <c r="X73195" i="1"/>
  <c r="X73196" i="1"/>
  <c r="X73197" i="1"/>
  <c r="X73198" i="1"/>
  <c r="X73199" i="1"/>
  <c r="X73200" i="1"/>
  <c r="X73201" i="1"/>
  <c r="X73202" i="1"/>
  <c r="X73203" i="1"/>
  <c r="X73204" i="1"/>
  <c r="X73205" i="1"/>
  <c r="X73206" i="1"/>
  <c r="X73207" i="1"/>
  <c r="X73208" i="1"/>
  <c r="X73209" i="1"/>
  <c r="X73210" i="1"/>
  <c r="X73211" i="1"/>
  <c r="X73212" i="1"/>
  <c r="X73213" i="1"/>
  <c r="X73214" i="1"/>
  <c r="X73215" i="1"/>
  <c r="X73216" i="1"/>
  <c r="X73217" i="1"/>
  <c r="X73218" i="1"/>
  <c r="X73219" i="1"/>
  <c r="X73220" i="1"/>
  <c r="X73221" i="1"/>
  <c r="X73222" i="1"/>
  <c r="X73223" i="1"/>
  <c r="X73224" i="1"/>
  <c r="X73225" i="1"/>
  <c r="X73226" i="1"/>
  <c r="X73227" i="1"/>
  <c r="X73228" i="1"/>
  <c r="X73229" i="1"/>
  <c r="X73230" i="1"/>
  <c r="X73231" i="1"/>
  <c r="X73232" i="1"/>
  <c r="X73233" i="1"/>
  <c r="X73234" i="1"/>
  <c r="X73235" i="1"/>
  <c r="X73236" i="1"/>
  <c r="X73237" i="1"/>
  <c r="X73238" i="1"/>
  <c r="X73239" i="1"/>
  <c r="X73240" i="1"/>
  <c r="X73241" i="1"/>
  <c r="X73242" i="1"/>
  <c r="X73243" i="1"/>
  <c r="X73244" i="1"/>
  <c r="X73245" i="1"/>
  <c r="X73246" i="1"/>
  <c r="X73247" i="1"/>
  <c r="X73248" i="1"/>
  <c r="X73249" i="1"/>
  <c r="X73250" i="1"/>
  <c r="X73251" i="1"/>
  <c r="X73252" i="1"/>
  <c r="X73253" i="1"/>
  <c r="X73254" i="1"/>
  <c r="X73255" i="1"/>
  <c r="X73256" i="1"/>
  <c r="X73257" i="1"/>
  <c r="X73258" i="1"/>
  <c r="X73259" i="1"/>
  <c r="X73260" i="1"/>
  <c r="X73261" i="1"/>
  <c r="X73262" i="1"/>
  <c r="X73263" i="1"/>
  <c r="X73264" i="1"/>
  <c r="X73265" i="1"/>
  <c r="X73266" i="1"/>
  <c r="X73267" i="1"/>
  <c r="X73268" i="1"/>
  <c r="X73269" i="1"/>
  <c r="X73270" i="1"/>
  <c r="X73271" i="1"/>
  <c r="X73272" i="1"/>
  <c r="X73273" i="1"/>
  <c r="X73274" i="1"/>
  <c r="X73275" i="1"/>
  <c r="X73276" i="1"/>
  <c r="X73277" i="1"/>
  <c r="X73278" i="1"/>
  <c r="X73279" i="1"/>
  <c r="X73280" i="1"/>
  <c r="X73281" i="1"/>
  <c r="X73282" i="1"/>
  <c r="X73283" i="1"/>
  <c r="X73284" i="1"/>
  <c r="X73285" i="1"/>
  <c r="X73286" i="1"/>
  <c r="X73287" i="1"/>
  <c r="X73288" i="1"/>
  <c r="X73289" i="1"/>
  <c r="X73290" i="1"/>
  <c r="X73291" i="1"/>
  <c r="X73292" i="1"/>
  <c r="X73293" i="1"/>
  <c r="X73294" i="1"/>
  <c r="X73295" i="1"/>
  <c r="X73296" i="1"/>
  <c r="X73297" i="1"/>
  <c r="X73298" i="1"/>
  <c r="X73299" i="1"/>
  <c r="X73300" i="1"/>
  <c r="X73301" i="1"/>
  <c r="X73302" i="1"/>
  <c r="X73303" i="1"/>
  <c r="X73304" i="1"/>
  <c r="X73305" i="1"/>
  <c r="X73306" i="1"/>
  <c r="X73307" i="1"/>
  <c r="X73308" i="1"/>
  <c r="X73309" i="1"/>
  <c r="X73310" i="1"/>
  <c r="X73311" i="1"/>
  <c r="X73312" i="1"/>
  <c r="X73313" i="1"/>
  <c r="X73314" i="1"/>
  <c r="X73315" i="1"/>
  <c r="X73316" i="1"/>
  <c r="X73317" i="1"/>
  <c r="X73318" i="1"/>
  <c r="X73319" i="1"/>
  <c r="X73320" i="1"/>
  <c r="X73321" i="1"/>
  <c r="X73322" i="1"/>
  <c r="X73323" i="1"/>
  <c r="X73324" i="1"/>
  <c r="X73325" i="1"/>
  <c r="X73326" i="1"/>
  <c r="X73327" i="1"/>
  <c r="X73328" i="1"/>
  <c r="X73329" i="1"/>
  <c r="X73330" i="1"/>
  <c r="X73331" i="1"/>
  <c r="X73332" i="1"/>
  <c r="X73333" i="1"/>
  <c r="X73334" i="1"/>
  <c r="X73335" i="1"/>
  <c r="X73336" i="1"/>
  <c r="X73337" i="1"/>
  <c r="X73338" i="1"/>
  <c r="X73339" i="1"/>
  <c r="X73340" i="1"/>
  <c r="X73341" i="1"/>
  <c r="X73342" i="1"/>
  <c r="X73343" i="1"/>
  <c r="X73344" i="1"/>
  <c r="X73345" i="1"/>
  <c r="X73346" i="1"/>
  <c r="X73347" i="1"/>
  <c r="X73348" i="1"/>
  <c r="X73349" i="1"/>
  <c r="X73350" i="1"/>
  <c r="X73351" i="1"/>
  <c r="X73352" i="1"/>
  <c r="X73353" i="1"/>
  <c r="X73354" i="1"/>
  <c r="X73355" i="1"/>
  <c r="X73356" i="1"/>
  <c r="X73357" i="1"/>
  <c r="X73358" i="1"/>
  <c r="X73359" i="1"/>
  <c r="X73360" i="1"/>
  <c r="X73361" i="1"/>
  <c r="X73362" i="1"/>
  <c r="X73363" i="1"/>
  <c r="X73364" i="1"/>
  <c r="X73365" i="1"/>
  <c r="X73366" i="1"/>
  <c r="X73367" i="1"/>
  <c r="X73368" i="1"/>
  <c r="X73369" i="1"/>
  <c r="X73370" i="1"/>
  <c r="X73371" i="1"/>
  <c r="X73372" i="1"/>
  <c r="X73373" i="1"/>
  <c r="X73374" i="1"/>
  <c r="X73375" i="1"/>
  <c r="X73376" i="1"/>
  <c r="X73377" i="1"/>
  <c r="X73378" i="1"/>
  <c r="X73379" i="1"/>
  <c r="X73380" i="1"/>
  <c r="X73381" i="1"/>
  <c r="X73382" i="1"/>
  <c r="X73383" i="1"/>
  <c r="X73384" i="1"/>
  <c r="X73385" i="1"/>
  <c r="X73386" i="1"/>
  <c r="X73387" i="1"/>
  <c r="X73388" i="1"/>
  <c r="X73389" i="1"/>
  <c r="X73390" i="1"/>
  <c r="X73391" i="1"/>
  <c r="X73392" i="1"/>
  <c r="X73393" i="1"/>
  <c r="X73394" i="1"/>
  <c r="X73395" i="1"/>
  <c r="X73396" i="1"/>
  <c r="X73397" i="1"/>
  <c r="X73398" i="1"/>
  <c r="X73399" i="1"/>
  <c r="X73400" i="1"/>
  <c r="X73401" i="1"/>
  <c r="X73402" i="1"/>
  <c r="X73403" i="1"/>
  <c r="X73404" i="1"/>
  <c r="X73405" i="1"/>
  <c r="X73406" i="1"/>
  <c r="X73407" i="1"/>
  <c r="X73408" i="1"/>
  <c r="X73409" i="1"/>
  <c r="X73410" i="1"/>
  <c r="X73411" i="1"/>
  <c r="X73412" i="1"/>
  <c r="X73413" i="1"/>
  <c r="X73414" i="1"/>
  <c r="X73415" i="1"/>
  <c r="X73416" i="1"/>
  <c r="X73417" i="1"/>
  <c r="X73418" i="1"/>
  <c r="X73419" i="1"/>
  <c r="X73420" i="1"/>
  <c r="X73421" i="1"/>
  <c r="X73422" i="1"/>
  <c r="X73423" i="1"/>
  <c r="X73424" i="1"/>
  <c r="X73425" i="1"/>
  <c r="X73426" i="1"/>
  <c r="X73427" i="1"/>
  <c r="X73428" i="1"/>
  <c r="X73429" i="1"/>
  <c r="X73430" i="1"/>
  <c r="X73431" i="1"/>
  <c r="X73432" i="1"/>
  <c r="X73433" i="1"/>
  <c r="X73434" i="1"/>
  <c r="X73435" i="1"/>
  <c r="X73436" i="1"/>
  <c r="X73437" i="1"/>
  <c r="X73438" i="1"/>
  <c r="X73439" i="1"/>
  <c r="X73440" i="1"/>
  <c r="X73441" i="1"/>
  <c r="X73442" i="1"/>
  <c r="X73443" i="1"/>
  <c r="X73444" i="1"/>
  <c r="X73445" i="1"/>
  <c r="X73446" i="1"/>
  <c r="X73447" i="1"/>
  <c r="X73448" i="1"/>
  <c r="X73449" i="1"/>
  <c r="X73450" i="1"/>
  <c r="X73451" i="1"/>
  <c r="X73452" i="1"/>
  <c r="X73453" i="1"/>
  <c r="X73454" i="1"/>
  <c r="X73455" i="1"/>
  <c r="X73456" i="1"/>
  <c r="X73457" i="1"/>
  <c r="X73458" i="1"/>
  <c r="X73459" i="1"/>
  <c r="X73460" i="1"/>
  <c r="X73461" i="1"/>
  <c r="X73462" i="1"/>
  <c r="X73463" i="1"/>
  <c r="X73464" i="1"/>
  <c r="X73465" i="1"/>
  <c r="X73466" i="1"/>
  <c r="X73467" i="1"/>
  <c r="X73468" i="1"/>
  <c r="X73469" i="1"/>
  <c r="X73470" i="1"/>
  <c r="X73471" i="1"/>
  <c r="X73472" i="1"/>
  <c r="X73473" i="1"/>
  <c r="X73474" i="1"/>
  <c r="X73475" i="1"/>
  <c r="X73476" i="1"/>
  <c r="X73477" i="1"/>
  <c r="X73478" i="1"/>
  <c r="X73479" i="1"/>
  <c r="X73480" i="1"/>
  <c r="X73481" i="1"/>
  <c r="X73482" i="1"/>
  <c r="X73483" i="1"/>
  <c r="X73484" i="1"/>
  <c r="X73485" i="1"/>
  <c r="X73486" i="1"/>
  <c r="X73487" i="1"/>
  <c r="X73488" i="1"/>
  <c r="X73489" i="1"/>
  <c r="X73490" i="1"/>
  <c r="X73491" i="1"/>
  <c r="X73492" i="1"/>
  <c r="X73493" i="1"/>
  <c r="X73494" i="1"/>
  <c r="X73495" i="1"/>
  <c r="X73496" i="1"/>
  <c r="X73497" i="1"/>
  <c r="X73498" i="1"/>
  <c r="X73499" i="1"/>
  <c r="X73500" i="1"/>
  <c r="X73501" i="1"/>
  <c r="X73502" i="1"/>
  <c r="X73503" i="1"/>
  <c r="X73504" i="1"/>
  <c r="X73505" i="1"/>
  <c r="X73506" i="1"/>
  <c r="X73507" i="1"/>
  <c r="X73508" i="1"/>
  <c r="X73509" i="1"/>
  <c r="X73510" i="1"/>
  <c r="X73511" i="1"/>
  <c r="X73512" i="1"/>
  <c r="X73513" i="1"/>
  <c r="X73514" i="1"/>
  <c r="X73515" i="1"/>
  <c r="X73516" i="1"/>
  <c r="X73517" i="1"/>
  <c r="X73518" i="1"/>
  <c r="X73519" i="1"/>
  <c r="X73520" i="1"/>
  <c r="X73521" i="1"/>
  <c r="X73522" i="1"/>
  <c r="X73523" i="1"/>
  <c r="X73524" i="1"/>
  <c r="X73525" i="1"/>
  <c r="X73526" i="1"/>
  <c r="X73527" i="1"/>
  <c r="X73528" i="1"/>
  <c r="X73529" i="1"/>
  <c r="X73530" i="1"/>
  <c r="X73531" i="1"/>
  <c r="X73532" i="1"/>
  <c r="X73533" i="1"/>
  <c r="X73534" i="1"/>
  <c r="X73535" i="1"/>
  <c r="X73536" i="1"/>
  <c r="X73537" i="1"/>
  <c r="X73538" i="1"/>
  <c r="X73539" i="1"/>
  <c r="X73540" i="1"/>
  <c r="X73541" i="1"/>
  <c r="X73542" i="1"/>
  <c r="X73543" i="1"/>
  <c r="X73544" i="1"/>
  <c r="X73545" i="1"/>
  <c r="X73546" i="1"/>
  <c r="X73547" i="1"/>
  <c r="X73548" i="1"/>
  <c r="X73549" i="1"/>
  <c r="X73550" i="1"/>
  <c r="X73551" i="1"/>
  <c r="X73552" i="1"/>
  <c r="X73553" i="1"/>
  <c r="X73554" i="1"/>
  <c r="X73555" i="1"/>
  <c r="X73556" i="1"/>
  <c r="X73557" i="1"/>
  <c r="X73558" i="1"/>
  <c r="X73559" i="1"/>
  <c r="X73560" i="1"/>
  <c r="X73561" i="1"/>
  <c r="X73562" i="1"/>
  <c r="X73563" i="1"/>
  <c r="X73564" i="1"/>
  <c r="X73565" i="1"/>
  <c r="X73566" i="1"/>
  <c r="X73567" i="1"/>
  <c r="X73568" i="1"/>
  <c r="X73569" i="1"/>
  <c r="X73570" i="1"/>
  <c r="X73571" i="1"/>
  <c r="X73572" i="1"/>
  <c r="X73573" i="1"/>
  <c r="X73574" i="1"/>
  <c r="X73575" i="1"/>
  <c r="X73576" i="1"/>
  <c r="X73577" i="1"/>
  <c r="X73578" i="1"/>
  <c r="X73579" i="1"/>
  <c r="X73580" i="1"/>
  <c r="X73581" i="1"/>
  <c r="X73582" i="1"/>
  <c r="X73583" i="1"/>
  <c r="X73584" i="1"/>
  <c r="X73585" i="1"/>
  <c r="X73586" i="1"/>
  <c r="X73587" i="1"/>
  <c r="X73588" i="1"/>
  <c r="X73589" i="1"/>
  <c r="X73590" i="1"/>
  <c r="X73591" i="1"/>
  <c r="X73592" i="1"/>
  <c r="X73593" i="1"/>
  <c r="X73594" i="1"/>
  <c r="X73595" i="1"/>
  <c r="X73596" i="1"/>
  <c r="X73597" i="1"/>
  <c r="X73598" i="1"/>
  <c r="X73599" i="1"/>
  <c r="X73600" i="1"/>
  <c r="X73601" i="1"/>
  <c r="X73602" i="1"/>
  <c r="X73603" i="1"/>
  <c r="X73604" i="1"/>
  <c r="X73605" i="1"/>
  <c r="X73606" i="1"/>
  <c r="X73607" i="1"/>
  <c r="X73608" i="1"/>
  <c r="X73609" i="1"/>
  <c r="X73610" i="1"/>
  <c r="X73611" i="1"/>
  <c r="X73612" i="1"/>
  <c r="X73613" i="1"/>
  <c r="X73614" i="1"/>
  <c r="X73615" i="1"/>
  <c r="X73616" i="1"/>
  <c r="X73617" i="1"/>
  <c r="X73618" i="1"/>
  <c r="X73619" i="1"/>
  <c r="X73620" i="1"/>
  <c r="X73621" i="1"/>
  <c r="X73622" i="1"/>
  <c r="X73623" i="1"/>
  <c r="X73624" i="1"/>
  <c r="X73625" i="1"/>
  <c r="X73626" i="1"/>
  <c r="X73627" i="1"/>
  <c r="X73628" i="1"/>
  <c r="X73629" i="1"/>
  <c r="X73630" i="1"/>
  <c r="X73631" i="1"/>
  <c r="X73632" i="1"/>
  <c r="X73633" i="1"/>
  <c r="X73634" i="1"/>
  <c r="X73635" i="1"/>
  <c r="X73636" i="1"/>
  <c r="X73637" i="1"/>
  <c r="X73638" i="1"/>
  <c r="X73639" i="1"/>
  <c r="X73640" i="1"/>
  <c r="X73641" i="1"/>
  <c r="X73642" i="1"/>
  <c r="X73643" i="1"/>
  <c r="X73644" i="1"/>
  <c r="X73645" i="1"/>
  <c r="X73646" i="1"/>
  <c r="X73647" i="1"/>
  <c r="X73648" i="1"/>
  <c r="X73649" i="1"/>
  <c r="X73650" i="1"/>
  <c r="X73651" i="1"/>
  <c r="X73652" i="1"/>
  <c r="X73653" i="1"/>
  <c r="X73654" i="1"/>
  <c r="X73655" i="1"/>
  <c r="X73656" i="1"/>
  <c r="X73657" i="1"/>
  <c r="X73658" i="1"/>
  <c r="X73659" i="1"/>
  <c r="X73660" i="1"/>
  <c r="X73661" i="1"/>
  <c r="X73662" i="1"/>
  <c r="X73663" i="1"/>
  <c r="X73664" i="1"/>
  <c r="X73665" i="1"/>
  <c r="X73666" i="1"/>
  <c r="X73667" i="1"/>
  <c r="X73668" i="1"/>
  <c r="X73669" i="1"/>
  <c r="X73670" i="1"/>
  <c r="X73671" i="1"/>
  <c r="X73672" i="1"/>
  <c r="X73673" i="1"/>
  <c r="X73674" i="1"/>
  <c r="X73675" i="1"/>
  <c r="X73676" i="1"/>
  <c r="X73677" i="1"/>
  <c r="X73678" i="1"/>
  <c r="X73679" i="1"/>
  <c r="X73680" i="1"/>
  <c r="X73681" i="1"/>
  <c r="X73682" i="1"/>
  <c r="X73683" i="1"/>
  <c r="X73684" i="1"/>
  <c r="X73685" i="1"/>
  <c r="X73686" i="1"/>
  <c r="X73687" i="1"/>
  <c r="X73688" i="1"/>
  <c r="X73689" i="1"/>
  <c r="X73690" i="1"/>
  <c r="X73691" i="1"/>
  <c r="X73692" i="1"/>
  <c r="X73693" i="1"/>
  <c r="X73694" i="1"/>
  <c r="X73695" i="1"/>
  <c r="X73696" i="1"/>
  <c r="X73697" i="1"/>
  <c r="X73698" i="1"/>
  <c r="X73699" i="1"/>
  <c r="X73700" i="1"/>
  <c r="X73701" i="1"/>
  <c r="X73702" i="1"/>
  <c r="X73703" i="1"/>
  <c r="X73704" i="1"/>
  <c r="X73705" i="1"/>
  <c r="X73706" i="1"/>
  <c r="X73707" i="1"/>
  <c r="X73708" i="1"/>
  <c r="X73709" i="1"/>
  <c r="X73710" i="1"/>
  <c r="X73711" i="1"/>
  <c r="X73712" i="1"/>
  <c r="X73713" i="1"/>
  <c r="X73714" i="1"/>
  <c r="X73715" i="1"/>
  <c r="X73716" i="1"/>
  <c r="X73717" i="1"/>
  <c r="X73718" i="1"/>
  <c r="X73719" i="1"/>
  <c r="X73720" i="1"/>
  <c r="X73721" i="1"/>
  <c r="X73722" i="1"/>
  <c r="X73723" i="1"/>
  <c r="X73724" i="1"/>
  <c r="X73725" i="1"/>
  <c r="X73726" i="1"/>
  <c r="X73727" i="1"/>
  <c r="X73728" i="1"/>
  <c r="X73729" i="1"/>
  <c r="X73730" i="1"/>
  <c r="X73731" i="1"/>
  <c r="X73732" i="1"/>
  <c r="X73733" i="1"/>
  <c r="X73734" i="1"/>
  <c r="X73735" i="1"/>
  <c r="X73736" i="1"/>
  <c r="X73737" i="1"/>
  <c r="X73738" i="1"/>
  <c r="X73739" i="1"/>
  <c r="X73740" i="1"/>
  <c r="X73741" i="1"/>
  <c r="X73742" i="1"/>
  <c r="X73743" i="1"/>
  <c r="X73744" i="1"/>
  <c r="X73745" i="1"/>
  <c r="X73746" i="1"/>
  <c r="X73747" i="1"/>
  <c r="X73748" i="1"/>
  <c r="X73749" i="1"/>
  <c r="X73750" i="1"/>
  <c r="X73751" i="1"/>
  <c r="X73752" i="1"/>
  <c r="X73753" i="1"/>
  <c r="X73754" i="1"/>
  <c r="X73755" i="1"/>
  <c r="X73756" i="1"/>
  <c r="X73757" i="1"/>
  <c r="X73758" i="1"/>
  <c r="X73759" i="1"/>
  <c r="X73760" i="1"/>
  <c r="X73761" i="1"/>
  <c r="X73762" i="1"/>
  <c r="X73763" i="1"/>
  <c r="X73764" i="1"/>
  <c r="X73765" i="1"/>
  <c r="X73766" i="1"/>
  <c r="X73767" i="1"/>
  <c r="X73768" i="1"/>
  <c r="X73769" i="1"/>
  <c r="X73770" i="1"/>
  <c r="X73771" i="1"/>
  <c r="X73772" i="1"/>
  <c r="X73773" i="1"/>
  <c r="X73774" i="1"/>
  <c r="X73775" i="1"/>
  <c r="X73776" i="1"/>
  <c r="X73777" i="1"/>
  <c r="X73778" i="1"/>
  <c r="X73779" i="1"/>
  <c r="X73780" i="1"/>
  <c r="X73781" i="1"/>
  <c r="X73782" i="1"/>
  <c r="X73783" i="1"/>
  <c r="X73784" i="1"/>
  <c r="X73785" i="1"/>
  <c r="X73786" i="1"/>
  <c r="X73787" i="1"/>
  <c r="X73788" i="1"/>
  <c r="X73789" i="1"/>
  <c r="X73790" i="1"/>
  <c r="X73791" i="1"/>
  <c r="X73792" i="1"/>
  <c r="X73793" i="1"/>
  <c r="X73794" i="1"/>
  <c r="X73795" i="1"/>
  <c r="X73796" i="1"/>
  <c r="X73797" i="1"/>
  <c r="X73798" i="1"/>
  <c r="X73799" i="1"/>
  <c r="X73800" i="1"/>
  <c r="X73801" i="1"/>
  <c r="X73802" i="1"/>
  <c r="X73803" i="1"/>
  <c r="X73804" i="1"/>
  <c r="X73805" i="1"/>
  <c r="X73806" i="1"/>
  <c r="X73807" i="1"/>
  <c r="X73808" i="1"/>
  <c r="X73809" i="1"/>
  <c r="X73810" i="1"/>
  <c r="X73811" i="1"/>
  <c r="X73812" i="1"/>
  <c r="X73813" i="1"/>
  <c r="X73814" i="1"/>
  <c r="X73815" i="1"/>
  <c r="X73816" i="1"/>
  <c r="X73817" i="1"/>
  <c r="X73818" i="1"/>
  <c r="X73819" i="1"/>
  <c r="X73820" i="1"/>
  <c r="X73821" i="1"/>
  <c r="X73822" i="1"/>
  <c r="X73823" i="1"/>
  <c r="X73824" i="1"/>
  <c r="X73825" i="1"/>
  <c r="X73826" i="1"/>
  <c r="X73827" i="1"/>
  <c r="X73828" i="1"/>
  <c r="X73829" i="1"/>
  <c r="X73830" i="1"/>
  <c r="X73831" i="1"/>
  <c r="X73832" i="1"/>
  <c r="X73833" i="1"/>
  <c r="X73834" i="1"/>
  <c r="X73835" i="1"/>
  <c r="X73836" i="1"/>
  <c r="X73837" i="1"/>
  <c r="X73838" i="1"/>
  <c r="X73839" i="1"/>
  <c r="X73840" i="1"/>
  <c r="X73841" i="1"/>
  <c r="X73842" i="1"/>
  <c r="X73843" i="1"/>
  <c r="X73844" i="1"/>
  <c r="X73845" i="1"/>
  <c r="X73846" i="1"/>
  <c r="X73847" i="1"/>
  <c r="X73848" i="1"/>
  <c r="X73849" i="1"/>
  <c r="X73850" i="1"/>
  <c r="X73851" i="1"/>
  <c r="X73852" i="1"/>
  <c r="X73853" i="1"/>
  <c r="X73854" i="1"/>
  <c r="X73855" i="1"/>
  <c r="X73856" i="1"/>
  <c r="X73857" i="1"/>
  <c r="X73858" i="1"/>
  <c r="X73859" i="1"/>
  <c r="X73860" i="1"/>
  <c r="X73861" i="1"/>
  <c r="X73862" i="1"/>
  <c r="X73863" i="1"/>
  <c r="X73864" i="1"/>
  <c r="X73865" i="1"/>
  <c r="X73866" i="1"/>
  <c r="X73867" i="1"/>
  <c r="X73868" i="1"/>
  <c r="X73869" i="1"/>
  <c r="X73870" i="1"/>
  <c r="X73871" i="1"/>
  <c r="X73872" i="1"/>
  <c r="X73873" i="1"/>
  <c r="X73874" i="1"/>
  <c r="X73875" i="1"/>
  <c r="X73876" i="1"/>
  <c r="X73877" i="1"/>
  <c r="X73878" i="1"/>
  <c r="X73879" i="1"/>
  <c r="X73880" i="1"/>
  <c r="X73881" i="1"/>
  <c r="X73882" i="1"/>
  <c r="X73883" i="1"/>
  <c r="X73884" i="1"/>
  <c r="X73885" i="1"/>
  <c r="X73886" i="1"/>
  <c r="X73887" i="1"/>
  <c r="X73888" i="1"/>
  <c r="X73889" i="1"/>
  <c r="X73890" i="1"/>
  <c r="X73891" i="1"/>
  <c r="X73892" i="1"/>
  <c r="X73893" i="1"/>
  <c r="X73894" i="1"/>
  <c r="X73895" i="1"/>
  <c r="X73896" i="1"/>
  <c r="X73897" i="1"/>
  <c r="X73898" i="1"/>
  <c r="X73899" i="1"/>
  <c r="X73900" i="1"/>
  <c r="X73901" i="1"/>
  <c r="X73902" i="1"/>
  <c r="X73903" i="1"/>
  <c r="X73904" i="1"/>
  <c r="X73905" i="1"/>
  <c r="X73906" i="1"/>
  <c r="X73907" i="1"/>
  <c r="X73908" i="1"/>
  <c r="X73909" i="1"/>
  <c r="X73910" i="1"/>
  <c r="X73911" i="1"/>
  <c r="X73912" i="1"/>
  <c r="X73913" i="1"/>
  <c r="X73914" i="1"/>
  <c r="X73915" i="1"/>
  <c r="X73916" i="1"/>
  <c r="X73917" i="1"/>
  <c r="X73918" i="1"/>
  <c r="X73919" i="1"/>
  <c r="X73920" i="1"/>
  <c r="X73921" i="1"/>
  <c r="X73922" i="1"/>
  <c r="X73923" i="1"/>
  <c r="X73924" i="1"/>
  <c r="X73925" i="1"/>
  <c r="X73926" i="1"/>
  <c r="X73927" i="1"/>
  <c r="X73928" i="1"/>
  <c r="X73929" i="1"/>
  <c r="X73930" i="1"/>
  <c r="X73931" i="1"/>
  <c r="X73932" i="1"/>
  <c r="X73933" i="1"/>
  <c r="X73934" i="1"/>
  <c r="X73935" i="1"/>
  <c r="X73936" i="1"/>
  <c r="X73937" i="1"/>
  <c r="X73938" i="1"/>
  <c r="X73939" i="1"/>
  <c r="X73940" i="1"/>
  <c r="X73941" i="1"/>
  <c r="X73942" i="1"/>
  <c r="X73943" i="1"/>
  <c r="X73944" i="1"/>
  <c r="X73945" i="1"/>
  <c r="X73946" i="1"/>
  <c r="X73947" i="1"/>
  <c r="X73948" i="1"/>
  <c r="X73949" i="1"/>
  <c r="X73950" i="1"/>
  <c r="X73951" i="1"/>
  <c r="X73952" i="1"/>
  <c r="X73953" i="1"/>
  <c r="X73954" i="1"/>
  <c r="X73955" i="1"/>
  <c r="X73956" i="1"/>
  <c r="X73957" i="1"/>
  <c r="X73958" i="1"/>
  <c r="X73959" i="1"/>
  <c r="X73960" i="1"/>
  <c r="X73961" i="1"/>
  <c r="X73962" i="1"/>
  <c r="X73963" i="1"/>
  <c r="X73964" i="1"/>
  <c r="X73965" i="1"/>
  <c r="X73966" i="1"/>
  <c r="X73967" i="1"/>
  <c r="X73968" i="1"/>
  <c r="X73969" i="1"/>
  <c r="X73970" i="1"/>
  <c r="X73971" i="1"/>
  <c r="X73972" i="1"/>
  <c r="X73973" i="1"/>
  <c r="X73974" i="1"/>
  <c r="X73975" i="1"/>
  <c r="X73976" i="1"/>
  <c r="X73977" i="1"/>
  <c r="X73978" i="1"/>
  <c r="X73979" i="1"/>
  <c r="X73980" i="1"/>
  <c r="X73981" i="1"/>
  <c r="X73982" i="1"/>
  <c r="X73983" i="1"/>
  <c r="X73984" i="1"/>
  <c r="X73985" i="1"/>
  <c r="X73986" i="1"/>
  <c r="X73987" i="1"/>
  <c r="X73988" i="1"/>
  <c r="X73989" i="1"/>
  <c r="X73990" i="1"/>
  <c r="X73991" i="1"/>
  <c r="X73992" i="1"/>
  <c r="X73993" i="1"/>
  <c r="X73994" i="1"/>
  <c r="X73995" i="1"/>
  <c r="X73996" i="1"/>
  <c r="X73997" i="1"/>
  <c r="X73998" i="1"/>
  <c r="X73999" i="1"/>
  <c r="X74000" i="1"/>
  <c r="X74001" i="1"/>
  <c r="X74002" i="1"/>
  <c r="X74003" i="1"/>
  <c r="X74004" i="1"/>
  <c r="X74005" i="1"/>
  <c r="X74006" i="1"/>
  <c r="X74007" i="1"/>
  <c r="X74008" i="1"/>
  <c r="X74009" i="1"/>
  <c r="X74010" i="1"/>
  <c r="X74011" i="1"/>
  <c r="X74012" i="1"/>
  <c r="X74013" i="1"/>
  <c r="X74014" i="1"/>
  <c r="X74015" i="1"/>
  <c r="X74016" i="1"/>
  <c r="X74017" i="1"/>
  <c r="X74018" i="1"/>
  <c r="X74019" i="1"/>
  <c r="X74020" i="1"/>
  <c r="X74021" i="1"/>
  <c r="X74022" i="1"/>
  <c r="X74023" i="1"/>
  <c r="X74024" i="1"/>
  <c r="X74025" i="1"/>
  <c r="X74026" i="1"/>
  <c r="X74027" i="1"/>
  <c r="X74028" i="1"/>
  <c r="X74029" i="1"/>
  <c r="X74030" i="1"/>
  <c r="X74031" i="1"/>
  <c r="X74032" i="1"/>
  <c r="X74033" i="1"/>
  <c r="X74034" i="1"/>
  <c r="X74035" i="1"/>
  <c r="X74036" i="1"/>
  <c r="X74037" i="1"/>
  <c r="X74038" i="1"/>
  <c r="X74039" i="1"/>
  <c r="X74040" i="1"/>
  <c r="X74041" i="1"/>
  <c r="X74042" i="1"/>
  <c r="X74043" i="1"/>
  <c r="X74044" i="1"/>
  <c r="X74045" i="1"/>
  <c r="X74046" i="1"/>
  <c r="X74047" i="1"/>
  <c r="X74048" i="1"/>
  <c r="X74049" i="1"/>
  <c r="X74050" i="1"/>
  <c r="X74051" i="1"/>
  <c r="X74052" i="1"/>
  <c r="X74053" i="1"/>
  <c r="X74054" i="1"/>
  <c r="X74055" i="1"/>
  <c r="X74056" i="1"/>
  <c r="X74057" i="1"/>
  <c r="X74058" i="1"/>
  <c r="X74059" i="1"/>
  <c r="X74060" i="1"/>
  <c r="X74061" i="1"/>
  <c r="X74062" i="1"/>
  <c r="X74063" i="1"/>
  <c r="X74064" i="1"/>
  <c r="X74065" i="1"/>
  <c r="X74066" i="1"/>
  <c r="X74067" i="1"/>
  <c r="X74068" i="1"/>
  <c r="X74069" i="1"/>
  <c r="X74070" i="1"/>
  <c r="X74071" i="1"/>
  <c r="X74072" i="1"/>
  <c r="X74073" i="1"/>
  <c r="X74074" i="1"/>
  <c r="X74075" i="1"/>
  <c r="X74076" i="1"/>
  <c r="X74077" i="1"/>
  <c r="X74078" i="1"/>
  <c r="X74079" i="1"/>
  <c r="X74080" i="1"/>
  <c r="X74081" i="1"/>
  <c r="X74082" i="1"/>
  <c r="X74083" i="1"/>
  <c r="X74084" i="1"/>
  <c r="X74085" i="1"/>
  <c r="X74086" i="1"/>
  <c r="X74087" i="1"/>
  <c r="X74088" i="1"/>
  <c r="X74089" i="1"/>
  <c r="X74090" i="1"/>
  <c r="X74091" i="1"/>
  <c r="X74092" i="1"/>
  <c r="X74093" i="1"/>
  <c r="X74094" i="1"/>
  <c r="X74095" i="1"/>
  <c r="X74096" i="1"/>
  <c r="X74097" i="1"/>
  <c r="X74098" i="1"/>
  <c r="X74099" i="1"/>
  <c r="X74100" i="1"/>
  <c r="X74101" i="1"/>
  <c r="X74102" i="1"/>
  <c r="X74103" i="1"/>
  <c r="X74104" i="1"/>
  <c r="X74105" i="1"/>
  <c r="X74106" i="1"/>
  <c r="X74107" i="1"/>
  <c r="X74108" i="1"/>
  <c r="X74109" i="1"/>
  <c r="X74110" i="1"/>
  <c r="X74111" i="1"/>
  <c r="X74112" i="1"/>
  <c r="X74113" i="1"/>
  <c r="X74114" i="1"/>
  <c r="X74115" i="1"/>
  <c r="X74116" i="1"/>
  <c r="X74117" i="1"/>
  <c r="X74118" i="1"/>
  <c r="X74119" i="1"/>
  <c r="X74120" i="1"/>
  <c r="X74121" i="1"/>
  <c r="X74122" i="1"/>
  <c r="X74123" i="1"/>
  <c r="X74124" i="1"/>
  <c r="X74125" i="1"/>
  <c r="X74126" i="1"/>
  <c r="X74127" i="1"/>
  <c r="X74128" i="1"/>
  <c r="X74129" i="1"/>
  <c r="X74130" i="1"/>
  <c r="X74131" i="1"/>
  <c r="X74132" i="1"/>
  <c r="X74133" i="1"/>
  <c r="X74134" i="1"/>
  <c r="X74135" i="1"/>
  <c r="X74136" i="1"/>
  <c r="X74137" i="1"/>
  <c r="X74138" i="1"/>
  <c r="X74139" i="1"/>
  <c r="X74140" i="1"/>
  <c r="X74141" i="1"/>
  <c r="X74142" i="1"/>
  <c r="X74143" i="1"/>
  <c r="X74144" i="1"/>
  <c r="X74145" i="1"/>
  <c r="X74146" i="1"/>
  <c r="X74147" i="1"/>
  <c r="X74148" i="1"/>
  <c r="X74149" i="1"/>
  <c r="X74150" i="1"/>
  <c r="X74151" i="1"/>
  <c r="X74152" i="1"/>
  <c r="X74153" i="1"/>
  <c r="X74154" i="1"/>
  <c r="X74155" i="1"/>
  <c r="X74156" i="1"/>
  <c r="X74157" i="1"/>
  <c r="X74158" i="1"/>
  <c r="X74159" i="1"/>
  <c r="X74160" i="1"/>
  <c r="X74161" i="1"/>
  <c r="X74162" i="1"/>
  <c r="X74163" i="1"/>
  <c r="X74164" i="1"/>
  <c r="X74165" i="1"/>
  <c r="X74166" i="1"/>
  <c r="X74167" i="1"/>
  <c r="X74168" i="1"/>
  <c r="X74169" i="1"/>
  <c r="X74170" i="1"/>
  <c r="X74171" i="1"/>
  <c r="X74172" i="1"/>
  <c r="X74173" i="1"/>
  <c r="X74174" i="1"/>
  <c r="X74175" i="1"/>
  <c r="X74176" i="1"/>
  <c r="X74177" i="1"/>
  <c r="X74178" i="1"/>
  <c r="X74179" i="1"/>
  <c r="X74180" i="1"/>
  <c r="X74181" i="1"/>
  <c r="X74182" i="1"/>
  <c r="X74183" i="1"/>
  <c r="X74184" i="1"/>
  <c r="X74185" i="1"/>
  <c r="X74186" i="1"/>
  <c r="X74187" i="1"/>
  <c r="X74188" i="1"/>
  <c r="X74189" i="1"/>
  <c r="X74190" i="1"/>
  <c r="X74191" i="1"/>
  <c r="X74192" i="1"/>
  <c r="X74193" i="1"/>
  <c r="X74194" i="1"/>
  <c r="X74195" i="1"/>
  <c r="X74196" i="1"/>
  <c r="X74197" i="1"/>
  <c r="X74198" i="1"/>
  <c r="X74199" i="1"/>
  <c r="X74200" i="1"/>
  <c r="X74201" i="1"/>
  <c r="X74202" i="1"/>
  <c r="X74203" i="1"/>
  <c r="X74204" i="1"/>
  <c r="X74205" i="1"/>
  <c r="X74206" i="1"/>
  <c r="X74207" i="1"/>
  <c r="X74208" i="1"/>
  <c r="X74209" i="1"/>
  <c r="X74210" i="1"/>
  <c r="X74211" i="1"/>
  <c r="X74212" i="1"/>
  <c r="X74213" i="1"/>
  <c r="X74214" i="1"/>
  <c r="X74215" i="1"/>
  <c r="X74216" i="1"/>
  <c r="X74217" i="1"/>
  <c r="X74218" i="1"/>
  <c r="X74219" i="1"/>
  <c r="X74220" i="1"/>
  <c r="X74221" i="1"/>
  <c r="X74222" i="1"/>
  <c r="X74223" i="1"/>
  <c r="X74224" i="1"/>
  <c r="X74225" i="1"/>
  <c r="X74226" i="1"/>
  <c r="X74227" i="1"/>
  <c r="X74228" i="1"/>
  <c r="X74229" i="1"/>
  <c r="X74230" i="1"/>
  <c r="X74231" i="1"/>
  <c r="X74232" i="1"/>
  <c r="X74233" i="1"/>
  <c r="X74234" i="1"/>
  <c r="X74235" i="1"/>
  <c r="X74236" i="1"/>
  <c r="X74237" i="1"/>
  <c r="X74238" i="1"/>
  <c r="X74239" i="1"/>
  <c r="X74240" i="1"/>
  <c r="X74241" i="1"/>
  <c r="X74242" i="1"/>
  <c r="X74243" i="1"/>
  <c r="X74244" i="1"/>
  <c r="X74245" i="1"/>
  <c r="X74246" i="1"/>
  <c r="X74247" i="1"/>
  <c r="X74248" i="1"/>
  <c r="X74249" i="1"/>
  <c r="X74250" i="1"/>
  <c r="X74251" i="1"/>
  <c r="X74252" i="1"/>
  <c r="X74253" i="1"/>
  <c r="X74254" i="1"/>
  <c r="X74255" i="1"/>
  <c r="X74256" i="1"/>
  <c r="X74257" i="1"/>
  <c r="X74258" i="1"/>
  <c r="X74259" i="1"/>
  <c r="X74260" i="1"/>
  <c r="X74261" i="1"/>
  <c r="X74262" i="1"/>
  <c r="X74263" i="1"/>
  <c r="X74264" i="1"/>
  <c r="X74265" i="1"/>
  <c r="X74266" i="1"/>
  <c r="X74267" i="1"/>
  <c r="X74268" i="1"/>
  <c r="X74269" i="1"/>
  <c r="X74270" i="1"/>
  <c r="X74271" i="1"/>
  <c r="X74272" i="1"/>
  <c r="X74273" i="1"/>
  <c r="X74274" i="1"/>
  <c r="X74275" i="1"/>
  <c r="X74276" i="1"/>
  <c r="X74277" i="1"/>
  <c r="X74278" i="1"/>
  <c r="X74279" i="1"/>
  <c r="X74280" i="1"/>
  <c r="X74281" i="1"/>
  <c r="X74282" i="1"/>
  <c r="X74283" i="1"/>
  <c r="X74284" i="1"/>
  <c r="X74285" i="1"/>
  <c r="X74286" i="1"/>
  <c r="X74287" i="1"/>
  <c r="X74288" i="1"/>
  <c r="X74289" i="1"/>
  <c r="X74290" i="1"/>
  <c r="X74291" i="1"/>
  <c r="X74292" i="1"/>
  <c r="X74293" i="1"/>
  <c r="X74294" i="1"/>
  <c r="X74295" i="1"/>
  <c r="X74296" i="1"/>
  <c r="X74297" i="1"/>
  <c r="X74298" i="1"/>
  <c r="X74299" i="1"/>
  <c r="X74300" i="1"/>
  <c r="X74301" i="1"/>
  <c r="X74302" i="1"/>
  <c r="X74303" i="1"/>
  <c r="X74304" i="1"/>
  <c r="X74305" i="1"/>
  <c r="X74306" i="1"/>
  <c r="X74307" i="1"/>
  <c r="X74308" i="1"/>
  <c r="X74309" i="1"/>
  <c r="X74310" i="1"/>
  <c r="X74311" i="1"/>
  <c r="X74312" i="1"/>
  <c r="X74313" i="1"/>
  <c r="X74314" i="1"/>
  <c r="X74315" i="1"/>
  <c r="X74316" i="1"/>
  <c r="X74317" i="1"/>
  <c r="X74318" i="1"/>
  <c r="X74319" i="1"/>
  <c r="X74320" i="1"/>
  <c r="X74321" i="1"/>
  <c r="X74322" i="1"/>
  <c r="X74323" i="1"/>
  <c r="X74324" i="1"/>
  <c r="X74325" i="1"/>
  <c r="X74326" i="1"/>
  <c r="X74327" i="1"/>
  <c r="X74328" i="1"/>
  <c r="X74329" i="1"/>
  <c r="X74330" i="1"/>
  <c r="X74331" i="1"/>
  <c r="X74332" i="1"/>
  <c r="X74333" i="1"/>
  <c r="X74334" i="1"/>
  <c r="X74335" i="1"/>
  <c r="X74336" i="1"/>
  <c r="X74337" i="1"/>
  <c r="X74338" i="1"/>
  <c r="X74339" i="1"/>
  <c r="X74340" i="1"/>
  <c r="X74341" i="1"/>
  <c r="X74342" i="1"/>
  <c r="X74343" i="1"/>
  <c r="X74344" i="1"/>
  <c r="X74345" i="1"/>
  <c r="X74346" i="1"/>
  <c r="X74347" i="1"/>
  <c r="X74348" i="1"/>
  <c r="X74349" i="1"/>
  <c r="X74350" i="1"/>
  <c r="X74351" i="1"/>
  <c r="X74352" i="1"/>
  <c r="X74353" i="1"/>
  <c r="X74354" i="1"/>
  <c r="X74355" i="1"/>
  <c r="X74356" i="1"/>
  <c r="X74357" i="1"/>
  <c r="X74358" i="1"/>
  <c r="X74359" i="1"/>
  <c r="X74360" i="1"/>
  <c r="X74361" i="1"/>
  <c r="X74362" i="1"/>
  <c r="X74363" i="1"/>
  <c r="X74364" i="1"/>
  <c r="X74365" i="1"/>
  <c r="X74366" i="1"/>
  <c r="X74367" i="1"/>
  <c r="X74368" i="1"/>
  <c r="X74369" i="1"/>
  <c r="X74370" i="1"/>
  <c r="X74371" i="1"/>
  <c r="X74372" i="1"/>
  <c r="X74373" i="1"/>
  <c r="X74374" i="1"/>
  <c r="X74375" i="1"/>
  <c r="X74376" i="1"/>
  <c r="X74377" i="1"/>
  <c r="X74378" i="1"/>
  <c r="X74379" i="1"/>
  <c r="X74380" i="1"/>
  <c r="X74381" i="1"/>
  <c r="X74382" i="1"/>
  <c r="X74383" i="1"/>
  <c r="X74384" i="1"/>
  <c r="X74385" i="1"/>
  <c r="X74386" i="1"/>
  <c r="X74387" i="1"/>
  <c r="X74388" i="1"/>
  <c r="X74389" i="1"/>
  <c r="X74390" i="1"/>
  <c r="X74391" i="1"/>
  <c r="X74392" i="1"/>
  <c r="X74393" i="1"/>
  <c r="X74394" i="1"/>
  <c r="X74395" i="1"/>
  <c r="X74396" i="1"/>
  <c r="X74397" i="1"/>
  <c r="X74398" i="1"/>
  <c r="X74399" i="1"/>
  <c r="X74400" i="1"/>
  <c r="X74401" i="1"/>
  <c r="X74402" i="1"/>
  <c r="X74403" i="1"/>
  <c r="X74404" i="1"/>
  <c r="X74405" i="1"/>
  <c r="X74406" i="1"/>
  <c r="X74407" i="1"/>
  <c r="X74408" i="1"/>
  <c r="X74409" i="1"/>
  <c r="X74410" i="1"/>
  <c r="X74411" i="1"/>
  <c r="X74412" i="1"/>
  <c r="X74413" i="1"/>
  <c r="X74414" i="1"/>
  <c r="X74415" i="1"/>
  <c r="X74416" i="1"/>
  <c r="X74417" i="1"/>
  <c r="X74418" i="1"/>
  <c r="X74419" i="1"/>
  <c r="X74420" i="1"/>
  <c r="X74421" i="1"/>
  <c r="X74422" i="1"/>
  <c r="X74423" i="1"/>
  <c r="X74424" i="1"/>
  <c r="X74425" i="1"/>
  <c r="X74426" i="1"/>
  <c r="X74427" i="1"/>
  <c r="X74428" i="1"/>
  <c r="X74429" i="1"/>
  <c r="X74430" i="1"/>
  <c r="X74431" i="1"/>
  <c r="X74432" i="1"/>
  <c r="X74433" i="1"/>
  <c r="X74434" i="1"/>
  <c r="X74435" i="1"/>
  <c r="X74436" i="1"/>
  <c r="X74437" i="1"/>
  <c r="X74438" i="1"/>
  <c r="X74439" i="1"/>
  <c r="X74440" i="1"/>
  <c r="X74441" i="1"/>
  <c r="X74442" i="1"/>
  <c r="X74443" i="1"/>
  <c r="X74444" i="1"/>
  <c r="X74445" i="1"/>
  <c r="X74446" i="1"/>
  <c r="X74447" i="1"/>
  <c r="X74448" i="1"/>
  <c r="X74449" i="1"/>
  <c r="X74450" i="1"/>
  <c r="X74451" i="1"/>
  <c r="X74452" i="1"/>
  <c r="X74453" i="1"/>
  <c r="X74454" i="1"/>
  <c r="X74455" i="1"/>
  <c r="X74456" i="1"/>
  <c r="X74457" i="1"/>
  <c r="X74458" i="1"/>
  <c r="X74459" i="1"/>
  <c r="X74460" i="1"/>
  <c r="X74461" i="1"/>
  <c r="X74462" i="1"/>
  <c r="X74463" i="1"/>
  <c r="X74464" i="1"/>
  <c r="X74465" i="1"/>
  <c r="X74466" i="1"/>
  <c r="X74467" i="1"/>
  <c r="X74468" i="1"/>
  <c r="X74469" i="1"/>
  <c r="X74470" i="1"/>
  <c r="X74471" i="1"/>
  <c r="X74472" i="1"/>
  <c r="X74473" i="1"/>
  <c r="X74474" i="1"/>
  <c r="X74475" i="1"/>
  <c r="X74476" i="1"/>
  <c r="X74477" i="1"/>
  <c r="X74478" i="1"/>
  <c r="X74479" i="1"/>
  <c r="X74480" i="1"/>
  <c r="X74481" i="1"/>
  <c r="X74482" i="1"/>
  <c r="X74483" i="1"/>
  <c r="X74484" i="1"/>
  <c r="X74485" i="1"/>
  <c r="X74486" i="1"/>
  <c r="X74487" i="1"/>
  <c r="X74488" i="1"/>
  <c r="X74489" i="1"/>
  <c r="X74490" i="1"/>
  <c r="X74491" i="1"/>
  <c r="X74492" i="1"/>
  <c r="X74493" i="1"/>
  <c r="X74494" i="1"/>
  <c r="X74495" i="1"/>
  <c r="X74496" i="1"/>
  <c r="X74497" i="1"/>
  <c r="X74498" i="1"/>
  <c r="X74499" i="1"/>
  <c r="X74500" i="1"/>
  <c r="X74501" i="1"/>
  <c r="X74502" i="1"/>
  <c r="X74503" i="1"/>
  <c r="X74504" i="1"/>
  <c r="X74505" i="1"/>
  <c r="X74506" i="1"/>
  <c r="X74507" i="1"/>
  <c r="X74508" i="1"/>
  <c r="X74509" i="1"/>
  <c r="X74510" i="1"/>
  <c r="X74511" i="1"/>
  <c r="X74512" i="1"/>
  <c r="X74513" i="1"/>
  <c r="X74514" i="1"/>
  <c r="X74515" i="1"/>
  <c r="X74516" i="1"/>
  <c r="X74517" i="1"/>
  <c r="X74518" i="1"/>
  <c r="X74519" i="1"/>
  <c r="X74520" i="1"/>
  <c r="X74521" i="1"/>
  <c r="X74522" i="1"/>
  <c r="X74523" i="1"/>
  <c r="X74524" i="1"/>
  <c r="X74525" i="1"/>
  <c r="X74526" i="1"/>
  <c r="X74527" i="1"/>
  <c r="X74528" i="1"/>
  <c r="X74529" i="1"/>
  <c r="X74530" i="1"/>
  <c r="X74531" i="1"/>
  <c r="X74532" i="1"/>
  <c r="X74533" i="1"/>
  <c r="X74534" i="1"/>
  <c r="X74535" i="1"/>
  <c r="X74536" i="1"/>
  <c r="X74537" i="1"/>
  <c r="X74538" i="1"/>
  <c r="X74539" i="1"/>
  <c r="X74540" i="1"/>
  <c r="X74541" i="1"/>
  <c r="X74542" i="1"/>
  <c r="X74543" i="1"/>
  <c r="X74544" i="1"/>
  <c r="X74545" i="1"/>
  <c r="X74546" i="1"/>
  <c r="X74547" i="1"/>
  <c r="X74548" i="1"/>
  <c r="X74549" i="1"/>
  <c r="X74550" i="1"/>
  <c r="X74551" i="1"/>
  <c r="X74552" i="1"/>
  <c r="X74553" i="1"/>
  <c r="X74554" i="1"/>
  <c r="X74555" i="1"/>
  <c r="X74556" i="1"/>
  <c r="X74557" i="1"/>
  <c r="X74558" i="1"/>
  <c r="X74559" i="1"/>
  <c r="X74560" i="1"/>
  <c r="X74561" i="1"/>
  <c r="X74562" i="1"/>
  <c r="X74563" i="1"/>
  <c r="X74564" i="1"/>
  <c r="X74565" i="1"/>
  <c r="X74566" i="1"/>
  <c r="X74567" i="1"/>
  <c r="X74568" i="1"/>
  <c r="X74569" i="1"/>
  <c r="X74570" i="1"/>
  <c r="X74571" i="1"/>
  <c r="X74572" i="1"/>
  <c r="X74573" i="1"/>
  <c r="X74574" i="1"/>
  <c r="X74575" i="1"/>
  <c r="X74576" i="1"/>
  <c r="X74577" i="1"/>
  <c r="X74578" i="1"/>
  <c r="X74579" i="1"/>
  <c r="X74580" i="1"/>
  <c r="X74581" i="1"/>
  <c r="X74582" i="1"/>
  <c r="X74583" i="1"/>
  <c r="X74584" i="1"/>
  <c r="X74585" i="1"/>
  <c r="X74586" i="1"/>
  <c r="X74587" i="1"/>
  <c r="X74588" i="1"/>
  <c r="X74589" i="1"/>
  <c r="X74590" i="1"/>
  <c r="X74591" i="1"/>
  <c r="X74592" i="1"/>
  <c r="X74593" i="1"/>
  <c r="X74594" i="1"/>
  <c r="X74595" i="1"/>
  <c r="X74596" i="1"/>
  <c r="X74597" i="1"/>
  <c r="X74598" i="1"/>
  <c r="X74599" i="1"/>
  <c r="X74600" i="1"/>
  <c r="X74601" i="1"/>
  <c r="X74602" i="1"/>
  <c r="X74603" i="1"/>
  <c r="X74604" i="1"/>
  <c r="X74605" i="1"/>
  <c r="X74606" i="1"/>
  <c r="X74607" i="1"/>
  <c r="X74608" i="1"/>
  <c r="X74609" i="1"/>
  <c r="X74610" i="1"/>
  <c r="X74611" i="1"/>
  <c r="X74612" i="1"/>
  <c r="X74613" i="1"/>
  <c r="X74614" i="1"/>
  <c r="X74615" i="1"/>
  <c r="X74616" i="1"/>
  <c r="X74617" i="1"/>
  <c r="X74618" i="1"/>
  <c r="X74619" i="1"/>
  <c r="X74620" i="1"/>
  <c r="X74621" i="1"/>
  <c r="X74622" i="1"/>
  <c r="X74623" i="1"/>
  <c r="X74624" i="1"/>
  <c r="X74625" i="1"/>
  <c r="X74626" i="1"/>
  <c r="X74627" i="1"/>
  <c r="X74628" i="1"/>
  <c r="X74629" i="1"/>
  <c r="X74630" i="1"/>
  <c r="X74631" i="1"/>
  <c r="X74632" i="1"/>
  <c r="X74633" i="1"/>
  <c r="X74634" i="1"/>
  <c r="X74635" i="1"/>
  <c r="X74636" i="1"/>
  <c r="X74637" i="1"/>
  <c r="X74638" i="1"/>
  <c r="X74639" i="1"/>
  <c r="X74640" i="1"/>
  <c r="X74641" i="1"/>
  <c r="X74642" i="1"/>
  <c r="X74643" i="1"/>
  <c r="X74644" i="1"/>
  <c r="X74645" i="1"/>
  <c r="X74646" i="1"/>
  <c r="X74647" i="1"/>
  <c r="X74648" i="1"/>
  <c r="X74649" i="1"/>
  <c r="X74650" i="1"/>
  <c r="X74651" i="1"/>
  <c r="X74652" i="1"/>
  <c r="X74653" i="1"/>
  <c r="X74654" i="1"/>
  <c r="X74655" i="1"/>
  <c r="X74656" i="1"/>
  <c r="X74657" i="1"/>
  <c r="X74658" i="1"/>
  <c r="X74659" i="1"/>
  <c r="X74660" i="1"/>
  <c r="X74661" i="1"/>
  <c r="X74662" i="1"/>
  <c r="X74663" i="1"/>
  <c r="X74664" i="1"/>
  <c r="X74665" i="1"/>
  <c r="X74666" i="1"/>
  <c r="X74667" i="1"/>
  <c r="X74668" i="1"/>
  <c r="X74669" i="1"/>
  <c r="X74670" i="1"/>
  <c r="X74671" i="1"/>
  <c r="X74672" i="1"/>
  <c r="X74673" i="1"/>
  <c r="X74674" i="1"/>
  <c r="X74675" i="1"/>
  <c r="X74676" i="1"/>
  <c r="X74677" i="1"/>
  <c r="X74678" i="1"/>
  <c r="X74679" i="1"/>
  <c r="X74680" i="1"/>
  <c r="X74681" i="1"/>
  <c r="X74682" i="1"/>
  <c r="X74683" i="1"/>
  <c r="X74684" i="1"/>
  <c r="X74685" i="1"/>
  <c r="X74686" i="1"/>
  <c r="X74687" i="1"/>
  <c r="X74688" i="1"/>
  <c r="X74689" i="1"/>
  <c r="X74690" i="1"/>
  <c r="X74691" i="1"/>
  <c r="X74692" i="1"/>
  <c r="X74693" i="1"/>
  <c r="X74694" i="1"/>
  <c r="X74695" i="1"/>
  <c r="X74696" i="1"/>
  <c r="X74697" i="1"/>
  <c r="X74698" i="1"/>
  <c r="X74699" i="1"/>
  <c r="X74700" i="1"/>
  <c r="X74701" i="1"/>
  <c r="X74702" i="1"/>
  <c r="X74703" i="1"/>
  <c r="X74704" i="1"/>
  <c r="X74705" i="1"/>
  <c r="X74706" i="1"/>
  <c r="X74707" i="1"/>
  <c r="X74708" i="1"/>
  <c r="X74709" i="1"/>
  <c r="X74710" i="1"/>
  <c r="X74711" i="1"/>
  <c r="X74712" i="1"/>
  <c r="X74713" i="1"/>
  <c r="X74714" i="1"/>
  <c r="X74715" i="1"/>
  <c r="X74716" i="1"/>
  <c r="X74717" i="1"/>
  <c r="X74718" i="1"/>
  <c r="X74719" i="1"/>
  <c r="X74720" i="1"/>
  <c r="X74721" i="1"/>
  <c r="X74722" i="1"/>
  <c r="X74723" i="1"/>
  <c r="X74724" i="1"/>
  <c r="X74725" i="1"/>
  <c r="X74726" i="1"/>
  <c r="X74727" i="1"/>
  <c r="X74728" i="1"/>
  <c r="X74729" i="1"/>
  <c r="X74730" i="1"/>
  <c r="X74731" i="1"/>
  <c r="X74732" i="1"/>
  <c r="X74733" i="1"/>
  <c r="X74734" i="1"/>
  <c r="X74735" i="1"/>
  <c r="X74736" i="1"/>
  <c r="X74737" i="1"/>
  <c r="X74738" i="1"/>
  <c r="X74739" i="1"/>
  <c r="X74740" i="1"/>
  <c r="X74741" i="1"/>
  <c r="X74742" i="1"/>
  <c r="X74743" i="1"/>
  <c r="X74744" i="1"/>
  <c r="X74745" i="1"/>
  <c r="X74746" i="1"/>
  <c r="X74747" i="1"/>
  <c r="X74748" i="1"/>
  <c r="X74749" i="1"/>
  <c r="X74750" i="1"/>
  <c r="X74751" i="1"/>
  <c r="X74752" i="1"/>
  <c r="X74753" i="1"/>
  <c r="X74754" i="1"/>
  <c r="X74755" i="1"/>
  <c r="X74756" i="1"/>
  <c r="X74757" i="1"/>
  <c r="X74758" i="1"/>
  <c r="X74759" i="1"/>
  <c r="X74760" i="1"/>
  <c r="X74761" i="1"/>
  <c r="X74762" i="1"/>
  <c r="X74763" i="1"/>
  <c r="X74764" i="1"/>
  <c r="X74765" i="1"/>
  <c r="X74766" i="1"/>
  <c r="X74767" i="1"/>
  <c r="X74768" i="1"/>
  <c r="X74769" i="1"/>
  <c r="X74770" i="1"/>
  <c r="X74771" i="1"/>
  <c r="X74772" i="1"/>
  <c r="X74773" i="1"/>
  <c r="X74774" i="1"/>
  <c r="X74775" i="1"/>
  <c r="X74776" i="1"/>
  <c r="X74777" i="1"/>
  <c r="X74778" i="1"/>
  <c r="X74779" i="1"/>
  <c r="X74780" i="1"/>
  <c r="X74781" i="1"/>
  <c r="X74782" i="1"/>
  <c r="X74783" i="1"/>
  <c r="X74784" i="1"/>
  <c r="X74785" i="1"/>
  <c r="X74786" i="1"/>
  <c r="X74787" i="1"/>
  <c r="X74788" i="1"/>
  <c r="X74789" i="1"/>
  <c r="X74790" i="1"/>
  <c r="X74791" i="1"/>
  <c r="X74792" i="1"/>
  <c r="X74793" i="1"/>
  <c r="X74794" i="1"/>
  <c r="X74795" i="1"/>
  <c r="X74796" i="1"/>
  <c r="X74797" i="1"/>
  <c r="X74798" i="1"/>
  <c r="X74799" i="1"/>
  <c r="X74800" i="1"/>
  <c r="X74801" i="1"/>
  <c r="X74802" i="1"/>
  <c r="X74803" i="1"/>
  <c r="X74804" i="1"/>
  <c r="X74805" i="1"/>
  <c r="X74806" i="1"/>
  <c r="X74807" i="1"/>
  <c r="X74808" i="1"/>
  <c r="X74809" i="1"/>
  <c r="X74810" i="1"/>
  <c r="X74811" i="1"/>
  <c r="X74812" i="1"/>
  <c r="X74813" i="1"/>
  <c r="X74814" i="1"/>
  <c r="X74815" i="1"/>
  <c r="X74816" i="1"/>
  <c r="X74817" i="1"/>
  <c r="X74818" i="1"/>
  <c r="X74819" i="1"/>
  <c r="X74820" i="1"/>
  <c r="X74821" i="1"/>
  <c r="X74822" i="1"/>
  <c r="X74823" i="1"/>
  <c r="X74824" i="1"/>
  <c r="X74825" i="1"/>
  <c r="X74826" i="1"/>
  <c r="X74827" i="1"/>
  <c r="X74828" i="1"/>
  <c r="X74829" i="1"/>
  <c r="X74830" i="1"/>
  <c r="X74831" i="1"/>
  <c r="X74832" i="1"/>
  <c r="X74833" i="1"/>
  <c r="X74834" i="1"/>
  <c r="X74835" i="1"/>
  <c r="X74836" i="1"/>
  <c r="X74837" i="1"/>
  <c r="X74838" i="1"/>
  <c r="X74839" i="1"/>
  <c r="X74840" i="1"/>
  <c r="X74841" i="1"/>
  <c r="X74842" i="1"/>
  <c r="X74843" i="1"/>
  <c r="X74844" i="1"/>
  <c r="X74845" i="1"/>
  <c r="X74846" i="1"/>
  <c r="X74847" i="1"/>
  <c r="X74848" i="1"/>
  <c r="X74849" i="1"/>
  <c r="X74850" i="1"/>
  <c r="X74851" i="1"/>
  <c r="X74852" i="1"/>
  <c r="X74853" i="1"/>
  <c r="X74854" i="1"/>
  <c r="X74855" i="1"/>
  <c r="X74856" i="1"/>
  <c r="X74857" i="1"/>
  <c r="X74858" i="1"/>
  <c r="X74859" i="1"/>
  <c r="X74860" i="1"/>
  <c r="X74861" i="1"/>
  <c r="X74862" i="1"/>
  <c r="X74863" i="1"/>
  <c r="X74864" i="1"/>
  <c r="X74865" i="1"/>
  <c r="X74866" i="1"/>
  <c r="X74867" i="1"/>
  <c r="X74868" i="1"/>
  <c r="X74869" i="1"/>
  <c r="X74870" i="1"/>
  <c r="X74871" i="1"/>
  <c r="X74872" i="1"/>
  <c r="X74873" i="1"/>
  <c r="X74874" i="1"/>
  <c r="X74875" i="1"/>
  <c r="X74876" i="1"/>
  <c r="X74877" i="1"/>
  <c r="X74878" i="1"/>
  <c r="X74879" i="1"/>
  <c r="X74880" i="1"/>
  <c r="X74881" i="1"/>
  <c r="X74882" i="1"/>
  <c r="X74883" i="1"/>
  <c r="X74884" i="1"/>
  <c r="X74885" i="1"/>
  <c r="X74886" i="1"/>
  <c r="X74887" i="1"/>
  <c r="X74888" i="1"/>
  <c r="X74889" i="1"/>
  <c r="X74890" i="1"/>
  <c r="X74891" i="1"/>
  <c r="X74892" i="1"/>
  <c r="X74893" i="1"/>
  <c r="X74894" i="1"/>
  <c r="X74895" i="1"/>
  <c r="X74896" i="1"/>
  <c r="X74897" i="1"/>
  <c r="X74898" i="1"/>
  <c r="X74899" i="1"/>
  <c r="X74900" i="1"/>
  <c r="X74901" i="1"/>
  <c r="X74902" i="1"/>
  <c r="X74903" i="1"/>
  <c r="X74904" i="1"/>
  <c r="X74905" i="1"/>
  <c r="X74906" i="1"/>
  <c r="X74907" i="1"/>
  <c r="X74908" i="1"/>
  <c r="X74909" i="1"/>
  <c r="X74910" i="1"/>
  <c r="X74911" i="1"/>
  <c r="X74912" i="1"/>
  <c r="X74913" i="1"/>
  <c r="X74914" i="1"/>
  <c r="X74915" i="1"/>
  <c r="X74916" i="1"/>
  <c r="X74917" i="1"/>
  <c r="X74918" i="1"/>
  <c r="X74919" i="1"/>
  <c r="X74920" i="1"/>
  <c r="X74921" i="1"/>
  <c r="X74922" i="1"/>
  <c r="X74923" i="1"/>
  <c r="X74924" i="1"/>
  <c r="X74925" i="1"/>
  <c r="X74926" i="1"/>
  <c r="X74927" i="1"/>
  <c r="X74928" i="1"/>
  <c r="X74929" i="1"/>
  <c r="X74930" i="1"/>
  <c r="X74931" i="1"/>
  <c r="X74932" i="1"/>
  <c r="X74933" i="1"/>
  <c r="X74934" i="1"/>
  <c r="X74935" i="1"/>
  <c r="X74936" i="1"/>
  <c r="X74937" i="1"/>
  <c r="X74938" i="1"/>
  <c r="X74939" i="1"/>
  <c r="X74940" i="1"/>
  <c r="X74941" i="1"/>
  <c r="X74942" i="1"/>
  <c r="X74943" i="1"/>
  <c r="X74944" i="1"/>
  <c r="X74945" i="1"/>
  <c r="X74946" i="1"/>
  <c r="X74947" i="1"/>
  <c r="X74948" i="1"/>
  <c r="X74949" i="1"/>
  <c r="X74950" i="1"/>
  <c r="X74951" i="1"/>
  <c r="X74952" i="1"/>
  <c r="X74953" i="1"/>
  <c r="X74954" i="1"/>
  <c r="X74955" i="1"/>
  <c r="X74956" i="1"/>
  <c r="X74957" i="1"/>
  <c r="X74958" i="1"/>
  <c r="X74959" i="1"/>
  <c r="X74960" i="1"/>
  <c r="X74961" i="1"/>
  <c r="X74962" i="1"/>
  <c r="X74963" i="1"/>
  <c r="X74964" i="1"/>
  <c r="X74965" i="1"/>
  <c r="X74966" i="1"/>
  <c r="X74967" i="1"/>
  <c r="X74968" i="1"/>
  <c r="X74969" i="1"/>
  <c r="X74970" i="1"/>
  <c r="X74971" i="1"/>
  <c r="X74972" i="1"/>
  <c r="X74973" i="1"/>
  <c r="X74974" i="1"/>
  <c r="X74975" i="1"/>
  <c r="X74976" i="1"/>
  <c r="X74977" i="1"/>
  <c r="X74978" i="1"/>
  <c r="X74979" i="1"/>
  <c r="X74980" i="1"/>
  <c r="X74981" i="1"/>
  <c r="X74982" i="1"/>
  <c r="X74983" i="1"/>
  <c r="X74984" i="1"/>
  <c r="X74985" i="1"/>
  <c r="X74986" i="1"/>
  <c r="X74987" i="1"/>
  <c r="X74988" i="1"/>
  <c r="X74989" i="1"/>
  <c r="X74990" i="1"/>
  <c r="X74991" i="1"/>
  <c r="X74992" i="1"/>
  <c r="X74993" i="1"/>
  <c r="X74994" i="1"/>
  <c r="X74995" i="1"/>
  <c r="X74996" i="1"/>
  <c r="X74997" i="1"/>
  <c r="X74998" i="1"/>
  <c r="X74999" i="1"/>
  <c r="X75000" i="1"/>
  <c r="X75001" i="1"/>
  <c r="X75002" i="1"/>
  <c r="X75003" i="1"/>
  <c r="X75004" i="1"/>
  <c r="X75005" i="1"/>
  <c r="X75006" i="1"/>
  <c r="X75007" i="1"/>
  <c r="X75008" i="1"/>
  <c r="X75009" i="1"/>
  <c r="X75010" i="1"/>
  <c r="X75011" i="1"/>
  <c r="X75012" i="1"/>
  <c r="X75013" i="1"/>
  <c r="X75014" i="1"/>
  <c r="X75015" i="1"/>
  <c r="X75016" i="1"/>
  <c r="X75017" i="1"/>
  <c r="X75018" i="1"/>
  <c r="X75019" i="1"/>
  <c r="X75020" i="1"/>
  <c r="X75021" i="1"/>
  <c r="X75022" i="1"/>
  <c r="X75023" i="1"/>
  <c r="X75024" i="1"/>
  <c r="X75025" i="1"/>
  <c r="X75026" i="1"/>
  <c r="X75027" i="1"/>
  <c r="X75028" i="1"/>
  <c r="X75029" i="1"/>
  <c r="X75030" i="1"/>
  <c r="X75031" i="1"/>
  <c r="X75032" i="1"/>
  <c r="X75033" i="1"/>
  <c r="X75034" i="1"/>
  <c r="X75035" i="1"/>
  <c r="X75036" i="1"/>
  <c r="X75037" i="1"/>
  <c r="X75038" i="1"/>
  <c r="X75039" i="1"/>
  <c r="X75040" i="1"/>
  <c r="X75041" i="1"/>
  <c r="X75042" i="1"/>
  <c r="X75043" i="1"/>
  <c r="X75044" i="1"/>
  <c r="X75045" i="1"/>
  <c r="X75046" i="1"/>
  <c r="X75047" i="1"/>
  <c r="X75048" i="1"/>
  <c r="X75049" i="1"/>
  <c r="X75050" i="1"/>
  <c r="X75051" i="1"/>
  <c r="X75052" i="1"/>
  <c r="X75053" i="1"/>
  <c r="X75054" i="1"/>
  <c r="X75055" i="1"/>
  <c r="X75056" i="1"/>
  <c r="X75057" i="1"/>
  <c r="X75058" i="1"/>
  <c r="X75059" i="1"/>
  <c r="X75060" i="1"/>
  <c r="X75061" i="1"/>
  <c r="X75062" i="1"/>
  <c r="X75063" i="1"/>
  <c r="X75064" i="1"/>
  <c r="X75065" i="1"/>
  <c r="X75066" i="1"/>
  <c r="X75067" i="1"/>
  <c r="X75068" i="1"/>
  <c r="X75069" i="1"/>
  <c r="X75070" i="1"/>
  <c r="X75071" i="1"/>
  <c r="X75072" i="1"/>
  <c r="X75073" i="1"/>
  <c r="X75074" i="1"/>
  <c r="X75075" i="1"/>
  <c r="X75076" i="1"/>
  <c r="X75077" i="1"/>
  <c r="X75078" i="1"/>
  <c r="X75079" i="1"/>
  <c r="X75080" i="1"/>
  <c r="X75081" i="1"/>
  <c r="X75082" i="1"/>
  <c r="X75083" i="1"/>
  <c r="X75084" i="1"/>
  <c r="X75085" i="1"/>
  <c r="X75086" i="1"/>
  <c r="X75087" i="1"/>
  <c r="X75088" i="1"/>
  <c r="X75089" i="1"/>
  <c r="X75090" i="1"/>
  <c r="X75091" i="1"/>
  <c r="X75092" i="1"/>
  <c r="X75093" i="1"/>
  <c r="X75094" i="1"/>
  <c r="X75095" i="1"/>
  <c r="X75096" i="1"/>
  <c r="X75097" i="1"/>
  <c r="X75098" i="1"/>
  <c r="X75099" i="1"/>
  <c r="X75100" i="1"/>
  <c r="X75101" i="1"/>
  <c r="X75102" i="1"/>
  <c r="X75103" i="1"/>
  <c r="X75104" i="1"/>
  <c r="X75105" i="1"/>
  <c r="X75106" i="1"/>
  <c r="X75107" i="1"/>
  <c r="X75108" i="1"/>
  <c r="X75109" i="1"/>
  <c r="X75110" i="1"/>
  <c r="X75111" i="1"/>
  <c r="X75112" i="1"/>
  <c r="X75113" i="1"/>
  <c r="X75114" i="1"/>
  <c r="X75115" i="1"/>
  <c r="X75116" i="1"/>
  <c r="X75117" i="1"/>
  <c r="X75118" i="1"/>
  <c r="X75119" i="1"/>
  <c r="X75120" i="1"/>
  <c r="X75121" i="1"/>
  <c r="X75122" i="1"/>
  <c r="X75123" i="1"/>
  <c r="X75124" i="1"/>
  <c r="X75125" i="1"/>
  <c r="X75126" i="1"/>
  <c r="X75127" i="1"/>
  <c r="X75128" i="1"/>
  <c r="X75129" i="1"/>
  <c r="X75130" i="1"/>
  <c r="X75131" i="1"/>
  <c r="X75132" i="1"/>
  <c r="X75133" i="1"/>
  <c r="X75134" i="1"/>
  <c r="X75135" i="1"/>
  <c r="X75136" i="1"/>
  <c r="X75137" i="1"/>
  <c r="X75138" i="1"/>
  <c r="X75139" i="1"/>
  <c r="X75140" i="1"/>
  <c r="X75141" i="1"/>
  <c r="X75142" i="1"/>
  <c r="X75143" i="1"/>
  <c r="X75144" i="1"/>
  <c r="X75145" i="1"/>
  <c r="X75146" i="1"/>
  <c r="X75147" i="1"/>
  <c r="X75148" i="1"/>
  <c r="X75149" i="1"/>
  <c r="X75150" i="1"/>
  <c r="X75151" i="1"/>
  <c r="X75152" i="1"/>
  <c r="X75153" i="1"/>
  <c r="X75154" i="1"/>
  <c r="X75155" i="1"/>
  <c r="X75156" i="1"/>
  <c r="X75157" i="1"/>
  <c r="X75158" i="1"/>
  <c r="X75159" i="1"/>
  <c r="X75160" i="1"/>
  <c r="X75161" i="1"/>
  <c r="X75162" i="1"/>
  <c r="X75163" i="1"/>
  <c r="X75164" i="1"/>
  <c r="X75165" i="1"/>
  <c r="X75166" i="1"/>
  <c r="X75167" i="1"/>
  <c r="X75168" i="1"/>
  <c r="X75169" i="1"/>
  <c r="X75170" i="1"/>
  <c r="X75171" i="1"/>
  <c r="X75172" i="1"/>
  <c r="X75173" i="1"/>
  <c r="X75174" i="1"/>
  <c r="X75175" i="1"/>
  <c r="X75176" i="1"/>
  <c r="X75177" i="1"/>
  <c r="X75178" i="1"/>
  <c r="X75179" i="1"/>
  <c r="X75180" i="1"/>
  <c r="X75181" i="1"/>
  <c r="X75182" i="1"/>
  <c r="X75183" i="1"/>
  <c r="X75184" i="1"/>
  <c r="X75185" i="1"/>
  <c r="X75186" i="1"/>
  <c r="X75187" i="1"/>
  <c r="X75188" i="1"/>
  <c r="X75189" i="1"/>
  <c r="X75190" i="1"/>
  <c r="X75191" i="1"/>
  <c r="X75192" i="1"/>
  <c r="X75193" i="1"/>
  <c r="X75194" i="1"/>
  <c r="X75195" i="1"/>
  <c r="X75196" i="1"/>
  <c r="X75197" i="1"/>
  <c r="X75198" i="1"/>
  <c r="X75199" i="1"/>
  <c r="X75200" i="1"/>
  <c r="X75201" i="1"/>
  <c r="X75202" i="1"/>
  <c r="X75203" i="1"/>
  <c r="X75204" i="1"/>
  <c r="X75205" i="1"/>
  <c r="X75206" i="1"/>
  <c r="X75207" i="1"/>
  <c r="X75208" i="1"/>
  <c r="X75209" i="1"/>
  <c r="X75210" i="1"/>
  <c r="X75211" i="1"/>
  <c r="X75212" i="1"/>
  <c r="X75213" i="1"/>
  <c r="X75214" i="1"/>
  <c r="X75215" i="1"/>
  <c r="X75216" i="1"/>
  <c r="X75217" i="1"/>
  <c r="X75218" i="1"/>
  <c r="X75219" i="1"/>
  <c r="X75220" i="1"/>
  <c r="X75221" i="1"/>
  <c r="X75222" i="1"/>
  <c r="X75223" i="1"/>
  <c r="X75224" i="1"/>
  <c r="X75225" i="1"/>
  <c r="X75226" i="1"/>
  <c r="X75227" i="1"/>
  <c r="X75228" i="1"/>
  <c r="X75229" i="1"/>
  <c r="X75230" i="1"/>
  <c r="X75231" i="1"/>
  <c r="X75232" i="1"/>
  <c r="X75233" i="1"/>
  <c r="X75234" i="1"/>
  <c r="X75235" i="1"/>
  <c r="X75236" i="1"/>
  <c r="X75237" i="1"/>
  <c r="X75238" i="1"/>
  <c r="X75239" i="1"/>
  <c r="X75240" i="1"/>
  <c r="X75241" i="1"/>
  <c r="X75242" i="1"/>
  <c r="X75243" i="1"/>
  <c r="X75244" i="1"/>
  <c r="X75245" i="1"/>
  <c r="X75246" i="1"/>
  <c r="X75247" i="1"/>
  <c r="X75248" i="1"/>
  <c r="X75249" i="1"/>
  <c r="X75250" i="1"/>
  <c r="X75251" i="1"/>
  <c r="X75252" i="1"/>
  <c r="X75253" i="1"/>
  <c r="X75254" i="1"/>
  <c r="X75255" i="1"/>
  <c r="X75256" i="1"/>
  <c r="X75257" i="1"/>
  <c r="X75258" i="1"/>
  <c r="X75259" i="1"/>
  <c r="X75260" i="1"/>
  <c r="X75261" i="1"/>
  <c r="X75262" i="1"/>
  <c r="X75263" i="1"/>
  <c r="X75264" i="1"/>
  <c r="X75265" i="1"/>
  <c r="X75266" i="1"/>
  <c r="X75267" i="1"/>
  <c r="X75268" i="1"/>
  <c r="X75269" i="1"/>
  <c r="X75270" i="1"/>
  <c r="X75271" i="1"/>
  <c r="X75272" i="1"/>
  <c r="X75273" i="1"/>
  <c r="X75274" i="1"/>
  <c r="X75275" i="1"/>
  <c r="X75276" i="1"/>
  <c r="X75277" i="1"/>
  <c r="X75278" i="1"/>
  <c r="X75279" i="1"/>
  <c r="X75280" i="1"/>
  <c r="X75281" i="1"/>
  <c r="X75282" i="1"/>
  <c r="X75283" i="1"/>
  <c r="X75284" i="1"/>
  <c r="X75285" i="1"/>
  <c r="X75286" i="1"/>
  <c r="X75287" i="1"/>
  <c r="X75288" i="1"/>
  <c r="X75289" i="1"/>
  <c r="X75290" i="1"/>
  <c r="X75291" i="1"/>
  <c r="X75292" i="1"/>
  <c r="X75293" i="1"/>
  <c r="X75294" i="1"/>
  <c r="X75295" i="1"/>
  <c r="X75296" i="1"/>
  <c r="X75297" i="1"/>
  <c r="X75298" i="1"/>
  <c r="X75299" i="1"/>
  <c r="X75300" i="1"/>
  <c r="X75301" i="1"/>
  <c r="X75302" i="1"/>
  <c r="X75303" i="1"/>
  <c r="X75304" i="1"/>
  <c r="X75305" i="1"/>
  <c r="X75306" i="1"/>
  <c r="X75307" i="1"/>
  <c r="X75308" i="1"/>
  <c r="X75309" i="1"/>
  <c r="X75310" i="1"/>
  <c r="X75311" i="1"/>
  <c r="X75312" i="1"/>
  <c r="X75313" i="1"/>
  <c r="X75314" i="1"/>
  <c r="X75315" i="1"/>
  <c r="X75316" i="1"/>
  <c r="X75317" i="1"/>
  <c r="X75318" i="1"/>
  <c r="X75319" i="1"/>
  <c r="X75320" i="1"/>
  <c r="X75321" i="1"/>
  <c r="X75322" i="1"/>
  <c r="X75323" i="1"/>
  <c r="X75324" i="1"/>
  <c r="X75325" i="1"/>
  <c r="X75326" i="1"/>
  <c r="X75327" i="1"/>
  <c r="X75328" i="1"/>
  <c r="X75329" i="1"/>
  <c r="X75330" i="1"/>
  <c r="X75331" i="1"/>
  <c r="X75332" i="1"/>
  <c r="X75333" i="1"/>
  <c r="X75334" i="1"/>
  <c r="X75335" i="1"/>
  <c r="X75336" i="1"/>
  <c r="X75337" i="1"/>
  <c r="X75338" i="1"/>
  <c r="X75339" i="1"/>
  <c r="X75340" i="1"/>
  <c r="X75341" i="1"/>
  <c r="X75342" i="1"/>
  <c r="X75343" i="1"/>
  <c r="X75344" i="1"/>
  <c r="X75345" i="1"/>
  <c r="X75346" i="1"/>
  <c r="X75347" i="1"/>
  <c r="X75348" i="1"/>
  <c r="X75349" i="1"/>
  <c r="X75350" i="1"/>
  <c r="X75351" i="1"/>
  <c r="X75352" i="1"/>
  <c r="X75353" i="1"/>
  <c r="X75354" i="1"/>
  <c r="X75355" i="1"/>
  <c r="X75356" i="1"/>
  <c r="X75357" i="1"/>
  <c r="X75358" i="1"/>
  <c r="X75359" i="1"/>
  <c r="X75360" i="1"/>
  <c r="X75361" i="1"/>
  <c r="X75362" i="1"/>
  <c r="X75363" i="1"/>
  <c r="X75364" i="1"/>
  <c r="X75365" i="1"/>
  <c r="X75366" i="1"/>
  <c r="X75367" i="1"/>
  <c r="X75368" i="1"/>
  <c r="X75369" i="1"/>
  <c r="X75370" i="1"/>
  <c r="X75371" i="1"/>
  <c r="X75372" i="1"/>
  <c r="X75373" i="1"/>
  <c r="X75374" i="1"/>
  <c r="X75375" i="1"/>
  <c r="X75376" i="1"/>
  <c r="X75377" i="1"/>
  <c r="X75378" i="1"/>
  <c r="X75379" i="1"/>
  <c r="X75380" i="1"/>
  <c r="X75381" i="1"/>
  <c r="X75382" i="1"/>
  <c r="X75383" i="1"/>
  <c r="X75384" i="1"/>
  <c r="X75385" i="1"/>
  <c r="X75386" i="1"/>
  <c r="X75387" i="1"/>
  <c r="X75388" i="1"/>
  <c r="X75389" i="1"/>
  <c r="X75390" i="1"/>
  <c r="X75391" i="1"/>
  <c r="X75392" i="1"/>
  <c r="X75393" i="1"/>
  <c r="X75394" i="1"/>
  <c r="X75395" i="1"/>
  <c r="X75396" i="1"/>
  <c r="X75397" i="1"/>
  <c r="X75398" i="1"/>
  <c r="X75399" i="1"/>
  <c r="X75400" i="1"/>
  <c r="X75401" i="1"/>
  <c r="X75402" i="1"/>
  <c r="X75403" i="1"/>
  <c r="X75404" i="1"/>
  <c r="X75405" i="1"/>
  <c r="X75406" i="1"/>
  <c r="X75407" i="1"/>
  <c r="X75408" i="1"/>
  <c r="X75409" i="1"/>
  <c r="X75410" i="1"/>
  <c r="X75411" i="1"/>
  <c r="X75412" i="1"/>
  <c r="X75413" i="1"/>
  <c r="X75414" i="1"/>
  <c r="X75415" i="1"/>
  <c r="X75416" i="1"/>
  <c r="X75417" i="1"/>
  <c r="X75418" i="1"/>
  <c r="X75419" i="1"/>
  <c r="X75420" i="1"/>
  <c r="X75421" i="1"/>
  <c r="X75422" i="1"/>
  <c r="X75423" i="1"/>
  <c r="X75424" i="1"/>
  <c r="X75425" i="1"/>
  <c r="X75426" i="1"/>
  <c r="X75427" i="1"/>
  <c r="X75428" i="1"/>
  <c r="X75429" i="1"/>
  <c r="X75430" i="1"/>
  <c r="X75431" i="1"/>
  <c r="X75432" i="1"/>
  <c r="X75433" i="1"/>
  <c r="X75434" i="1"/>
  <c r="X75435" i="1"/>
  <c r="X75436" i="1"/>
  <c r="X75437" i="1"/>
  <c r="X75438" i="1"/>
  <c r="X75439" i="1"/>
  <c r="X75440" i="1"/>
  <c r="X75441" i="1"/>
  <c r="X75442" i="1"/>
  <c r="X75443" i="1"/>
  <c r="X75444" i="1"/>
  <c r="X75445" i="1"/>
  <c r="X75446" i="1"/>
  <c r="X75447" i="1"/>
  <c r="X75448" i="1"/>
  <c r="X75449" i="1"/>
  <c r="X75450" i="1"/>
  <c r="X75451" i="1"/>
  <c r="X75452" i="1"/>
  <c r="X75453" i="1"/>
  <c r="X75454" i="1"/>
  <c r="X75455" i="1"/>
  <c r="X75456" i="1"/>
  <c r="X75457" i="1"/>
  <c r="X75458" i="1"/>
  <c r="X75459" i="1"/>
  <c r="X75460" i="1"/>
  <c r="X75461" i="1"/>
  <c r="X75462" i="1"/>
  <c r="X75463" i="1"/>
  <c r="X75464" i="1"/>
  <c r="X75465" i="1"/>
  <c r="X75466" i="1"/>
  <c r="X75467" i="1"/>
  <c r="X75468" i="1"/>
  <c r="X75469" i="1"/>
  <c r="X75470" i="1"/>
  <c r="X75471" i="1"/>
  <c r="X75472" i="1"/>
  <c r="X75473" i="1"/>
  <c r="X75474" i="1"/>
  <c r="X75475" i="1"/>
  <c r="X75476" i="1"/>
  <c r="X75477" i="1"/>
  <c r="X75478" i="1"/>
  <c r="X75479" i="1"/>
  <c r="X75480" i="1"/>
  <c r="X75481" i="1"/>
  <c r="X75482" i="1"/>
  <c r="X75483" i="1"/>
  <c r="X75484" i="1"/>
  <c r="X75485" i="1"/>
  <c r="X75486" i="1"/>
  <c r="X75487" i="1"/>
  <c r="X75488" i="1"/>
  <c r="X75489" i="1"/>
  <c r="X75490" i="1"/>
  <c r="X75491" i="1"/>
  <c r="X75492" i="1"/>
  <c r="X75493" i="1"/>
  <c r="X75494" i="1"/>
  <c r="X75495" i="1"/>
  <c r="X75496" i="1"/>
  <c r="X75497" i="1"/>
  <c r="X75498" i="1"/>
  <c r="X75499" i="1"/>
  <c r="X75500" i="1"/>
  <c r="X75501" i="1"/>
  <c r="X75502" i="1"/>
  <c r="X75503" i="1"/>
  <c r="X75504" i="1"/>
  <c r="X75505" i="1"/>
  <c r="X75506" i="1"/>
  <c r="X75507" i="1"/>
  <c r="X75508" i="1"/>
  <c r="X75509" i="1"/>
  <c r="X75510" i="1"/>
  <c r="X75511" i="1"/>
  <c r="X75512" i="1"/>
  <c r="X75513" i="1"/>
  <c r="X75514" i="1"/>
  <c r="X75515" i="1"/>
  <c r="X75516" i="1"/>
  <c r="X75517" i="1"/>
  <c r="X75518" i="1"/>
  <c r="X75519" i="1"/>
  <c r="X75520" i="1"/>
  <c r="X75521" i="1"/>
  <c r="X75522" i="1"/>
  <c r="X75523" i="1"/>
  <c r="X75524" i="1"/>
  <c r="X75525" i="1"/>
  <c r="X75526" i="1"/>
  <c r="X75527" i="1"/>
  <c r="X75528" i="1"/>
  <c r="X75529" i="1"/>
  <c r="X75530" i="1"/>
  <c r="X75531" i="1"/>
  <c r="X75532" i="1"/>
  <c r="X75533" i="1"/>
  <c r="X75534" i="1"/>
  <c r="X75535" i="1"/>
  <c r="X75536" i="1"/>
  <c r="X75537" i="1"/>
  <c r="X75538" i="1"/>
  <c r="X75539" i="1"/>
  <c r="X75540" i="1"/>
  <c r="X75541" i="1"/>
  <c r="X75542" i="1"/>
  <c r="X75543" i="1"/>
  <c r="X75544" i="1"/>
  <c r="X75545" i="1"/>
  <c r="X75546" i="1"/>
  <c r="X75547" i="1"/>
  <c r="X75548" i="1"/>
  <c r="X75549" i="1"/>
  <c r="X75550" i="1"/>
  <c r="X75551" i="1"/>
  <c r="X75552" i="1"/>
  <c r="X75553" i="1"/>
  <c r="X75554" i="1"/>
  <c r="X75555" i="1"/>
  <c r="X75556" i="1"/>
  <c r="X75557" i="1"/>
  <c r="X75558" i="1"/>
  <c r="X75559" i="1"/>
  <c r="X75560" i="1"/>
  <c r="X75561" i="1"/>
  <c r="X75562" i="1"/>
  <c r="X75563" i="1"/>
  <c r="X75564" i="1"/>
  <c r="X75565" i="1"/>
  <c r="X75566" i="1"/>
  <c r="X75567" i="1"/>
  <c r="X75568" i="1"/>
  <c r="X75569" i="1"/>
  <c r="X75570" i="1"/>
  <c r="X75571" i="1"/>
  <c r="X75572" i="1"/>
  <c r="X75573" i="1"/>
  <c r="X75574" i="1"/>
  <c r="X75575" i="1"/>
  <c r="X75576" i="1"/>
  <c r="X75577" i="1"/>
  <c r="X75578" i="1"/>
  <c r="X75579" i="1"/>
  <c r="X75580" i="1"/>
  <c r="X75581" i="1"/>
  <c r="X75582" i="1"/>
  <c r="X75583" i="1"/>
  <c r="X75584" i="1"/>
  <c r="X75585" i="1"/>
  <c r="X75586" i="1"/>
  <c r="X75587" i="1"/>
  <c r="X75588" i="1"/>
  <c r="X75589" i="1"/>
  <c r="X75590" i="1"/>
  <c r="X75591" i="1"/>
  <c r="X75592" i="1"/>
  <c r="X75593" i="1"/>
  <c r="X75594" i="1"/>
  <c r="X75595" i="1"/>
  <c r="X75596" i="1"/>
  <c r="X75597" i="1"/>
  <c r="X75598" i="1"/>
  <c r="X75599" i="1"/>
  <c r="X75600" i="1"/>
  <c r="X75601" i="1"/>
  <c r="X75602" i="1"/>
  <c r="X75603" i="1"/>
  <c r="X75604" i="1"/>
  <c r="X75605" i="1"/>
  <c r="X75606" i="1"/>
  <c r="X75607" i="1"/>
  <c r="X75608" i="1"/>
  <c r="X75609" i="1"/>
  <c r="X75610" i="1"/>
  <c r="X75611" i="1"/>
  <c r="X75612" i="1"/>
  <c r="X75613" i="1"/>
  <c r="X75614" i="1"/>
  <c r="X75615" i="1"/>
  <c r="X75616" i="1"/>
  <c r="X75617" i="1"/>
  <c r="X75618" i="1"/>
  <c r="X75619" i="1"/>
  <c r="X75620" i="1"/>
  <c r="X75621" i="1"/>
  <c r="X75622" i="1"/>
  <c r="X75623" i="1"/>
  <c r="X75624" i="1"/>
  <c r="X75625" i="1"/>
  <c r="X75626" i="1"/>
  <c r="X75627" i="1"/>
  <c r="X75628" i="1"/>
  <c r="X75629" i="1"/>
  <c r="X75630" i="1"/>
  <c r="X75631" i="1"/>
  <c r="X75632" i="1"/>
  <c r="X75633" i="1"/>
  <c r="X75634" i="1"/>
  <c r="X75635" i="1"/>
  <c r="X75636" i="1"/>
  <c r="X75637" i="1"/>
  <c r="X75638" i="1"/>
  <c r="X75639" i="1"/>
  <c r="X75640" i="1"/>
  <c r="X75641" i="1"/>
  <c r="X75642" i="1"/>
  <c r="X75643" i="1"/>
  <c r="X75644" i="1"/>
  <c r="X75645" i="1"/>
  <c r="X75646" i="1"/>
  <c r="X75647" i="1"/>
  <c r="X75648" i="1"/>
  <c r="X75649" i="1"/>
  <c r="X75650" i="1"/>
  <c r="X75651" i="1"/>
  <c r="X75652" i="1"/>
  <c r="X75653" i="1"/>
  <c r="X75654" i="1"/>
  <c r="X75655" i="1"/>
  <c r="X75656" i="1"/>
  <c r="X75657" i="1"/>
  <c r="X75658" i="1"/>
  <c r="X75659" i="1"/>
  <c r="X75660" i="1"/>
  <c r="X75661" i="1"/>
  <c r="X75662" i="1"/>
  <c r="X75663" i="1"/>
  <c r="X75664" i="1"/>
  <c r="X75665" i="1"/>
  <c r="X75666" i="1"/>
  <c r="X75667" i="1"/>
  <c r="X75668" i="1"/>
  <c r="X75669" i="1"/>
  <c r="X75670" i="1"/>
  <c r="X75671" i="1"/>
  <c r="X75672" i="1"/>
  <c r="X75673" i="1"/>
  <c r="X75674" i="1"/>
  <c r="X75675" i="1"/>
  <c r="X75676" i="1"/>
  <c r="X75677" i="1"/>
  <c r="X75678" i="1"/>
  <c r="X75679" i="1"/>
  <c r="X75680" i="1"/>
  <c r="X75681" i="1"/>
  <c r="X75682" i="1"/>
  <c r="X75683" i="1"/>
  <c r="X75684" i="1"/>
  <c r="X75685" i="1"/>
  <c r="X75686" i="1"/>
  <c r="X75687" i="1"/>
  <c r="X75688" i="1"/>
  <c r="X75689" i="1"/>
  <c r="X75690" i="1"/>
  <c r="X75691" i="1"/>
  <c r="X75692" i="1"/>
  <c r="X75693" i="1"/>
  <c r="X75694" i="1"/>
  <c r="X75695" i="1"/>
  <c r="X75696" i="1"/>
  <c r="X75697" i="1"/>
  <c r="X75698" i="1"/>
  <c r="X75699" i="1"/>
  <c r="X75700" i="1"/>
  <c r="X75701" i="1"/>
  <c r="X75702" i="1"/>
  <c r="X75703" i="1"/>
  <c r="X75704" i="1"/>
  <c r="X75705" i="1"/>
  <c r="X75706" i="1"/>
  <c r="X75707" i="1"/>
  <c r="X75708" i="1"/>
  <c r="X75709" i="1"/>
  <c r="X75710" i="1"/>
  <c r="X75711" i="1"/>
  <c r="X75712" i="1"/>
  <c r="X75713" i="1"/>
  <c r="X75714" i="1"/>
  <c r="X75715" i="1"/>
  <c r="X75716" i="1"/>
  <c r="X75717" i="1"/>
  <c r="X75718" i="1"/>
  <c r="X75719" i="1"/>
  <c r="X75720" i="1"/>
  <c r="X75721" i="1"/>
  <c r="X75722" i="1"/>
  <c r="X75723" i="1"/>
  <c r="X75724" i="1"/>
  <c r="X75725" i="1"/>
  <c r="X75726" i="1"/>
  <c r="X75727" i="1"/>
  <c r="X75728" i="1"/>
  <c r="X75729" i="1"/>
  <c r="X75730" i="1"/>
  <c r="X75731" i="1"/>
  <c r="X75732" i="1"/>
  <c r="X75733" i="1"/>
  <c r="X75734" i="1"/>
  <c r="X75735" i="1"/>
  <c r="X75736" i="1"/>
  <c r="X75737" i="1"/>
  <c r="X75738" i="1"/>
  <c r="X75739" i="1"/>
  <c r="X75740" i="1"/>
  <c r="X75741" i="1"/>
  <c r="X75742" i="1"/>
  <c r="X75743" i="1"/>
  <c r="X75744" i="1"/>
  <c r="X75745" i="1"/>
  <c r="X75746" i="1"/>
  <c r="X75747" i="1"/>
  <c r="X75748" i="1"/>
  <c r="X75749" i="1"/>
  <c r="X75750" i="1"/>
  <c r="X75751" i="1"/>
  <c r="X75752" i="1"/>
  <c r="X75753" i="1"/>
  <c r="X75754" i="1"/>
  <c r="X75755" i="1"/>
  <c r="X75756" i="1"/>
  <c r="X75757" i="1"/>
  <c r="X75758" i="1"/>
  <c r="X75759" i="1"/>
  <c r="X75760" i="1"/>
  <c r="X75761" i="1"/>
  <c r="X75762" i="1"/>
  <c r="X75763" i="1"/>
  <c r="X75764" i="1"/>
  <c r="X75765" i="1"/>
  <c r="X75766" i="1"/>
  <c r="X75767" i="1"/>
  <c r="X75768" i="1"/>
  <c r="X75769" i="1"/>
  <c r="X75770" i="1"/>
  <c r="X75771" i="1"/>
  <c r="X75772" i="1"/>
  <c r="X75773" i="1"/>
  <c r="X75774" i="1"/>
  <c r="X75775" i="1"/>
  <c r="X75776" i="1"/>
  <c r="X75777" i="1"/>
  <c r="X75778" i="1"/>
  <c r="X75779" i="1"/>
  <c r="X75780" i="1"/>
  <c r="X75781" i="1"/>
  <c r="X75782" i="1"/>
  <c r="X75783" i="1"/>
  <c r="X75784" i="1"/>
  <c r="X75785" i="1"/>
  <c r="X75786" i="1"/>
  <c r="X75787" i="1"/>
  <c r="X75788" i="1"/>
  <c r="X75789" i="1"/>
  <c r="X75790" i="1"/>
  <c r="X75791" i="1"/>
  <c r="X75792" i="1"/>
  <c r="X75793" i="1"/>
  <c r="X75794" i="1"/>
  <c r="X75795" i="1"/>
  <c r="X75796" i="1"/>
  <c r="X75797" i="1"/>
  <c r="X75798" i="1"/>
  <c r="X75799" i="1"/>
  <c r="X75800" i="1"/>
  <c r="X75801" i="1"/>
  <c r="X75802" i="1"/>
  <c r="X75803" i="1"/>
  <c r="X75804" i="1"/>
  <c r="X75805" i="1"/>
  <c r="X75806" i="1"/>
  <c r="X75807" i="1"/>
  <c r="X75808" i="1"/>
  <c r="X75809" i="1"/>
  <c r="X75810" i="1"/>
  <c r="X75811" i="1"/>
  <c r="X75812" i="1"/>
  <c r="X75813" i="1"/>
  <c r="X75814" i="1"/>
  <c r="X75815" i="1"/>
  <c r="X75816" i="1"/>
  <c r="X75817" i="1"/>
  <c r="X75818" i="1"/>
  <c r="X75819" i="1"/>
  <c r="X75820" i="1"/>
  <c r="X75821" i="1"/>
  <c r="X75822" i="1"/>
  <c r="X75823" i="1"/>
  <c r="X75824" i="1"/>
  <c r="X75825" i="1"/>
  <c r="X75826" i="1"/>
  <c r="X75827" i="1"/>
  <c r="X75828" i="1"/>
  <c r="X75829" i="1"/>
  <c r="X75830" i="1"/>
  <c r="X75831" i="1"/>
  <c r="X75832" i="1"/>
  <c r="X75833" i="1"/>
  <c r="X75834" i="1"/>
  <c r="X75835" i="1"/>
  <c r="X75836" i="1"/>
  <c r="X75837" i="1"/>
  <c r="X75838" i="1"/>
  <c r="X75839" i="1"/>
  <c r="X75840" i="1"/>
  <c r="X75841" i="1"/>
  <c r="X75842" i="1"/>
  <c r="X75843" i="1"/>
  <c r="X75844" i="1"/>
  <c r="X75845" i="1"/>
  <c r="X75846" i="1"/>
  <c r="X75847" i="1"/>
  <c r="X75848" i="1"/>
  <c r="X75849" i="1"/>
  <c r="X75850" i="1"/>
  <c r="X75851" i="1"/>
  <c r="X75852" i="1"/>
  <c r="X75853" i="1"/>
  <c r="X75854" i="1"/>
  <c r="X75855" i="1"/>
  <c r="X75856" i="1"/>
  <c r="X75857" i="1"/>
  <c r="X75858" i="1"/>
  <c r="X75859" i="1"/>
  <c r="X75860" i="1"/>
  <c r="X75861" i="1"/>
  <c r="X75862" i="1"/>
  <c r="X75863" i="1"/>
  <c r="X75864" i="1"/>
  <c r="X75865" i="1"/>
  <c r="X75866" i="1"/>
  <c r="X75867" i="1"/>
  <c r="X75868" i="1"/>
  <c r="X75869" i="1"/>
  <c r="X75870" i="1"/>
  <c r="X75871" i="1"/>
  <c r="X75872" i="1"/>
  <c r="X75873" i="1"/>
  <c r="X75874" i="1"/>
  <c r="X75875" i="1"/>
  <c r="X75876" i="1"/>
  <c r="X75877" i="1"/>
  <c r="X75878" i="1"/>
  <c r="X75879" i="1"/>
  <c r="X75880" i="1"/>
  <c r="X75881" i="1"/>
  <c r="X75882" i="1"/>
  <c r="X75883" i="1"/>
  <c r="X75884" i="1"/>
  <c r="X75885" i="1"/>
  <c r="X75886" i="1"/>
  <c r="X75887" i="1"/>
  <c r="X75888" i="1"/>
  <c r="X75889" i="1"/>
  <c r="X75890" i="1"/>
  <c r="X75891" i="1"/>
  <c r="X75892" i="1"/>
  <c r="X75893" i="1"/>
  <c r="X75894" i="1"/>
  <c r="X75895" i="1"/>
  <c r="X75896" i="1"/>
  <c r="X75897" i="1"/>
  <c r="X75898" i="1"/>
  <c r="X75899" i="1"/>
  <c r="X75900" i="1"/>
  <c r="X75901" i="1"/>
  <c r="X75902" i="1"/>
  <c r="X75903" i="1"/>
  <c r="X75904" i="1"/>
  <c r="X75905" i="1"/>
  <c r="X75906" i="1"/>
  <c r="X75907" i="1"/>
  <c r="X75908" i="1"/>
  <c r="X75909" i="1"/>
  <c r="X75910" i="1"/>
  <c r="X75911" i="1"/>
  <c r="X75912" i="1"/>
  <c r="X75913" i="1"/>
  <c r="X75914" i="1"/>
  <c r="X75915" i="1"/>
  <c r="X75916" i="1"/>
  <c r="X75917" i="1"/>
  <c r="X75918" i="1"/>
  <c r="X75919" i="1"/>
  <c r="X75920" i="1"/>
  <c r="X75921" i="1"/>
  <c r="X75922" i="1"/>
  <c r="X75923" i="1"/>
  <c r="X75924" i="1"/>
  <c r="X75925" i="1"/>
  <c r="X75926" i="1"/>
  <c r="X75927" i="1"/>
  <c r="X75928" i="1"/>
  <c r="X75929" i="1"/>
  <c r="X75930" i="1"/>
  <c r="X75931" i="1"/>
  <c r="X75932" i="1"/>
  <c r="X75933" i="1"/>
  <c r="X75934" i="1"/>
  <c r="X75935" i="1"/>
  <c r="X75936" i="1"/>
  <c r="X75937" i="1"/>
  <c r="X75938" i="1"/>
  <c r="X75939" i="1"/>
  <c r="X75940" i="1"/>
  <c r="X75941" i="1"/>
  <c r="X75942" i="1"/>
  <c r="X75943" i="1"/>
  <c r="X75944" i="1"/>
  <c r="X75945" i="1"/>
  <c r="X75946" i="1"/>
  <c r="X75947" i="1"/>
  <c r="X75948" i="1"/>
  <c r="X75949" i="1"/>
  <c r="X75950" i="1"/>
  <c r="X75951" i="1"/>
  <c r="X75952" i="1"/>
  <c r="X75953" i="1"/>
  <c r="X75954" i="1"/>
  <c r="X75955" i="1"/>
  <c r="X75956" i="1"/>
  <c r="X75957" i="1"/>
  <c r="X75958" i="1"/>
  <c r="X75959" i="1"/>
  <c r="X75960" i="1"/>
  <c r="X75961" i="1"/>
  <c r="X75962" i="1"/>
  <c r="X75963" i="1"/>
  <c r="X75964" i="1"/>
  <c r="X75965" i="1"/>
  <c r="X75966" i="1"/>
  <c r="X75967" i="1"/>
  <c r="X75968" i="1"/>
  <c r="X75969" i="1"/>
  <c r="X75970" i="1"/>
  <c r="X75971" i="1"/>
  <c r="X75972" i="1"/>
  <c r="X75973" i="1"/>
  <c r="X75974" i="1"/>
  <c r="X75975" i="1"/>
  <c r="X75976" i="1"/>
  <c r="X75977" i="1"/>
  <c r="X75978" i="1"/>
  <c r="X75979" i="1"/>
  <c r="X75980" i="1"/>
  <c r="X75981" i="1"/>
  <c r="X75982" i="1"/>
  <c r="X75983" i="1"/>
  <c r="X75984" i="1"/>
  <c r="X75985" i="1"/>
  <c r="X75986" i="1"/>
  <c r="X75987" i="1"/>
  <c r="X75988" i="1"/>
  <c r="X75989" i="1"/>
  <c r="X75990" i="1"/>
  <c r="X75991" i="1"/>
  <c r="X75992" i="1"/>
  <c r="X75993" i="1"/>
  <c r="X75994" i="1"/>
  <c r="X75995" i="1"/>
  <c r="X75996" i="1"/>
  <c r="X75997" i="1"/>
  <c r="X75998" i="1"/>
  <c r="X75999" i="1"/>
  <c r="X76000" i="1"/>
  <c r="X76001" i="1"/>
  <c r="X76002" i="1"/>
  <c r="X76003" i="1"/>
  <c r="X76004" i="1"/>
  <c r="X76005" i="1"/>
  <c r="X76006" i="1"/>
  <c r="X76007" i="1"/>
  <c r="X76008" i="1"/>
  <c r="X76009" i="1"/>
  <c r="X76010" i="1"/>
  <c r="X76011" i="1"/>
  <c r="X76012" i="1"/>
  <c r="X76013" i="1"/>
  <c r="X76014" i="1"/>
  <c r="X76015" i="1"/>
  <c r="X76016" i="1"/>
  <c r="X76017" i="1"/>
  <c r="X76018" i="1"/>
  <c r="X76019" i="1"/>
  <c r="X76020" i="1"/>
  <c r="X76021" i="1"/>
  <c r="X76022" i="1"/>
  <c r="X76023" i="1"/>
  <c r="X76024" i="1"/>
  <c r="X76025" i="1"/>
  <c r="X76026" i="1"/>
  <c r="X76027" i="1"/>
  <c r="X76028" i="1"/>
  <c r="X76029" i="1"/>
  <c r="X76030" i="1"/>
  <c r="X76031" i="1"/>
  <c r="X76032" i="1"/>
  <c r="X76033" i="1"/>
  <c r="X76034" i="1"/>
  <c r="X76035" i="1"/>
  <c r="X76036" i="1"/>
  <c r="X76037" i="1"/>
  <c r="X76038" i="1"/>
  <c r="X76039" i="1"/>
  <c r="X76040" i="1"/>
  <c r="X76041" i="1"/>
  <c r="X76042" i="1"/>
  <c r="X76043" i="1"/>
  <c r="X76044" i="1"/>
  <c r="X76045" i="1"/>
  <c r="X76046" i="1"/>
  <c r="X76047" i="1"/>
  <c r="X76048" i="1"/>
  <c r="X76049" i="1"/>
  <c r="X76050" i="1"/>
  <c r="X76051" i="1"/>
  <c r="X76052" i="1"/>
  <c r="X76053" i="1"/>
  <c r="X76054" i="1"/>
  <c r="X76055" i="1"/>
  <c r="X76056" i="1"/>
  <c r="X76057" i="1"/>
  <c r="X76058" i="1"/>
  <c r="X76059" i="1"/>
  <c r="X76060" i="1"/>
  <c r="X76061" i="1"/>
  <c r="X76062" i="1"/>
  <c r="X76063" i="1"/>
  <c r="X76064" i="1"/>
  <c r="X76065" i="1"/>
  <c r="X76066" i="1"/>
  <c r="X76067" i="1"/>
  <c r="X76068" i="1"/>
  <c r="X76069" i="1"/>
  <c r="X76070" i="1"/>
  <c r="X76071" i="1"/>
  <c r="X76072" i="1"/>
  <c r="X76073" i="1"/>
  <c r="X76074" i="1"/>
  <c r="X76075" i="1"/>
  <c r="X76076" i="1"/>
  <c r="X76077" i="1"/>
  <c r="X76078" i="1"/>
  <c r="X76079" i="1"/>
  <c r="X76080" i="1"/>
  <c r="X76081" i="1"/>
  <c r="X76082" i="1"/>
  <c r="X76083" i="1"/>
  <c r="X76084" i="1"/>
  <c r="X76085" i="1"/>
  <c r="X76086" i="1"/>
  <c r="X76087" i="1"/>
  <c r="X76088" i="1"/>
  <c r="X76089" i="1"/>
  <c r="X76090" i="1"/>
  <c r="X76091" i="1"/>
  <c r="X76092" i="1"/>
  <c r="X76093" i="1"/>
  <c r="X76094" i="1"/>
  <c r="X76095" i="1"/>
  <c r="X76096" i="1"/>
  <c r="X76097" i="1"/>
  <c r="X76098" i="1"/>
  <c r="X76099" i="1"/>
  <c r="X76100" i="1"/>
  <c r="X76101" i="1"/>
  <c r="X76102" i="1"/>
  <c r="X76103" i="1"/>
  <c r="X76104" i="1"/>
  <c r="X76105" i="1"/>
  <c r="X76106" i="1"/>
  <c r="X76107" i="1"/>
  <c r="X76108" i="1"/>
  <c r="X76109" i="1"/>
  <c r="X76110" i="1"/>
  <c r="X76111" i="1"/>
  <c r="X76112" i="1"/>
  <c r="X76113" i="1"/>
  <c r="X76114" i="1"/>
  <c r="X76115" i="1"/>
  <c r="X76116" i="1"/>
  <c r="X76117" i="1"/>
  <c r="X76118" i="1"/>
  <c r="X76119" i="1"/>
  <c r="X76120" i="1"/>
  <c r="X76121" i="1"/>
  <c r="X76122" i="1"/>
  <c r="X76123" i="1"/>
  <c r="X76124" i="1"/>
  <c r="X76125" i="1"/>
  <c r="X76126" i="1"/>
  <c r="X76127" i="1"/>
  <c r="X76128" i="1"/>
  <c r="X76129" i="1"/>
  <c r="X76130" i="1"/>
  <c r="X76131" i="1"/>
  <c r="X76132" i="1"/>
  <c r="X76133" i="1"/>
  <c r="X76134" i="1"/>
  <c r="X76135" i="1"/>
  <c r="X76136" i="1"/>
  <c r="X76137" i="1"/>
  <c r="X76138" i="1"/>
  <c r="X76139" i="1"/>
  <c r="X76140" i="1"/>
  <c r="X76141" i="1"/>
  <c r="X76142" i="1"/>
  <c r="X76143" i="1"/>
  <c r="X76144" i="1"/>
  <c r="X76145" i="1"/>
  <c r="X76146" i="1"/>
  <c r="X76147" i="1"/>
  <c r="X76148" i="1"/>
  <c r="X76149" i="1"/>
  <c r="X76150" i="1"/>
  <c r="X76151" i="1"/>
  <c r="X76152" i="1"/>
  <c r="X76153" i="1"/>
  <c r="X76154" i="1"/>
  <c r="X76155" i="1"/>
  <c r="X76156" i="1"/>
  <c r="X76157" i="1"/>
  <c r="X76158" i="1"/>
  <c r="X76159" i="1"/>
  <c r="X76160" i="1"/>
  <c r="X76161" i="1"/>
  <c r="X76162" i="1"/>
  <c r="X76163" i="1"/>
  <c r="X76164" i="1"/>
  <c r="X76165" i="1"/>
  <c r="X76166" i="1"/>
  <c r="X76167" i="1"/>
  <c r="X76168" i="1"/>
  <c r="X76169" i="1"/>
  <c r="X76170" i="1"/>
  <c r="X76171" i="1"/>
  <c r="X76172" i="1"/>
  <c r="X76173" i="1"/>
  <c r="X76174" i="1"/>
  <c r="X76175" i="1"/>
  <c r="X76176" i="1"/>
  <c r="X76177" i="1"/>
  <c r="X76178" i="1"/>
  <c r="X76179" i="1"/>
  <c r="X76180" i="1"/>
  <c r="X76181" i="1"/>
  <c r="X76182" i="1"/>
  <c r="X76183" i="1"/>
  <c r="X76184" i="1"/>
  <c r="X76185" i="1"/>
  <c r="X76186" i="1"/>
  <c r="X76187" i="1"/>
  <c r="X76188" i="1"/>
  <c r="X76189" i="1"/>
  <c r="X76190" i="1"/>
  <c r="X76191" i="1"/>
  <c r="X76192" i="1"/>
  <c r="X76193" i="1"/>
  <c r="X76194" i="1"/>
  <c r="X76195" i="1"/>
  <c r="X76196" i="1"/>
  <c r="X76197" i="1"/>
  <c r="X76198" i="1"/>
  <c r="X76199" i="1"/>
  <c r="X76200" i="1"/>
  <c r="X76201" i="1"/>
  <c r="X76202" i="1"/>
  <c r="X76203" i="1"/>
  <c r="X76204" i="1"/>
  <c r="X76205" i="1"/>
  <c r="X76206" i="1"/>
  <c r="X76207" i="1"/>
  <c r="X76208" i="1"/>
  <c r="X76209" i="1"/>
  <c r="X76210" i="1"/>
  <c r="X76211" i="1"/>
  <c r="X76212" i="1"/>
  <c r="X76213" i="1"/>
  <c r="X76214" i="1"/>
  <c r="X76215" i="1"/>
  <c r="X76216" i="1"/>
  <c r="X76217" i="1"/>
  <c r="X76218" i="1"/>
  <c r="X76219" i="1"/>
  <c r="X76220" i="1"/>
  <c r="X76221" i="1"/>
  <c r="X76222" i="1"/>
  <c r="X76223" i="1"/>
  <c r="X76224" i="1"/>
  <c r="X76225" i="1"/>
  <c r="X76226" i="1"/>
  <c r="X76227" i="1"/>
  <c r="X76228" i="1"/>
  <c r="X76229" i="1"/>
  <c r="X76230" i="1"/>
  <c r="X76231" i="1"/>
  <c r="X76232" i="1"/>
  <c r="X76233" i="1"/>
  <c r="X76234" i="1"/>
  <c r="X76235" i="1"/>
  <c r="X76236" i="1"/>
  <c r="X76237" i="1"/>
  <c r="X76238" i="1"/>
  <c r="X76239" i="1"/>
  <c r="X76240" i="1"/>
  <c r="X76241" i="1"/>
  <c r="X76242" i="1"/>
  <c r="X76243" i="1"/>
  <c r="X76244" i="1"/>
  <c r="X76245" i="1"/>
  <c r="X76246" i="1"/>
  <c r="X76247" i="1"/>
  <c r="X76248" i="1"/>
  <c r="X76249" i="1"/>
  <c r="X76250" i="1"/>
  <c r="X76251" i="1"/>
  <c r="X76252" i="1"/>
  <c r="X76253" i="1"/>
  <c r="X76254" i="1"/>
  <c r="X76255" i="1"/>
  <c r="X76256" i="1"/>
  <c r="X76257" i="1"/>
  <c r="X76258" i="1"/>
  <c r="X76259" i="1"/>
  <c r="X76260" i="1"/>
  <c r="X76261" i="1"/>
  <c r="X76262" i="1"/>
  <c r="X76263" i="1"/>
  <c r="X76264" i="1"/>
  <c r="X76265" i="1"/>
  <c r="X76266" i="1"/>
  <c r="X76267" i="1"/>
  <c r="X76268" i="1"/>
  <c r="X76269" i="1"/>
  <c r="X76270" i="1"/>
  <c r="X76271" i="1"/>
  <c r="X76272" i="1"/>
  <c r="X76273" i="1"/>
  <c r="X76274" i="1"/>
  <c r="X76275" i="1"/>
  <c r="X76276" i="1"/>
  <c r="X76277" i="1"/>
  <c r="X76278" i="1"/>
  <c r="X76279" i="1"/>
  <c r="X76280" i="1"/>
  <c r="X76281" i="1"/>
  <c r="X76282" i="1"/>
  <c r="X76283" i="1"/>
  <c r="X76284" i="1"/>
  <c r="X76285" i="1"/>
  <c r="X76286" i="1"/>
  <c r="X76287" i="1"/>
  <c r="X76288" i="1"/>
  <c r="X76289" i="1"/>
  <c r="X76290" i="1"/>
  <c r="X76291" i="1"/>
  <c r="X76292" i="1"/>
  <c r="X76293" i="1"/>
  <c r="X76294" i="1"/>
  <c r="X76295" i="1"/>
  <c r="X76296" i="1"/>
  <c r="X76297" i="1"/>
  <c r="X76298" i="1"/>
  <c r="X76299" i="1"/>
  <c r="X76300" i="1"/>
  <c r="X76301" i="1"/>
  <c r="X76302" i="1"/>
  <c r="X76303" i="1"/>
  <c r="X76304" i="1"/>
  <c r="X76305" i="1"/>
  <c r="X76306" i="1"/>
  <c r="X76307" i="1"/>
  <c r="X76308" i="1"/>
  <c r="X76309" i="1"/>
  <c r="X76310" i="1"/>
  <c r="X76311" i="1"/>
  <c r="X76312" i="1"/>
  <c r="X76313" i="1"/>
  <c r="X76314" i="1"/>
  <c r="X76315" i="1"/>
  <c r="X76316" i="1"/>
  <c r="X76317" i="1"/>
  <c r="X76318" i="1"/>
  <c r="X76319" i="1"/>
  <c r="X76320" i="1"/>
  <c r="X76321" i="1"/>
  <c r="X76322" i="1"/>
  <c r="X76323" i="1"/>
  <c r="X76324" i="1"/>
  <c r="X76325" i="1"/>
  <c r="X76326" i="1"/>
  <c r="X76327" i="1"/>
  <c r="X76328" i="1"/>
  <c r="X76329" i="1"/>
  <c r="X76330" i="1"/>
  <c r="X76331" i="1"/>
  <c r="X76332" i="1"/>
  <c r="X76333" i="1"/>
  <c r="X76334" i="1"/>
  <c r="X76335" i="1"/>
  <c r="X76336" i="1"/>
  <c r="X76337" i="1"/>
  <c r="X76338" i="1"/>
  <c r="X76339" i="1"/>
  <c r="X76340" i="1"/>
  <c r="X76341" i="1"/>
  <c r="X76342" i="1"/>
  <c r="X76343" i="1"/>
  <c r="X76344" i="1"/>
  <c r="X76345" i="1"/>
  <c r="X76346" i="1"/>
  <c r="X76347" i="1"/>
  <c r="X76348" i="1"/>
  <c r="X76349" i="1"/>
  <c r="X76350" i="1"/>
  <c r="X76351" i="1"/>
  <c r="X76352" i="1"/>
  <c r="X76353" i="1"/>
  <c r="X76354" i="1"/>
  <c r="X76355" i="1"/>
  <c r="X76356" i="1"/>
  <c r="X76357" i="1"/>
  <c r="X76358" i="1"/>
  <c r="X76359" i="1"/>
  <c r="X76360" i="1"/>
  <c r="X76361" i="1"/>
  <c r="X76362" i="1"/>
  <c r="X76363" i="1"/>
  <c r="X76364" i="1"/>
  <c r="X76365" i="1"/>
  <c r="X76366" i="1"/>
  <c r="X76367" i="1"/>
  <c r="X76368" i="1"/>
  <c r="X76369" i="1"/>
  <c r="X76370" i="1"/>
  <c r="X76371" i="1"/>
  <c r="X76372" i="1"/>
  <c r="X76373" i="1"/>
  <c r="X76374" i="1"/>
  <c r="X76375" i="1"/>
  <c r="X76376" i="1"/>
  <c r="X76377" i="1"/>
  <c r="X76378" i="1"/>
  <c r="X76379" i="1"/>
  <c r="X76380" i="1"/>
  <c r="X76381" i="1"/>
  <c r="X76382" i="1"/>
  <c r="X76383" i="1"/>
  <c r="X76384" i="1"/>
  <c r="X76385" i="1"/>
  <c r="X76386" i="1"/>
  <c r="X76387" i="1"/>
  <c r="X76388" i="1"/>
  <c r="X76389" i="1"/>
  <c r="X76390" i="1"/>
  <c r="X76391" i="1"/>
  <c r="X76392" i="1"/>
  <c r="X76393" i="1"/>
  <c r="X76394" i="1"/>
  <c r="X76395" i="1"/>
  <c r="X76396" i="1"/>
  <c r="X76397" i="1"/>
  <c r="X76398" i="1"/>
  <c r="X76399" i="1"/>
  <c r="X76400" i="1"/>
  <c r="X76401" i="1"/>
  <c r="X76402" i="1"/>
  <c r="X76403" i="1"/>
  <c r="X76404" i="1"/>
  <c r="X76405" i="1"/>
  <c r="X76406" i="1"/>
  <c r="X76407" i="1"/>
  <c r="X76408" i="1"/>
  <c r="X76409" i="1"/>
  <c r="X76410" i="1"/>
  <c r="X76411" i="1"/>
  <c r="X76412" i="1"/>
  <c r="X76413" i="1"/>
  <c r="X76414" i="1"/>
  <c r="X76415" i="1"/>
  <c r="X76416" i="1"/>
  <c r="X76417" i="1"/>
  <c r="X76418" i="1"/>
  <c r="X76419" i="1"/>
  <c r="X76420" i="1"/>
  <c r="X76421" i="1"/>
  <c r="X76422" i="1"/>
  <c r="X76423" i="1"/>
  <c r="X76424" i="1"/>
  <c r="X76425" i="1"/>
  <c r="X76426" i="1"/>
  <c r="X76427" i="1"/>
  <c r="X76428" i="1"/>
  <c r="X76429" i="1"/>
  <c r="X76430" i="1"/>
  <c r="X76431" i="1"/>
  <c r="X76432" i="1"/>
  <c r="X76433" i="1"/>
  <c r="X76434" i="1"/>
  <c r="X76435" i="1"/>
  <c r="X76436" i="1"/>
  <c r="X76437" i="1"/>
  <c r="X76438" i="1"/>
  <c r="X76439" i="1"/>
  <c r="X76440" i="1"/>
  <c r="X76441" i="1"/>
  <c r="X76442" i="1"/>
  <c r="X76443" i="1"/>
  <c r="X76444" i="1"/>
  <c r="X76445" i="1"/>
  <c r="X76446" i="1"/>
  <c r="X76447" i="1"/>
  <c r="X76448" i="1"/>
  <c r="X76449" i="1"/>
  <c r="X76450" i="1"/>
  <c r="X76451" i="1"/>
  <c r="X76452" i="1"/>
  <c r="X76453" i="1"/>
  <c r="X76454" i="1"/>
  <c r="X76455" i="1"/>
  <c r="X76456" i="1"/>
  <c r="X76457" i="1"/>
  <c r="X76458" i="1"/>
  <c r="X76459" i="1"/>
  <c r="X76460" i="1"/>
  <c r="X76461" i="1"/>
  <c r="X76462" i="1"/>
  <c r="X76463" i="1"/>
  <c r="X76464" i="1"/>
  <c r="X76465" i="1"/>
  <c r="X76466" i="1"/>
  <c r="X76467" i="1"/>
  <c r="X76468" i="1"/>
  <c r="X76469" i="1"/>
  <c r="X76470" i="1"/>
  <c r="X76471" i="1"/>
  <c r="X76472" i="1"/>
  <c r="X76473" i="1"/>
  <c r="X76474" i="1"/>
  <c r="X76475" i="1"/>
  <c r="X76476" i="1"/>
  <c r="X76477" i="1"/>
  <c r="X76478" i="1"/>
  <c r="X76479" i="1"/>
  <c r="X76480" i="1"/>
  <c r="X76481" i="1"/>
  <c r="X76482" i="1"/>
  <c r="X76483" i="1"/>
  <c r="X76484" i="1"/>
  <c r="X76485" i="1"/>
  <c r="X76486" i="1"/>
  <c r="X76487" i="1"/>
  <c r="X76488" i="1"/>
  <c r="X76489" i="1"/>
  <c r="X76490" i="1"/>
  <c r="X76491" i="1"/>
  <c r="X76492" i="1"/>
  <c r="X76493" i="1"/>
  <c r="X76494" i="1"/>
  <c r="X76495" i="1"/>
  <c r="X76496" i="1"/>
  <c r="X76497" i="1"/>
  <c r="X76498" i="1"/>
  <c r="X76499" i="1"/>
  <c r="X76500" i="1"/>
  <c r="X76501" i="1"/>
  <c r="X76502" i="1"/>
  <c r="X76503" i="1"/>
  <c r="X76504" i="1"/>
  <c r="X76505" i="1"/>
  <c r="X76506" i="1"/>
  <c r="X76507" i="1"/>
  <c r="X76508" i="1"/>
  <c r="X76509" i="1"/>
  <c r="X76510" i="1"/>
  <c r="X76511" i="1"/>
  <c r="X76512" i="1"/>
  <c r="X76513" i="1"/>
  <c r="X76514" i="1"/>
  <c r="X76515" i="1"/>
  <c r="X76516" i="1"/>
  <c r="X76517" i="1"/>
  <c r="X76518" i="1"/>
  <c r="X76519" i="1"/>
  <c r="X76520" i="1"/>
  <c r="X76521" i="1"/>
  <c r="X76522" i="1"/>
  <c r="X76523" i="1"/>
  <c r="X76524" i="1"/>
  <c r="X76525" i="1"/>
  <c r="X76526" i="1"/>
  <c r="X76527" i="1"/>
  <c r="X76528" i="1"/>
  <c r="X76529" i="1"/>
  <c r="X76530" i="1"/>
  <c r="X76531" i="1"/>
  <c r="X76532" i="1"/>
  <c r="X76533" i="1"/>
  <c r="X76534" i="1"/>
  <c r="X76535" i="1"/>
  <c r="X76536" i="1"/>
  <c r="X76537" i="1"/>
  <c r="X76538" i="1"/>
  <c r="X76539" i="1"/>
  <c r="X76540" i="1"/>
  <c r="X76541" i="1"/>
  <c r="X76542" i="1"/>
  <c r="X76543" i="1"/>
  <c r="X76544" i="1"/>
  <c r="X76545" i="1"/>
  <c r="X76546" i="1"/>
  <c r="X76547" i="1"/>
  <c r="X76548" i="1"/>
  <c r="X76549" i="1"/>
  <c r="X76550" i="1"/>
  <c r="X76551" i="1"/>
  <c r="X76552" i="1"/>
  <c r="X76553" i="1"/>
  <c r="X76554" i="1"/>
  <c r="X76555" i="1"/>
  <c r="X76556" i="1"/>
  <c r="X76557" i="1"/>
  <c r="X76558" i="1"/>
  <c r="X76559" i="1"/>
  <c r="X76560" i="1"/>
  <c r="X76561" i="1"/>
  <c r="X76562" i="1"/>
  <c r="X76563" i="1"/>
  <c r="X76564" i="1"/>
  <c r="X76565" i="1"/>
  <c r="X76566" i="1"/>
  <c r="X76567" i="1"/>
  <c r="X76568" i="1"/>
  <c r="X76569" i="1"/>
  <c r="X76570" i="1"/>
  <c r="X76571" i="1"/>
  <c r="X76572" i="1"/>
  <c r="X76573" i="1"/>
  <c r="X76574" i="1"/>
  <c r="X76575" i="1"/>
  <c r="X76576" i="1"/>
  <c r="X76577" i="1"/>
  <c r="X76578" i="1"/>
  <c r="X76579" i="1"/>
  <c r="X76580" i="1"/>
  <c r="X76581" i="1"/>
  <c r="X76582" i="1"/>
  <c r="X76583" i="1"/>
  <c r="X76584" i="1"/>
  <c r="X76585" i="1"/>
  <c r="X76586" i="1"/>
  <c r="X76587" i="1"/>
  <c r="X76588" i="1"/>
  <c r="X76589" i="1"/>
  <c r="X76590" i="1"/>
  <c r="X76591" i="1"/>
  <c r="X76592" i="1"/>
  <c r="X76593" i="1"/>
  <c r="X76594" i="1"/>
  <c r="X76595" i="1"/>
  <c r="X76596" i="1"/>
  <c r="X76597" i="1"/>
  <c r="X76598" i="1"/>
  <c r="X76599" i="1"/>
  <c r="X76600" i="1"/>
  <c r="X76601" i="1"/>
  <c r="X76602" i="1"/>
  <c r="X76603" i="1"/>
  <c r="X76604" i="1"/>
  <c r="X76605" i="1"/>
  <c r="X76606" i="1"/>
  <c r="X76607" i="1"/>
  <c r="X76608" i="1"/>
  <c r="X76609" i="1"/>
  <c r="X76610" i="1"/>
  <c r="X76611" i="1"/>
  <c r="X76612" i="1"/>
  <c r="X76613" i="1"/>
  <c r="X76614" i="1"/>
  <c r="X76615" i="1"/>
  <c r="X76616" i="1"/>
  <c r="X76617" i="1"/>
  <c r="X76618" i="1"/>
  <c r="X76619" i="1"/>
  <c r="X76620" i="1"/>
  <c r="X76621" i="1"/>
  <c r="X76622" i="1"/>
  <c r="X76623" i="1"/>
  <c r="X76624" i="1"/>
  <c r="X76625" i="1"/>
  <c r="X76626" i="1"/>
  <c r="X76627" i="1"/>
  <c r="X76628" i="1"/>
  <c r="X76629" i="1"/>
  <c r="X76630" i="1"/>
  <c r="X76631" i="1"/>
  <c r="X76632" i="1"/>
  <c r="X76633" i="1"/>
  <c r="X76634" i="1"/>
  <c r="X76635" i="1"/>
  <c r="X76636" i="1"/>
  <c r="X76637" i="1"/>
  <c r="X76638" i="1"/>
  <c r="X76639" i="1"/>
  <c r="X76640" i="1"/>
  <c r="X76641" i="1"/>
  <c r="X76642" i="1"/>
  <c r="X76643" i="1"/>
  <c r="X76644" i="1"/>
  <c r="X76645" i="1"/>
  <c r="X76646" i="1"/>
  <c r="X76647" i="1"/>
  <c r="X76648" i="1"/>
  <c r="X76649" i="1"/>
  <c r="X76650" i="1"/>
  <c r="X76651" i="1"/>
  <c r="X76652" i="1"/>
  <c r="X76653" i="1"/>
  <c r="X76654" i="1"/>
  <c r="X76655" i="1"/>
  <c r="X76656" i="1"/>
  <c r="X76657" i="1"/>
  <c r="X76658" i="1"/>
  <c r="X76659" i="1"/>
  <c r="X76660" i="1"/>
  <c r="X76661" i="1"/>
  <c r="X76662" i="1"/>
  <c r="X76663" i="1"/>
  <c r="X76664" i="1"/>
  <c r="X76665" i="1"/>
  <c r="X76666" i="1"/>
  <c r="X76667" i="1"/>
  <c r="X76668" i="1"/>
  <c r="X76669" i="1"/>
  <c r="X76670" i="1"/>
  <c r="X76671" i="1"/>
  <c r="X76672" i="1"/>
  <c r="X76673" i="1"/>
  <c r="X76674" i="1"/>
  <c r="X76675" i="1"/>
  <c r="X76676" i="1"/>
  <c r="X76677" i="1"/>
  <c r="X76678" i="1"/>
  <c r="X76679" i="1"/>
  <c r="X76680" i="1"/>
  <c r="X76681" i="1"/>
  <c r="X76682" i="1"/>
  <c r="X76683" i="1"/>
  <c r="X76684" i="1"/>
  <c r="X76685" i="1"/>
  <c r="X76686" i="1"/>
  <c r="X76687" i="1"/>
  <c r="X76688" i="1"/>
  <c r="X76689" i="1"/>
  <c r="X76690" i="1"/>
  <c r="X76691" i="1"/>
  <c r="X76692" i="1"/>
  <c r="X76693" i="1"/>
  <c r="X76694" i="1"/>
  <c r="X76695" i="1"/>
  <c r="X76696" i="1"/>
  <c r="X76697" i="1"/>
  <c r="X76698" i="1"/>
  <c r="X76699" i="1"/>
  <c r="X76700" i="1"/>
  <c r="X76701" i="1"/>
  <c r="X76702" i="1"/>
  <c r="X76703" i="1"/>
  <c r="X76704" i="1"/>
  <c r="X76705" i="1"/>
  <c r="X76706" i="1"/>
  <c r="X76707" i="1"/>
  <c r="X76708" i="1"/>
  <c r="X76709" i="1"/>
  <c r="X76710" i="1"/>
  <c r="X76711" i="1"/>
  <c r="X76712" i="1"/>
  <c r="X76713" i="1"/>
  <c r="X76714" i="1"/>
  <c r="X76715" i="1"/>
  <c r="X76716" i="1"/>
  <c r="X76717" i="1"/>
  <c r="X76718" i="1"/>
  <c r="X76719" i="1"/>
  <c r="X76720" i="1"/>
  <c r="X76721" i="1"/>
  <c r="X76722" i="1"/>
  <c r="X76723" i="1"/>
  <c r="X76724" i="1"/>
  <c r="X76725" i="1"/>
  <c r="X76726" i="1"/>
  <c r="X76727" i="1"/>
  <c r="X76728" i="1"/>
  <c r="X76729" i="1"/>
  <c r="X76730" i="1"/>
  <c r="X76731" i="1"/>
  <c r="X76732" i="1"/>
  <c r="X76733" i="1"/>
  <c r="X76734" i="1"/>
  <c r="X76735" i="1"/>
  <c r="X76736" i="1"/>
  <c r="X76737" i="1"/>
  <c r="X76738" i="1"/>
  <c r="X76739" i="1"/>
  <c r="X76740" i="1"/>
  <c r="X76741" i="1"/>
  <c r="X76742" i="1"/>
  <c r="X76743" i="1"/>
  <c r="X76744" i="1"/>
  <c r="X76745" i="1"/>
  <c r="X76746" i="1"/>
  <c r="X76747" i="1"/>
  <c r="X76748" i="1"/>
  <c r="X76749" i="1"/>
  <c r="X76750" i="1"/>
  <c r="X76751" i="1"/>
  <c r="X76752" i="1"/>
  <c r="X76753" i="1"/>
  <c r="X76754" i="1"/>
  <c r="X76755" i="1"/>
  <c r="X76756" i="1"/>
  <c r="X76757" i="1"/>
  <c r="X76758" i="1"/>
  <c r="X76759" i="1"/>
  <c r="X76760" i="1"/>
  <c r="X76761" i="1"/>
  <c r="X76762" i="1"/>
  <c r="X76763" i="1"/>
  <c r="X76764" i="1"/>
  <c r="X76765" i="1"/>
  <c r="X76766" i="1"/>
  <c r="X76767" i="1"/>
  <c r="X76768" i="1"/>
  <c r="X76769" i="1"/>
  <c r="X76770" i="1"/>
  <c r="X76771" i="1"/>
  <c r="X76772" i="1"/>
  <c r="X76773" i="1"/>
  <c r="X76774" i="1"/>
  <c r="X76775" i="1"/>
  <c r="X76776" i="1"/>
  <c r="X76777" i="1"/>
  <c r="X76778" i="1"/>
  <c r="X76779" i="1"/>
  <c r="X76780" i="1"/>
  <c r="X76781" i="1"/>
  <c r="X76782" i="1"/>
  <c r="X76783" i="1"/>
  <c r="X76784" i="1"/>
  <c r="X76785" i="1"/>
  <c r="X76786" i="1"/>
  <c r="X76787" i="1"/>
  <c r="X76788" i="1"/>
  <c r="X76789" i="1"/>
  <c r="X76790" i="1"/>
  <c r="X76791" i="1"/>
  <c r="X76792" i="1"/>
  <c r="X76793" i="1"/>
  <c r="X76794" i="1"/>
  <c r="X76795" i="1"/>
  <c r="X76796" i="1"/>
  <c r="X76797" i="1"/>
  <c r="X76798" i="1"/>
  <c r="X76799" i="1"/>
  <c r="X76800" i="1"/>
  <c r="X76801" i="1"/>
  <c r="X76802" i="1"/>
  <c r="X76803" i="1"/>
  <c r="X76804" i="1"/>
  <c r="X76805" i="1"/>
  <c r="X76806" i="1"/>
  <c r="X76807" i="1"/>
  <c r="X76808" i="1"/>
  <c r="X76809" i="1"/>
  <c r="X76810" i="1"/>
  <c r="X76811" i="1"/>
  <c r="X76812" i="1"/>
  <c r="X76813" i="1"/>
  <c r="X76814" i="1"/>
  <c r="X76815" i="1"/>
  <c r="X76816" i="1"/>
  <c r="X76817" i="1"/>
  <c r="X76818" i="1"/>
  <c r="X76819" i="1"/>
  <c r="X76820" i="1"/>
  <c r="X76821" i="1"/>
  <c r="X76822" i="1"/>
  <c r="X76823" i="1"/>
  <c r="X76824" i="1"/>
  <c r="X76825" i="1"/>
  <c r="X76826" i="1"/>
  <c r="X76827" i="1"/>
  <c r="X76828" i="1"/>
  <c r="X76829" i="1"/>
  <c r="X76830" i="1"/>
  <c r="X76831" i="1"/>
  <c r="X76832" i="1"/>
  <c r="X76833" i="1"/>
  <c r="X76834" i="1"/>
  <c r="X76835" i="1"/>
  <c r="X76836" i="1"/>
  <c r="X76837" i="1"/>
  <c r="X76838" i="1"/>
  <c r="X76839" i="1"/>
  <c r="X76840" i="1"/>
  <c r="X76841" i="1"/>
  <c r="X76842" i="1"/>
  <c r="X76843" i="1"/>
  <c r="X76844" i="1"/>
  <c r="X76845" i="1"/>
  <c r="X76846" i="1"/>
  <c r="X76847" i="1"/>
  <c r="X76848" i="1"/>
  <c r="X76849" i="1"/>
  <c r="X76850" i="1"/>
  <c r="X76851" i="1"/>
  <c r="X76852" i="1"/>
  <c r="X76853" i="1"/>
  <c r="X76854" i="1"/>
  <c r="X76855" i="1"/>
  <c r="X76856" i="1"/>
  <c r="X76857" i="1"/>
  <c r="X76858" i="1"/>
  <c r="X76859" i="1"/>
  <c r="X76860" i="1"/>
  <c r="X76861" i="1"/>
  <c r="X76862" i="1"/>
  <c r="X76863" i="1"/>
  <c r="X76864" i="1"/>
  <c r="X76865" i="1"/>
  <c r="X76866" i="1"/>
  <c r="X76867" i="1"/>
  <c r="X76868" i="1"/>
  <c r="X76869" i="1"/>
  <c r="X76870" i="1"/>
  <c r="X76871" i="1"/>
  <c r="X76872" i="1"/>
  <c r="X76873" i="1"/>
  <c r="X76874" i="1"/>
  <c r="X76875" i="1"/>
  <c r="X76876" i="1"/>
  <c r="X76877" i="1"/>
  <c r="X76878" i="1"/>
  <c r="X76879" i="1"/>
  <c r="X76880" i="1"/>
  <c r="X76881" i="1"/>
  <c r="X76882" i="1"/>
  <c r="X76883" i="1"/>
  <c r="X76884" i="1"/>
  <c r="X76885" i="1"/>
  <c r="X76886" i="1"/>
  <c r="X76887" i="1"/>
  <c r="X76888" i="1"/>
  <c r="X76889" i="1"/>
  <c r="X76890" i="1"/>
  <c r="X76891" i="1"/>
  <c r="X76892" i="1"/>
  <c r="X76893" i="1"/>
  <c r="X76894" i="1"/>
  <c r="X76895" i="1"/>
  <c r="X76896" i="1"/>
  <c r="X76897" i="1"/>
  <c r="X76898" i="1"/>
  <c r="X76899" i="1"/>
  <c r="X76900" i="1"/>
  <c r="X76901" i="1"/>
  <c r="X76902" i="1"/>
  <c r="X76903" i="1"/>
  <c r="X76904" i="1"/>
  <c r="X76905" i="1"/>
  <c r="X76906" i="1"/>
  <c r="X76907" i="1"/>
  <c r="X76908" i="1"/>
  <c r="X76909" i="1"/>
  <c r="X76910" i="1"/>
  <c r="X76911" i="1"/>
  <c r="X76912" i="1"/>
  <c r="X76913" i="1"/>
  <c r="X76914" i="1"/>
  <c r="X76915" i="1"/>
  <c r="X76916" i="1"/>
  <c r="X76917" i="1"/>
  <c r="X76918" i="1"/>
  <c r="X76919" i="1"/>
  <c r="X76920" i="1"/>
  <c r="X76921" i="1"/>
  <c r="X76922" i="1"/>
  <c r="X76923" i="1"/>
  <c r="X76924" i="1"/>
  <c r="X76925" i="1"/>
  <c r="X76926" i="1"/>
  <c r="X76927" i="1"/>
  <c r="X76928" i="1"/>
  <c r="X76929" i="1"/>
  <c r="X76930" i="1"/>
  <c r="X76931" i="1"/>
  <c r="X76932" i="1"/>
  <c r="X76933" i="1"/>
  <c r="X76934" i="1"/>
  <c r="X76935" i="1"/>
  <c r="X76936" i="1"/>
  <c r="X76937" i="1"/>
  <c r="X76938" i="1"/>
  <c r="X76939" i="1"/>
  <c r="X76940" i="1"/>
  <c r="X76941" i="1"/>
  <c r="X76942" i="1"/>
  <c r="X76943" i="1"/>
  <c r="X76944" i="1"/>
  <c r="X76945" i="1"/>
  <c r="X76946" i="1"/>
  <c r="X76947" i="1"/>
  <c r="X76948" i="1"/>
  <c r="X76949" i="1"/>
  <c r="X76950" i="1"/>
  <c r="X76951" i="1"/>
  <c r="X76952" i="1"/>
  <c r="X76953" i="1"/>
  <c r="X76954" i="1"/>
  <c r="X76955" i="1"/>
  <c r="X76956" i="1"/>
  <c r="X76957" i="1"/>
  <c r="X76958" i="1"/>
  <c r="X76959" i="1"/>
  <c r="X76960" i="1"/>
  <c r="X76961" i="1"/>
  <c r="X76962" i="1"/>
  <c r="X76963" i="1"/>
  <c r="X76964" i="1"/>
  <c r="X76965" i="1"/>
  <c r="X76966" i="1"/>
  <c r="X76967" i="1"/>
  <c r="X76968" i="1"/>
  <c r="X76969" i="1"/>
  <c r="X76970" i="1"/>
  <c r="X76971" i="1"/>
  <c r="X76972" i="1"/>
  <c r="X76973" i="1"/>
  <c r="X76974" i="1"/>
  <c r="X76975" i="1"/>
  <c r="X76976" i="1"/>
  <c r="X76977" i="1"/>
  <c r="X76978" i="1"/>
  <c r="X76979" i="1"/>
  <c r="X76980" i="1"/>
  <c r="X76981" i="1"/>
  <c r="X76982" i="1"/>
  <c r="X76983" i="1"/>
  <c r="X76984" i="1"/>
  <c r="X76985" i="1"/>
  <c r="X76986" i="1"/>
  <c r="X76987" i="1"/>
  <c r="X76988" i="1"/>
  <c r="X76989" i="1"/>
  <c r="X76990" i="1"/>
  <c r="X76991" i="1"/>
  <c r="X76992" i="1"/>
  <c r="X76993" i="1"/>
  <c r="X76994" i="1"/>
  <c r="X76995" i="1"/>
  <c r="X76996" i="1"/>
  <c r="X76997" i="1"/>
  <c r="X76998" i="1"/>
  <c r="X76999" i="1"/>
  <c r="X77000" i="1"/>
  <c r="X77001" i="1"/>
  <c r="X77002" i="1"/>
  <c r="X77003" i="1"/>
  <c r="X77004" i="1"/>
  <c r="X77005" i="1"/>
  <c r="X77006" i="1"/>
  <c r="X77007" i="1"/>
  <c r="X77008" i="1"/>
  <c r="X77009" i="1"/>
  <c r="X77010" i="1"/>
  <c r="X77011" i="1"/>
  <c r="X77012" i="1"/>
  <c r="X77013" i="1"/>
  <c r="X77014" i="1"/>
  <c r="X77015" i="1"/>
  <c r="X77016" i="1"/>
  <c r="X77017" i="1"/>
  <c r="X77018" i="1"/>
  <c r="X77019" i="1"/>
  <c r="X77020" i="1"/>
  <c r="X77021" i="1"/>
  <c r="X77022" i="1"/>
  <c r="X77023" i="1"/>
  <c r="X77024" i="1"/>
  <c r="X77025" i="1"/>
  <c r="X77026" i="1"/>
  <c r="X77027" i="1"/>
  <c r="X77028" i="1"/>
  <c r="X77029" i="1"/>
  <c r="X77030" i="1"/>
  <c r="X77031" i="1"/>
  <c r="X77032" i="1"/>
  <c r="X77033" i="1"/>
  <c r="X77034" i="1"/>
  <c r="X77035" i="1"/>
  <c r="X77036" i="1"/>
  <c r="X77037" i="1"/>
  <c r="X77038" i="1"/>
  <c r="X77039" i="1"/>
  <c r="X77040" i="1"/>
  <c r="X77041" i="1"/>
  <c r="X77042" i="1"/>
  <c r="X77043" i="1"/>
  <c r="X77044" i="1"/>
  <c r="X77045" i="1"/>
  <c r="X77046" i="1"/>
  <c r="X77047" i="1"/>
  <c r="X77048" i="1"/>
  <c r="X77049" i="1"/>
  <c r="X77050" i="1"/>
  <c r="X77051" i="1"/>
  <c r="X77052" i="1"/>
  <c r="X77053" i="1"/>
  <c r="X77054" i="1"/>
  <c r="X77055" i="1"/>
  <c r="X77056" i="1"/>
  <c r="X77057" i="1"/>
  <c r="X77058" i="1"/>
  <c r="X77059" i="1"/>
  <c r="X77060" i="1"/>
  <c r="X77061" i="1"/>
  <c r="X77062" i="1"/>
  <c r="X77063" i="1"/>
  <c r="X77064" i="1"/>
  <c r="X77065" i="1"/>
  <c r="X77066" i="1"/>
  <c r="X77067" i="1"/>
  <c r="X77068" i="1"/>
  <c r="X77069" i="1"/>
  <c r="X77070" i="1"/>
  <c r="X77071" i="1"/>
  <c r="X77072" i="1"/>
  <c r="X77073" i="1"/>
  <c r="X77074" i="1"/>
  <c r="X77075" i="1"/>
  <c r="X77076" i="1"/>
  <c r="X77077" i="1"/>
  <c r="X77078" i="1"/>
  <c r="X77079" i="1"/>
  <c r="X77080" i="1"/>
  <c r="X77081" i="1"/>
  <c r="X77082" i="1"/>
  <c r="X77083" i="1"/>
  <c r="X77084" i="1"/>
  <c r="X77085" i="1"/>
  <c r="X77086" i="1"/>
  <c r="X77087" i="1"/>
  <c r="X77088" i="1"/>
  <c r="X77089" i="1"/>
  <c r="X77090" i="1"/>
  <c r="X77091" i="1"/>
  <c r="X77092" i="1"/>
  <c r="X77093" i="1"/>
  <c r="X77094" i="1"/>
  <c r="X77095" i="1"/>
  <c r="X77096" i="1"/>
  <c r="X77097" i="1"/>
  <c r="X77098" i="1"/>
  <c r="X77099" i="1"/>
  <c r="X77100" i="1"/>
  <c r="X77101" i="1"/>
  <c r="X77102" i="1"/>
  <c r="X77103" i="1"/>
  <c r="X77104" i="1"/>
  <c r="X77105" i="1"/>
  <c r="X77106" i="1"/>
  <c r="X77107" i="1"/>
  <c r="X77108" i="1"/>
  <c r="X77109" i="1"/>
  <c r="X77110" i="1"/>
  <c r="X77111" i="1"/>
  <c r="X77112" i="1"/>
  <c r="X77113" i="1"/>
  <c r="X77114" i="1"/>
  <c r="X77115" i="1"/>
  <c r="X77116" i="1"/>
  <c r="X77117" i="1"/>
  <c r="X77118" i="1"/>
  <c r="X77119" i="1"/>
  <c r="X77120" i="1"/>
  <c r="X77121" i="1"/>
  <c r="X77122" i="1"/>
  <c r="X77123" i="1"/>
  <c r="X77124" i="1"/>
  <c r="X77125" i="1"/>
  <c r="X77126" i="1"/>
  <c r="X77127" i="1"/>
  <c r="X77128" i="1"/>
  <c r="X77129" i="1"/>
  <c r="X77130" i="1"/>
  <c r="X77131" i="1"/>
  <c r="X77132" i="1"/>
  <c r="X77133" i="1"/>
  <c r="X77134" i="1"/>
  <c r="X77135" i="1"/>
  <c r="X77136" i="1"/>
  <c r="X77137" i="1"/>
  <c r="X77138" i="1"/>
  <c r="X77139" i="1"/>
  <c r="X77140" i="1"/>
  <c r="X77141" i="1"/>
  <c r="X77142" i="1"/>
  <c r="X77143" i="1"/>
  <c r="X77144" i="1"/>
  <c r="X77145" i="1"/>
  <c r="X77146" i="1"/>
  <c r="X77147" i="1"/>
  <c r="X77148" i="1"/>
  <c r="X77149" i="1"/>
  <c r="X77150" i="1"/>
  <c r="X77151" i="1"/>
  <c r="X77152" i="1"/>
  <c r="X77153" i="1"/>
  <c r="X77154" i="1"/>
  <c r="X77155" i="1"/>
  <c r="X77156" i="1"/>
  <c r="X77157" i="1"/>
  <c r="X77158" i="1"/>
  <c r="X77159" i="1"/>
  <c r="X77160" i="1"/>
  <c r="X77161" i="1"/>
  <c r="X77162" i="1"/>
  <c r="X77163" i="1"/>
  <c r="X77164" i="1"/>
  <c r="X77165" i="1"/>
  <c r="X77166" i="1"/>
  <c r="X77167" i="1"/>
  <c r="X77168" i="1"/>
  <c r="X77169" i="1"/>
  <c r="X77170" i="1"/>
  <c r="X77171" i="1"/>
  <c r="X77172" i="1"/>
  <c r="X77173" i="1"/>
  <c r="X77174" i="1"/>
  <c r="X77175" i="1"/>
  <c r="X77176" i="1"/>
  <c r="X77177" i="1"/>
  <c r="X77178" i="1"/>
  <c r="X77179" i="1"/>
  <c r="X77180" i="1"/>
  <c r="X77181" i="1"/>
  <c r="X77182" i="1"/>
  <c r="X77183" i="1"/>
  <c r="X77184" i="1"/>
  <c r="X77185" i="1"/>
  <c r="X77186" i="1"/>
  <c r="X77187" i="1"/>
  <c r="X77188" i="1"/>
  <c r="X77189" i="1"/>
  <c r="X77190" i="1"/>
  <c r="X77191" i="1"/>
  <c r="X77192" i="1"/>
  <c r="X77193" i="1"/>
  <c r="X77194" i="1"/>
  <c r="X77195" i="1"/>
  <c r="X77196" i="1"/>
  <c r="X77197" i="1"/>
  <c r="X77198" i="1"/>
  <c r="X77199" i="1"/>
  <c r="X77200" i="1"/>
  <c r="X77201" i="1"/>
  <c r="X77202" i="1"/>
  <c r="X77203" i="1"/>
  <c r="X77204" i="1"/>
  <c r="X77205" i="1"/>
  <c r="X77206" i="1"/>
  <c r="X77207" i="1"/>
  <c r="X77208" i="1"/>
  <c r="X77209" i="1"/>
  <c r="X77210" i="1"/>
  <c r="X77211" i="1"/>
  <c r="X77212" i="1"/>
  <c r="X77213" i="1"/>
  <c r="X77214" i="1"/>
  <c r="X77215" i="1"/>
  <c r="X77216" i="1"/>
  <c r="X77217" i="1"/>
  <c r="X77218" i="1"/>
  <c r="X77219" i="1"/>
  <c r="X77220" i="1"/>
  <c r="X77221" i="1"/>
  <c r="X77222" i="1"/>
  <c r="X77223" i="1"/>
  <c r="X77224" i="1"/>
  <c r="X77225" i="1"/>
  <c r="X77226" i="1"/>
  <c r="X77227" i="1"/>
  <c r="X77228" i="1"/>
  <c r="X77229" i="1"/>
  <c r="X77230" i="1"/>
  <c r="X77231" i="1"/>
  <c r="X77232" i="1"/>
  <c r="X77233" i="1"/>
  <c r="X77234" i="1"/>
  <c r="X77235" i="1"/>
  <c r="X77236" i="1"/>
  <c r="X77237" i="1"/>
  <c r="X77238" i="1"/>
  <c r="X77239" i="1"/>
  <c r="X77240" i="1"/>
  <c r="X77241" i="1"/>
  <c r="X77242" i="1"/>
  <c r="X77243" i="1"/>
  <c r="X77244" i="1"/>
  <c r="X77245" i="1"/>
  <c r="X77246" i="1"/>
  <c r="X77247" i="1"/>
  <c r="X77248" i="1"/>
  <c r="X77249" i="1"/>
  <c r="X77250" i="1"/>
  <c r="X77251" i="1"/>
  <c r="X77252" i="1"/>
  <c r="X77253" i="1"/>
  <c r="X77254" i="1"/>
  <c r="X77255" i="1"/>
  <c r="X77256" i="1"/>
  <c r="X77257" i="1"/>
  <c r="X77258" i="1"/>
  <c r="X77259" i="1"/>
  <c r="X77260" i="1"/>
  <c r="X77261" i="1"/>
  <c r="X77262" i="1"/>
  <c r="X77263" i="1"/>
  <c r="X77264" i="1"/>
  <c r="X77265" i="1"/>
  <c r="X77266" i="1"/>
  <c r="X77267" i="1"/>
  <c r="X77268" i="1"/>
  <c r="X77269" i="1"/>
  <c r="X77270" i="1"/>
  <c r="X77271" i="1"/>
  <c r="X77272" i="1"/>
  <c r="X77273" i="1"/>
  <c r="X77274" i="1"/>
  <c r="X77275" i="1"/>
  <c r="X77276" i="1"/>
  <c r="X77277" i="1"/>
  <c r="X77278" i="1"/>
  <c r="X77279" i="1"/>
  <c r="X77280" i="1"/>
  <c r="X77281" i="1"/>
  <c r="X77282" i="1"/>
  <c r="X77283" i="1"/>
  <c r="X77284" i="1"/>
  <c r="X77285" i="1"/>
  <c r="X77286" i="1"/>
  <c r="X77287" i="1"/>
  <c r="X77288" i="1"/>
  <c r="X77289" i="1"/>
  <c r="X77290" i="1"/>
  <c r="X77291" i="1"/>
  <c r="X77292" i="1"/>
  <c r="X77293" i="1"/>
  <c r="X77294" i="1"/>
  <c r="X77295" i="1"/>
  <c r="X77296" i="1"/>
  <c r="X77297" i="1"/>
  <c r="X77298" i="1"/>
  <c r="X77299" i="1"/>
  <c r="X77300" i="1"/>
  <c r="X77301" i="1"/>
  <c r="X77302" i="1"/>
  <c r="X77303" i="1"/>
  <c r="X77304" i="1"/>
  <c r="X77305" i="1"/>
  <c r="X77306" i="1"/>
  <c r="X77307" i="1"/>
  <c r="X77308" i="1"/>
  <c r="X77309" i="1"/>
  <c r="X77310" i="1"/>
  <c r="X77311" i="1"/>
  <c r="X77312" i="1"/>
  <c r="X77313" i="1"/>
  <c r="X77314" i="1"/>
  <c r="X77315" i="1"/>
  <c r="X77316" i="1"/>
  <c r="X77317" i="1"/>
  <c r="X77318" i="1"/>
  <c r="X77319" i="1"/>
  <c r="X77320" i="1"/>
  <c r="X77321" i="1"/>
  <c r="X77322" i="1"/>
  <c r="X77323" i="1"/>
  <c r="X77324" i="1"/>
  <c r="X77325" i="1"/>
  <c r="X77326" i="1"/>
  <c r="X77327" i="1"/>
  <c r="X77328" i="1"/>
  <c r="X77329" i="1"/>
  <c r="X77330" i="1"/>
  <c r="X77331" i="1"/>
  <c r="X77332" i="1"/>
  <c r="X77333" i="1"/>
  <c r="X77334" i="1"/>
  <c r="X77335" i="1"/>
  <c r="X77336" i="1"/>
  <c r="X77337" i="1"/>
  <c r="X77338" i="1"/>
  <c r="X77339" i="1"/>
  <c r="X77340" i="1"/>
  <c r="X77341" i="1"/>
  <c r="X77342" i="1"/>
  <c r="X77343" i="1"/>
  <c r="X77344" i="1"/>
  <c r="X77345" i="1"/>
  <c r="X77346" i="1"/>
  <c r="X77347" i="1"/>
  <c r="X77348" i="1"/>
  <c r="X77349" i="1"/>
  <c r="X77350" i="1"/>
  <c r="X77351" i="1"/>
  <c r="X77352" i="1"/>
  <c r="X77353" i="1"/>
  <c r="X77354" i="1"/>
  <c r="X77355" i="1"/>
  <c r="X77356" i="1"/>
  <c r="X77357" i="1"/>
  <c r="X77358" i="1"/>
  <c r="X77359" i="1"/>
  <c r="X77360" i="1"/>
  <c r="X77361" i="1"/>
  <c r="X77362" i="1"/>
  <c r="X77363" i="1"/>
  <c r="X77364" i="1"/>
  <c r="X77365" i="1"/>
  <c r="X77366" i="1"/>
  <c r="X77367" i="1"/>
  <c r="X77368" i="1"/>
  <c r="X77369" i="1"/>
  <c r="X77370" i="1"/>
  <c r="X77371" i="1"/>
  <c r="X77372" i="1"/>
  <c r="X77373" i="1"/>
  <c r="X77374" i="1"/>
  <c r="X77375" i="1"/>
  <c r="X77376" i="1"/>
  <c r="X77377" i="1"/>
  <c r="X77378" i="1"/>
  <c r="X77379" i="1"/>
  <c r="X77380" i="1"/>
  <c r="X77381" i="1"/>
  <c r="X77382" i="1"/>
  <c r="X77383" i="1"/>
  <c r="X77384" i="1"/>
  <c r="X77385" i="1"/>
  <c r="X77386" i="1"/>
  <c r="X77387" i="1"/>
  <c r="X77388" i="1"/>
  <c r="X77389" i="1"/>
  <c r="X77390" i="1"/>
  <c r="X77391" i="1"/>
  <c r="X77392" i="1"/>
  <c r="X77393" i="1"/>
  <c r="X77394" i="1"/>
  <c r="X77395" i="1"/>
  <c r="X77396" i="1"/>
  <c r="X77397" i="1"/>
  <c r="X77398" i="1"/>
  <c r="X77399" i="1"/>
  <c r="X77400" i="1"/>
  <c r="X77401" i="1"/>
  <c r="X77402" i="1"/>
  <c r="X77403" i="1"/>
  <c r="X77404" i="1"/>
  <c r="X77405" i="1"/>
  <c r="X77406" i="1"/>
  <c r="X77407" i="1"/>
  <c r="X77408" i="1"/>
  <c r="X77409" i="1"/>
  <c r="X77410" i="1"/>
  <c r="X77411" i="1"/>
  <c r="X77412" i="1"/>
  <c r="X77413" i="1"/>
  <c r="X77414" i="1"/>
  <c r="X77415" i="1"/>
  <c r="X77416" i="1"/>
  <c r="X77417" i="1"/>
  <c r="X77418" i="1"/>
  <c r="X77419" i="1"/>
  <c r="X77420" i="1"/>
  <c r="X77421" i="1"/>
  <c r="X77422" i="1"/>
  <c r="X77423" i="1"/>
  <c r="X77424" i="1"/>
  <c r="X77425" i="1"/>
  <c r="X77426" i="1"/>
  <c r="X77427" i="1"/>
  <c r="X77428" i="1"/>
  <c r="X77429" i="1"/>
  <c r="X77430" i="1"/>
  <c r="X77431" i="1"/>
  <c r="X77432" i="1"/>
  <c r="X77433" i="1"/>
  <c r="X77434" i="1"/>
  <c r="X77435" i="1"/>
  <c r="X77436" i="1"/>
  <c r="X77437" i="1"/>
  <c r="X77438" i="1"/>
  <c r="X77439" i="1"/>
  <c r="X77440" i="1"/>
  <c r="X77441" i="1"/>
  <c r="X77442" i="1"/>
  <c r="X77443" i="1"/>
  <c r="X77444" i="1"/>
  <c r="X77445" i="1"/>
  <c r="X77446" i="1"/>
  <c r="X77447" i="1"/>
  <c r="X77448" i="1"/>
  <c r="X77449" i="1"/>
  <c r="X77450" i="1"/>
  <c r="X77451" i="1"/>
  <c r="X77452" i="1"/>
  <c r="X77453" i="1"/>
  <c r="X77454" i="1"/>
  <c r="X77455" i="1"/>
  <c r="X77456" i="1"/>
  <c r="X77457" i="1"/>
  <c r="X77458" i="1"/>
  <c r="X77459" i="1"/>
  <c r="X77460" i="1"/>
  <c r="X77461" i="1"/>
  <c r="X77462" i="1"/>
  <c r="X77463" i="1"/>
  <c r="X77464" i="1"/>
  <c r="X77465" i="1"/>
  <c r="X77466" i="1"/>
  <c r="X77467" i="1"/>
  <c r="X77468" i="1"/>
  <c r="X77469" i="1"/>
  <c r="X77470" i="1"/>
  <c r="X77471" i="1"/>
  <c r="X77472" i="1"/>
  <c r="X77473" i="1"/>
  <c r="X77474" i="1"/>
  <c r="X77475" i="1"/>
  <c r="X77476" i="1"/>
  <c r="X77477" i="1"/>
  <c r="X77478" i="1"/>
  <c r="X77479" i="1"/>
  <c r="X77480" i="1"/>
  <c r="X77481" i="1"/>
  <c r="X77482" i="1"/>
  <c r="X77483" i="1"/>
  <c r="X77484" i="1"/>
  <c r="X77485" i="1"/>
  <c r="X77486" i="1"/>
  <c r="X77487" i="1"/>
  <c r="X77488" i="1"/>
  <c r="X77489" i="1"/>
  <c r="X77490" i="1"/>
  <c r="X77491" i="1"/>
  <c r="X77492" i="1"/>
  <c r="X77493" i="1"/>
  <c r="X77494" i="1"/>
  <c r="X77495" i="1"/>
  <c r="X77496" i="1"/>
  <c r="X77497" i="1"/>
  <c r="X77498" i="1"/>
  <c r="X77499" i="1"/>
  <c r="X77500" i="1"/>
  <c r="X77501" i="1"/>
  <c r="X77502" i="1"/>
  <c r="X77503" i="1"/>
  <c r="X77504" i="1"/>
  <c r="X77505" i="1"/>
  <c r="X77506" i="1"/>
  <c r="X77507" i="1"/>
  <c r="X77508" i="1"/>
  <c r="X77509" i="1"/>
  <c r="X77510" i="1"/>
  <c r="X77511" i="1"/>
  <c r="X77512" i="1"/>
  <c r="X77513" i="1"/>
  <c r="X77514" i="1"/>
  <c r="X77515" i="1"/>
  <c r="X77516" i="1"/>
  <c r="X77517" i="1"/>
  <c r="X77518" i="1"/>
  <c r="X77519" i="1"/>
  <c r="X77520" i="1"/>
  <c r="X77521" i="1"/>
  <c r="X77522" i="1"/>
  <c r="X77523" i="1"/>
  <c r="X77524" i="1"/>
  <c r="X77525" i="1"/>
  <c r="X77526" i="1"/>
  <c r="X77527" i="1"/>
  <c r="X77528" i="1"/>
  <c r="X77529" i="1"/>
  <c r="X77530" i="1"/>
  <c r="X77531" i="1"/>
  <c r="X77532" i="1"/>
  <c r="X77533" i="1"/>
  <c r="X77534" i="1"/>
  <c r="X77535" i="1"/>
  <c r="X77536" i="1"/>
  <c r="X77537" i="1"/>
  <c r="X77538" i="1"/>
  <c r="X77539" i="1"/>
  <c r="X77540" i="1"/>
  <c r="X77541" i="1"/>
  <c r="X77542" i="1"/>
  <c r="X77543" i="1"/>
  <c r="X77544" i="1"/>
  <c r="X77545" i="1"/>
  <c r="X77546" i="1"/>
  <c r="X77547" i="1"/>
  <c r="X77548" i="1"/>
  <c r="X77549" i="1"/>
  <c r="X77550" i="1"/>
  <c r="X77551" i="1"/>
  <c r="X77552" i="1"/>
  <c r="X77553" i="1"/>
  <c r="X77554" i="1"/>
  <c r="X77555" i="1"/>
  <c r="X77556" i="1"/>
  <c r="X77557" i="1"/>
  <c r="X77558" i="1"/>
  <c r="X77559" i="1"/>
  <c r="X77560" i="1"/>
  <c r="X77561" i="1"/>
  <c r="X77562" i="1"/>
  <c r="X77563" i="1"/>
  <c r="X77564" i="1"/>
  <c r="X77565" i="1"/>
  <c r="X77566" i="1"/>
  <c r="X77567" i="1"/>
  <c r="X77568" i="1"/>
  <c r="X77569" i="1"/>
  <c r="X77570" i="1"/>
  <c r="X77571" i="1"/>
  <c r="X77572" i="1"/>
  <c r="X77573" i="1"/>
  <c r="X77574" i="1"/>
  <c r="X77575" i="1"/>
  <c r="X77576" i="1"/>
  <c r="X77577" i="1"/>
  <c r="X77578" i="1"/>
  <c r="X77579" i="1"/>
  <c r="X77580" i="1"/>
  <c r="X77581" i="1"/>
  <c r="X77582" i="1"/>
  <c r="X77583" i="1"/>
  <c r="X77584" i="1"/>
  <c r="X77585" i="1"/>
  <c r="X77586" i="1"/>
  <c r="X77587" i="1"/>
  <c r="X77588" i="1"/>
  <c r="X77589" i="1"/>
  <c r="X77590" i="1"/>
  <c r="X77591" i="1"/>
  <c r="X77592" i="1"/>
  <c r="X77593" i="1"/>
  <c r="X77594" i="1"/>
  <c r="X77595" i="1"/>
  <c r="X77596" i="1"/>
  <c r="X77597" i="1"/>
  <c r="X77598" i="1"/>
  <c r="X77599" i="1"/>
  <c r="X77600" i="1"/>
  <c r="X77601" i="1"/>
  <c r="X77602" i="1"/>
  <c r="X77603" i="1"/>
  <c r="X77604" i="1"/>
  <c r="X77605" i="1"/>
  <c r="X77606" i="1"/>
  <c r="X77607" i="1"/>
  <c r="X77608" i="1"/>
  <c r="X77609" i="1"/>
  <c r="X77610" i="1"/>
  <c r="X77611" i="1"/>
  <c r="X77612" i="1"/>
  <c r="X77613" i="1"/>
  <c r="X77614" i="1"/>
  <c r="X77615" i="1"/>
  <c r="X77616" i="1"/>
  <c r="X77617" i="1"/>
  <c r="X77618" i="1"/>
  <c r="X77619" i="1"/>
  <c r="X77620" i="1"/>
  <c r="X77621" i="1"/>
  <c r="X77622" i="1"/>
  <c r="X77623" i="1"/>
  <c r="X77624" i="1"/>
  <c r="X77625" i="1"/>
  <c r="X77626" i="1"/>
  <c r="X77627" i="1"/>
  <c r="X77628" i="1"/>
  <c r="X77629" i="1"/>
  <c r="X77630" i="1"/>
  <c r="X77631" i="1"/>
  <c r="X77632" i="1"/>
  <c r="X77633" i="1"/>
  <c r="X77634" i="1"/>
  <c r="X77635" i="1"/>
  <c r="X77636" i="1"/>
  <c r="X77637" i="1"/>
  <c r="X77638" i="1"/>
  <c r="X77639" i="1"/>
  <c r="X77640" i="1"/>
  <c r="X77641" i="1"/>
  <c r="X77642" i="1"/>
  <c r="X77643" i="1"/>
  <c r="X77644" i="1"/>
  <c r="X77645" i="1"/>
  <c r="X77646" i="1"/>
  <c r="X77647" i="1"/>
  <c r="X77648" i="1"/>
  <c r="X77649" i="1"/>
  <c r="X77650" i="1"/>
  <c r="X77651" i="1"/>
  <c r="X77652" i="1"/>
  <c r="X77653" i="1"/>
  <c r="X77654" i="1"/>
  <c r="X77655" i="1"/>
  <c r="X77656" i="1"/>
  <c r="X77657" i="1"/>
  <c r="X77658" i="1"/>
  <c r="X77659" i="1"/>
  <c r="X77660" i="1"/>
  <c r="X77661" i="1"/>
  <c r="X77662" i="1"/>
  <c r="X77663" i="1"/>
  <c r="X77664" i="1"/>
  <c r="X77665" i="1"/>
  <c r="X77666" i="1"/>
  <c r="X77667" i="1"/>
  <c r="X77668" i="1"/>
  <c r="X77669" i="1"/>
  <c r="X77670" i="1"/>
  <c r="X77671" i="1"/>
  <c r="X77672" i="1"/>
  <c r="X77673" i="1"/>
  <c r="X77674" i="1"/>
  <c r="X77675" i="1"/>
  <c r="X77676" i="1"/>
  <c r="X77677" i="1"/>
  <c r="X77678" i="1"/>
  <c r="X77679" i="1"/>
  <c r="X77680" i="1"/>
  <c r="X77681" i="1"/>
  <c r="X77682" i="1"/>
  <c r="X77683" i="1"/>
  <c r="X77684" i="1"/>
  <c r="X77685" i="1"/>
  <c r="X77686" i="1"/>
  <c r="X77687" i="1"/>
  <c r="X77688" i="1"/>
  <c r="X77689" i="1"/>
  <c r="X77690" i="1"/>
  <c r="X77691" i="1"/>
  <c r="X77692" i="1"/>
  <c r="X77693" i="1"/>
  <c r="X77694" i="1"/>
  <c r="X77695" i="1"/>
  <c r="X77696" i="1"/>
  <c r="X77697" i="1"/>
  <c r="X77698" i="1"/>
  <c r="X77699" i="1"/>
  <c r="X77700" i="1"/>
  <c r="X77701" i="1"/>
  <c r="X77702" i="1"/>
  <c r="X77703" i="1"/>
  <c r="X77704" i="1"/>
  <c r="X77705" i="1"/>
  <c r="X77706" i="1"/>
  <c r="X77707" i="1"/>
  <c r="X77708" i="1"/>
  <c r="X77709" i="1"/>
  <c r="X77710" i="1"/>
  <c r="X77711" i="1"/>
  <c r="X77712" i="1"/>
  <c r="X77713" i="1"/>
  <c r="X77714" i="1"/>
  <c r="X77715" i="1"/>
  <c r="X77716" i="1"/>
  <c r="X77717" i="1"/>
  <c r="X77718" i="1"/>
  <c r="X77719" i="1"/>
  <c r="X77720" i="1"/>
  <c r="X77721" i="1"/>
  <c r="X77722" i="1"/>
  <c r="X77723" i="1"/>
  <c r="X77724" i="1"/>
  <c r="X77725" i="1"/>
  <c r="X77726" i="1"/>
  <c r="X77727" i="1"/>
  <c r="X77728" i="1"/>
  <c r="X77729" i="1"/>
  <c r="X77730" i="1"/>
  <c r="X77731" i="1"/>
  <c r="X77732" i="1"/>
  <c r="X77733" i="1"/>
  <c r="X77734" i="1"/>
  <c r="X77735" i="1"/>
  <c r="X77736" i="1"/>
  <c r="X77737" i="1"/>
  <c r="X77738" i="1"/>
  <c r="X77739" i="1"/>
  <c r="X77740" i="1"/>
  <c r="X77741" i="1"/>
  <c r="X77742" i="1"/>
  <c r="X77743" i="1"/>
  <c r="X77744" i="1"/>
  <c r="X77745" i="1"/>
  <c r="X77746" i="1"/>
  <c r="X77747" i="1"/>
  <c r="X77748" i="1"/>
  <c r="X77749" i="1"/>
  <c r="X77750" i="1"/>
  <c r="X77751" i="1"/>
  <c r="X77752" i="1"/>
  <c r="X77753" i="1"/>
  <c r="X77754" i="1"/>
  <c r="X77755" i="1"/>
  <c r="X77756" i="1"/>
  <c r="X77757" i="1"/>
  <c r="X77758" i="1"/>
  <c r="X77759" i="1"/>
  <c r="X77760" i="1"/>
  <c r="X77761" i="1"/>
  <c r="X77762" i="1"/>
  <c r="X77763" i="1"/>
  <c r="X77764" i="1"/>
  <c r="X77765" i="1"/>
  <c r="X77766" i="1"/>
  <c r="X77767" i="1"/>
  <c r="X77768" i="1"/>
  <c r="X77769" i="1"/>
  <c r="X77770" i="1"/>
  <c r="X77771" i="1"/>
  <c r="X77772" i="1"/>
  <c r="X77773" i="1"/>
  <c r="X77774" i="1"/>
  <c r="X77775" i="1"/>
  <c r="X77776" i="1"/>
  <c r="X77777" i="1"/>
  <c r="X77778" i="1"/>
  <c r="X77779" i="1"/>
  <c r="X77780" i="1"/>
  <c r="X77781" i="1"/>
  <c r="X77782" i="1"/>
  <c r="X77783" i="1"/>
  <c r="X77784" i="1"/>
  <c r="X77785" i="1"/>
  <c r="X77786" i="1"/>
  <c r="X77787" i="1"/>
  <c r="X77788" i="1"/>
  <c r="X77789" i="1"/>
  <c r="X77790" i="1"/>
  <c r="X77791" i="1"/>
  <c r="X77792" i="1"/>
  <c r="X77793" i="1"/>
  <c r="X77794" i="1"/>
  <c r="X77795" i="1"/>
  <c r="X77796" i="1"/>
  <c r="X77797" i="1"/>
  <c r="X77798" i="1"/>
  <c r="X77799" i="1"/>
  <c r="X77800" i="1"/>
  <c r="X77801" i="1"/>
  <c r="X77802" i="1"/>
  <c r="X77803" i="1"/>
  <c r="X77804" i="1"/>
  <c r="X77805" i="1"/>
  <c r="X77806" i="1"/>
  <c r="X77807" i="1"/>
  <c r="X77808" i="1"/>
  <c r="X77809" i="1"/>
  <c r="X77810" i="1"/>
  <c r="X77811" i="1"/>
  <c r="X77812" i="1"/>
  <c r="X77813" i="1"/>
  <c r="X77814" i="1"/>
  <c r="X77815" i="1"/>
  <c r="X77816" i="1"/>
  <c r="X77817" i="1"/>
  <c r="X77818" i="1"/>
  <c r="X77819" i="1"/>
  <c r="X77820" i="1"/>
  <c r="X77821" i="1"/>
  <c r="X77822" i="1"/>
  <c r="X77823" i="1"/>
  <c r="X77824" i="1"/>
  <c r="X77825" i="1"/>
  <c r="X77826" i="1"/>
  <c r="X77827" i="1"/>
  <c r="X77828" i="1"/>
  <c r="X77829" i="1"/>
  <c r="X77830" i="1"/>
  <c r="X77831" i="1"/>
  <c r="X77832" i="1"/>
  <c r="X77833" i="1"/>
  <c r="X77834" i="1"/>
  <c r="X77835" i="1"/>
  <c r="X77836" i="1"/>
  <c r="X77837" i="1"/>
  <c r="X77838" i="1"/>
  <c r="X77839" i="1"/>
  <c r="X77840" i="1"/>
  <c r="X77841" i="1"/>
  <c r="X77842" i="1"/>
  <c r="X77843" i="1"/>
  <c r="X77844" i="1"/>
  <c r="X77845" i="1"/>
  <c r="X77846" i="1"/>
  <c r="X77847" i="1"/>
  <c r="X77848" i="1"/>
  <c r="X77849" i="1"/>
  <c r="X77850" i="1"/>
  <c r="X77851" i="1"/>
  <c r="X77852" i="1"/>
  <c r="X77853" i="1"/>
  <c r="X77854" i="1"/>
  <c r="X77855" i="1"/>
  <c r="X77856" i="1"/>
  <c r="X77857" i="1"/>
  <c r="X77858" i="1"/>
  <c r="X77859" i="1"/>
  <c r="X77860" i="1"/>
  <c r="X77861" i="1"/>
  <c r="X77862" i="1"/>
  <c r="X77863" i="1"/>
  <c r="X77864" i="1"/>
  <c r="X77865" i="1"/>
  <c r="X77866" i="1"/>
  <c r="X77867" i="1"/>
  <c r="X77868" i="1"/>
  <c r="X77869" i="1"/>
  <c r="X77870" i="1"/>
  <c r="X77871" i="1"/>
  <c r="X77872" i="1"/>
  <c r="X77873" i="1"/>
  <c r="X77874" i="1"/>
  <c r="X77875" i="1"/>
  <c r="X77876" i="1"/>
  <c r="X77877" i="1"/>
  <c r="X77878" i="1"/>
  <c r="X77879" i="1"/>
  <c r="X77880" i="1"/>
  <c r="X77881" i="1"/>
  <c r="X77882" i="1"/>
  <c r="X77883" i="1"/>
  <c r="X77884" i="1"/>
  <c r="X77885" i="1"/>
  <c r="X77886" i="1"/>
  <c r="X77887" i="1"/>
  <c r="X77888" i="1"/>
  <c r="X77889" i="1"/>
  <c r="X77890" i="1"/>
  <c r="X77891" i="1"/>
  <c r="X77892" i="1"/>
  <c r="X77893" i="1"/>
  <c r="X77894" i="1"/>
  <c r="X77895" i="1"/>
  <c r="X77896" i="1"/>
  <c r="X77897" i="1"/>
  <c r="X77898" i="1"/>
  <c r="X77899" i="1"/>
  <c r="X77900" i="1"/>
  <c r="X77901" i="1"/>
  <c r="X77902" i="1"/>
  <c r="X77903" i="1"/>
  <c r="X77904" i="1"/>
  <c r="X77905" i="1"/>
  <c r="X77906" i="1"/>
  <c r="X77907" i="1"/>
  <c r="X77908" i="1"/>
  <c r="X77909" i="1"/>
  <c r="X77910" i="1"/>
  <c r="X77911" i="1"/>
  <c r="X77912" i="1"/>
  <c r="X77913" i="1"/>
  <c r="X77914" i="1"/>
  <c r="X77915" i="1"/>
  <c r="X77916" i="1"/>
  <c r="X77917" i="1"/>
  <c r="X77918" i="1"/>
  <c r="X77919" i="1"/>
  <c r="X77920" i="1"/>
  <c r="X77921" i="1"/>
  <c r="X77922" i="1"/>
  <c r="X77923" i="1"/>
  <c r="X77924" i="1"/>
  <c r="X77925" i="1"/>
  <c r="X77926" i="1"/>
  <c r="X77927" i="1"/>
  <c r="X77928" i="1"/>
  <c r="X77929" i="1"/>
  <c r="X77930" i="1"/>
  <c r="X77931" i="1"/>
  <c r="X77932" i="1"/>
  <c r="X77933" i="1"/>
  <c r="X77934" i="1"/>
  <c r="X77935" i="1"/>
  <c r="X77936" i="1"/>
  <c r="X77937" i="1"/>
  <c r="X77938" i="1"/>
  <c r="X77939" i="1"/>
  <c r="X77940" i="1"/>
  <c r="X77941" i="1"/>
  <c r="X77942" i="1"/>
  <c r="X77943" i="1"/>
  <c r="X77944" i="1"/>
  <c r="X77945" i="1"/>
  <c r="X77946" i="1"/>
  <c r="X77947" i="1"/>
  <c r="X77948" i="1"/>
  <c r="X77949" i="1"/>
  <c r="X77950" i="1"/>
  <c r="X77951" i="1"/>
  <c r="X77952" i="1"/>
  <c r="X77953" i="1"/>
  <c r="X77954" i="1"/>
  <c r="X77955" i="1"/>
  <c r="X77956" i="1"/>
  <c r="X77957" i="1"/>
  <c r="X77958" i="1"/>
  <c r="X77959" i="1"/>
  <c r="X77960" i="1"/>
  <c r="X77961" i="1"/>
  <c r="X77962" i="1"/>
  <c r="X77963" i="1"/>
  <c r="X77964" i="1"/>
  <c r="X77965" i="1"/>
  <c r="X77966" i="1"/>
  <c r="X77967" i="1"/>
  <c r="X77968" i="1"/>
  <c r="X77969" i="1"/>
  <c r="X77970" i="1"/>
  <c r="X77971" i="1"/>
  <c r="X77972" i="1"/>
  <c r="X77973" i="1"/>
  <c r="X77974" i="1"/>
  <c r="X77975" i="1"/>
  <c r="X77976" i="1"/>
  <c r="X77977" i="1"/>
  <c r="X77978" i="1"/>
  <c r="X77979" i="1"/>
  <c r="X77980" i="1"/>
  <c r="X77981" i="1"/>
  <c r="X77982" i="1"/>
  <c r="X77983" i="1"/>
  <c r="X77984" i="1"/>
  <c r="X77985" i="1"/>
  <c r="X77986" i="1"/>
  <c r="X77987" i="1"/>
  <c r="X77988" i="1"/>
  <c r="X77989" i="1"/>
  <c r="X77990" i="1"/>
  <c r="X77991" i="1"/>
  <c r="X77992" i="1"/>
  <c r="X77993" i="1"/>
  <c r="X77994" i="1"/>
  <c r="X77995" i="1"/>
  <c r="X77996" i="1"/>
  <c r="X77997" i="1"/>
  <c r="X77998" i="1"/>
  <c r="X77999" i="1"/>
  <c r="X78000" i="1"/>
  <c r="X78001" i="1"/>
  <c r="X78002" i="1"/>
  <c r="X78003" i="1"/>
  <c r="X78004" i="1"/>
  <c r="X78005" i="1"/>
  <c r="X78006" i="1"/>
  <c r="X78007" i="1"/>
  <c r="X78008" i="1"/>
  <c r="X78009" i="1"/>
  <c r="X78010" i="1"/>
  <c r="X78011" i="1"/>
  <c r="X78012" i="1"/>
  <c r="X78013" i="1"/>
  <c r="X78014" i="1"/>
  <c r="X78015" i="1"/>
  <c r="X78016" i="1"/>
  <c r="X78017" i="1"/>
  <c r="X78018" i="1"/>
  <c r="X78019" i="1"/>
  <c r="X78020" i="1"/>
  <c r="X78021" i="1"/>
  <c r="X78022" i="1"/>
  <c r="X78023" i="1"/>
  <c r="X78024" i="1"/>
  <c r="X78025" i="1"/>
  <c r="X78026" i="1"/>
  <c r="X78027" i="1"/>
  <c r="X78028" i="1"/>
  <c r="X78029" i="1"/>
  <c r="X78030" i="1"/>
  <c r="X78031" i="1"/>
  <c r="X78032" i="1"/>
  <c r="X78033" i="1"/>
  <c r="X78034" i="1"/>
  <c r="X78035" i="1"/>
  <c r="X78036" i="1"/>
  <c r="X78037" i="1"/>
  <c r="X78038" i="1"/>
  <c r="X78039" i="1"/>
  <c r="X78040" i="1"/>
  <c r="X78041" i="1"/>
  <c r="X78042" i="1"/>
  <c r="X78043" i="1"/>
  <c r="X78044" i="1"/>
  <c r="X78045" i="1"/>
  <c r="X78046" i="1"/>
  <c r="X78047" i="1"/>
  <c r="X78048" i="1"/>
  <c r="X78049" i="1"/>
  <c r="X78050" i="1"/>
  <c r="X78051" i="1"/>
  <c r="X78052" i="1"/>
  <c r="X78053" i="1"/>
  <c r="X78054" i="1"/>
  <c r="X78055" i="1"/>
  <c r="X78056" i="1"/>
  <c r="X78057" i="1"/>
  <c r="X78058" i="1"/>
  <c r="X78059" i="1"/>
  <c r="X78060" i="1"/>
  <c r="X78061" i="1"/>
  <c r="X78062" i="1"/>
  <c r="X78063" i="1"/>
  <c r="X78064" i="1"/>
  <c r="X78065" i="1"/>
  <c r="X78066" i="1"/>
  <c r="X78067" i="1"/>
  <c r="X78068" i="1"/>
  <c r="X78069" i="1"/>
  <c r="X78070" i="1"/>
  <c r="X78071" i="1"/>
  <c r="X78072" i="1"/>
  <c r="X78073" i="1"/>
  <c r="X78074" i="1"/>
  <c r="X78075" i="1"/>
  <c r="X78076" i="1"/>
  <c r="X78077" i="1"/>
  <c r="X78078" i="1"/>
  <c r="X78079" i="1"/>
  <c r="X78080" i="1"/>
  <c r="X78081" i="1"/>
  <c r="X78082" i="1"/>
  <c r="X78083" i="1"/>
  <c r="X78084" i="1"/>
  <c r="X78085" i="1"/>
  <c r="X78086" i="1"/>
  <c r="X78087" i="1"/>
  <c r="X78088" i="1"/>
  <c r="X78089" i="1"/>
  <c r="X78090" i="1"/>
  <c r="X78091" i="1"/>
  <c r="X78092" i="1"/>
  <c r="X78093" i="1"/>
  <c r="X78094" i="1"/>
  <c r="X78095" i="1"/>
  <c r="X78096" i="1"/>
  <c r="X78097" i="1"/>
  <c r="X78098" i="1"/>
  <c r="X78099" i="1"/>
  <c r="X78100" i="1"/>
  <c r="X78101" i="1"/>
  <c r="X78102" i="1"/>
  <c r="X78103" i="1"/>
  <c r="X78104" i="1"/>
  <c r="X78105" i="1"/>
  <c r="X78106" i="1"/>
  <c r="X78107" i="1"/>
  <c r="X78108" i="1"/>
  <c r="X78109" i="1"/>
  <c r="X78110" i="1"/>
  <c r="X78111" i="1"/>
  <c r="X78112" i="1"/>
  <c r="X78113" i="1"/>
  <c r="X78114" i="1"/>
  <c r="X78115" i="1"/>
  <c r="X78116" i="1"/>
  <c r="X78117" i="1"/>
  <c r="X78118" i="1"/>
  <c r="X78119" i="1"/>
  <c r="X78120" i="1"/>
  <c r="X78121" i="1"/>
  <c r="X78122" i="1"/>
  <c r="X78123" i="1"/>
  <c r="X78124" i="1"/>
  <c r="X78125" i="1"/>
  <c r="X78126" i="1"/>
  <c r="X78127" i="1"/>
  <c r="X78128" i="1"/>
  <c r="X78129" i="1"/>
  <c r="X78130" i="1"/>
  <c r="X78131" i="1"/>
  <c r="X78132" i="1"/>
  <c r="X78133" i="1"/>
  <c r="X78134" i="1"/>
  <c r="X78135" i="1"/>
  <c r="X78136" i="1"/>
  <c r="X78137" i="1"/>
  <c r="X78138" i="1"/>
  <c r="X78139" i="1"/>
  <c r="X78140" i="1"/>
  <c r="X78141" i="1"/>
  <c r="X78142" i="1"/>
  <c r="X78143" i="1"/>
  <c r="X78144" i="1"/>
  <c r="X78145" i="1"/>
  <c r="X78146" i="1"/>
  <c r="X78147" i="1"/>
  <c r="X78148" i="1"/>
  <c r="X78149" i="1"/>
  <c r="X78150" i="1"/>
  <c r="X78151" i="1"/>
  <c r="X78152" i="1"/>
  <c r="X78153" i="1"/>
  <c r="X78154" i="1"/>
  <c r="X78155" i="1"/>
  <c r="X78156" i="1"/>
  <c r="X78157" i="1"/>
  <c r="X78158" i="1"/>
  <c r="X78159" i="1"/>
  <c r="X78160" i="1"/>
  <c r="X78161" i="1"/>
  <c r="X78162" i="1"/>
  <c r="X78163" i="1"/>
  <c r="X78164" i="1"/>
  <c r="X78165" i="1"/>
  <c r="X78166" i="1"/>
  <c r="X78167" i="1"/>
  <c r="X78168" i="1"/>
  <c r="X78169" i="1"/>
  <c r="X78170" i="1"/>
  <c r="X78171" i="1"/>
  <c r="X78172" i="1"/>
  <c r="X78173" i="1"/>
  <c r="X78174" i="1"/>
  <c r="X78175" i="1"/>
  <c r="X78176" i="1"/>
  <c r="X78177" i="1"/>
  <c r="X78178" i="1"/>
  <c r="X78179" i="1"/>
  <c r="X78180" i="1"/>
  <c r="X78181" i="1"/>
  <c r="X78182" i="1"/>
  <c r="X78183" i="1"/>
  <c r="X78184" i="1"/>
  <c r="X78185" i="1"/>
  <c r="X78186" i="1"/>
  <c r="X78187" i="1"/>
  <c r="X78188" i="1"/>
  <c r="X78189" i="1"/>
  <c r="X78190" i="1"/>
  <c r="X78191" i="1"/>
  <c r="X78192" i="1"/>
  <c r="X78193" i="1"/>
  <c r="X78194" i="1"/>
  <c r="X78195" i="1"/>
  <c r="X78196" i="1"/>
  <c r="X78197" i="1"/>
  <c r="X78198" i="1"/>
  <c r="X78199" i="1"/>
  <c r="X78200" i="1"/>
  <c r="X78201" i="1"/>
  <c r="X78202" i="1"/>
  <c r="X78203" i="1"/>
  <c r="X78204" i="1"/>
  <c r="X78205" i="1"/>
  <c r="X78206" i="1"/>
  <c r="X78207" i="1"/>
  <c r="X78208" i="1"/>
  <c r="X78209" i="1"/>
  <c r="X78210" i="1"/>
  <c r="X78211" i="1"/>
  <c r="X78212" i="1"/>
  <c r="X78213" i="1"/>
  <c r="X78214" i="1"/>
  <c r="X78215" i="1"/>
  <c r="X78216" i="1"/>
  <c r="X78217" i="1"/>
  <c r="X78218" i="1"/>
  <c r="X78219" i="1"/>
  <c r="X78220" i="1"/>
  <c r="X78221" i="1"/>
  <c r="X78222" i="1"/>
  <c r="X78223" i="1"/>
  <c r="X78224" i="1"/>
  <c r="X78225" i="1"/>
  <c r="X78226" i="1"/>
  <c r="X78227" i="1"/>
  <c r="X78228" i="1"/>
  <c r="X78229" i="1"/>
  <c r="X78230" i="1"/>
  <c r="X78231" i="1"/>
  <c r="X78232" i="1"/>
  <c r="X78233" i="1"/>
  <c r="X78234" i="1"/>
  <c r="X78235" i="1"/>
  <c r="X78236" i="1"/>
  <c r="X78237" i="1"/>
  <c r="X78238" i="1"/>
  <c r="X78239" i="1"/>
  <c r="X78240" i="1"/>
  <c r="X78241" i="1"/>
  <c r="X78242" i="1"/>
  <c r="X78243" i="1"/>
  <c r="X78244" i="1"/>
  <c r="X78245" i="1"/>
  <c r="X78246" i="1"/>
  <c r="X78247" i="1"/>
  <c r="X78248" i="1"/>
  <c r="X78249" i="1"/>
  <c r="X78250" i="1"/>
  <c r="X78251" i="1"/>
  <c r="X78252" i="1"/>
  <c r="X78253" i="1"/>
  <c r="X78254" i="1"/>
  <c r="X78255" i="1"/>
  <c r="X78256" i="1"/>
  <c r="X78257" i="1"/>
  <c r="X78258" i="1"/>
  <c r="X78259" i="1"/>
  <c r="X78260" i="1"/>
  <c r="X78261" i="1"/>
  <c r="X78262" i="1"/>
  <c r="X78263" i="1"/>
  <c r="X78264" i="1"/>
  <c r="X78265" i="1"/>
  <c r="X78266" i="1"/>
  <c r="X78267" i="1"/>
  <c r="X78268" i="1"/>
  <c r="X78269" i="1"/>
  <c r="X78270" i="1"/>
  <c r="X78271" i="1"/>
  <c r="X78272" i="1"/>
  <c r="X78273" i="1"/>
  <c r="X78274" i="1"/>
  <c r="X78275" i="1"/>
  <c r="X78276" i="1"/>
  <c r="X78277" i="1"/>
  <c r="X78278" i="1"/>
  <c r="X78279" i="1"/>
  <c r="X78280" i="1"/>
  <c r="X78281" i="1"/>
  <c r="X78282" i="1"/>
  <c r="X78283" i="1"/>
  <c r="X78284" i="1"/>
  <c r="X78285" i="1"/>
  <c r="X78286" i="1"/>
  <c r="X78287" i="1"/>
  <c r="X78288" i="1"/>
  <c r="X78289" i="1"/>
  <c r="X78290" i="1"/>
  <c r="X78291" i="1"/>
  <c r="X78292" i="1"/>
  <c r="X78293" i="1"/>
  <c r="X78294" i="1"/>
  <c r="X78295" i="1"/>
  <c r="X78296" i="1"/>
  <c r="X78297" i="1"/>
  <c r="X78298" i="1"/>
  <c r="X78299" i="1"/>
  <c r="X78300" i="1"/>
  <c r="X78301" i="1"/>
  <c r="X78302" i="1"/>
  <c r="X78303" i="1"/>
  <c r="X78304" i="1"/>
  <c r="X78305" i="1"/>
  <c r="X78306" i="1"/>
  <c r="X78307" i="1"/>
  <c r="X78308" i="1"/>
  <c r="X78309" i="1"/>
  <c r="X78310" i="1"/>
  <c r="X78311" i="1"/>
  <c r="X78312" i="1"/>
  <c r="X78313" i="1"/>
  <c r="X78314" i="1"/>
  <c r="X78315" i="1"/>
  <c r="X78316" i="1"/>
  <c r="X78317" i="1"/>
  <c r="X78318" i="1"/>
  <c r="X78319" i="1"/>
  <c r="X78320" i="1"/>
  <c r="X78321" i="1"/>
  <c r="X78322" i="1"/>
  <c r="X78323" i="1"/>
  <c r="X78324" i="1"/>
  <c r="X78325" i="1"/>
  <c r="X78326" i="1"/>
  <c r="X78327" i="1"/>
  <c r="X78328" i="1"/>
  <c r="X78329" i="1"/>
  <c r="X78330" i="1"/>
  <c r="X78331" i="1"/>
  <c r="X78332" i="1"/>
  <c r="X78333" i="1"/>
  <c r="X78334" i="1"/>
  <c r="X78335" i="1"/>
  <c r="X78336" i="1"/>
  <c r="X78337" i="1"/>
  <c r="X78338" i="1"/>
  <c r="X78339" i="1"/>
  <c r="X78340" i="1"/>
  <c r="X78341" i="1"/>
  <c r="X78342" i="1"/>
  <c r="X78343" i="1"/>
  <c r="X78344" i="1"/>
  <c r="X78345" i="1"/>
  <c r="X78346" i="1"/>
  <c r="X78347" i="1"/>
  <c r="X78348" i="1"/>
  <c r="X78349" i="1"/>
  <c r="X78350" i="1"/>
  <c r="X78351" i="1"/>
  <c r="X78352" i="1"/>
  <c r="X78353" i="1"/>
  <c r="X78354" i="1"/>
  <c r="X78355" i="1"/>
  <c r="X78356" i="1"/>
  <c r="X78357" i="1"/>
  <c r="X78358" i="1"/>
  <c r="X78359" i="1"/>
  <c r="X78360" i="1"/>
  <c r="X78361" i="1"/>
  <c r="X78362" i="1"/>
  <c r="X78363" i="1"/>
  <c r="X78364" i="1"/>
  <c r="X78365" i="1"/>
  <c r="X78366" i="1"/>
  <c r="X78367" i="1"/>
  <c r="X78368" i="1"/>
  <c r="X78369" i="1"/>
  <c r="X78370" i="1"/>
  <c r="X78371" i="1"/>
  <c r="X78372" i="1"/>
  <c r="X78373" i="1"/>
  <c r="X78374" i="1"/>
  <c r="X78375" i="1"/>
  <c r="X78376" i="1"/>
  <c r="X78377" i="1"/>
  <c r="X78378" i="1"/>
  <c r="X78379" i="1"/>
  <c r="X78380" i="1"/>
  <c r="X78381" i="1"/>
  <c r="X78382" i="1"/>
  <c r="X78383" i="1"/>
  <c r="X78384" i="1"/>
  <c r="X78385" i="1"/>
  <c r="X78386" i="1"/>
  <c r="X78387" i="1"/>
  <c r="X78388" i="1"/>
  <c r="X78389" i="1"/>
  <c r="X78390" i="1"/>
  <c r="X78391" i="1"/>
  <c r="X78392" i="1"/>
  <c r="X78393" i="1"/>
  <c r="X78394" i="1"/>
  <c r="X78395" i="1"/>
  <c r="X78396" i="1"/>
  <c r="X78397" i="1"/>
  <c r="X78398" i="1"/>
  <c r="X78399" i="1"/>
  <c r="X78400" i="1"/>
  <c r="X78401" i="1"/>
  <c r="X78402" i="1"/>
  <c r="X78403" i="1"/>
  <c r="X78404" i="1"/>
  <c r="X78405" i="1"/>
  <c r="X78406" i="1"/>
  <c r="X78407" i="1"/>
  <c r="X78408" i="1"/>
  <c r="X78409" i="1"/>
  <c r="X78410" i="1"/>
  <c r="X78411" i="1"/>
  <c r="X78412" i="1"/>
  <c r="X78413" i="1"/>
  <c r="X78414" i="1"/>
  <c r="X78415" i="1"/>
  <c r="X78416" i="1"/>
  <c r="X78417" i="1"/>
  <c r="X78418" i="1"/>
  <c r="X78419" i="1"/>
  <c r="X78420" i="1"/>
  <c r="X78421" i="1"/>
  <c r="X78422" i="1"/>
  <c r="X78423" i="1"/>
  <c r="X78424" i="1"/>
  <c r="X78425" i="1"/>
  <c r="X78426" i="1"/>
  <c r="X78427" i="1"/>
  <c r="X78428" i="1"/>
  <c r="X78429" i="1"/>
  <c r="X78430" i="1"/>
  <c r="X78431" i="1"/>
  <c r="X78432" i="1"/>
  <c r="X78433" i="1"/>
  <c r="X78434" i="1"/>
  <c r="X78435" i="1"/>
  <c r="X78436" i="1"/>
  <c r="X78437" i="1"/>
  <c r="X78438" i="1"/>
  <c r="X78439" i="1"/>
  <c r="X78440" i="1"/>
  <c r="X78441" i="1"/>
  <c r="X78442" i="1"/>
  <c r="X78443" i="1"/>
  <c r="X78444" i="1"/>
  <c r="X78445" i="1"/>
  <c r="X78446" i="1"/>
  <c r="X78447" i="1"/>
  <c r="X78448" i="1"/>
  <c r="X78449" i="1"/>
  <c r="X78450" i="1"/>
  <c r="X78451" i="1"/>
  <c r="X78452" i="1"/>
  <c r="X78453" i="1"/>
  <c r="X78454" i="1"/>
  <c r="X78455" i="1"/>
  <c r="X78456" i="1"/>
  <c r="X78457" i="1"/>
  <c r="X78458" i="1"/>
  <c r="X78459" i="1"/>
  <c r="X78460" i="1"/>
  <c r="X78461" i="1"/>
  <c r="X78462" i="1"/>
  <c r="X78463" i="1"/>
  <c r="X78464" i="1"/>
  <c r="X78465" i="1"/>
  <c r="X78466" i="1"/>
  <c r="X78467" i="1"/>
  <c r="X78468" i="1"/>
  <c r="X78469" i="1"/>
  <c r="X78470" i="1"/>
  <c r="X78471" i="1"/>
  <c r="X78472" i="1"/>
  <c r="X78473" i="1"/>
  <c r="X78474" i="1"/>
  <c r="X78475" i="1"/>
  <c r="X78476" i="1"/>
  <c r="X78477" i="1"/>
  <c r="X78478" i="1"/>
  <c r="X78479" i="1"/>
  <c r="X78480" i="1"/>
  <c r="X78481" i="1"/>
  <c r="X78482" i="1"/>
  <c r="X78483" i="1"/>
  <c r="X78484" i="1"/>
  <c r="X78485" i="1"/>
  <c r="X78486" i="1"/>
  <c r="X78487" i="1"/>
  <c r="X78488" i="1"/>
  <c r="X78489" i="1"/>
  <c r="X78490" i="1"/>
  <c r="X78491" i="1"/>
  <c r="X78492" i="1"/>
  <c r="X78493" i="1"/>
  <c r="X78494" i="1"/>
  <c r="X78495" i="1"/>
  <c r="X78496" i="1"/>
  <c r="X78497" i="1"/>
  <c r="X78498" i="1"/>
  <c r="X78499" i="1"/>
  <c r="X78500" i="1"/>
  <c r="X78501" i="1"/>
  <c r="X78502" i="1"/>
  <c r="X78503" i="1"/>
  <c r="X78504" i="1"/>
  <c r="X78505" i="1"/>
  <c r="X78506" i="1"/>
  <c r="X78507" i="1"/>
  <c r="X78508" i="1"/>
  <c r="X78509" i="1"/>
  <c r="X78510" i="1"/>
  <c r="X78511" i="1"/>
  <c r="X78512" i="1"/>
  <c r="X78513" i="1"/>
  <c r="X78514" i="1"/>
  <c r="X78515" i="1"/>
  <c r="X78516" i="1"/>
  <c r="X78517" i="1"/>
  <c r="X78518" i="1"/>
  <c r="X78519" i="1"/>
  <c r="X78520" i="1"/>
  <c r="X78521" i="1"/>
  <c r="X78522" i="1"/>
  <c r="X78523" i="1"/>
  <c r="X78524" i="1"/>
  <c r="X78525" i="1"/>
  <c r="X78526" i="1"/>
  <c r="X78527" i="1"/>
  <c r="X78528" i="1"/>
  <c r="X78529" i="1"/>
  <c r="X78530" i="1"/>
  <c r="X78531" i="1"/>
  <c r="X78532" i="1"/>
  <c r="X78533" i="1"/>
  <c r="X78534" i="1"/>
  <c r="X78535" i="1"/>
  <c r="X78536" i="1"/>
  <c r="X78537" i="1"/>
  <c r="X78538" i="1"/>
  <c r="X78539" i="1"/>
  <c r="X78540" i="1"/>
  <c r="X78541" i="1"/>
  <c r="X78542" i="1"/>
  <c r="X78543" i="1"/>
  <c r="X78544" i="1"/>
  <c r="X78545" i="1"/>
  <c r="X78546" i="1"/>
  <c r="X78547" i="1"/>
  <c r="X78548" i="1"/>
  <c r="X78549" i="1"/>
  <c r="X78550" i="1"/>
  <c r="X78551" i="1"/>
  <c r="X78552" i="1"/>
  <c r="X78553" i="1"/>
  <c r="X78554" i="1"/>
  <c r="X78555" i="1"/>
  <c r="X78556" i="1"/>
  <c r="X78557" i="1"/>
  <c r="X78558" i="1"/>
  <c r="X78559" i="1"/>
  <c r="X78560" i="1"/>
  <c r="X78561" i="1"/>
  <c r="X78562" i="1"/>
  <c r="X78563" i="1"/>
  <c r="X78564" i="1"/>
  <c r="X78565" i="1"/>
  <c r="X78566" i="1"/>
  <c r="X78567" i="1"/>
  <c r="X78568" i="1"/>
  <c r="X78569" i="1"/>
  <c r="X78570" i="1"/>
  <c r="X78571" i="1"/>
  <c r="X78572" i="1"/>
  <c r="X78573" i="1"/>
  <c r="X78574" i="1"/>
  <c r="X78575" i="1"/>
  <c r="X78576" i="1"/>
  <c r="X78577" i="1"/>
  <c r="X78578" i="1"/>
  <c r="X78579" i="1"/>
  <c r="X78580" i="1"/>
  <c r="X78581" i="1"/>
  <c r="X78582" i="1"/>
  <c r="X78583" i="1"/>
  <c r="X78584" i="1"/>
  <c r="X78585" i="1"/>
  <c r="X78586" i="1"/>
  <c r="X78587" i="1"/>
  <c r="X78588" i="1"/>
  <c r="X78589" i="1"/>
  <c r="X78590" i="1"/>
  <c r="X78591" i="1"/>
  <c r="X78592" i="1"/>
  <c r="X78593" i="1"/>
  <c r="X78594" i="1"/>
  <c r="X78595" i="1"/>
  <c r="X78596" i="1"/>
  <c r="X78597" i="1"/>
  <c r="X78598" i="1"/>
  <c r="X78599" i="1"/>
  <c r="X78600" i="1"/>
  <c r="X78601" i="1"/>
  <c r="X78602" i="1"/>
  <c r="X78603" i="1"/>
  <c r="X78604" i="1"/>
  <c r="X78605" i="1"/>
  <c r="X78606" i="1"/>
  <c r="X78607" i="1"/>
  <c r="X78608" i="1"/>
  <c r="X78609" i="1"/>
  <c r="X78610" i="1"/>
  <c r="X78611" i="1"/>
  <c r="X78612" i="1"/>
  <c r="X78613" i="1"/>
  <c r="X78614" i="1"/>
  <c r="X78615" i="1"/>
  <c r="X78616" i="1"/>
  <c r="X78617" i="1"/>
  <c r="X78618" i="1"/>
  <c r="X78619" i="1"/>
  <c r="X78620" i="1"/>
  <c r="X78621" i="1"/>
  <c r="X78622" i="1"/>
  <c r="X78623" i="1"/>
  <c r="X78624" i="1"/>
  <c r="X78625" i="1"/>
  <c r="X78626" i="1"/>
  <c r="X78627" i="1"/>
  <c r="X78628" i="1"/>
  <c r="X78629" i="1"/>
  <c r="X78630" i="1"/>
  <c r="X78631" i="1"/>
  <c r="X78632" i="1"/>
  <c r="X78633" i="1"/>
  <c r="X78634" i="1"/>
  <c r="X78635" i="1"/>
  <c r="X78636" i="1"/>
  <c r="X78637" i="1"/>
  <c r="X78638" i="1"/>
  <c r="X78639" i="1"/>
  <c r="X78640" i="1"/>
  <c r="X78641" i="1"/>
  <c r="X78642" i="1"/>
  <c r="X78643" i="1"/>
  <c r="X78644" i="1"/>
  <c r="X78645" i="1"/>
  <c r="X78646" i="1"/>
  <c r="X78647" i="1"/>
  <c r="X78648" i="1"/>
  <c r="X78649" i="1"/>
  <c r="X78650" i="1"/>
  <c r="X78651" i="1"/>
  <c r="X78652" i="1"/>
  <c r="X78653" i="1"/>
  <c r="X78654" i="1"/>
  <c r="X78655" i="1"/>
  <c r="X78656" i="1"/>
  <c r="X78657" i="1"/>
  <c r="X78658" i="1"/>
  <c r="X78659" i="1"/>
  <c r="X78660" i="1"/>
  <c r="X78661" i="1"/>
  <c r="X78662" i="1"/>
  <c r="X78663" i="1"/>
  <c r="X78664" i="1"/>
  <c r="X78665" i="1"/>
  <c r="X78666" i="1"/>
  <c r="X78667" i="1"/>
  <c r="X78668" i="1"/>
  <c r="X78669" i="1"/>
  <c r="X78670" i="1"/>
  <c r="X78671" i="1"/>
  <c r="X78672" i="1"/>
  <c r="X78673" i="1"/>
  <c r="X78674" i="1"/>
  <c r="X78675" i="1"/>
  <c r="X78676" i="1"/>
  <c r="X78677" i="1"/>
  <c r="X78678" i="1"/>
  <c r="X78679" i="1"/>
  <c r="X78680" i="1"/>
  <c r="X78681" i="1"/>
  <c r="X78682" i="1"/>
  <c r="X78683" i="1"/>
  <c r="X78684" i="1"/>
  <c r="X78685" i="1"/>
  <c r="X78686" i="1"/>
  <c r="X78687" i="1"/>
  <c r="X78688" i="1"/>
  <c r="X78689" i="1"/>
  <c r="X78690" i="1"/>
  <c r="X78691" i="1"/>
  <c r="X78692" i="1"/>
  <c r="X78693" i="1"/>
  <c r="X78694" i="1"/>
  <c r="X78695" i="1"/>
  <c r="X78696" i="1"/>
  <c r="X78697" i="1"/>
  <c r="X78698" i="1"/>
  <c r="X78699" i="1"/>
  <c r="X78700" i="1"/>
  <c r="X78701" i="1"/>
  <c r="X78702" i="1"/>
  <c r="X78703" i="1"/>
  <c r="X78704" i="1"/>
  <c r="X78705" i="1"/>
  <c r="X78706" i="1"/>
  <c r="X78707" i="1"/>
  <c r="X78708" i="1"/>
  <c r="X78709" i="1"/>
  <c r="X78710" i="1"/>
  <c r="X78711" i="1"/>
  <c r="X78712" i="1"/>
  <c r="X78713" i="1"/>
  <c r="X78714" i="1"/>
  <c r="X78715" i="1"/>
  <c r="X78716" i="1"/>
  <c r="X78717" i="1"/>
  <c r="X78718" i="1"/>
  <c r="X78719" i="1"/>
  <c r="X78720" i="1"/>
  <c r="X78721" i="1"/>
  <c r="X78722" i="1"/>
  <c r="X78723" i="1"/>
  <c r="X78724" i="1"/>
  <c r="X78725" i="1"/>
  <c r="X78726" i="1"/>
  <c r="X78727" i="1"/>
  <c r="X78728" i="1"/>
  <c r="X78729" i="1"/>
  <c r="X78730" i="1"/>
  <c r="X78731" i="1"/>
  <c r="X78732" i="1"/>
  <c r="X78733" i="1"/>
  <c r="X78734" i="1"/>
  <c r="X78735" i="1"/>
  <c r="X78736" i="1"/>
  <c r="X78737" i="1"/>
  <c r="X78738" i="1"/>
  <c r="X78739" i="1"/>
  <c r="X78740" i="1"/>
  <c r="X78741" i="1"/>
  <c r="X78742" i="1"/>
  <c r="X78743" i="1"/>
  <c r="X78744" i="1"/>
  <c r="X78745" i="1"/>
  <c r="X78746" i="1"/>
  <c r="X78747" i="1"/>
  <c r="X78748" i="1"/>
  <c r="X78749" i="1"/>
  <c r="X78750" i="1"/>
  <c r="X78751" i="1"/>
  <c r="X78752" i="1"/>
  <c r="X78753" i="1"/>
  <c r="X78754" i="1"/>
  <c r="X78755" i="1"/>
  <c r="X78756" i="1"/>
  <c r="X78757" i="1"/>
  <c r="X78758" i="1"/>
  <c r="X78759" i="1"/>
  <c r="X78760" i="1"/>
  <c r="X78761" i="1"/>
  <c r="X78762" i="1"/>
  <c r="X78763" i="1"/>
  <c r="X78764" i="1"/>
  <c r="X78765" i="1"/>
  <c r="X78766" i="1"/>
  <c r="X78767" i="1"/>
  <c r="X78768" i="1"/>
  <c r="X78769" i="1"/>
  <c r="X78770" i="1"/>
  <c r="X78771" i="1"/>
  <c r="X78772" i="1"/>
  <c r="X78773" i="1"/>
  <c r="X78774" i="1"/>
  <c r="X78775" i="1"/>
  <c r="X78776" i="1"/>
  <c r="X78777" i="1"/>
  <c r="X78778" i="1"/>
  <c r="X78779" i="1"/>
  <c r="X78780" i="1"/>
  <c r="X78781" i="1"/>
  <c r="X78782" i="1"/>
  <c r="X78783" i="1"/>
  <c r="X78784" i="1"/>
  <c r="X78785" i="1"/>
  <c r="X78786" i="1"/>
  <c r="X78787" i="1"/>
  <c r="X78788" i="1"/>
  <c r="X78789" i="1"/>
  <c r="X78790" i="1"/>
  <c r="X78791" i="1"/>
  <c r="X78792" i="1"/>
  <c r="X78793" i="1"/>
  <c r="X78794" i="1"/>
  <c r="X78795" i="1"/>
  <c r="X78796" i="1"/>
  <c r="X78797" i="1"/>
  <c r="X78798" i="1"/>
  <c r="X78799" i="1"/>
  <c r="X78800" i="1"/>
  <c r="X78801" i="1"/>
  <c r="X78802" i="1"/>
  <c r="X78803" i="1"/>
  <c r="X78804" i="1"/>
  <c r="X78805" i="1"/>
  <c r="X78806" i="1"/>
  <c r="X78807" i="1"/>
  <c r="X78808" i="1"/>
  <c r="X78809" i="1"/>
  <c r="X78810" i="1"/>
  <c r="X78811" i="1"/>
  <c r="X78812" i="1"/>
  <c r="X78813" i="1"/>
  <c r="X78814" i="1"/>
  <c r="X78815" i="1"/>
  <c r="X78816" i="1"/>
  <c r="X78817" i="1"/>
  <c r="X78818" i="1"/>
  <c r="X78819" i="1"/>
  <c r="X78820" i="1"/>
  <c r="X78821" i="1"/>
  <c r="X78822" i="1"/>
  <c r="X78823" i="1"/>
  <c r="X78824" i="1"/>
  <c r="X78825" i="1"/>
  <c r="X78826" i="1"/>
  <c r="X78827" i="1"/>
  <c r="X78828" i="1"/>
  <c r="X78829" i="1"/>
  <c r="X78830" i="1"/>
  <c r="X78831" i="1"/>
  <c r="X78832" i="1"/>
  <c r="X78833" i="1"/>
  <c r="X78834" i="1"/>
  <c r="X78835" i="1"/>
  <c r="X78836" i="1"/>
  <c r="X78837" i="1"/>
  <c r="X78838" i="1"/>
  <c r="X78839" i="1"/>
  <c r="X78840" i="1"/>
  <c r="X78841" i="1"/>
  <c r="X78842" i="1"/>
  <c r="X78843" i="1"/>
  <c r="X78844" i="1"/>
  <c r="X78845" i="1"/>
  <c r="X78846" i="1"/>
  <c r="X78847" i="1"/>
  <c r="X78848" i="1"/>
  <c r="X78849" i="1"/>
  <c r="X78850" i="1"/>
  <c r="X78851" i="1"/>
  <c r="X78852" i="1"/>
  <c r="X78853" i="1"/>
  <c r="X78854" i="1"/>
  <c r="X78855" i="1"/>
  <c r="X78856" i="1"/>
  <c r="X78857" i="1"/>
  <c r="X78858" i="1"/>
  <c r="X78859" i="1"/>
  <c r="X78860" i="1"/>
  <c r="X78861" i="1"/>
  <c r="X78862" i="1"/>
  <c r="X78863" i="1"/>
  <c r="X78864" i="1"/>
  <c r="X78865" i="1"/>
  <c r="X78866" i="1"/>
  <c r="X78867" i="1"/>
  <c r="X78868" i="1"/>
  <c r="X78869" i="1"/>
  <c r="X78870" i="1"/>
  <c r="X78871" i="1"/>
  <c r="X78872" i="1"/>
  <c r="X78873" i="1"/>
  <c r="X78874" i="1"/>
  <c r="X78875" i="1"/>
  <c r="X78876" i="1"/>
  <c r="X78877" i="1"/>
  <c r="X78878" i="1"/>
  <c r="X78879" i="1"/>
  <c r="X78880" i="1"/>
  <c r="X78881" i="1"/>
  <c r="X78882" i="1"/>
  <c r="X78883" i="1"/>
  <c r="X78884" i="1"/>
  <c r="X78885" i="1"/>
  <c r="X78886" i="1"/>
  <c r="X78887" i="1"/>
  <c r="X78888" i="1"/>
  <c r="X78889" i="1"/>
  <c r="X78890" i="1"/>
  <c r="X78891" i="1"/>
  <c r="X78892" i="1"/>
  <c r="X78893" i="1"/>
  <c r="X78894" i="1"/>
  <c r="X78895" i="1"/>
  <c r="X78896" i="1"/>
  <c r="X78897" i="1"/>
  <c r="X78898" i="1"/>
  <c r="X78899" i="1"/>
  <c r="X78900" i="1"/>
  <c r="X78901" i="1"/>
  <c r="X78902" i="1"/>
  <c r="X78903" i="1"/>
  <c r="X78904" i="1"/>
  <c r="X78905" i="1"/>
  <c r="X78906" i="1"/>
  <c r="X78907" i="1"/>
  <c r="X78908" i="1"/>
  <c r="X78909" i="1"/>
  <c r="X78910" i="1"/>
  <c r="X78911" i="1"/>
  <c r="X78912" i="1"/>
  <c r="X78913" i="1"/>
  <c r="X78914" i="1"/>
  <c r="X78915" i="1"/>
  <c r="X78916" i="1"/>
  <c r="X78917" i="1"/>
  <c r="X78918" i="1"/>
  <c r="X78919" i="1"/>
  <c r="X78920" i="1"/>
  <c r="X78921" i="1"/>
  <c r="X78922" i="1"/>
  <c r="X78923" i="1"/>
  <c r="X78924" i="1"/>
  <c r="X78925" i="1"/>
  <c r="X78926" i="1"/>
  <c r="X78927" i="1"/>
  <c r="X78928" i="1"/>
  <c r="X78929" i="1"/>
  <c r="X78930" i="1"/>
  <c r="X78931" i="1"/>
  <c r="X78932" i="1"/>
  <c r="X78933" i="1"/>
  <c r="X78934" i="1"/>
  <c r="X78935" i="1"/>
  <c r="X78936" i="1"/>
  <c r="X78937" i="1"/>
  <c r="X78938" i="1"/>
  <c r="X78939" i="1"/>
  <c r="X78940" i="1"/>
  <c r="X78941" i="1"/>
  <c r="X78942" i="1"/>
  <c r="X78943" i="1"/>
  <c r="X78944" i="1"/>
  <c r="X78945" i="1"/>
  <c r="X78946" i="1"/>
  <c r="X78947" i="1"/>
  <c r="X78948" i="1"/>
  <c r="X78949" i="1"/>
  <c r="X78950" i="1"/>
  <c r="X78951" i="1"/>
  <c r="X78952" i="1"/>
  <c r="X78953" i="1"/>
  <c r="X78954" i="1"/>
  <c r="X78955" i="1"/>
  <c r="X78956" i="1"/>
  <c r="X78957" i="1"/>
  <c r="X78958" i="1"/>
  <c r="X78959" i="1"/>
  <c r="X78960" i="1"/>
  <c r="X78961" i="1"/>
  <c r="X78962" i="1"/>
  <c r="X78963" i="1"/>
  <c r="X78964" i="1"/>
  <c r="X78965" i="1"/>
  <c r="X78966" i="1"/>
  <c r="X78967" i="1"/>
  <c r="X78968" i="1"/>
  <c r="X78969" i="1"/>
  <c r="X78970" i="1"/>
  <c r="X78971" i="1"/>
  <c r="X78972" i="1"/>
  <c r="X78973" i="1"/>
  <c r="X78974" i="1"/>
  <c r="X78975" i="1"/>
  <c r="X78976" i="1"/>
  <c r="X78977" i="1"/>
  <c r="X78978" i="1"/>
  <c r="X78979" i="1"/>
  <c r="X78980" i="1"/>
  <c r="X78981" i="1"/>
  <c r="X78982" i="1"/>
  <c r="X78983" i="1"/>
  <c r="X78984" i="1"/>
  <c r="X78985" i="1"/>
  <c r="X78986" i="1"/>
  <c r="X78987" i="1"/>
  <c r="X78988" i="1"/>
  <c r="X78989" i="1"/>
  <c r="X78990" i="1"/>
  <c r="X78991" i="1"/>
  <c r="X78992" i="1"/>
  <c r="X78993" i="1"/>
  <c r="X78994" i="1"/>
  <c r="X78995" i="1"/>
  <c r="X78996" i="1"/>
  <c r="X78997" i="1"/>
  <c r="X78998" i="1"/>
  <c r="X78999" i="1"/>
  <c r="X79000" i="1"/>
  <c r="X79001" i="1"/>
  <c r="X79002" i="1"/>
  <c r="X79003" i="1"/>
  <c r="X79004" i="1"/>
  <c r="X79005" i="1"/>
  <c r="X79006" i="1"/>
  <c r="X79007" i="1"/>
  <c r="X79008" i="1"/>
  <c r="X79009" i="1"/>
  <c r="X79010" i="1"/>
  <c r="X79011" i="1"/>
  <c r="X79012" i="1"/>
  <c r="X79013" i="1"/>
  <c r="X79014" i="1"/>
  <c r="X79015" i="1"/>
  <c r="X79016" i="1"/>
  <c r="X79017" i="1"/>
  <c r="X79018" i="1"/>
  <c r="X79019" i="1"/>
  <c r="X79020" i="1"/>
  <c r="X79021" i="1"/>
  <c r="X79022" i="1"/>
  <c r="X79023" i="1"/>
  <c r="X79024" i="1"/>
  <c r="X79025" i="1"/>
  <c r="X79026" i="1"/>
  <c r="X79027" i="1"/>
  <c r="X79028" i="1"/>
  <c r="X79029" i="1"/>
  <c r="X79030" i="1"/>
  <c r="X79031" i="1"/>
  <c r="X79032" i="1"/>
  <c r="X79033" i="1"/>
  <c r="X79034" i="1"/>
  <c r="X79035" i="1"/>
  <c r="X79036" i="1"/>
  <c r="X79037" i="1"/>
  <c r="X79038" i="1"/>
  <c r="X79039" i="1"/>
  <c r="X79040" i="1"/>
  <c r="X79041" i="1"/>
  <c r="X79042" i="1"/>
  <c r="X79043" i="1"/>
  <c r="X79044" i="1"/>
  <c r="X79045" i="1"/>
  <c r="X79046" i="1"/>
  <c r="X79047" i="1"/>
  <c r="X79048" i="1"/>
  <c r="X79049" i="1"/>
  <c r="X79050" i="1"/>
  <c r="X79051" i="1"/>
  <c r="X79052" i="1"/>
  <c r="X79053" i="1"/>
  <c r="X79054" i="1"/>
  <c r="X79055" i="1"/>
  <c r="X79056" i="1"/>
  <c r="X79057" i="1"/>
  <c r="X79058" i="1"/>
  <c r="X79059" i="1"/>
  <c r="X79060" i="1"/>
  <c r="X79061" i="1"/>
  <c r="X79062" i="1"/>
  <c r="X79063" i="1"/>
  <c r="X79064" i="1"/>
  <c r="X79065" i="1"/>
  <c r="X79066" i="1"/>
  <c r="X79067" i="1"/>
  <c r="X79068" i="1"/>
  <c r="X79069" i="1"/>
  <c r="X79070" i="1"/>
  <c r="X79071" i="1"/>
  <c r="X79072" i="1"/>
  <c r="X79073" i="1"/>
  <c r="X79074" i="1"/>
  <c r="X79075" i="1"/>
  <c r="X79076" i="1"/>
  <c r="X79077" i="1"/>
  <c r="X79078" i="1"/>
  <c r="X79079" i="1"/>
  <c r="X79080" i="1"/>
  <c r="X79081" i="1"/>
  <c r="X79082" i="1"/>
  <c r="X79083" i="1"/>
  <c r="X79084" i="1"/>
  <c r="X79085" i="1"/>
  <c r="X79086" i="1"/>
  <c r="X79087" i="1"/>
  <c r="X79088" i="1"/>
  <c r="X79089" i="1"/>
  <c r="X79090" i="1"/>
  <c r="X79091" i="1"/>
  <c r="X79092" i="1"/>
  <c r="X79093" i="1"/>
  <c r="X79094" i="1"/>
  <c r="X79095" i="1"/>
  <c r="X79096" i="1"/>
  <c r="X79097" i="1"/>
  <c r="X79098" i="1"/>
  <c r="X79099" i="1"/>
  <c r="X79100" i="1"/>
  <c r="X79101" i="1"/>
  <c r="X79102" i="1"/>
  <c r="X79103" i="1"/>
  <c r="X79104" i="1"/>
  <c r="X79105" i="1"/>
  <c r="X79106" i="1"/>
  <c r="X79107" i="1"/>
  <c r="X79108" i="1"/>
  <c r="X79109" i="1"/>
  <c r="X79110" i="1"/>
  <c r="X79111" i="1"/>
  <c r="X79112" i="1"/>
  <c r="X79113" i="1"/>
  <c r="X79114" i="1"/>
  <c r="X79115" i="1"/>
  <c r="X79116" i="1"/>
  <c r="X79117" i="1"/>
  <c r="X79118" i="1"/>
  <c r="X79119" i="1"/>
  <c r="X79120" i="1"/>
  <c r="X79121" i="1"/>
  <c r="X79122" i="1"/>
  <c r="X79123" i="1"/>
  <c r="X79124" i="1"/>
  <c r="X79125" i="1"/>
  <c r="X79126" i="1"/>
  <c r="X79127" i="1"/>
  <c r="X79128" i="1"/>
  <c r="X79129" i="1"/>
  <c r="X79130" i="1"/>
  <c r="X79131" i="1"/>
  <c r="X79132" i="1"/>
  <c r="X79133" i="1"/>
  <c r="X79134" i="1"/>
  <c r="X79135" i="1"/>
  <c r="X79136" i="1"/>
  <c r="X79137" i="1"/>
  <c r="X79138" i="1"/>
  <c r="X79139" i="1"/>
  <c r="X79140" i="1"/>
  <c r="X79141" i="1"/>
  <c r="X79142" i="1"/>
  <c r="X79143" i="1"/>
  <c r="X79144" i="1"/>
  <c r="X79145" i="1"/>
  <c r="X79146" i="1"/>
  <c r="X79147" i="1"/>
  <c r="X79148" i="1"/>
  <c r="X79149" i="1"/>
  <c r="X79150" i="1"/>
  <c r="X79151" i="1"/>
  <c r="X79152" i="1"/>
  <c r="X79153" i="1"/>
  <c r="X79154" i="1"/>
  <c r="X79155" i="1"/>
  <c r="X79156" i="1"/>
  <c r="X79157" i="1"/>
  <c r="X79158" i="1"/>
  <c r="X79159" i="1"/>
  <c r="X79160" i="1"/>
  <c r="X79161" i="1"/>
  <c r="X79162" i="1"/>
  <c r="X79163" i="1"/>
  <c r="X79164" i="1"/>
  <c r="X79165" i="1"/>
  <c r="X79166" i="1"/>
  <c r="X79167" i="1"/>
  <c r="X79168" i="1"/>
  <c r="X79169" i="1"/>
  <c r="X79170" i="1"/>
  <c r="X79171" i="1"/>
  <c r="X79172" i="1"/>
  <c r="X79173" i="1"/>
  <c r="X79174" i="1"/>
  <c r="X79175" i="1"/>
  <c r="X79176" i="1"/>
  <c r="X79177" i="1"/>
  <c r="X79178" i="1"/>
  <c r="X79179" i="1"/>
  <c r="X79180" i="1"/>
  <c r="X79181" i="1"/>
  <c r="X79182" i="1"/>
  <c r="X79183" i="1"/>
  <c r="X79184" i="1"/>
  <c r="X79185" i="1"/>
  <c r="X79186" i="1"/>
  <c r="X79187" i="1"/>
  <c r="X79188" i="1"/>
  <c r="X79189" i="1"/>
  <c r="X79190" i="1"/>
  <c r="X79191" i="1"/>
  <c r="X79192" i="1"/>
  <c r="X79193" i="1"/>
  <c r="X79194" i="1"/>
  <c r="X79195" i="1"/>
  <c r="X79196" i="1"/>
  <c r="X79197" i="1"/>
  <c r="X79198" i="1"/>
  <c r="X79199" i="1"/>
  <c r="X79200" i="1"/>
  <c r="X79201" i="1"/>
  <c r="X79202" i="1"/>
  <c r="X79203" i="1"/>
  <c r="X79204" i="1"/>
  <c r="X79205" i="1"/>
  <c r="X79206" i="1"/>
  <c r="X79207" i="1"/>
  <c r="X79208" i="1"/>
  <c r="X79209" i="1"/>
  <c r="X79210" i="1"/>
  <c r="X79211" i="1"/>
  <c r="X79212" i="1"/>
  <c r="X79213" i="1"/>
  <c r="X79214" i="1"/>
  <c r="X79215" i="1"/>
  <c r="X79216" i="1"/>
  <c r="X79217" i="1"/>
  <c r="X79218" i="1"/>
  <c r="X79219" i="1"/>
  <c r="X79220" i="1"/>
  <c r="X79221" i="1"/>
  <c r="X79222" i="1"/>
  <c r="X79223" i="1"/>
  <c r="X79224" i="1"/>
  <c r="X79225" i="1"/>
  <c r="X79226" i="1"/>
  <c r="X79227" i="1"/>
  <c r="X79228" i="1"/>
  <c r="X79229" i="1"/>
  <c r="X79230" i="1"/>
  <c r="X79231" i="1"/>
  <c r="X79232" i="1"/>
  <c r="X79233" i="1"/>
  <c r="X79234" i="1"/>
  <c r="X79235" i="1"/>
  <c r="X79236" i="1"/>
  <c r="X79237" i="1"/>
  <c r="X79238" i="1"/>
  <c r="X79239" i="1"/>
  <c r="X79240" i="1"/>
  <c r="X79241" i="1"/>
  <c r="X79242" i="1"/>
  <c r="X79243" i="1"/>
  <c r="X79244" i="1"/>
  <c r="X79245" i="1"/>
  <c r="X79246" i="1"/>
  <c r="X79247" i="1"/>
  <c r="X79248" i="1"/>
  <c r="X79249" i="1"/>
  <c r="X79250" i="1"/>
  <c r="X79251" i="1"/>
  <c r="X79252" i="1"/>
  <c r="X79253" i="1"/>
  <c r="X79254" i="1"/>
  <c r="X79255" i="1"/>
  <c r="X79256" i="1"/>
  <c r="X79257" i="1"/>
  <c r="X79258" i="1"/>
  <c r="X79259" i="1"/>
  <c r="X79260" i="1"/>
  <c r="X79261" i="1"/>
  <c r="X79262" i="1"/>
  <c r="X79263" i="1"/>
  <c r="X79264" i="1"/>
  <c r="X79265" i="1"/>
  <c r="X79266" i="1"/>
  <c r="X79267" i="1"/>
  <c r="X79268" i="1"/>
  <c r="X79269" i="1"/>
  <c r="X79270" i="1"/>
  <c r="X79271" i="1"/>
  <c r="X79272" i="1"/>
  <c r="X79273" i="1"/>
  <c r="X79274" i="1"/>
  <c r="X79275" i="1"/>
  <c r="X79276" i="1"/>
  <c r="X79277" i="1"/>
  <c r="X79278" i="1"/>
  <c r="X79279" i="1"/>
  <c r="X79280" i="1"/>
  <c r="X79281" i="1"/>
  <c r="X79282" i="1"/>
  <c r="X79283" i="1"/>
  <c r="X79284" i="1"/>
  <c r="X79285" i="1"/>
  <c r="X79286" i="1"/>
  <c r="X79287" i="1"/>
  <c r="X79288" i="1"/>
  <c r="X79289" i="1"/>
  <c r="X79290" i="1"/>
  <c r="X79291" i="1"/>
  <c r="X79292" i="1"/>
  <c r="X79293" i="1"/>
  <c r="X79294" i="1"/>
  <c r="X79295" i="1"/>
  <c r="X79296" i="1"/>
  <c r="X79297" i="1"/>
  <c r="X79298" i="1"/>
  <c r="X79299" i="1"/>
  <c r="X79300" i="1"/>
  <c r="X79301" i="1"/>
  <c r="X79302" i="1"/>
  <c r="X79303" i="1"/>
  <c r="X79304" i="1"/>
  <c r="X79305" i="1"/>
  <c r="X79306" i="1"/>
  <c r="X79307" i="1"/>
  <c r="X79308" i="1"/>
  <c r="X79309" i="1"/>
  <c r="X79310" i="1"/>
  <c r="X79311" i="1"/>
  <c r="X79312" i="1"/>
  <c r="X79313" i="1"/>
  <c r="X79314" i="1"/>
  <c r="X79315" i="1"/>
  <c r="X79316" i="1"/>
  <c r="X79317" i="1"/>
  <c r="X79318" i="1"/>
  <c r="X79319" i="1"/>
  <c r="X79320" i="1"/>
  <c r="X79321" i="1"/>
  <c r="X79322" i="1"/>
  <c r="X79323" i="1"/>
  <c r="X79324" i="1"/>
  <c r="X79325" i="1"/>
  <c r="X79326" i="1"/>
  <c r="X79327" i="1"/>
  <c r="X79328" i="1"/>
  <c r="X79329" i="1"/>
  <c r="X79330" i="1"/>
  <c r="X79331" i="1"/>
  <c r="X79332" i="1"/>
  <c r="X79333" i="1"/>
  <c r="X79334" i="1"/>
  <c r="X79335" i="1"/>
  <c r="X79336" i="1"/>
  <c r="X79337" i="1"/>
  <c r="X79338" i="1"/>
  <c r="X79339" i="1"/>
  <c r="X79340" i="1"/>
  <c r="X79341" i="1"/>
  <c r="X79342" i="1"/>
  <c r="X79343" i="1"/>
  <c r="X79344" i="1"/>
  <c r="X79345" i="1"/>
  <c r="X79346" i="1"/>
  <c r="X79347" i="1"/>
  <c r="X79348" i="1"/>
  <c r="X79349" i="1"/>
  <c r="X79350" i="1"/>
  <c r="X79351" i="1"/>
  <c r="X79352" i="1"/>
  <c r="X79353" i="1"/>
  <c r="X79354" i="1"/>
  <c r="X79355" i="1"/>
  <c r="X79356" i="1"/>
  <c r="X79357" i="1"/>
  <c r="X79358" i="1"/>
  <c r="X79359" i="1"/>
  <c r="X79360" i="1"/>
  <c r="X79361" i="1"/>
  <c r="X79362" i="1"/>
  <c r="X79363" i="1"/>
  <c r="X79364" i="1"/>
  <c r="X79365" i="1"/>
  <c r="X79366" i="1"/>
  <c r="X79367" i="1"/>
  <c r="X79368" i="1"/>
  <c r="X79369" i="1"/>
  <c r="X79370" i="1"/>
  <c r="X79371" i="1"/>
  <c r="X79372" i="1"/>
  <c r="X79373" i="1"/>
  <c r="X79374" i="1"/>
  <c r="X79375" i="1"/>
  <c r="X79376" i="1"/>
  <c r="X79377" i="1"/>
  <c r="X79378" i="1"/>
  <c r="X79379" i="1"/>
  <c r="X79380" i="1"/>
  <c r="X79381" i="1"/>
  <c r="X79382" i="1"/>
  <c r="X79383" i="1"/>
  <c r="X79384" i="1"/>
  <c r="X79385" i="1"/>
  <c r="X79386" i="1"/>
  <c r="X79387" i="1"/>
  <c r="X79388" i="1"/>
  <c r="X79389" i="1"/>
  <c r="X79390" i="1"/>
  <c r="X79391" i="1"/>
  <c r="X79392" i="1"/>
  <c r="X79393" i="1"/>
  <c r="X79394" i="1"/>
  <c r="X79395" i="1"/>
  <c r="X79396" i="1"/>
  <c r="X79397" i="1"/>
  <c r="X79398" i="1"/>
  <c r="X79399" i="1"/>
  <c r="X79400" i="1"/>
  <c r="X79401" i="1"/>
  <c r="X79402" i="1"/>
  <c r="X79403" i="1"/>
  <c r="X79404" i="1"/>
  <c r="X79405" i="1"/>
  <c r="X79406" i="1"/>
  <c r="X79407" i="1"/>
  <c r="X79408" i="1"/>
  <c r="X79409" i="1"/>
  <c r="X79410" i="1"/>
  <c r="X79411" i="1"/>
  <c r="X79412" i="1"/>
  <c r="X79413" i="1"/>
  <c r="X79414" i="1"/>
  <c r="X79415" i="1"/>
  <c r="X79416" i="1"/>
  <c r="X79417" i="1"/>
  <c r="X79418" i="1"/>
  <c r="X79419" i="1"/>
  <c r="X79420" i="1"/>
  <c r="X79421" i="1"/>
  <c r="X79422" i="1"/>
  <c r="X79423" i="1"/>
  <c r="X79424" i="1"/>
  <c r="X79425" i="1"/>
  <c r="X79426" i="1"/>
  <c r="X79427" i="1"/>
  <c r="X79428" i="1"/>
  <c r="X79429" i="1"/>
  <c r="X79430" i="1"/>
  <c r="X79431" i="1"/>
  <c r="X79432" i="1"/>
  <c r="X79433" i="1"/>
  <c r="X79434" i="1"/>
  <c r="X79435" i="1"/>
  <c r="X79436" i="1"/>
  <c r="X79437" i="1"/>
  <c r="X79438" i="1"/>
  <c r="X79439" i="1"/>
  <c r="X79440" i="1"/>
  <c r="X79441" i="1"/>
  <c r="X79442" i="1"/>
  <c r="X79443" i="1"/>
  <c r="X79444" i="1"/>
  <c r="X79445" i="1"/>
  <c r="X79446" i="1"/>
  <c r="X79447" i="1"/>
  <c r="X79448" i="1"/>
  <c r="X79449" i="1"/>
  <c r="X79450" i="1"/>
  <c r="X79451" i="1"/>
  <c r="X79452" i="1"/>
  <c r="X79453" i="1"/>
  <c r="X79454" i="1"/>
  <c r="X79455" i="1"/>
  <c r="X79456" i="1"/>
  <c r="X79457" i="1"/>
  <c r="X79458" i="1"/>
  <c r="X79459" i="1"/>
  <c r="X79460" i="1"/>
  <c r="X79461" i="1"/>
  <c r="X79462" i="1"/>
  <c r="X79463" i="1"/>
  <c r="X79464" i="1"/>
  <c r="X79465" i="1"/>
  <c r="X79466" i="1"/>
  <c r="X79467" i="1"/>
  <c r="X79468" i="1"/>
  <c r="X79469" i="1"/>
  <c r="X79470" i="1"/>
  <c r="X79471" i="1"/>
  <c r="X79472" i="1"/>
  <c r="X79473" i="1"/>
  <c r="X79474" i="1"/>
  <c r="X79475" i="1"/>
  <c r="X79476" i="1"/>
  <c r="X79477" i="1"/>
  <c r="X79478" i="1"/>
  <c r="X79479" i="1"/>
  <c r="X79480" i="1"/>
  <c r="X79481" i="1"/>
  <c r="X79482" i="1"/>
  <c r="X79483" i="1"/>
  <c r="X79484" i="1"/>
  <c r="X79485" i="1"/>
  <c r="X79486" i="1"/>
  <c r="X79487" i="1"/>
  <c r="X79488" i="1"/>
  <c r="X79489" i="1"/>
  <c r="X79490" i="1"/>
  <c r="X79491" i="1"/>
  <c r="X79492" i="1"/>
  <c r="X79493" i="1"/>
  <c r="X79494" i="1"/>
  <c r="X79495" i="1"/>
  <c r="X79496" i="1"/>
  <c r="X79497" i="1"/>
  <c r="X79498" i="1"/>
  <c r="X79499" i="1"/>
  <c r="X79500" i="1"/>
  <c r="X79501" i="1"/>
  <c r="X79502" i="1"/>
  <c r="X79503" i="1"/>
  <c r="X79504" i="1"/>
  <c r="X79505" i="1"/>
  <c r="X79506" i="1"/>
  <c r="X79507" i="1"/>
  <c r="X79508" i="1"/>
  <c r="X79509" i="1"/>
  <c r="X79510" i="1"/>
  <c r="X79511" i="1"/>
  <c r="X79512" i="1"/>
  <c r="X79513" i="1"/>
  <c r="X79514" i="1"/>
  <c r="X79515" i="1"/>
  <c r="X79516" i="1"/>
  <c r="X79517" i="1"/>
  <c r="X79518" i="1"/>
  <c r="X79519" i="1"/>
  <c r="X79520" i="1"/>
  <c r="X79521" i="1"/>
  <c r="X79522" i="1"/>
  <c r="X79523" i="1"/>
  <c r="X79524" i="1"/>
  <c r="X79525" i="1"/>
  <c r="X79526" i="1"/>
  <c r="X79527" i="1"/>
  <c r="X79528" i="1"/>
  <c r="X79529" i="1"/>
  <c r="X79530" i="1"/>
  <c r="X79531" i="1"/>
  <c r="X79532" i="1"/>
  <c r="X79533" i="1"/>
  <c r="X79534" i="1"/>
  <c r="X79535" i="1"/>
  <c r="X79536" i="1"/>
  <c r="X79537" i="1"/>
  <c r="X79538" i="1"/>
  <c r="X79539" i="1"/>
  <c r="X79540" i="1"/>
  <c r="X79541" i="1"/>
  <c r="X79542" i="1"/>
  <c r="X79543" i="1"/>
  <c r="X79544" i="1"/>
  <c r="X79545" i="1"/>
  <c r="X79546" i="1"/>
  <c r="X79547" i="1"/>
  <c r="X79548" i="1"/>
  <c r="X79549" i="1"/>
  <c r="X79550" i="1"/>
  <c r="X79551" i="1"/>
  <c r="X79552" i="1"/>
  <c r="X79553" i="1"/>
  <c r="X79554" i="1"/>
  <c r="X79555" i="1"/>
  <c r="X79556" i="1"/>
  <c r="X79557" i="1"/>
  <c r="X79558" i="1"/>
  <c r="X79559" i="1"/>
  <c r="X79560" i="1"/>
  <c r="X79561" i="1"/>
  <c r="X79562" i="1"/>
  <c r="X79563" i="1"/>
  <c r="X79564" i="1"/>
  <c r="X79565" i="1"/>
  <c r="X79566" i="1"/>
  <c r="X79567" i="1"/>
  <c r="X79568" i="1"/>
  <c r="X79569" i="1"/>
  <c r="X79570" i="1"/>
  <c r="X79571" i="1"/>
  <c r="X79572" i="1"/>
  <c r="X79573" i="1"/>
  <c r="X79574" i="1"/>
  <c r="X79575" i="1"/>
  <c r="X79576" i="1"/>
  <c r="X79577" i="1"/>
  <c r="X79578" i="1"/>
  <c r="X79579" i="1"/>
  <c r="X79580" i="1"/>
  <c r="X79581" i="1"/>
  <c r="X79582" i="1"/>
  <c r="X79583" i="1"/>
  <c r="X79584" i="1"/>
  <c r="X79585" i="1"/>
  <c r="X79586" i="1"/>
  <c r="X79587" i="1"/>
  <c r="X79588" i="1"/>
  <c r="X79589" i="1"/>
  <c r="X79590" i="1"/>
  <c r="X79591" i="1"/>
  <c r="X79592" i="1"/>
  <c r="X79593" i="1"/>
  <c r="X79594" i="1"/>
  <c r="X79595" i="1"/>
  <c r="X79596" i="1"/>
  <c r="X79597" i="1"/>
  <c r="X79598" i="1"/>
  <c r="X79599" i="1"/>
  <c r="X79600" i="1"/>
  <c r="X79601" i="1"/>
  <c r="X79602" i="1"/>
  <c r="X79603" i="1"/>
  <c r="X79604" i="1"/>
  <c r="X79605" i="1"/>
  <c r="X79606" i="1"/>
  <c r="X79607" i="1"/>
  <c r="X79608" i="1"/>
  <c r="X79609" i="1"/>
  <c r="X79610" i="1"/>
  <c r="X79611" i="1"/>
  <c r="X79612" i="1"/>
  <c r="X79613" i="1"/>
  <c r="X79614" i="1"/>
  <c r="X79615" i="1"/>
  <c r="X79616" i="1"/>
  <c r="X79617" i="1"/>
  <c r="X79618" i="1"/>
  <c r="X79619" i="1"/>
  <c r="X79620" i="1"/>
  <c r="X79621" i="1"/>
  <c r="X79622" i="1"/>
  <c r="X79623" i="1"/>
  <c r="X79624" i="1"/>
  <c r="X79625" i="1"/>
  <c r="X79626" i="1"/>
  <c r="X79627" i="1"/>
  <c r="X79628" i="1"/>
  <c r="X79629" i="1"/>
  <c r="X79630" i="1"/>
  <c r="X79631" i="1"/>
  <c r="X79632" i="1"/>
  <c r="X79633" i="1"/>
  <c r="X79634" i="1"/>
  <c r="X79635" i="1"/>
  <c r="X79636" i="1"/>
  <c r="X79637" i="1"/>
  <c r="X79638" i="1"/>
  <c r="X79639" i="1"/>
  <c r="X79640" i="1"/>
  <c r="X79641" i="1"/>
  <c r="X79642" i="1"/>
  <c r="X79643" i="1"/>
  <c r="X79644" i="1"/>
  <c r="X79645" i="1"/>
  <c r="X79646" i="1"/>
  <c r="X79647" i="1"/>
  <c r="X79648" i="1"/>
  <c r="X79649" i="1"/>
  <c r="X79650" i="1"/>
  <c r="X79651" i="1"/>
  <c r="X79652" i="1"/>
  <c r="X79653" i="1"/>
  <c r="X79654" i="1"/>
  <c r="X79655" i="1"/>
  <c r="X79656" i="1"/>
  <c r="X79657" i="1"/>
  <c r="X79658" i="1"/>
  <c r="X79659" i="1"/>
  <c r="X79660" i="1"/>
  <c r="X79661" i="1"/>
  <c r="X79662" i="1"/>
  <c r="X79663" i="1"/>
  <c r="X79664" i="1"/>
  <c r="X79665" i="1"/>
  <c r="X79666" i="1"/>
  <c r="X79667" i="1"/>
  <c r="X79668" i="1"/>
  <c r="X79669" i="1"/>
  <c r="X79670" i="1"/>
  <c r="X79671" i="1"/>
  <c r="X79672" i="1"/>
  <c r="X79673" i="1"/>
  <c r="X79674" i="1"/>
  <c r="X79675" i="1"/>
  <c r="X79676" i="1"/>
  <c r="X79677" i="1"/>
  <c r="X79678" i="1"/>
  <c r="X79679" i="1"/>
  <c r="X79680" i="1"/>
  <c r="X79681" i="1"/>
  <c r="X79682" i="1"/>
  <c r="X79683" i="1"/>
  <c r="X79684" i="1"/>
  <c r="X79685" i="1"/>
  <c r="X79686" i="1"/>
  <c r="X79687" i="1"/>
  <c r="X79688" i="1"/>
  <c r="X79689" i="1"/>
  <c r="X79690" i="1"/>
  <c r="X79691" i="1"/>
  <c r="X79692" i="1"/>
  <c r="X79693" i="1"/>
  <c r="X79694" i="1"/>
  <c r="X79695" i="1"/>
  <c r="X79696" i="1"/>
  <c r="X79697" i="1"/>
  <c r="X79698" i="1"/>
  <c r="X79699" i="1"/>
  <c r="X79700" i="1"/>
  <c r="X79701" i="1"/>
  <c r="X79702" i="1"/>
  <c r="X79703" i="1"/>
  <c r="X79704" i="1"/>
  <c r="X79705" i="1"/>
  <c r="X79706" i="1"/>
  <c r="X79707" i="1"/>
  <c r="X79708" i="1"/>
  <c r="X79709" i="1"/>
  <c r="X79710" i="1"/>
  <c r="X79711" i="1"/>
  <c r="X79712" i="1"/>
  <c r="X79713" i="1"/>
  <c r="X79714" i="1"/>
  <c r="X79715" i="1"/>
  <c r="X79716" i="1"/>
  <c r="X79717" i="1"/>
  <c r="X79718" i="1"/>
  <c r="X79719" i="1"/>
  <c r="X79720" i="1"/>
  <c r="X79721" i="1"/>
  <c r="X79722" i="1"/>
  <c r="X79723" i="1"/>
  <c r="X79724" i="1"/>
  <c r="X79725" i="1"/>
  <c r="X79726" i="1"/>
  <c r="X79727" i="1"/>
  <c r="X79728" i="1"/>
  <c r="X79729" i="1"/>
  <c r="X79730" i="1"/>
  <c r="X79731" i="1"/>
  <c r="X79732" i="1"/>
  <c r="X79733" i="1"/>
  <c r="X79734" i="1"/>
  <c r="X79735" i="1"/>
  <c r="X79736" i="1"/>
  <c r="X79737" i="1"/>
  <c r="X79738" i="1"/>
  <c r="X79739" i="1"/>
  <c r="X79740" i="1"/>
  <c r="X79741" i="1"/>
  <c r="X79742" i="1"/>
  <c r="X79743" i="1"/>
  <c r="X79744" i="1"/>
  <c r="X79745" i="1"/>
  <c r="X79746" i="1"/>
  <c r="X79747" i="1"/>
  <c r="X79748" i="1"/>
  <c r="X79749" i="1"/>
  <c r="X79750" i="1"/>
  <c r="X79751" i="1"/>
  <c r="X79752" i="1"/>
  <c r="X79753" i="1"/>
  <c r="X79754" i="1"/>
  <c r="X79755" i="1"/>
  <c r="X79756" i="1"/>
  <c r="X79757" i="1"/>
  <c r="X79758" i="1"/>
  <c r="X79759" i="1"/>
  <c r="X79760" i="1"/>
  <c r="X79761" i="1"/>
  <c r="X79762" i="1"/>
  <c r="X79763" i="1"/>
  <c r="X79764" i="1"/>
  <c r="X79765" i="1"/>
  <c r="X79766" i="1"/>
  <c r="X79767" i="1"/>
  <c r="X79768" i="1"/>
  <c r="X79769" i="1"/>
  <c r="X79770" i="1"/>
  <c r="X79771" i="1"/>
  <c r="X79772" i="1"/>
  <c r="X79773" i="1"/>
  <c r="X79774" i="1"/>
  <c r="X79775" i="1"/>
  <c r="X79776" i="1"/>
  <c r="X79777" i="1"/>
  <c r="X79778" i="1"/>
  <c r="X79779" i="1"/>
  <c r="X79780" i="1"/>
  <c r="X79781" i="1"/>
  <c r="X79782" i="1"/>
  <c r="X79783" i="1"/>
  <c r="X79784" i="1"/>
  <c r="X79785" i="1"/>
  <c r="X79786" i="1"/>
  <c r="X79787" i="1"/>
  <c r="X79788" i="1"/>
  <c r="X79789" i="1"/>
  <c r="X79790" i="1"/>
  <c r="X79791" i="1"/>
  <c r="X79792" i="1"/>
  <c r="X79793" i="1"/>
  <c r="X79794" i="1"/>
  <c r="X79795" i="1"/>
  <c r="X79796" i="1"/>
  <c r="X79797" i="1"/>
  <c r="X79798" i="1"/>
  <c r="X79799" i="1"/>
  <c r="X79800" i="1"/>
  <c r="X79801" i="1"/>
  <c r="X79802" i="1"/>
  <c r="X79803" i="1"/>
  <c r="X79804" i="1"/>
  <c r="X79805" i="1"/>
  <c r="X79806" i="1"/>
  <c r="X79807" i="1"/>
  <c r="X79808" i="1"/>
  <c r="X79809" i="1"/>
  <c r="X79810" i="1"/>
  <c r="X79811" i="1"/>
  <c r="X79812" i="1"/>
  <c r="X79813" i="1"/>
  <c r="X79814" i="1"/>
  <c r="X79815" i="1"/>
  <c r="X79816" i="1"/>
  <c r="X79817" i="1"/>
  <c r="X79818" i="1"/>
  <c r="X79819" i="1"/>
  <c r="X79820" i="1"/>
  <c r="X79821" i="1"/>
  <c r="X79822" i="1"/>
  <c r="X79823" i="1"/>
  <c r="X79824" i="1"/>
  <c r="X79825" i="1"/>
  <c r="X79826" i="1"/>
  <c r="X79827" i="1"/>
  <c r="X79828" i="1"/>
  <c r="X79829" i="1"/>
  <c r="X79830" i="1"/>
  <c r="X79831" i="1"/>
  <c r="X79832" i="1"/>
  <c r="X79833" i="1"/>
  <c r="X79834" i="1"/>
  <c r="X79835" i="1"/>
  <c r="X79836" i="1"/>
  <c r="X79837" i="1"/>
  <c r="X79838" i="1"/>
  <c r="X79839" i="1"/>
  <c r="X79840" i="1"/>
  <c r="X79841" i="1"/>
  <c r="X79842" i="1"/>
  <c r="X79843" i="1"/>
  <c r="X79844" i="1"/>
  <c r="X79845" i="1"/>
  <c r="X79846" i="1"/>
  <c r="X79847" i="1"/>
  <c r="X79848" i="1"/>
  <c r="X79849" i="1"/>
  <c r="X79850" i="1"/>
  <c r="X79851" i="1"/>
  <c r="X79852" i="1"/>
  <c r="X79853" i="1"/>
  <c r="X79854" i="1"/>
  <c r="X79855" i="1"/>
  <c r="X79856" i="1"/>
  <c r="X79857" i="1"/>
  <c r="X79858" i="1"/>
  <c r="X79859" i="1"/>
  <c r="X79860" i="1"/>
  <c r="X79861" i="1"/>
  <c r="X79862" i="1"/>
  <c r="X79863" i="1"/>
  <c r="X79864" i="1"/>
  <c r="X79865" i="1"/>
  <c r="X79866" i="1"/>
  <c r="X79867" i="1"/>
  <c r="X79868" i="1"/>
  <c r="X79869" i="1"/>
  <c r="X79870" i="1"/>
  <c r="X79871" i="1"/>
  <c r="X79872" i="1"/>
  <c r="X79873" i="1"/>
  <c r="X79874" i="1"/>
  <c r="X79875" i="1"/>
  <c r="X79876" i="1"/>
  <c r="X79877" i="1"/>
  <c r="X79878" i="1"/>
  <c r="X79879" i="1"/>
  <c r="X79880" i="1"/>
  <c r="X79881" i="1"/>
  <c r="X79882" i="1"/>
  <c r="X79883" i="1"/>
  <c r="X79884" i="1"/>
  <c r="X79885" i="1"/>
  <c r="X79886" i="1"/>
  <c r="X79887" i="1"/>
  <c r="X79888" i="1"/>
  <c r="X79889" i="1"/>
  <c r="X79890" i="1"/>
  <c r="X79891" i="1"/>
  <c r="X79892" i="1"/>
  <c r="X79893" i="1"/>
  <c r="X79894" i="1"/>
  <c r="X79895" i="1"/>
  <c r="X79896" i="1"/>
  <c r="X79897" i="1"/>
  <c r="X79898" i="1"/>
  <c r="X79899" i="1"/>
  <c r="X79900" i="1"/>
  <c r="X79901" i="1"/>
  <c r="X79902" i="1"/>
  <c r="X79903" i="1"/>
  <c r="X79904" i="1"/>
  <c r="X79905" i="1"/>
  <c r="X79906" i="1"/>
  <c r="X79907" i="1"/>
  <c r="X79908" i="1"/>
  <c r="X79909" i="1"/>
  <c r="X79910" i="1"/>
  <c r="X79911" i="1"/>
  <c r="X79912" i="1"/>
  <c r="X79913" i="1"/>
  <c r="X79914" i="1"/>
  <c r="X79915" i="1"/>
  <c r="X79916" i="1"/>
  <c r="X79917" i="1"/>
  <c r="X79918" i="1"/>
  <c r="X79919" i="1"/>
  <c r="X79920" i="1"/>
  <c r="X79921" i="1"/>
  <c r="X79922" i="1"/>
  <c r="X79923" i="1"/>
  <c r="X79924" i="1"/>
  <c r="X79925" i="1"/>
  <c r="X79926" i="1"/>
  <c r="X79927" i="1"/>
  <c r="X79928" i="1"/>
  <c r="X79929" i="1"/>
  <c r="X79930" i="1"/>
  <c r="X79931" i="1"/>
  <c r="X79932" i="1"/>
  <c r="X79933" i="1"/>
  <c r="X79934" i="1"/>
  <c r="X79935" i="1"/>
  <c r="X79936" i="1"/>
  <c r="X79937" i="1"/>
  <c r="X79938" i="1"/>
  <c r="X79939" i="1"/>
  <c r="X79940" i="1"/>
  <c r="X79941" i="1"/>
  <c r="X79942" i="1"/>
  <c r="X79943" i="1"/>
  <c r="X79944" i="1"/>
  <c r="X79945" i="1"/>
  <c r="X79946" i="1"/>
  <c r="X79947" i="1"/>
  <c r="X79948" i="1"/>
  <c r="X79949" i="1"/>
  <c r="X79950" i="1"/>
  <c r="X79951" i="1"/>
  <c r="X79952" i="1"/>
  <c r="X79953" i="1"/>
  <c r="X79954" i="1"/>
  <c r="X79955" i="1"/>
  <c r="X79956" i="1"/>
  <c r="X79957" i="1"/>
  <c r="X79958" i="1"/>
  <c r="X79959" i="1"/>
  <c r="X79960" i="1"/>
  <c r="X79961" i="1"/>
  <c r="X79962" i="1"/>
  <c r="X79963" i="1"/>
  <c r="X79964" i="1"/>
  <c r="X79965" i="1"/>
  <c r="X79966" i="1"/>
  <c r="X79967" i="1"/>
  <c r="X79968" i="1"/>
  <c r="X79969" i="1"/>
  <c r="X79970" i="1"/>
  <c r="X79971" i="1"/>
  <c r="X79972" i="1"/>
  <c r="X79973" i="1"/>
  <c r="X79974" i="1"/>
  <c r="X79975" i="1"/>
  <c r="X79976" i="1"/>
  <c r="X79977" i="1"/>
  <c r="X79978" i="1"/>
  <c r="X79979" i="1"/>
  <c r="X79980" i="1"/>
  <c r="X79981" i="1"/>
  <c r="X79982" i="1"/>
  <c r="X79983" i="1"/>
  <c r="X79984" i="1"/>
  <c r="X79985" i="1"/>
  <c r="X79986" i="1"/>
  <c r="X79987" i="1"/>
  <c r="X79988" i="1"/>
  <c r="X79989" i="1"/>
  <c r="X79990" i="1"/>
  <c r="X79991" i="1"/>
  <c r="X79992" i="1"/>
  <c r="X79993" i="1"/>
  <c r="X79994" i="1"/>
  <c r="X79995" i="1"/>
  <c r="X79996" i="1"/>
  <c r="X79997" i="1"/>
  <c r="X79998" i="1"/>
  <c r="X79999" i="1"/>
  <c r="X80000" i="1"/>
  <c r="X80001" i="1"/>
  <c r="X80002" i="1"/>
  <c r="X80003" i="1"/>
  <c r="X80004" i="1"/>
  <c r="X80005" i="1"/>
  <c r="X80006" i="1"/>
  <c r="X80007" i="1"/>
  <c r="X80008" i="1"/>
  <c r="X80009" i="1"/>
  <c r="X80010" i="1"/>
  <c r="X80011" i="1"/>
  <c r="X80012" i="1"/>
  <c r="X80013" i="1"/>
  <c r="X80014" i="1"/>
  <c r="X80015" i="1"/>
  <c r="X80016" i="1"/>
  <c r="X80017" i="1"/>
  <c r="X80018" i="1"/>
  <c r="X80019" i="1"/>
  <c r="X80020" i="1"/>
  <c r="X80021" i="1"/>
  <c r="X80022" i="1"/>
  <c r="X80023" i="1"/>
  <c r="X80024" i="1"/>
  <c r="X80025" i="1"/>
  <c r="X80026" i="1"/>
  <c r="X80027" i="1"/>
  <c r="X80028" i="1"/>
  <c r="X80029" i="1"/>
  <c r="X80030" i="1"/>
  <c r="X80031" i="1"/>
  <c r="X80032" i="1"/>
  <c r="X80033" i="1"/>
  <c r="X80034" i="1"/>
  <c r="X80035" i="1"/>
  <c r="X80036" i="1"/>
  <c r="X80037" i="1"/>
  <c r="X80038" i="1"/>
  <c r="X80039" i="1"/>
  <c r="X80040" i="1"/>
  <c r="X80041" i="1"/>
  <c r="X80042" i="1"/>
  <c r="X80043" i="1"/>
  <c r="X80044" i="1"/>
  <c r="X80045" i="1"/>
  <c r="X80046" i="1"/>
  <c r="X80047" i="1"/>
  <c r="X80048" i="1"/>
  <c r="X80049" i="1"/>
  <c r="X80050" i="1"/>
  <c r="X80051" i="1"/>
  <c r="X80052" i="1"/>
  <c r="X80053" i="1"/>
  <c r="X80054" i="1"/>
  <c r="X80055" i="1"/>
  <c r="X80056" i="1"/>
  <c r="X80057" i="1"/>
  <c r="X80058" i="1"/>
  <c r="X80059" i="1"/>
  <c r="X80060" i="1"/>
  <c r="X80061" i="1"/>
  <c r="X80062" i="1"/>
  <c r="X80063" i="1"/>
  <c r="X80064" i="1"/>
  <c r="X80065" i="1"/>
  <c r="X80066" i="1"/>
  <c r="X80067" i="1"/>
  <c r="X80068" i="1"/>
  <c r="X80069" i="1"/>
  <c r="X80070" i="1"/>
  <c r="X80071" i="1"/>
  <c r="X80072" i="1"/>
  <c r="X80073" i="1"/>
  <c r="X80074" i="1"/>
  <c r="X80075" i="1"/>
  <c r="X80076" i="1"/>
  <c r="X80077" i="1"/>
  <c r="X80078" i="1"/>
  <c r="X80079" i="1"/>
  <c r="X80080" i="1"/>
  <c r="X80081" i="1"/>
  <c r="X80082" i="1"/>
  <c r="X80083" i="1"/>
  <c r="X80084" i="1"/>
  <c r="X80085" i="1"/>
  <c r="X80086" i="1"/>
  <c r="X80087" i="1"/>
  <c r="X80088" i="1"/>
  <c r="X80089" i="1"/>
  <c r="X80090" i="1"/>
  <c r="X80091" i="1"/>
  <c r="X80092" i="1"/>
  <c r="X80093" i="1"/>
  <c r="X80094" i="1"/>
  <c r="X80095" i="1"/>
  <c r="X80096" i="1"/>
  <c r="X80097" i="1"/>
  <c r="X80098" i="1"/>
  <c r="X80099" i="1"/>
  <c r="X80100" i="1"/>
  <c r="X80101" i="1"/>
  <c r="X80102" i="1"/>
  <c r="X80103" i="1"/>
  <c r="X80104" i="1"/>
  <c r="X80105" i="1"/>
  <c r="X80106" i="1"/>
  <c r="X80107" i="1"/>
  <c r="X80108" i="1"/>
  <c r="X80109" i="1"/>
  <c r="X80110" i="1"/>
  <c r="X80111" i="1"/>
  <c r="X80112" i="1"/>
  <c r="X80113" i="1"/>
  <c r="X80114" i="1"/>
  <c r="X80115" i="1"/>
  <c r="X80116" i="1"/>
  <c r="X80117" i="1"/>
  <c r="X80118" i="1"/>
  <c r="X80119" i="1"/>
  <c r="X80120" i="1"/>
  <c r="X80121" i="1"/>
  <c r="X80122" i="1"/>
  <c r="X80123" i="1"/>
  <c r="X80124" i="1"/>
  <c r="X80125" i="1"/>
  <c r="X80126" i="1"/>
  <c r="X80127" i="1"/>
  <c r="X80128" i="1"/>
  <c r="X80129" i="1"/>
  <c r="X80130" i="1"/>
  <c r="X80131" i="1"/>
  <c r="X80132" i="1"/>
  <c r="X80133" i="1"/>
  <c r="X80134" i="1"/>
  <c r="X80135" i="1"/>
  <c r="X80136" i="1"/>
  <c r="X80137" i="1"/>
  <c r="X80138" i="1"/>
  <c r="X80139" i="1"/>
  <c r="X80140" i="1"/>
  <c r="X80141" i="1"/>
  <c r="X80142" i="1"/>
  <c r="X80143" i="1"/>
  <c r="X80144" i="1"/>
  <c r="X80145" i="1"/>
  <c r="X80146" i="1"/>
  <c r="X80147" i="1"/>
  <c r="X80148" i="1"/>
  <c r="X80149" i="1"/>
  <c r="X80150" i="1"/>
  <c r="X80151" i="1"/>
  <c r="X80152" i="1"/>
  <c r="X80153" i="1"/>
  <c r="X80154" i="1"/>
  <c r="X80155" i="1"/>
  <c r="X80156" i="1"/>
  <c r="X80157" i="1"/>
  <c r="X80158" i="1"/>
  <c r="X80159" i="1"/>
  <c r="X80160" i="1"/>
  <c r="X80161" i="1"/>
  <c r="X80162" i="1"/>
  <c r="X80163" i="1"/>
  <c r="X80164" i="1"/>
  <c r="X80165" i="1"/>
  <c r="X80166" i="1"/>
  <c r="X80167" i="1"/>
  <c r="X80168" i="1"/>
  <c r="X80169" i="1"/>
  <c r="X80170" i="1"/>
  <c r="X80171" i="1"/>
  <c r="X80172" i="1"/>
  <c r="X80173" i="1"/>
  <c r="X80174" i="1"/>
  <c r="X80175" i="1"/>
  <c r="X80176" i="1"/>
  <c r="X80177" i="1"/>
  <c r="X80178" i="1"/>
  <c r="X80179" i="1"/>
  <c r="X80180" i="1"/>
  <c r="X80181" i="1"/>
  <c r="X80182" i="1"/>
  <c r="X80183" i="1"/>
  <c r="X80184" i="1"/>
  <c r="X80185" i="1"/>
  <c r="X80186" i="1"/>
  <c r="X80187" i="1"/>
  <c r="X80188" i="1"/>
  <c r="X80189" i="1"/>
  <c r="X80190" i="1"/>
  <c r="X80191" i="1"/>
  <c r="X80192" i="1"/>
  <c r="X80193" i="1"/>
  <c r="X80194" i="1"/>
  <c r="X80195" i="1"/>
  <c r="X80196" i="1"/>
  <c r="X80197" i="1"/>
  <c r="X80198" i="1"/>
  <c r="X80199" i="1"/>
  <c r="X80200" i="1"/>
  <c r="X80201" i="1"/>
  <c r="X80202" i="1"/>
  <c r="X80203" i="1"/>
  <c r="X80204" i="1"/>
  <c r="X80205" i="1"/>
  <c r="X80206" i="1"/>
  <c r="X80207" i="1"/>
  <c r="X80208" i="1"/>
  <c r="X80209" i="1"/>
  <c r="X80210" i="1"/>
  <c r="X80211" i="1"/>
  <c r="X80212" i="1"/>
  <c r="X80213" i="1"/>
  <c r="X80214" i="1"/>
  <c r="X80215" i="1"/>
  <c r="X80216" i="1"/>
  <c r="X80217" i="1"/>
  <c r="X80218" i="1"/>
  <c r="X80219" i="1"/>
  <c r="X80220" i="1"/>
  <c r="X80221" i="1"/>
  <c r="X80222" i="1"/>
  <c r="X80223" i="1"/>
  <c r="X80224" i="1"/>
  <c r="X80225" i="1"/>
  <c r="X80226" i="1"/>
  <c r="X80227" i="1"/>
  <c r="X80228" i="1"/>
  <c r="X80229" i="1"/>
  <c r="X80230" i="1"/>
  <c r="X80231" i="1"/>
  <c r="X80232" i="1"/>
  <c r="X80233" i="1"/>
  <c r="X80234" i="1"/>
  <c r="X80235" i="1"/>
  <c r="X80236" i="1"/>
  <c r="X80237" i="1"/>
  <c r="X80238" i="1"/>
  <c r="X80239" i="1"/>
  <c r="X80240" i="1"/>
  <c r="X80241" i="1"/>
  <c r="X80242" i="1"/>
  <c r="X80243" i="1"/>
  <c r="X80244" i="1"/>
  <c r="X80245" i="1"/>
  <c r="X80246" i="1"/>
  <c r="X80247" i="1"/>
  <c r="X80248" i="1"/>
  <c r="X80249" i="1"/>
  <c r="X80250" i="1"/>
  <c r="X80251" i="1"/>
  <c r="X80252" i="1"/>
  <c r="X80253" i="1"/>
  <c r="X80254" i="1"/>
  <c r="X80255" i="1"/>
  <c r="X80256" i="1"/>
  <c r="X80257" i="1"/>
  <c r="X80258" i="1"/>
  <c r="X80259" i="1"/>
  <c r="X80260" i="1"/>
  <c r="X80261" i="1"/>
  <c r="X80262" i="1"/>
  <c r="X80263" i="1"/>
  <c r="X80264" i="1"/>
  <c r="X80265" i="1"/>
  <c r="X80266" i="1"/>
  <c r="X80267" i="1"/>
  <c r="X80268" i="1"/>
  <c r="X80269" i="1"/>
  <c r="X80270" i="1"/>
  <c r="X80271" i="1"/>
  <c r="X80272" i="1"/>
  <c r="X80273" i="1"/>
  <c r="X80274" i="1"/>
  <c r="X80275" i="1"/>
  <c r="X80276" i="1"/>
  <c r="X80277" i="1"/>
  <c r="X80278" i="1"/>
  <c r="X80279" i="1"/>
  <c r="X80280" i="1"/>
  <c r="X80281" i="1"/>
  <c r="X80282" i="1"/>
  <c r="X80283" i="1"/>
  <c r="X80284" i="1"/>
  <c r="X80285" i="1"/>
  <c r="X80286" i="1"/>
  <c r="X80287" i="1"/>
  <c r="X80288" i="1"/>
  <c r="X80289" i="1"/>
  <c r="X80290" i="1"/>
  <c r="X80291" i="1"/>
  <c r="X80292" i="1"/>
  <c r="X80293" i="1"/>
  <c r="X80294" i="1"/>
  <c r="X80295" i="1"/>
  <c r="X80296" i="1"/>
  <c r="X80297" i="1"/>
  <c r="X80298" i="1"/>
  <c r="X80299" i="1"/>
  <c r="X80300" i="1"/>
  <c r="X80301" i="1"/>
  <c r="X80302" i="1"/>
  <c r="X80303" i="1"/>
  <c r="X80304" i="1"/>
  <c r="X80305" i="1"/>
  <c r="X80306" i="1"/>
  <c r="X80307" i="1"/>
  <c r="X80308" i="1"/>
  <c r="X80309" i="1"/>
  <c r="X80310" i="1"/>
  <c r="X80311" i="1"/>
  <c r="X80312" i="1"/>
  <c r="X80313" i="1"/>
  <c r="X80314" i="1"/>
  <c r="X80315" i="1"/>
  <c r="X80316" i="1"/>
  <c r="X80317" i="1"/>
  <c r="X80318" i="1"/>
  <c r="X80319" i="1"/>
  <c r="X80320" i="1"/>
  <c r="X80321" i="1"/>
  <c r="X80322" i="1"/>
  <c r="X80323" i="1"/>
  <c r="X80324" i="1"/>
  <c r="X80325" i="1"/>
  <c r="X80326" i="1"/>
  <c r="X80327" i="1"/>
  <c r="X80328" i="1"/>
  <c r="X80329" i="1"/>
  <c r="X80330" i="1"/>
  <c r="X80331" i="1"/>
  <c r="X80332" i="1"/>
  <c r="X80333" i="1"/>
  <c r="X80334" i="1"/>
  <c r="X80335" i="1"/>
  <c r="X80336" i="1"/>
  <c r="X80337" i="1"/>
  <c r="X80338" i="1"/>
  <c r="X80339" i="1"/>
  <c r="X80340" i="1"/>
  <c r="X80341" i="1"/>
  <c r="X80342" i="1"/>
  <c r="X80343" i="1"/>
  <c r="X80344" i="1"/>
  <c r="X80345" i="1"/>
  <c r="X80346" i="1"/>
  <c r="X80347" i="1"/>
  <c r="X80348" i="1"/>
  <c r="X80349" i="1"/>
  <c r="X80350" i="1"/>
  <c r="X80351" i="1"/>
  <c r="X80352" i="1"/>
  <c r="X80353" i="1"/>
  <c r="X80354" i="1"/>
  <c r="X80355" i="1"/>
  <c r="X80356" i="1"/>
  <c r="X80357" i="1"/>
  <c r="X80358" i="1"/>
  <c r="X80359" i="1"/>
  <c r="X80360" i="1"/>
  <c r="X80361" i="1"/>
  <c r="X80362" i="1"/>
  <c r="X80363" i="1"/>
  <c r="X80364" i="1"/>
  <c r="X80365" i="1"/>
  <c r="X80366" i="1"/>
  <c r="X80367" i="1"/>
  <c r="X80368" i="1"/>
  <c r="X80369" i="1"/>
  <c r="X80370" i="1"/>
  <c r="X80371" i="1"/>
  <c r="X80372" i="1"/>
  <c r="X80373" i="1"/>
  <c r="X80374" i="1"/>
  <c r="X80375" i="1"/>
  <c r="X80376" i="1"/>
  <c r="X80377" i="1"/>
  <c r="X80378" i="1"/>
  <c r="X80379" i="1"/>
  <c r="X80380" i="1"/>
  <c r="X80381" i="1"/>
  <c r="X80382" i="1"/>
  <c r="X80383" i="1"/>
  <c r="X80384" i="1"/>
  <c r="X80385" i="1"/>
  <c r="X80386" i="1"/>
  <c r="X80387" i="1"/>
  <c r="X80388" i="1"/>
  <c r="X80389" i="1"/>
  <c r="X80390" i="1"/>
  <c r="X80391" i="1"/>
  <c r="X80392" i="1"/>
  <c r="X80393" i="1"/>
  <c r="X80394" i="1"/>
  <c r="X80395" i="1"/>
  <c r="X80396" i="1"/>
  <c r="X80397" i="1"/>
  <c r="X80398" i="1"/>
  <c r="X80399" i="1"/>
  <c r="X80400" i="1"/>
  <c r="X80401" i="1"/>
  <c r="X80402" i="1"/>
  <c r="X80403" i="1"/>
  <c r="X80404" i="1"/>
  <c r="X80405" i="1"/>
  <c r="X80406" i="1"/>
  <c r="X80407" i="1"/>
  <c r="X80408" i="1"/>
  <c r="X80409" i="1"/>
  <c r="X80410" i="1"/>
  <c r="X80411" i="1"/>
  <c r="X80412" i="1"/>
  <c r="X80413" i="1"/>
  <c r="X80414" i="1"/>
  <c r="X80415" i="1"/>
  <c r="X80416" i="1"/>
  <c r="X80417" i="1"/>
  <c r="X80418" i="1"/>
  <c r="X80419" i="1"/>
  <c r="X80420" i="1"/>
  <c r="X80421" i="1"/>
  <c r="X80422" i="1"/>
  <c r="X80423" i="1"/>
  <c r="X80424" i="1"/>
  <c r="X80425" i="1"/>
  <c r="X80426" i="1"/>
  <c r="X80427" i="1"/>
  <c r="X80428" i="1"/>
  <c r="X80429" i="1"/>
  <c r="X80430" i="1"/>
  <c r="X80431" i="1"/>
  <c r="X80432" i="1"/>
  <c r="X80433" i="1"/>
  <c r="X80434" i="1"/>
  <c r="X80435" i="1"/>
  <c r="X80436" i="1"/>
  <c r="X80437" i="1"/>
  <c r="X80438" i="1"/>
  <c r="X80439" i="1"/>
  <c r="X80440" i="1"/>
  <c r="X80441" i="1"/>
  <c r="X80442" i="1"/>
  <c r="X80443" i="1"/>
  <c r="X80444" i="1"/>
  <c r="X80445" i="1"/>
  <c r="X80446" i="1"/>
  <c r="X80447" i="1"/>
  <c r="X80448" i="1"/>
  <c r="X80449" i="1"/>
  <c r="X80450" i="1"/>
  <c r="X80451" i="1"/>
  <c r="X80452" i="1"/>
  <c r="X80453" i="1"/>
  <c r="X80454" i="1"/>
  <c r="X80455" i="1"/>
  <c r="X80456" i="1"/>
  <c r="X80457" i="1"/>
  <c r="X80458" i="1"/>
  <c r="X80459" i="1"/>
  <c r="X80460" i="1"/>
  <c r="X80461" i="1"/>
  <c r="X80462" i="1"/>
  <c r="X80463" i="1"/>
  <c r="X80464" i="1"/>
  <c r="X80465" i="1"/>
  <c r="X80466" i="1"/>
  <c r="X80467" i="1"/>
  <c r="X80468" i="1"/>
  <c r="X80469" i="1"/>
  <c r="X80470" i="1"/>
  <c r="X80471" i="1"/>
  <c r="X80472" i="1"/>
  <c r="X80473" i="1"/>
  <c r="X80474" i="1"/>
  <c r="X80475" i="1"/>
  <c r="X80476" i="1"/>
  <c r="X80477" i="1"/>
  <c r="X80478" i="1"/>
  <c r="X80479" i="1"/>
  <c r="X80480" i="1"/>
  <c r="X80481" i="1"/>
  <c r="X80482" i="1"/>
  <c r="X80483" i="1"/>
  <c r="X80484" i="1"/>
  <c r="X80485" i="1"/>
  <c r="X80486" i="1"/>
  <c r="X80487" i="1"/>
  <c r="X80488" i="1"/>
  <c r="X80489" i="1"/>
  <c r="X80490" i="1"/>
  <c r="X80491" i="1"/>
  <c r="X80492" i="1"/>
  <c r="X80493" i="1"/>
  <c r="X80494" i="1"/>
  <c r="X80495" i="1"/>
  <c r="X80496" i="1"/>
  <c r="X80497" i="1"/>
  <c r="X80498" i="1"/>
  <c r="X80499" i="1"/>
  <c r="X80500" i="1"/>
  <c r="X80501" i="1"/>
  <c r="X80502" i="1"/>
  <c r="X80503" i="1"/>
  <c r="X80504" i="1"/>
  <c r="X80505" i="1"/>
  <c r="X80506" i="1"/>
  <c r="X80507" i="1"/>
  <c r="X80508" i="1"/>
  <c r="X80509" i="1"/>
  <c r="X80510" i="1"/>
  <c r="X80511" i="1"/>
  <c r="X80512" i="1"/>
  <c r="X80513" i="1"/>
  <c r="X80514" i="1"/>
  <c r="X80515" i="1"/>
  <c r="X80516" i="1"/>
  <c r="X80517" i="1"/>
  <c r="X80518" i="1"/>
  <c r="X80519" i="1"/>
  <c r="X80520" i="1"/>
  <c r="X80521" i="1"/>
  <c r="X80522" i="1"/>
  <c r="X80523" i="1"/>
  <c r="X80524" i="1"/>
  <c r="X80525" i="1"/>
  <c r="X80526" i="1"/>
  <c r="X80527" i="1"/>
  <c r="X80528" i="1"/>
  <c r="X80529" i="1"/>
  <c r="X80530" i="1"/>
  <c r="X80531" i="1"/>
  <c r="X80532" i="1"/>
  <c r="X80533" i="1"/>
  <c r="X80534" i="1"/>
  <c r="X80535" i="1"/>
  <c r="X80536" i="1"/>
  <c r="X80537" i="1"/>
  <c r="X80538" i="1"/>
  <c r="X80539" i="1"/>
  <c r="X80540" i="1"/>
  <c r="X80541" i="1"/>
  <c r="X80542" i="1"/>
  <c r="X80543" i="1"/>
  <c r="X80544" i="1"/>
  <c r="X80545" i="1"/>
  <c r="X80546" i="1"/>
  <c r="X80547" i="1"/>
  <c r="X80548" i="1"/>
  <c r="X80549" i="1"/>
  <c r="X80550" i="1"/>
  <c r="X80551" i="1"/>
  <c r="X80552" i="1"/>
  <c r="X80553" i="1"/>
  <c r="X80554" i="1"/>
  <c r="X80555" i="1"/>
  <c r="X80556" i="1"/>
  <c r="X80557" i="1"/>
  <c r="X80558" i="1"/>
  <c r="X80559" i="1"/>
  <c r="X80560" i="1"/>
  <c r="X80561" i="1"/>
  <c r="X80562" i="1"/>
  <c r="X80563" i="1"/>
  <c r="X80564" i="1"/>
  <c r="X80565" i="1"/>
  <c r="X80566" i="1"/>
  <c r="X80567" i="1"/>
  <c r="X80568" i="1"/>
  <c r="X80569" i="1"/>
  <c r="X80570" i="1"/>
  <c r="X80571" i="1"/>
  <c r="X80572" i="1"/>
  <c r="X80573" i="1"/>
  <c r="X80574" i="1"/>
  <c r="X80575" i="1"/>
  <c r="X80576" i="1"/>
  <c r="X80577" i="1"/>
  <c r="X80578" i="1"/>
  <c r="X80579" i="1"/>
  <c r="X80580" i="1"/>
  <c r="X80581" i="1"/>
  <c r="X80582" i="1"/>
  <c r="X80583" i="1"/>
  <c r="X80584" i="1"/>
  <c r="X80585" i="1"/>
  <c r="X80586" i="1"/>
  <c r="X80587" i="1"/>
  <c r="X80588" i="1"/>
  <c r="X80589" i="1"/>
  <c r="X80590" i="1"/>
  <c r="X80591" i="1"/>
  <c r="X80592" i="1"/>
  <c r="X80593" i="1"/>
  <c r="X80594" i="1"/>
  <c r="X80595" i="1"/>
  <c r="X80596" i="1"/>
  <c r="X80597" i="1"/>
  <c r="X80598" i="1"/>
  <c r="X80599" i="1"/>
  <c r="X80600" i="1"/>
  <c r="X80601" i="1"/>
  <c r="X80602" i="1"/>
  <c r="X80603" i="1"/>
  <c r="X80604" i="1"/>
  <c r="X80605" i="1"/>
  <c r="X80606" i="1"/>
  <c r="X80607" i="1"/>
  <c r="X80608" i="1"/>
  <c r="X80609" i="1"/>
  <c r="X80610" i="1"/>
  <c r="X80611" i="1"/>
  <c r="X80612" i="1"/>
  <c r="X80613" i="1"/>
  <c r="X80614" i="1"/>
  <c r="X80615" i="1"/>
  <c r="X80616" i="1"/>
  <c r="X80617" i="1"/>
  <c r="X80618" i="1"/>
  <c r="X80619" i="1"/>
  <c r="X80620" i="1"/>
  <c r="X80621" i="1"/>
  <c r="X80622" i="1"/>
  <c r="X80623" i="1"/>
  <c r="X80624" i="1"/>
  <c r="X80625" i="1"/>
  <c r="X80626" i="1"/>
  <c r="X80627" i="1"/>
  <c r="X80628" i="1"/>
  <c r="X80629" i="1"/>
  <c r="X80630" i="1"/>
  <c r="X80631" i="1"/>
  <c r="X80632" i="1"/>
  <c r="X80633" i="1"/>
  <c r="X80634" i="1"/>
  <c r="X80635" i="1"/>
  <c r="X80636" i="1"/>
  <c r="X80637" i="1"/>
  <c r="X80638" i="1"/>
  <c r="X80639" i="1"/>
  <c r="X80640" i="1"/>
  <c r="X80641" i="1"/>
  <c r="X80642" i="1"/>
  <c r="X80643" i="1"/>
  <c r="X80644" i="1"/>
  <c r="X80645" i="1"/>
  <c r="X80646" i="1"/>
  <c r="X80647" i="1"/>
  <c r="X80648" i="1"/>
  <c r="X80649" i="1"/>
  <c r="X80650" i="1"/>
  <c r="X80651" i="1"/>
  <c r="X80652" i="1"/>
  <c r="X80653" i="1"/>
  <c r="X80654" i="1"/>
  <c r="X80655" i="1"/>
  <c r="X80656" i="1"/>
  <c r="X80657" i="1"/>
  <c r="X80658" i="1"/>
  <c r="X80659" i="1"/>
  <c r="X80660" i="1"/>
  <c r="X80661" i="1"/>
  <c r="X80662" i="1"/>
  <c r="X80663" i="1"/>
  <c r="X80664" i="1"/>
  <c r="X80665" i="1"/>
  <c r="X80666" i="1"/>
  <c r="X80667" i="1"/>
  <c r="X80668" i="1"/>
  <c r="X80669" i="1"/>
  <c r="X80670" i="1"/>
  <c r="X80671" i="1"/>
  <c r="X80672" i="1"/>
  <c r="X80673" i="1"/>
  <c r="X80674" i="1"/>
  <c r="X80675" i="1"/>
  <c r="X80676" i="1"/>
  <c r="X80677" i="1"/>
  <c r="X80678" i="1"/>
  <c r="X80679" i="1"/>
  <c r="X80680" i="1"/>
  <c r="X80681" i="1"/>
  <c r="X80682" i="1"/>
  <c r="X80683" i="1"/>
  <c r="X80684" i="1"/>
  <c r="X80685" i="1"/>
  <c r="X80686" i="1"/>
  <c r="X80687" i="1"/>
  <c r="X80688" i="1"/>
  <c r="X80689" i="1"/>
  <c r="X80690" i="1"/>
  <c r="X80691" i="1"/>
  <c r="X80692" i="1"/>
  <c r="X80693" i="1"/>
  <c r="X80694" i="1"/>
  <c r="X80695" i="1"/>
  <c r="X80696" i="1"/>
  <c r="X80697" i="1"/>
  <c r="X80698" i="1"/>
  <c r="X80699" i="1"/>
  <c r="X80700" i="1"/>
  <c r="X80701" i="1"/>
  <c r="X80702" i="1"/>
  <c r="X80703" i="1"/>
  <c r="X80704" i="1"/>
  <c r="X80705" i="1"/>
  <c r="X80706" i="1"/>
  <c r="X80707" i="1"/>
  <c r="X80708" i="1"/>
  <c r="X80709" i="1"/>
  <c r="X80710" i="1"/>
  <c r="X80711" i="1"/>
  <c r="X80712" i="1"/>
  <c r="X80713" i="1"/>
  <c r="X80714" i="1"/>
  <c r="X80715" i="1"/>
  <c r="X80716" i="1"/>
  <c r="X80717" i="1"/>
  <c r="X80718" i="1"/>
  <c r="X80719" i="1"/>
  <c r="X80720" i="1"/>
  <c r="X80721" i="1"/>
  <c r="X80722" i="1"/>
  <c r="X80723" i="1"/>
  <c r="X80724" i="1"/>
  <c r="X80725" i="1"/>
  <c r="X80726" i="1"/>
  <c r="X80727" i="1"/>
  <c r="X80728" i="1"/>
  <c r="X80729" i="1"/>
  <c r="X80730" i="1"/>
  <c r="X80731" i="1"/>
  <c r="X80732" i="1"/>
  <c r="X80733" i="1"/>
  <c r="X80734" i="1"/>
  <c r="X80735" i="1"/>
  <c r="X80736" i="1"/>
  <c r="X80737" i="1"/>
  <c r="X80738" i="1"/>
  <c r="X80739" i="1"/>
  <c r="X80740" i="1"/>
  <c r="X80741" i="1"/>
  <c r="X80742" i="1"/>
  <c r="X80743" i="1"/>
  <c r="X80744" i="1"/>
  <c r="X80745" i="1"/>
  <c r="X80746" i="1"/>
  <c r="X80747" i="1"/>
  <c r="X80748" i="1"/>
  <c r="X80749" i="1"/>
  <c r="X80750" i="1"/>
  <c r="X80751" i="1"/>
  <c r="X80752" i="1"/>
  <c r="X80753" i="1"/>
  <c r="X80754" i="1"/>
  <c r="X80755" i="1"/>
  <c r="X80756" i="1"/>
  <c r="X80757" i="1"/>
  <c r="X80758" i="1"/>
  <c r="X80759" i="1"/>
  <c r="X80760" i="1"/>
  <c r="X80761" i="1"/>
  <c r="X80762" i="1"/>
  <c r="X80763" i="1"/>
  <c r="X80764" i="1"/>
  <c r="X80765" i="1"/>
  <c r="X80766" i="1"/>
  <c r="X80767" i="1"/>
  <c r="X80768" i="1"/>
  <c r="X80769" i="1"/>
  <c r="X80770" i="1"/>
  <c r="X80771" i="1"/>
  <c r="X80772" i="1"/>
  <c r="X80773" i="1"/>
  <c r="X80774" i="1"/>
  <c r="X80775" i="1"/>
  <c r="X80776" i="1"/>
  <c r="X80777" i="1"/>
  <c r="X80778" i="1"/>
  <c r="X80779" i="1"/>
  <c r="X80780" i="1"/>
  <c r="X80781" i="1"/>
  <c r="X80782" i="1"/>
  <c r="X80783" i="1"/>
  <c r="X80784" i="1"/>
  <c r="X80785" i="1"/>
  <c r="X80786" i="1"/>
  <c r="X80787" i="1"/>
  <c r="X80788" i="1"/>
  <c r="X80789" i="1"/>
  <c r="X80790" i="1"/>
  <c r="X80791" i="1"/>
  <c r="X80792" i="1"/>
  <c r="X80793" i="1"/>
  <c r="X80794" i="1"/>
  <c r="X80795" i="1"/>
  <c r="X80796" i="1"/>
  <c r="X80797" i="1"/>
  <c r="X80798" i="1"/>
  <c r="X80799" i="1"/>
  <c r="X80800" i="1"/>
  <c r="X80801" i="1"/>
  <c r="X80802" i="1"/>
  <c r="X80803" i="1"/>
  <c r="X80804" i="1"/>
  <c r="X80805" i="1"/>
  <c r="X80806" i="1"/>
  <c r="X80807" i="1"/>
  <c r="X80808" i="1"/>
  <c r="X80809" i="1"/>
  <c r="X80810" i="1"/>
  <c r="X80811" i="1"/>
  <c r="X80812" i="1"/>
  <c r="X80813" i="1"/>
  <c r="X80814" i="1"/>
  <c r="X80815" i="1"/>
  <c r="X80816" i="1"/>
  <c r="X80817" i="1"/>
  <c r="X80818" i="1"/>
  <c r="X80819" i="1"/>
  <c r="X80820" i="1"/>
  <c r="X80821" i="1"/>
  <c r="X80822" i="1"/>
  <c r="X80823" i="1"/>
  <c r="X80824" i="1"/>
  <c r="X80825" i="1"/>
  <c r="X80826" i="1"/>
  <c r="X80827" i="1"/>
  <c r="X80828" i="1"/>
  <c r="X80829" i="1"/>
  <c r="X80830" i="1"/>
  <c r="X80831" i="1"/>
  <c r="X80832" i="1"/>
  <c r="X80833" i="1"/>
  <c r="X80834" i="1"/>
  <c r="X80835" i="1"/>
  <c r="X80836" i="1"/>
  <c r="X80837" i="1"/>
  <c r="X80838" i="1"/>
  <c r="X80839" i="1"/>
  <c r="X80840" i="1"/>
  <c r="X80841" i="1"/>
  <c r="X80842" i="1"/>
  <c r="X80843" i="1"/>
  <c r="X80844" i="1"/>
  <c r="X80845" i="1"/>
  <c r="X80846" i="1"/>
  <c r="X80847" i="1"/>
  <c r="X80848" i="1"/>
  <c r="X80849" i="1"/>
  <c r="X80850" i="1"/>
  <c r="X80851" i="1"/>
  <c r="X80852" i="1"/>
  <c r="X80853" i="1"/>
  <c r="X80854" i="1"/>
  <c r="X80855" i="1"/>
  <c r="X80856" i="1"/>
  <c r="X80857" i="1"/>
  <c r="X80858" i="1"/>
  <c r="X80859" i="1"/>
  <c r="X80860" i="1"/>
  <c r="X80861" i="1"/>
  <c r="X80862" i="1"/>
  <c r="X80863" i="1"/>
  <c r="X80864" i="1"/>
  <c r="X80865" i="1"/>
  <c r="X80866" i="1"/>
  <c r="X80867" i="1"/>
  <c r="X80868" i="1"/>
  <c r="X80869" i="1"/>
  <c r="X80870" i="1"/>
  <c r="X80871" i="1"/>
  <c r="X80872" i="1"/>
  <c r="X80873" i="1"/>
  <c r="X80874" i="1"/>
  <c r="X80875" i="1"/>
  <c r="X80876" i="1"/>
  <c r="X80877" i="1"/>
  <c r="X80878" i="1"/>
  <c r="X80879" i="1"/>
  <c r="X80880" i="1"/>
  <c r="X80881" i="1"/>
  <c r="X80882" i="1"/>
  <c r="X80883" i="1"/>
  <c r="X80884" i="1"/>
  <c r="X80885" i="1"/>
  <c r="X80886" i="1"/>
  <c r="X80887" i="1"/>
  <c r="X80888" i="1"/>
  <c r="X80889" i="1"/>
  <c r="X80890" i="1"/>
  <c r="X80891" i="1"/>
  <c r="X80892" i="1"/>
  <c r="X80893" i="1"/>
  <c r="X80894" i="1"/>
  <c r="X80895" i="1"/>
  <c r="X80896" i="1"/>
  <c r="X80897" i="1"/>
  <c r="X80898" i="1"/>
  <c r="X80899" i="1"/>
  <c r="X80900" i="1"/>
  <c r="X80901" i="1"/>
  <c r="X80902" i="1"/>
  <c r="X80903" i="1"/>
  <c r="X80904" i="1"/>
  <c r="X80905" i="1"/>
  <c r="X80906" i="1"/>
  <c r="X80907" i="1"/>
  <c r="X80908" i="1"/>
  <c r="X80909" i="1"/>
  <c r="X80910" i="1"/>
  <c r="X80911" i="1"/>
  <c r="X80912" i="1"/>
  <c r="X80913" i="1"/>
  <c r="X80914" i="1"/>
  <c r="X80915" i="1"/>
  <c r="X80916" i="1"/>
  <c r="X80917" i="1"/>
  <c r="X80918" i="1"/>
  <c r="X80919" i="1"/>
  <c r="X80920" i="1"/>
  <c r="X80921" i="1"/>
  <c r="X80922" i="1"/>
  <c r="X80923" i="1"/>
  <c r="X80924" i="1"/>
  <c r="X80925" i="1"/>
  <c r="X80926" i="1"/>
  <c r="X80927" i="1"/>
  <c r="X80928" i="1"/>
  <c r="X80929" i="1"/>
  <c r="X80930" i="1"/>
  <c r="X80931" i="1"/>
  <c r="X80932" i="1"/>
  <c r="X80933" i="1"/>
  <c r="X80934" i="1"/>
  <c r="X80935" i="1"/>
  <c r="X80936" i="1"/>
  <c r="X80937" i="1"/>
  <c r="X80938" i="1"/>
  <c r="X80939" i="1"/>
  <c r="X80940" i="1"/>
  <c r="X80941" i="1"/>
  <c r="X80942" i="1"/>
  <c r="X80943" i="1"/>
  <c r="X80944" i="1"/>
  <c r="X80945" i="1"/>
  <c r="X80946" i="1"/>
  <c r="X80947" i="1"/>
  <c r="X80948" i="1"/>
  <c r="X80949" i="1"/>
  <c r="X80950" i="1"/>
  <c r="X80951" i="1"/>
  <c r="X80952" i="1"/>
  <c r="X80953" i="1"/>
  <c r="X80954" i="1"/>
  <c r="X80955" i="1"/>
  <c r="X80956" i="1"/>
  <c r="X80957" i="1"/>
  <c r="X80958" i="1"/>
  <c r="X80959" i="1"/>
  <c r="X80960" i="1"/>
  <c r="X80961" i="1"/>
  <c r="X80962" i="1"/>
  <c r="X80963" i="1"/>
  <c r="X80964" i="1"/>
  <c r="X80965" i="1"/>
  <c r="X80966" i="1"/>
  <c r="X80967" i="1"/>
  <c r="X80968" i="1"/>
  <c r="X80969" i="1"/>
  <c r="X80970" i="1"/>
  <c r="X80971" i="1"/>
  <c r="X80972" i="1"/>
  <c r="X80973" i="1"/>
  <c r="X80974" i="1"/>
  <c r="X80975" i="1"/>
  <c r="X80976" i="1"/>
  <c r="X80977" i="1"/>
  <c r="X80978" i="1"/>
  <c r="X80979" i="1"/>
  <c r="X80980" i="1"/>
  <c r="X80981" i="1"/>
  <c r="X80982" i="1"/>
  <c r="X80983" i="1"/>
  <c r="X80984" i="1"/>
  <c r="X80985" i="1"/>
  <c r="X80986" i="1"/>
  <c r="X80987" i="1"/>
  <c r="X80988" i="1"/>
  <c r="X80989" i="1"/>
  <c r="X80990" i="1"/>
  <c r="X80991" i="1"/>
  <c r="X80992" i="1"/>
  <c r="X80993" i="1"/>
  <c r="X80994" i="1"/>
  <c r="X80995" i="1"/>
  <c r="X80996" i="1"/>
  <c r="X80997" i="1"/>
  <c r="X80998" i="1"/>
  <c r="X80999" i="1"/>
  <c r="X81000" i="1"/>
  <c r="X81001" i="1"/>
  <c r="X81002" i="1"/>
  <c r="X81003" i="1"/>
  <c r="X81004" i="1"/>
  <c r="X81005" i="1"/>
  <c r="X81006" i="1"/>
  <c r="X81007" i="1"/>
  <c r="X81008" i="1"/>
  <c r="X81009" i="1"/>
  <c r="X81010" i="1"/>
  <c r="X81011" i="1"/>
  <c r="X81012" i="1"/>
  <c r="X81013" i="1"/>
  <c r="X81014" i="1"/>
  <c r="X81015" i="1"/>
  <c r="X81016" i="1"/>
  <c r="X81017" i="1"/>
  <c r="X81018" i="1"/>
  <c r="X81019" i="1"/>
  <c r="X81020" i="1"/>
  <c r="X81021" i="1"/>
  <c r="X81022" i="1"/>
  <c r="X81023" i="1"/>
  <c r="X81024" i="1"/>
  <c r="X81025" i="1"/>
  <c r="X81026" i="1"/>
  <c r="X81027" i="1"/>
  <c r="X81028" i="1"/>
  <c r="X81029" i="1"/>
  <c r="X81030" i="1"/>
  <c r="X81031" i="1"/>
  <c r="X81032" i="1"/>
  <c r="X81033" i="1"/>
  <c r="X81034" i="1"/>
  <c r="X81035" i="1"/>
  <c r="X81036" i="1"/>
  <c r="X81037" i="1"/>
  <c r="X81038" i="1"/>
  <c r="X81039" i="1"/>
  <c r="X81040" i="1"/>
  <c r="X81041" i="1"/>
  <c r="X81042" i="1"/>
  <c r="X81043" i="1"/>
  <c r="X81044" i="1"/>
  <c r="X81045" i="1"/>
  <c r="X81046" i="1"/>
  <c r="X81047" i="1"/>
  <c r="X81048" i="1"/>
  <c r="X81049" i="1"/>
  <c r="X81050" i="1"/>
  <c r="X81051" i="1"/>
  <c r="X81052" i="1"/>
  <c r="X81053" i="1"/>
  <c r="X81054" i="1"/>
  <c r="X81055" i="1"/>
  <c r="X81056" i="1"/>
  <c r="X81057" i="1"/>
  <c r="X81058" i="1"/>
  <c r="X81059" i="1"/>
  <c r="X81060" i="1"/>
  <c r="X81061" i="1"/>
  <c r="X81062" i="1"/>
  <c r="X81063" i="1"/>
  <c r="X81064" i="1"/>
  <c r="X81065" i="1"/>
  <c r="X81066" i="1"/>
  <c r="X81067" i="1"/>
  <c r="X81068" i="1"/>
  <c r="X81069" i="1"/>
  <c r="X81070" i="1"/>
  <c r="X81071" i="1"/>
  <c r="X81072" i="1"/>
  <c r="X81073" i="1"/>
  <c r="X81074" i="1"/>
  <c r="X81075" i="1"/>
  <c r="X81076" i="1"/>
  <c r="X81077" i="1"/>
  <c r="X81078" i="1"/>
  <c r="X81079" i="1"/>
  <c r="X81080" i="1"/>
  <c r="X81081" i="1"/>
  <c r="X81082" i="1"/>
  <c r="X81083" i="1"/>
  <c r="X81084" i="1"/>
  <c r="X81085" i="1"/>
  <c r="X81086" i="1"/>
  <c r="X81087" i="1"/>
  <c r="X81088" i="1"/>
  <c r="X81089" i="1"/>
  <c r="X81090" i="1"/>
  <c r="X81091" i="1"/>
  <c r="X81092" i="1"/>
  <c r="X81093" i="1"/>
  <c r="X81094" i="1"/>
  <c r="X81095" i="1"/>
  <c r="X81096" i="1"/>
  <c r="X81097" i="1"/>
  <c r="X81098" i="1"/>
  <c r="X81099" i="1"/>
  <c r="X81100" i="1"/>
  <c r="X81101" i="1"/>
  <c r="X81102" i="1"/>
  <c r="X81103" i="1"/>
  <c r="X81104" i="1"/>
  <c r="X81105" i="1"/>
  <c r="X81106" i="1"/>
  <c r="X81107" i="1"/>
  <c r="X81108" i="1"/>
  <c r="X81109" i="1"/>
  <c r="X81110" i="1"/>
  <c r="X81111" i="1"/>
  <c r="X81112" i="1"/>
  <c r="X81113" i="1"/>
  <c r="X81114" i="1"/>
  <c r="X81115" i="1"/>
  <c r="X81116" i="1"/>
  <c r="X81117" i="1"/>
  <c r="X81118" i="1"/>
  <c r="X81119" i="1"/>
  <c r="X81120" i="1"/>
  <c r="X81121" i="1"/>
  <c r="X81122" i="1"/>
  <c r="X81123" i="1"/>
  <c r="X81124" i="1"/>
  <c r="X81125" i="1"/>
  <c r="X81126" i="1"/>
  <c r="X81127" i="1"/>
  <c r="X81128" i="1"/>
  <c r="X81129" i="1"/>
  <c r="X81130" i="1"/>
  <c r="X81131" i="1"/>
  <c r="X81132" i="1"/>
  <c r="X81133" i="1"/>
  <c r="X81134" i="1"/>
  <c r="X81135" i="1"/>
  <c r="X81136" i="1"/>
  <c r="X81137" i="1"/>
  <c r="X81138" i="1"/>
  <c r="X81139" i="1"/>
  <c r="X81140" i="1"/>
  <c r="X81141" i="1"/>
  <c r="X81142" i="1"/>
  <c r="X81143" i="1"/>
  <c r="X81144" i="1"/>
  <c r="X81145" i="1"/>
  <c r="X81146" i="1"/>
  <c r="X81147" i="1"/>
  <c r="X81148" i="1"/>
  <c r="X81149" i="1"/>
  <c r="X81150" i="1"/>
  <c r="X81151" i="1"/>
  <c r="X81152" i="1"/>
  <c r="X81153" i="1"/>
  <c r="X81154" i="1"/>
  <c r="X81155" i="1"/>
  <c r="X81156" i="1"/>
  <c r="X81157" i="1"/>
  <c r="X81158" i="1"/>
  <c r="X81159" i="1"/>
  <c r="X81160" i="1"/>
  <c r="X81161" i="1"/>
  <c r="X81162" i="1"/>
  <c r="X81163" i="1"/>
  <c r="X81164" i="1"/>
  <c r="X81165" i="1"/>
  <c r="X81166" i="1"/>
  <c r="X81167" i="1"/>
  <c r="X81168" i="1"/>
  <c r="X81169" i="1"/>
  <c r="X81170" i="1"/>
  <c r="X81171" i="1"/>
  <c r="X81172" i="1"/>
  <c r="X81173" i="1"/>
  <c r="X81174" i="1"/>
  <c r="X81175" i="1"/>
  <c r="X81176" i="1"/>
  <c r="X81177" i="1"/>
  <c r="X81178" i="1"/>
  <c r="X81179" i="1"/>
  <c r="X81180" i="1"/>
  <c r="X81181" i="1"/>
  <c r="X81182" i="1"/>
  <c r="X81183" i="1"/>
  <c r="X81184" i="1"/>
  <c r="X81185" i="1"/>
  <c r="X81186" i="1"/>
  <c r="X81187" i="1"/>
  <c r="X81188" i="1"/>
  <c r="X81189" i="1"/>
  <c r="X81190" i="1"/>
  <c r="X81191" i="1"/>
  <c r="X81192" i="1"/>
  <c r="X81193" i="1"/>
  <c r="X81194" i="1"/>
  <c r="X81195" i="1"/>
  <c r="X81196" i="1"/>
  <c r="X81197" i="1"/>
  <c r="X81198" i="1"/>
  <c r="X81199" i="1"/>
  <c r="X81200" i="1"/>
  <c r="X81201" i="1"/>
  <c r="X81202" i="1"/>
  <c r="X81203" i="1"/>
  <c r="X81204" i="1"/>
  <c r="X81205" i="1"/>
  <c r="X81206" i="1"/>
  <c r="X81207" i="1"/>
  <c r="X81208" i="1"/>
  <c r="X81209" i="1"/>
  <c r="X81210" i="1"/>
  <c r="X81211" i="1"/>
  <c r="X81212" i="1"/>
  <c r="X81213" i="1"/>
  <c r="X81214" i="1"/>
  <c r="X81215" i="1"/>
  <c r="X81216" i="1"/>
  <c r="X81217" i="1"/>
  <c r="X81218" i="1"/>
  <c r="X81219" i="1"/>
  <c r="X81220" i="1"/>
  <c r="X81221" i="1"/>
  <c r="X81222" i="1"/>
  <c r="X81223" i="1"/>
  <c r="X81224" i="1"/>
  <c r="X81225" i="1"/>
  <c r="X81226" i="1"/>
  <c r="X81227" i="1"/>
  <c r="X81228" i="1"/>
  <c r="X81229" i="1"/>
  <c r="X81230" i="1"/>
  <c r="X81231" i="1"/>
  <c r="X81232" i="1"/>
  <c r="X81233" i="1"/>
  <c r="X81234" i="1"/>
  <c r="X81235" i="1"/>
  <c r="X81236" i="1"/>
  <c r="X81237" i="1"/>
  <c r="X81238" i="1"/>
  <c r="X81239" i="1"/>
  <c r="X81240" i="1"/>
  <c r="X81241" i="1"/>
  <c r="X81242" i="1"/>
  <c r="X81243" i="1"/>
  <c r="X81244" i="1"/>
  <c r="X81245" i="1"/>
  <c r="X81246" i="1"/>
  <c r="X81247" i="1"/>
  <c r="X81248" i="1"/>
  <c r="X81249" i="1"/>
  <c r="X81250" i="1"/>
  <c r="X81251" i="1"/>
  <c r="X81252" i="1"/>
  <c r="X81253" i="1"/>
  <c r="X81254" i="1"/>
  <c r="X81255" i="1"/>
  <c r="X81256" i="1"/>
  <c r="X81257" i="1"/>
  <c r="X81258" i="1"/>
  <c r="X81259" i="1"/>
  <c r="X81260" i="1"/>
  <c r="X81261" i="1"/>
  <c r="X81262" i="1"/>
  <c r="X81263" i="1"/>
  <c r="X81264" i="1"/>
  <c r="X81265" i="1"/>
  <c r="X81266" i="1"/>
  <c r="X81267" i="1"/>
  <c r="X81268" i="1"/>
  <c r="X81269" i="1"/>
  <c r="X81270" i="1"/>
  <c r="X81271" i="1"/>
  <c r="X81272" i="1"/>
  <c r="X81273" i="1"/>
  <c r="X81274" i="1"/>
  <c r="X81275" i="1"/>
  <c r="X81276" i="1"/>
  <c r="X81277" i="1"/>
  <c r="X81278" i="1"/>
  <c r="X81279" i="1"/>
  <c r="X81280" i="1"/>
  <c r="X81281" i="1"/>
  <c r="X81282" i="1"/>
  <c r="X81283" i="1"/>
  <c r="X81284" i="1"/>
  <c r="X81285" i="1"/>
  <c r="X81286" i="1"/>
  <c r="X81287" i="1"/>
  <c r="X81288" i="1"/>
  <c r="X81289" i="1"/>
  <c r="X81290" i="1"/>
  <c r="X81291" i="1"/>
  <c r="X81292" i="1"/>
  <c r="X81293" i="1"/>
  <c r="X81294" i="1"/>
  <c r="X81295" i="1"/>
  <c r="X81296" i="1"/>
  <c r="X81297" i="1"/>
  <c r="X81298" i="1"/>
  <c r="X81299" i="1"/>
  <c r="X81300" i="1"/>
  <c r="X81301" i="1"/>
  <c r="X81302" i="1"/>
  <c r="X81303" i="1"/>
  <c r="X81304" i="1"/>
  <c r="X81305" i="1"/>
  <c r="X81306" i="1"/>
  <c r="X81307" i="1"/>
  <c r="X81308" i="1"/>
  <c r="X81309" i="1"/>
  <c r="X81310" i="1"/>
  <c r="X81311" i="1"/>
  <c r="X81312" i="1"/>
  <c r="X81313" i="1"/>
  <c r="X81314" i="1"/>
  <c r="X81315" i="1"/>
  <c r="X81316" i="1"/>
  <c r="X81317" i="1"/>
  <c r="X81318" i="1"/>
  <c r="X81319" i="1"/>
  <c r="X81320" i="1"/>
  <c r="X81321" i="1"/>
  <c r="X81322" i="1"/>
  <c r="X81323" i="1"/>
  <c r="X81324" i="1"/>
  <c r="X81325" i="1"/>
  <c r="X81326" i="1"/>
  <c r="X81327" i="1"/>
  <c r="X81328" i="1"/>
  <c r="X81329" i="1"/>
  <c r="X81330" i="1"/>
  <c r="X81331" i="1"/>
  <c r="X81332" i="1"/>
  <c r="X81333" i="1"/>
  <c r="X81334" i="1"/>
  <c r="X81335" i="1"/>
  <c r="X81336" i="1"/>
  <c r="X81337" i="1"/>
  <c r="X81338" i="1"/>
  <c r="X81339" i="1"/>
  <c r="X81340" i="1"/>
  <c r="X81341" i="1"/>
  <c r="X81342" i="1"/>
  <c r="X81343" i="1"/>
  <c r="X81344" i="1"/>
  <c r="X81345" i="1"/>
  <c r="X81346" i="1"/>
  <c r="X81347" i="1"/>
  <c r="X81348" i="1"/>
  <c r="X81349" i="1"/>
  <c r="X81350" i="1"/>
  <c r="X81351" i="1"/>
  <c r="X81352" i="1"/>
  <c r="X81353" i="1"/>
  <c r="X81354" i="1"/>
  <c r="X81355" i="1"/>
  <c r="X81356" i="1"/>
  <c r="X81357" i="1"/>
  <c r="X81358" i="1"/>
  <c r="X81359" i="1"/>
  <c r="X81360" i="1"/>
  <c r="X81361" i="1"/>
  <c r="X81362" i="1"/>
  <c r="X81363" i="1"/>
  <c r="X81364" i="1"/>
  <c r="X81365" i="1"/>
  <c r="X81366" i="1"/>
  <c r="X81367" i="1"/>
  <c r="X81368" i="1"/>
  <c r="X81369" i="1"/>
  <c r="X81370" i="1"/>
  <c r="X81371" i="1"/>
  <c r="X81372" i="1"/>
  <c r="X81373" i="1"/>
  <c r="X81374" i="1"/>
  <c r="X81375" i="1"/>
  <c r="X81376" i="1"/>
  <c r="X81377" i="1"/>
  <c r="X81378" i="1"/>
  <c r="X81379" i="1"/>
  <c r="X81380" i="1"/>
  <c r="X81381" i="1"/>
  <c r="X81382" i="1"/>
  <c r="X81383" i="1"/>
  <c r="X81384" i="1"/>
  <c r="X81385" i="1"/>
  <c r="X81386" i="1"/>
  <c r="X81387" i="1"/>
  <c r="X81388" i="1"/>
  <c r="X81389" i="1"/>
  <c r="X81390" i="1"/>
  <c r="X81391" i="1"/>
  <c r="X81392" i="1"/>
  <c r="X81393" i="1"/>
  <c r="X81394" i="1"/>
  <c r="X81395" i="1"/>
  <c r="X81396" i="1"/>
  <c r="X81397" i="1"/>
  <c r="X81398" i="1"/>
  <c r="X81399" i="1"/>
  <c r="X81400" i="1"/>
  <c r="X81401" i="1"/>
  <c r="X81402" i="1"/>
  <c r="X81403" i="1"/>
  <c r="X81404" i="1"/>
  <c r="X81405" i="1"/>
  <c r="X81406" i="1"/>
  <c r="X81407" i="1"/>
  <c r="X81408" i="1"/>
  <c r="X81409" i="1"/>
  <c r="X81410" i="1"/>
  <c r="X81411" i="1"/>
  <c r="X81412" i="1"/>
  <c r="X81413" i="1"/>
  <c r="X81414" i="1"/>
  <c r="X81415" i="1"/>
  <c r="X81416" i="1"/>
  <c r="X81417" i="1"/>
  <c r="X81418" i="1"/>
  <c r="X81419" i="1"/>
  <c r="X81420" i="1"/>
  <c r="X81421" i="1"/>
  <c r="X81422" i="1"/>
  <c r="X81423" i="1"/>
  <c r="X81424" i="1"/>
  <c r="X81425" i="1"/>
  <c r="X81426" i="1"/>
  <c r="X81427" i="1"/>
  <c r="X81428" i="1"/>
  <c r="X81429" i="1"/>
  <c r="X81430" i="1"/>
  <c r="X81431" i="1"/>
  <c r="X81432" i="1"/>
  <c r="X81433" i="1"/>
  <c r="X81434" i="1"/>
  <c r="X81435" i="1"/>
  <c r="X81436" i="1"/>
  <c r="X81437" i="1"/>
  <c r="X81438" i="1"/>
  <c r="X81439" i="1"/>
  <c r="X81440" i="1"/>
  <c r="X81441" i="1"/>
  <c r="X81442" i="1"/>
  <c r="X81443" i="1"/>
  <c r="X81444" i="1"/>
  <c r="X81445" i="1"/>
  <c r="X81446" i="1"/>
  <c r="X81447" i="1"/>
  <c r="X81448" i="1"/>
  <c r="X81449" i="1"/>
  <c r="X81450" i="1"/>
  <c r="X81451" i="1"/>
  <c r="X81452" i="1"/>
  <c r="X81453" i="1"/>
  <c r="X81454" i="1"/>
  <c r="X81455" i="1"/>
  <c r="X81456" i="1"/>
  <c r="X81457" i="1"/>
  <c r="X81458" i="1"/>
  <c r="X81459" i="1"/>
  <c r="X81460" i="1"/>
  <c r="X81461" i="1"/>
  <c r="X81462" i="1"/>
  <c r="X81463" i="1"/>
  <c r="X81464" i="1"/>
  <c r="X81465" i="1"/>
  <c r="X81466" i="1"/>
  <c r="X81467" i="1"/>
  <c r="X81468" i="1"/>
  <c r="X81469" i="1"/>
  <c r="X81470" i="1"/>
  <c r="X81471" i="1"/>
  <c r="X81472" i="1"/>
  <c r="X81473" i="1"/>
  <c r="X81474" i="1"/>
  <c r="X81475" i="1"/>
  <c r="X81476" i="1"/>
  <c r="X81477" i="1"/>
  <c r="X81478" i="1"/>
  <c r="X81479" i="1"/>
  <c r="X81480" i="1"/>
  <c r="X81481" i="1"/>
  <c r="X81482" i="1"/>
  <c r="X81483" i="1"/>
  <c r="X81484" i="1"/>
  <c r="X81485" i="1"/>
  <c r="X81486" i="1"/>
  <c r="X81487" i="1"/>
  <c r="X81488" i="1"/>
  <c r="X81489" i="1"/>
  <c r="X81490" i="1"/>
  <c r="X81491" i="1"/>
  <c r="X81492" i="1"/>
  <c r="X81493" i="1"/>
  <c r="X81494" i="1"/>
  <c r="X81495" i="1"/>
  <c r="X81496" i="1"/>
  <c r="X81497" i="1"/>
  <c r="X81498" i="1"/>
  <c r="X81499" i="1"/>
  <c r="X81500" i="1"/>
  <c r="X81501" i="1"/>
  <c r="X81502" i="1"/>
  <c r="X81503" i="1"/>
  <c r="X81504" i="1"/>
  <c r="X81505" i="1"/>
  <c r="X81506" i="1"/>
  <c r="X81507" i="1"/>
  <c r="X81508" i="1"/>
  <c r="X81509" i="1"/>
  <c r="X81510" i="1"/>
  <c r="X81511" i="1"/>
  <c r="X81512" i="1"/>
  <c r="X81513" i="1"/>
  <c r="X81514" i="1"/>
  <c r="X81515" i="1"/>
  <c r="X81516" i="1"/>
  <c r="X81517" i="1"/>
  <c r="X81518" i="1"/>
  <c r="X81519" i="1"/>
  <c r="X81520" i="1"/>
  <c r="X81521" i="1"/>
  <c r="X81522" i="1"/>
  <c r="X81523" i="1"/>
  <c r="X81524" i="1"/>
  <c r="X81525" i="1"/>
  <c r="X81526" i="1"/>
  <c r="X81527" i="1"/>
  <c r="X81528" i="1"/>
  <c r="X81529" i="1"/>
  <c r="X81530" i="1"/>
  <c r="X81531" i="1"/>
  <c r="X81532" i="1"/>
  <c r="X81533" i="1"/>
  <c r="X81534" i="1"/>
  <c r="X81535" i="1"/>
  <c r="X81536" i="1"/>
  <c r="X81537" i="1"/>
  <c r="X81538" i="1"/>
  <c r="X81539" i="1"/>
  <c r="X81540" i="1"/>
  <c r="X81541" i="1"/>
  <c r="X81542" i="1"/>
  <c r="X81543" i="1"/>
  <c r="X81544" i="1"/>
  <c r="X81545" i="1"/>
  <c r="X81546" i="1"/>
  <c r="X81547" i="1"/>
  <c r="X81548" i="1"/>
  <c r="X81549" i="1"/>
  <c r="X81550" i="1"/>
  <c r="X81551" i="1"/>
  <c r="X81552" i="1"/>
  <c r="X81553" i="1"/>
  <c r="X81554" i="1"/>
  <c r="X81555" i="1"/>
  <c r="X81556" i="1"/>
  <c r="X81557" i="1"/>
  <c r="X81558" i="1"/>
  <c r="X81559" i="1"/>
  <c r="X81560" i="1"/>
  <c r="X81561" i="1"/>
  <c r="X81562" i="1"/>
  <c r="X81563" i="1"/>
  <c r="X81564" i="1"/>
  <c r="X81565" i="1"/>
  <c r="X81566" i="1"/>
  <c r="X81567" i="1"/>
  <c r="X81568" i="1"/>
  <c r="X81569" i="1"/>
  <c r="X81570" i="1"/>
  <c r="X81571" i="1"/>
  <c r="X81572" i="1"/>
  <c r="X81573" i="1"/>
  <c r="X81574" i="1"/>
  <c r="X81575" i="1"/>
  <c r="X81576" i="1"/>
  <c r="X81577" i="1"/>
  <c r="X81578" i="1"/>
  <c r="X81579" i="1"/>
  <c r="X81580" i="1"/>
  <c r="X81581" i="1"/>
  <c r="X81582" i="1"/>
  <c r="X81583" i="1"/>
  <c r="X81584" i="1"/>
  <c r="X81585" i="1"/>
  <c r="X81586" i="1"/>
  <c r="X81587" i="1"/>
  <c r="X81588" i="1"/>
  <c r="X81589" i="1"/>
  <c r="X81590" i="1"/>
  <c r="X81591" i="1"/>
  <c r="X81592" i="1"/>
  <c r="X81593" i="1"/>
  <c r="X81594" i="1"/>
  <c r="X81595" i="1"/>
  <c r="X81596" i="1"/>
  <c r="X81597" i="1"/>
  <c r="X81598" i="1"/>
  <c r="X81599" i="1"/>
  <c r="X81600" i="1"/>
  <c r="X81601" i="1"/>
  <c r="X81602" i="1"/>
  <c r="X81603" i="1"/>
  <c r="X81604" i="1"/>
  <c r="X81605" i="1"/>
  <c r="X81606" i="1"/>
  <c r="X81607" i="1"/>
  <c r="X81608" i="1"/>
  <c r="X81609" i="1"/>
  <c r="X81610" i="1"/>
  <c r="X81611" i="1"/>
  <c r="X81612" i="1"/>
  <c r="X81613" i="1"/>
  <c r="X81614" i="1"/>
  <c r="X81615" i="1"/>
  <c r="X81616" i="1"/>
  <c r="X81617" i="1"/>
  <c r="X81618" i="1"/>
  <c r="X81619" i="1"/>
  <c r="X81620" i="1"/>
  <c r="X81621" i="1"/>
  <c r="X81622" i="1"/>
  <c r="X81623" i="1"/>
  <c r="X81624" i="1"/>
  <c r="X81625" i="1"/>
  <c r="X81626" i="1"/>
  <c r="X81627" i="1"/>
  <c r="X81628" i="1"/>
  <c r="X81629" i="1"/>
  <c r="X81630" i="1"/>
  <c r="X81631" i="1"/>
  <c r="X81632" i="1"/>
  <c r="X81633" i="1"/>
  <c r="X81634" i="1"/>
  <c r="X81635" i="1"/>
  <c r="X81636" i="1"/>
  <c r="X81637" i="1"/>
  <c r="X81638" i="1"/>
  <c r="X81639" i="1"/>
  <c r="X81640" i="1"/>
  <c r="X81641" i="1"/>
  <c r="X81642" i="1"/>
  <c r="X81643" i="1"/>
  <c r="X81644" i="1"/>
  <c r="X81645" i="1"/>
  <c r="X81646" i="1"/>
  <c r="X81647" i="1"/>
  <c r="X81648" i="1"/>
  <c r="X81649" i="1"/>
  <c r="X81650" i="1"/>
  <c r="X81651" i="1"/>
  <c r="X81652" i="1"/>
  <c r="X81653" i="1"/>
  <c r="X81654" i="1"/>
  <c r="X81655" i="1"/>
  <c r="X81656" i="1"/>
  <c r="X81657" i="1"/>
  <c r="X81658" i="1"/>
  <c r="X81659" i="1"/>
  <c r="X81660" i="1"/>
  <c r="X81661" i="1"/>
  <c r="X81662" i="1"/>
  <c r="X81663" i="1"/>
  <c r="X81664" i="1"/>
  <c r="X81665" i="1"/>
  <c r="X81666" i="1"/>
  <c r="X81667" i="1"/>
  <c r="X81668" i="1"/>
  <c r="X81669" i="1"/>
  <c r="X81670" i="1"/>
  <c r="X81671" i="1"/>
  <c r="X81672" i="1"/>
  <c r="X81673" i="1"/>
  <c r="X81674" i="1"/>
  <c r="X81675" i="1"/>
  <c r="X81676" i="1"/>
  <c r="X81677" i="1"/>
  <c r="X81678" i="1"/>
  <c r="X81679" i="1"/>
  <c r="X81680" i="1"/>
  <c r="X81681" i="1"/>
  <c r="X81682" i="1"/>
  <c r="X81683" i="1"/>
  <c r="X81684" i="1"/>
  <c r="X81685" i="1"/>
  <c r="X81686" i="1"/>
  <c r="X81687" i="1"/>
  <c r="X81688" i="1"/>
  <c r="X81689" i="1"/>
  <c r="X81690" i="1"/>
  <c r="X81691" i="1"/>
  <c r="X81692" i="1"/>
  <c r="X81693" i="1"/>
  <c r="X81694" i="1"/>
  <c r="X81695" i="1"/>
  <c r="X81696" i="1"/>
  <c r="X81697" i="1"/>
  <c r="X81698" i="1"/>
  <c r="X81699" i="1"/>
  <c r="X81700" i="1"/>
  <c r="X81701" i="1"/>
  <c r="X81702" i="1"/>
  <c r="X81703" i="1"/>
  <c r="X81704" i="1"/>
  <c r="X81705" i="1"/>
  <c r="X81706" i="1"/>
  <c r="X81707" i="1"/>
  <c r="X81708" i="1"/>
  <c r="X81709" i="1"/>
  <c r="X81710" i="1"/>
  <c r="X81711" i="1"/>
  <c r="X81712" i="1"/>
  <c r="X81713" i="1"/>
  <c r="X81714" i="1"/>
  <c r="X81715" i="1"/>
  <c r="X81716" i="1"/>
  <c r="X81717" i="1"/>
  <c r="X81718" i="1"/>
  <c r="X81719" i="1"/>
  <c r="X81720" i="1"/>
  <c r="X81721" i="1"/>
  <c r="X81722" i="1"/>
  <c r="X81723" i="1"/>
  <c r="X81724" i="1"/>
  <c r="X81725" i="1"/>
  <c r="X81726" i="1"/>
  <c r="X81727" i="1"/>
  <c r="X81728" i="1"/>
  <c r="X81729" i="1"/>
  <c r="X81730" i="1"/>
  <c r="X81731" i="1"/>
  <c r="X81732" i="1"/>
  <c r="X81733" i="1"/>
  <c r="X81734" i="1"/>
  <c r="X81735" i="1"/>
  <c r="X81736" i="1"/>
  <c r="X81737" i="1"/>
  <c r="X81738" i="1"/>
  <c r="X81739" i="1"/>
  <c r="X81740" i="1"/>
  <c r="X81741" i="1"/>
  <c r="X81742" i="1"/>
  <c r="X81743" i="1"/>
  <c r="X81744" i="1"/>
  <c r="X81745" i="1"/>
  <c r="X81746" i="1"/>
  <c r="X81747" i="1"/>
  <c r="X81748" i="1"/>
  <c r="X81749" i="1"/>
  <c r="X81750" i="1"/>
  <c r="X81751" i="1"/>
  <c r="X81752" i="1"/>
  <c r="X81753" i="1"/>
  <c r="X81754" i="1"/>
  <c r="X81755" i="1"/>
  <c r="X81756" i="1"/>
  <c r="X81757" i="1"/>
  <c r="X81758" i="1"/>
  <c r="X81759" i="1"/>
  <c r="X81760" i="1"/>
  <c r="X81761" i="1"/>
  <c r="X81762" i="1"/>
  <c r="X81763" i="1"/>
  <c r="X81764" i="1"/>
  <c r="X81765" i="1"/>
  <c r="X81766" i="1"/>
  <c r="X81767" i="1"/>
  <c r="X81768" i="1"/>
  <c r="X81769" i="1"/>
  <c r="X81770" i="1"/>
  <c r="X81771" i="1"/>
  <c r="X81772" i="1"/>
  <c r="X81773" i="1"/>
  <c r="X81774" i="1"/>
  <c r="X81775" i="1"/>
  <c r="X81776" i="1"/>
  <c r="X81777" i="1"/>
  <c r="X81778" i="1"/>
  <c r="X81779" i="1"/>
  <c r="X81780" i="1"/>
  <c r="X81781" i="1"/>
  <c r="X81782" i="1"/>
  <c r="X81783" i="1"/>
  <c r="X81784" i="1"/>
  <c r="X81785" i="1"/>
  <c r="X81786" i="1"/>
  <c r="X81787" i="1"/>
  <c r="X81788" i="1"/>
  <c r="X81789" i="1"/>
  <c r="X81790" i="1"/>
  <c r="X81791" i="1"/>
  <c r="X81792" i="1"/>
  <c r="X81793" i="1"/>
  <c r="X81794" i="1"/>
  <c r="X81795" i="1"/>
  <c r="X81796" i="1"/>
  <c r="X81797" i="1"/>
  <c r="X81798" i="1"/>
  <c r="X81799" i="1"/>
  <c r="X81800" i="1"/>
  <c r="X81801" i="1"/>
  <c r="X81802" i="1"/>
  <c r="X81803" i="1"/>
  <c r="X81804" i="1"/>
  <c r="X81805" i="1"/>
  <c r="X81806" i="1"/>
  <c r="X81807" i="1"/>
  <c r="X81808" i="1"/>
  <c r="X81809" i="1"/>
  <c r="X81810" i="1"/>
  <c r="X81811" i="1"/>
  <c r="X81812" i="1"/>
  <c r="X81813" i="1"/>
  <c r="X81814" i="1"/>
  <c r="X81815" i="1"/>
  <c r="X81816" i="1"/>
  <c r="X81817" i="1"/>
  <c r="X81818" i="1"/>
  <c r="X81819" i="1"/>
  <c r="X81820" i="1"/>
  <c r="X81821" i="1"/>
  <c r="X81822" i="1"/>
  <c r="X81823" i="1"/>
  <c r="X81824" i="1"/>
  <c r="X81825" i="1"/>
  <c r="X81826" i="1"/>
  <c r="X81827" i="1"/>
  <c r="X81828" i="1"/>
  <c r="X81829" i="1"/>
  <c r="X81830" i="1"/>
  <c r="X81831" i="1"/>
  <c r="X81832" i="1"/>
  <c r="X81833" i="1"/>
  <c r="X81834" i="1"/>
  <c r="X81835" i="1"/>
  <c r="X81836" i="1"/>
  <c r="X81837" i="1"/>
  <c r="X81838" i="1"/>
  <c r="X81839" i="1"/>
  <c r="X81840" i="1"/>
  <c r="X81841" i="1"/>
  <c r="X81842" i="1"/>
  <c r="X81843" i="1"/>
  <c r="X81844" i="1"/>
  <c r="X81845" i="1"/>
  <c r="X81846" i="1"/>
  <c r="X81847" i="1"/>
  <c r="X81848" i="1"/>
  <c r="X81849" i="1"/>
  <c r="X81850" i="1"/>
  <c r="X81851" i="1"/>
  <c r="X81852" i="1"/>
  <c r="X81853" i="1"/>
  <c r="X81854" i="1"/>
  <c r="X81855" i="1"/>
  <c r="X81856" i="1"/>
  <c r="X81857" i="1"/>
  <c r="X81858" i="1"/>
  <c r="X81859" i="1"/>
  <c r="X81860" i="1"/>
  <c r="X81861" i="1"/>
  <c r="X81862" i="1"/>
  <c r="X81863" i="1"/>
  <c r="X81864" i="1"/>
  <c r="X81865" i="1"/>
  <c r="X81866" i="1"/>
  <c r="X81867" i="1"/>
  <c r="X81868" i="1"/>
  <c r="X81869" i="1"/>
  <c r="X81870" i="1"/>
  <c r="X81871" i="1"/>
  <c r="X81872" i="1"/>
  <c r="X81873" i="1"/>
  <c r="X81874" i="1"/>
  <c r="X81875" i="1"/>
  <c r="X81876" i="1"/>
  <c r="X81877" i="1"/>
  <c r="X81878" i="1"/>
  <c r="X81879" i="1"/>
  <c r="X81880" i="1"/>
  <c r="X81881" i="1"/>
  <c r="X81882" i="1"/>
  <c r="X81883" i="1"/>
  <c r="X81884" i="1"/>
  <c r="X81885" i="1"/>
  <c r="X81886" i="1"/>
  <c r="X81887" i="1"/>
  <c r="X81888" i="1"/>
  <c r="X81889" i="1"/>
  <c r="X81890" i="1"/>
  <c r="X81891" i="1"/>
  <c r="X81892" i="1"/>
  <c r="X81893" i="1"/>
  <c r="X81894" i="1"/>
  <c r="X81895" i="1"/>
  <c r="X81896" i="1"/>
  <c r="X81897" i="1"/>
  <c r="X81898" i="1"/>
  <c r="X81899" i="1"/>
  <c r="X81900" i="1"/>
  <c r="X81901" i="1"/>
  <c r="X81902" i="1"/>
  <c r="X81903" i="1"/>
  <c r="X81904" i="1"/>
  <c r="X81905" i="1"/>
  <c r="X81906" i="1"/>
  <c r="X81907" i="1"/>
  <c r="X81908" i="1"/>
  <c r="X81909" i="1"/>
  <c r="X81910" i="1"/>
  <c r="X81911" i="1"/>
  <c r="X81912" i="1"/>
  <c r="X81913" i="1"/>
  <c r="X81914" i="1"/>
  <c r="X81915" i="1"/>
  <c r="X81916" i="1"/>
  <c r="X81917" i="1"/>
  <c r="X81918" i="1"/>
  <c r="X81919" i="1"/>
  <c r="X81920" i="1"/>
  <c r="X81921" i="1"/>
  <c r="X81922" i="1"/>
  <c r="X81923" i="1"/>
  <c r="X81924" i="1"/>
  <c r="X81925" i="1"/>
  <c r="X81926" i="1"/>
  <c r="X81927" i="1"/>
  <c r="X81928" i="1"/>
  <c r="X81929" i="1"/>
  <c r="X81930" i="1"/>
  <c r="X81931" i="1"/>
  <c r="X81932" i="1"/>
  <c r="X81933" i="1"/>
  <c r="X81934" i="1"/>
  <c r="X81935" i="1"/>
  <c r="X81936" i="1"/>
  <c r="X81937" i="1"/>
  <c r="X81938" i="1"/>
  <c r="X81939" i="1"/>
  <c r="X81940" i="1"/>
  <c r="X81941" i="1"/>
  <c r="X81942" i="1"/>
  <c r="X81943" i="1"/>
  <c r="X81944" i="1"/>
  <c r="X81945" i="1"/>
  <c r="X81946" i="1"/>
  <c r="X81947" i="1"/>
  <c r="X81948" i="1"/>
  <c r="X81949" i="1"/>
  <c r="X81950" i="1"/>
  <c r="X81951" i="1"/>
  <c r="X81952" i="1"/>
  <c r="X81953" i="1"/>
  <c r="X81954" i="1"/>
  <c r="X81955" i="1"/>
  <c r="X81956" i="1"/>
  <c r="X81957" i="1"/>
  <c r="X81958" i="1"/>
  <c r="X81959" i="1"/>
  <c r="X81960" i="1"/>
  <c r="X81961" i="1"/>
  <c r="X81962" i="1"/>
  <c r="X81963" i="1"/>
  <c r="X81964" i="1"/>
  <c r="X81965" i="1"/>
  <c r="X81966" i="1"/>
  <c r="X81967" i="1"/>
  <c r="X81968" i="1"/>
  <c r="X81969" i="1"/>
  <c r="X81970" i="1"/>
  <c r="X81971" i="1"/>
  <c r="X81972" i="1"/>
  <c r="X81973" i="1"/>
  <c r="X81974" i="1"/>
  <c r="X81975" i="1"/>
  <c r="X81976" i="1"/>
  <c r="X81977" i="1"/>
  <c r="X81978" i="1"/>
  <c r="X81979" i="1"/>
  <c r="X81980" i="1"/>
  <c r="X81981" i="1"/>
  <c r="X81982" i="1"/>
  <c r="X81983" i="1"/>
  <c r="X81984" i="1"/>
  <c r="X81985" i="1"/>
  <c r="X81986" i="1"/>
  <c r="X81987" i="1"/>
  <c r="X81988" i="1"/>
  <c r="X81989" i="1"/>
  <c r="X81990" i="1"/>
  <c r="X81991" i="1"/>
  <c r="X81992" i="1"/>
  <c r="X81993" i="1"/>
  <c r="X81994" i="1"/>
  <c r="X81995" i="1"/>
  <c r="X81996" i="1"/>
  <c r="X81997" i="1"/>
  <c r="X81998" i="1"/>
  <c r="X81999" i="1"/>
  <c r="X82000" i="1"/>
  <c r="X82001" i="1"/>
  <c r="X82002" i="1"/>
  <c r="X82003" i="1"/>
  <c r="X82004" i="1"/>
  <c r="X82005" i="1"/>
  <c r="X82006" i="1"/>
  <c r="X82007" i="1"/>
  <c r="X82008" i="1"/>
  <c r="X82009" i="1"/>
  <c r="X82010" i="1"/>
  <c r="X82011" i="1"/>
  <c r="X82012" i="1"/>
  <c r="X82013" i="1"/>
  <c r="X82014" i="1"/>
  <c r="X82015" i="1"/>
  <c r="X82016" i="1"/>
  <c r="X82017" i="1"/>
  <c r="X82018" i="1"/>
  <c r="X82019" i="1"/>
  <c r="X82020" i="1"/>
  <c r="X82021" i="1"/>
  <c r="X82022" i="1"/>
  <c r="X82023" i="1"/>
  <c r="X82024" i="1"/>
  <c r="X82025" i="1"/>
  <c r="X82026" i="1"/>
  <c r="X82027" i="1"/>
  <c r="X82028" i="1"/>
  <c r="X82029" i="1"/>
  <c r="X82030" i="1"/>
  <c r="X82031" i="1"/>
  <c r="X82032" i="1"/>
  <c r="X82033" i="1"/>
  <c r="X82034" i="1"/>
  <c r="X82035" i="1"/>
  <c r="X82036" i="1"/>
  <c r="X82037" i="1"/>
  <c r="X82038" i="1"/>
  <c r="X82039" i="1"/>
  <c r="X82040" i="1"/>
  <c r="X82041" i="1"/>
  <c r="X82042" i="1"/>
  <c r="X82043" i="1"/>
  <c r="X82044" i="1"/>
  <c r="X82045" i="1"/>
  <c r="X82046" i="1"/>
  <c r="X82047" i="1"/>
  <c r="X82048" i="1"/>
  <c r="X82049" i="1"/>
  <c r="X82050" i="1"/>
  <c r="X82051" i="1"/>
  <c r="X82052" i="1"/>
  <c r="X82053" i="1"/>
  <c r="X82054" i="1"/>
  <c r="X82055" i="1"/>
  <c r="X82056" i="1"/>
  <c r="X82057" i="1"/>
  <c r="X82058" i="1"/>
  <c r="X82059" i="1"/>
  <c r="X82060" i="1"/>
  <c r="X82061" i="1"/>
  <c r="X82062" i="1"/>
  <c r="X82063" i="1"/>
  <c r="X82064" i="1"/>
  <c r="X82065" i="1"/>
  <c r="X82066" i="1"/>
  <c r="X82067" i="1"/>
  <c r="X82068" i="1"/>
  <c r="X82069" i="1"/>
  <c r="X82070" i="1"/>
  <c r="X82071" i="1"/>
  <c r="X82072" i="1"/>
  <c r="X82073" i="1"/>
  <c r="X82074" i="1"/>
  <c r="X82075" i="1"/>
  <c r="X82076" i="1"/>
  <c r="X82077" i="1"/>
  <c r="X82078" i="1"/>
  <c r="X82079" i="1"/>
  <c r="X82080" i="1"/>
  <c r="X82081" i="1"/>
  <c r="X82082" i="1"/>
  <c r="X82083" i="1"/>
  <c r="X82084" i="1"/>
  <c r="X82085" i="1"/>
  <c r="X82086" i="1"/>
  <c r="X82087" i="1"/>
  <c r="X82088" i="1"/>
  <c r="X82089" i="1"/>
  <c r="X82090" i="1"/>
  <c r="X82091" i="1"/>
  <c r="X82092" i="1"/>
  <c r="X82093" i="1"/>
  <c r="X82094" i="1"/>
  <c r="X82095" i="1"/>
  <c r="X82096" i="1"/>
  <c r="X82097" i="1"/>
  <c r="X82098" i="1"/>
  <c r="X82099" i="1"/>
  <c r="X82100" i="1"/>
  <c r="X82101" i="1"/>
  <c r="X82102" i="1"/>
  <c r="X82103" i="1"/>
  <c r="X82104" i="1"/>
  <c r="X82105" i="1"/>
  <c r="X82106" i="1"/>
  <c r="X82107" i="1"/>
  <c r="X82108" i="1"/>
  <c r="X82109" i="1"/>
  <c r="X82110" i="1"/>
  <c r="X82111" i="1"/>
  <c r="X82112" i="1"/>
  <c r="X82113" i="1"/>
  <c r="X82114" i="1"/>
  <c r="X82115" i="1"/>
  <c r="X82116" i="1"/>
  <c r="X82117" i="1"/>
  <c r="X82118" i="1"/>
  <c r="X82119" i="1"/>
  <c r="X82120" i="1"/>
  <c r="X82121" i="1"/>
  <c r="X82122" i="1"/>
  <c r="X82123" i="1"/>
  <c r="X82124" i="1"/>
  <c r="X82125" i="1"/>
  <c r="X82126" i="1"/>
  <c r="X82127" i="1"/>
  <c r="X82128" i="1"/>
  <c r="X82129" i="1"/>
  <c r="X82130" i="1"/>
  <c r="X82131" i="1"/>
  <c r="X82132" i="1"/>
  <c r="X82133" i="1"/>
  <c r="X82134" i="1"/>
  <c r="X82135" i="1"/>
  <c r="X82136" i="1"/>
  <c r="X82137" i="1"/>
  <c r="X82138" i="1"/>
  <c r="X82139" i="1"/>
  <c r="X82140" i="1"/>
  <c r="X82141" i="1"/>
  <c r="X82142" i="1"/>
  <c r="X82143" i="1"/>
  <c r="X82144" i="1"/>
  <c r="X82145" i="1"/>
  <c r="X82146" i="1"/>
  <c r="X82147" i="1"/>
  <c r="X82148" i="1"/>
  <c r="X82149" i="1"/>
  <c r="X82150" i="1"/>
  <c r="X82151" i="1"/>
  <c r="X82152" i="1"/>
  <c r="X82153" i="1"/>
  <c r="X82154" i="1"/>
  <c r="X82155" i="1"/>
  <c r="X82156" i="1"/>
  <c r="X82157" i="1"/>
  <c r="X82158" i="1"/>
  <c r="X82159" i="1"/>
  <c r="X82160" i="1"/>
  <c r="X82161" i="1"/>
  <c r="X82162" i="1"/>
  <c r="X82163" i="1"/>
  <c r="X82164" i="1"/>
  <c r="X82165" i="1"/>
  <c r="X82166" i="1"/>
  <c r="X82167" i="1"/>
  <c r="X82168" i="1"/>
  <c r="X82169" i="1"/>
  <c r="X82170" i="1"/>
  <c r="X82171" i="1"/>
  <c r="X82172" i="1"/>
  <c r="X82173" i="1"/>
  <c r="X82174" i="1"/>
  <c r="X82175" i="1"/>
  <c r="X82176" i="1"/>
  <c r="X82177" i="1"/>
  <c r="X82178" i="1"/>
  <c r="X82179" i="1"/>
  <c r="X82180" i="1"/>
  <c r="X82181" i="1"/>
  <c r="X82182" i="1"/>
  <c r="X82183" i="1"/>
  <c r="X82184" i="1"/>
  <c r="X82185" i="1"/>
  <c r="X82186" i="1"/>
  <c r="X82187" i="1"/>
  <c r="X82188" i="1"/>
  <c r="X82189" i="1"/>
  <c r="X82190" i="1"/>
  <c r="X82191" i="1"/>
  <c r="X82192" i="1"/>
  <c r="X82193" i="1"/>
  <c r="X82194" i="1"/>
  <c r="X82195" i="1"/>
  <c r="X82196" i="1"/>
  <c r="X82197" i="1"/>
  <c r="X82198" i="1"/>
  <c r="X82199" i="1"/>
  <c r="X82200" i="1"/>
  <c r="X82201" i="1"/>
  <c r="X82202" i="1"/>
  <c r="X82203" i="1"/>
  <c r="X82204" i="1"/>
  <c r="X82205" i="1"/>
  <c r="X82206" i="1"/>
  <c r="X82207" i="1"/>
  <c r="X82208" i="1"/>
  <c r="X82209" i="1"/>
  <c r="X82210" i="1"/>
  <c r="X82211" i="1"/>
  <c r="X82212" i="1"/>
  <c r="X82213" i="1"/>
  <c r="X82214" i="1"/>
  <c r="X82215" i="1"/>
  <c r="X82216" i="1"/>
  <c r="X82217" i="1"/>
  <c r="X82218" i="1"/>
  <c r="X82219" i="1"/>
  <c r="X82220" i="1"/>
  <c r="X82221" i="1"/>
  <c r="X82222" i="1"/>
  <c r="X82223" i="1"/>
  <c r="X82224" i="1"/>
  <c r="X82225" i="1"/>
  <c r="X82226" i="1"/>
  <c r="X82227" i="1"/>
  <c r="X82228" i="1"/>
  <c r="X82229" i="1"/>
  <c r="X82230" i="1"/>
  <c r="X82231" i="1"/>
  <c r="X82232" i="1"/>
  <c r="X82233" i="1"/>
  <c r="X82234" i="1"/>
  <c r="X82235" i="1"/>
  <c r="X82236" i="1"/>
  <c r="X82237" i="1"/>
  <c r="X82238" i="1"/>
  <c r="X82239" i="1"/>
  <c r="X82240" i="1"/>
  <c r="X82241" i="1"/>
  <c r="X82242" i="1"/>
  <c r="X82243" i="1"/>
  <c r="X82244" i="1"/>
  <c r="X82245" i="1"/>
  <c r="X82246" i="1"/>
  <c r="X82247" i="1"/>
  <c r="X82248" i="1"/>
  <c r="X82249" i="1"/>
  <c r="X82250" i="1"/>
  <c r="X82251" i="1"/>
  <c r="X82252" i="1"/>
  <c r="X82253" i="1"/>
  <c r="X82254" i="1"/>
  <c r="X82255" i="1"/>
  <c r="X82256" i="1"/>
  <c r="X82257" i="1"/>
  <c r="X82258" i="1"/>
  <c r="X82259" i="1"/>
  <c r="X82260" i="1"/>
  <c r="X82261" i="1"/>
  <c r="X82262" i="1"/>
  <c r="X82263" i="1"/>
  <c r="X82264" i="1"/>
  <c r="X82265" i="1"/>
  <c r="X82266" i="1"/>
  <c r="X82267" i="1"/>
  <c r="X82268" i="1"/>
  <c r="X82269" i="1"/>
  <c r="X82270" i="1"/>
  <c r="X82271" i="1"/>
  <c r="X82272" i="1"/>
  <c r="X82273" i="1"/>
  <c r="X82274" i="1"/>
  <c r="X82275" i="1"/>
  <c r="X82276" i="1"/>
  <c r="X82277" i="1"/>
  <c r="X82278" i="1"/>
  <c r="X82279" i="1"/>
  <c r="X82280" i="1"/>
  <c r="X82281" i="1"/>
  <c r="X82282" i="1"/>
  <c r="X82283" i="1"/>
  <c r="X82284" i="1"/>
  <c r="X82285" i="1"/>
  <c r="X82286" i="1"/>
  <c r="X82287" i="1"/>
  <c r="X82288" i="1"/>
  <c r="X82289" i="1"/>
  <c r="X82290" i="1"/>
  <c r="X82291" i="1"/>
  <c r="X82292" i="1"/>
  <c r="X82293" i="1"/>
  <c r="X82294" i="1"/>
  <c r="X82295" i="1"/>
  <c r="X82296" i="1"/>
  <c r="X82297" i="1"/>
  <c r="X82298" i="1"/>
  <c r="X82299" i="1"/>
  <c r="X82300" i="1"/>
  <c r="X82301" i="1"/>
  <c r="X82302" i="1"/>
  <c r="X82303" i="1"/>
  <c r="X82304" i="1"/>
  <c r="X82305" i="1"/>
  <c r="X82306" i="1"/>
  <c r="X82307" i="1"/>
  <c r="X82308" i="1"/>
  <c r="X82309" i="1"/>
  <c r="X82310" i="1"/>
  <c r="X82311" i="1"/>
  <c r="X82312" i="1"/>
  <c r="X82313" i="1"/>
  <c r="X82314" i="1"/>
  <c r="X82315" i="1"/>
  <c r="X82316" i="1"/>
  <c r="X82317" i="1"/>
  <c r="X82318" i="1"/>
  <c r="X82319" i="1"/>
  <c r="X82320" i="1"/>
  <c r="X82321" i="1"/>
  <c r="X82322" i="1"/>
  <c r="X82323" i="1"/>
  <c r="X82324" i="1"/>
  <c r="X82325" i="1"/>
  <c r="X82326" i="1"/>
  <c r="X82327" i="1"/>
  <c r="X82328" i="1"/>
  <c r="X82329" i="1"/>
  <c r="X82330" i="1"/>
  <c r="X82331" i="1"/>
  <c r="X82332" i="1"/>
  <c r="X82333" i="1"/>
  <c r="X82334" i="1"/>
  <c r="X82335" i="1"/>
  <c r="X82336" i="1"/>
  <c r="X82337" i="1"/>
  <c r="X82338" i="1"/>
  <c r="X82339" i="1"/>
  <c r="X82340" i="1"/>
  <c r="X82341" i="1"/>
  <c r="X82342" i="1"/>
  <c r="X82343" i="1"/>
  <c r="X82344" i="1"/>
  <c r="X82345" i="1"/>
  <c r="X82346" i="1"/>
  <c r="X82347" i="1"/>
  <c r="X82348" i="1"/>
  <c r="X82349" i="1"/>
  <c r="X82350" i="1"/>
  <c r="X82351" i="1"/>
  <c r="X82352" i="1"/>
  <c r="X82353" i="1"/>
  <c r="X82354" i="1"/>
  <c r="X82355" i="1"/>
  <c r="X82356" i="1"/>
  <c r="X82357" i="1"/>
  <c r="X82358" i="1"/>
  <c r="X82359" i="1"/>
  <c r="X82360" i="1"/>
  <c r="X82361" i="1"/>
  <c r="X82362" i="1"/>
  <c r="X82363" i="1"/>
  <c r="X82364" i="1"/>
  <c r="X82365" i="1"/>
  <c r="X82366" i="1"/>
  <c r="X82367" i="1"/>
  <c r="X82368" i="1"/>
  <c r="X82369" i="1"/>
  <c r="X82370" i="1"/>
  <c r="X82371" i="1"/>
  <c r="X82372" i="1"/>
  <c r="X82373" i="1"/>
  <c r="X82374" i="1"/>
  <c r="X82375" i="1"/>
  <c r="X82376" i="1"/>
  <c r="X82377" i="1"/>
  <c r="X82378" i="1"/>
  <c r="X82379" i="1"/>
  <c r="X82380" i="1"/>
  <c r="X82381" i="1"/>
  <c r="X82382" i="1"/>
  <c r="X82383" i="1"/>
  <c r="X82384" i="1"/>
  <c r="X82385" i="1"/>
  <c r="X82386" i="1"/>
  <c r="X82387" i="1"/>
  <c r="X82388" i="1"/>
  <c r="X82389" i="1"/>
  <c r="X82390" i="1"/>
  <c r="X82391" i="1"/>
  <c r="X82392" i="1"/>
  <c r="X82393" i="1"/>
  <c r="X82394" i="1"/>
  <c r="X82395" i="1"/>
  <c r="X82396" i="1"/>
  <c r="X82397" i="1"/>
  <c r="X82398" i="1"/>
  <c r="X82399" i="1"/>
  <c r="X82400" i="1"/>
  <c r="X82401" i="1"/>
  <c r="X82402" i="1"/>
  <c r="X82403" i="1"/>
  <c r="X82404" i="1"/>
  <c r="X82405" i="1"/>
  <c r="X82406" i="1"/>
  <c r="X82407" i="1"/>
  <c r="X82408" i="1"/>
  <c r="X82409" i="1"/>
  <c r="X82410" i="1"/>
  <c r="X82411" i="1"/>
  <c r="X82412" i="1"/>
  <c r="X82413" i="1"/>
  <c r="X82414" i="1"/>
  <c r="X82415" i="1"/>
  <c r="X82416" i="1"/>
  <c r="X82417" i="1"/>
  <c r="X82418" i="1"/>
  <c r="X82419" i="1"/>
  <c r="X82420" i="1"/>
  <c r="X82421" i="1"/>
  <c r="X82422" i="1"/>
  <c r="X82423" i="1"/>
  <c r="X82424" i="1"/>
  <c r="X82425" i="1"/>
  <c r="X82426" i="1"/>
  <c r="X82427" i="1"/>
  <c r="X82428" i="1"/>
  <c r="X82429" i="1"/>
  <c r="X82430" i="1"/>
  <c r="X82431" i="1"/>
  <c r="X82432" i="1"/>
  <c r="X82433" i="1"/>
  <c r="X82434" i="1"/>
  <c r="X82435" i="1"/>
  <c r="X82436" i="1"/>
  <c r="X82437" i="1"/>
  <c r="X82438" i="1"/>
  <c r="X82439" i="1"/>
  <c r="X82440" i="1"/>
  <c r="X82441" i="1"/>
  <c r="X82442" i="1"/>
  <c r="X82443" i="1"/>
  <c r="X82444" i="1"/>
  <c r="X82445" i="1"/>
  <c r="X82446" i="1"/>
  <c r="X82447" i="1"/>
  <c r="X82448" i="1"/>
  <c r="X82449" i="1"/>
  <c r="X82450" i="1"/>
  <c r="X82451" i="1"/>
  <c r="X82452" i="1"/>
  <c r="X82453" i="1"/>
  <c r="X82454" i="1"/>
  <c r="X82455" i="1"/>
  <c r="X82456" i="1"/>
  <c r="X82457" i="1"/>
  <c r="X82458" i="1"/>
  <c r="X82459" i="1"/>
  <c r="X82460" i="1"/>
  <c r="X82461" i="1"/>
  <c r="X82462" i="1"/>
  <c r="X82463" i="1"/>
  <c r="X82464" i="1"/>
  <c r="X82465" i="1"/>
  <c r="X82466" i="1"/>
  <c r="X82467" i="1"/>
  <c r="X82468" i="1"/>
  <c r="X82469" i="1"/>
  <c r="X82470" i="1"/>
  <c r="X82471" i="1"/>
  <c r="X82472" i="1"/>
  <c r="X82473" i="1"/>
  <c r="X82474" i="1"/>
  <c r="X82475" i="1"/>
  <c r="X82476" i="1"/>
  <c r="X82477" i="1"/>
  <c r="X82478" i="1"/>
  <c r="X82479" i="1"/>
  <c r="X82480" i="1"/>
  <c r="X82481" i="1"/>
  <c r="X82482" i="1"/>
  <c r="X82483" i="1"/>
  <c r="X82484" i="1"/>
  <c r="X82485" i="1"/>
  <c r="X82486" i="1"/>
  <c r="X82487" i="1"/>
  <c r="X82488" i="1"/>
  <c r="X82489" i="1"/>
  <c r="X82490" i="1"/>
  <c r="X82491" i="1"/>
  <c r="X82492" i="1"/>
  <c r="X82493" i="1"/>
  <c r="X82494" i="1"/>
  <c r="X82495" i="1"/>
  <c r="X82496" i="1"/>
  <c r="X82497" i="1"/>
  <c r="X82498" i="1"/>
  <c r="X82499" i="1"/>
  <c r="X82500" i="1"/>
  <c r="X82501" i="1"/>
  <c r="X82502" i="1"/>
  <c r="X82503" i="1"/>
  <c r="X82504" i="1"/>
  <c r="X82505" i="1"/>
  <c r="X82506" i="1"/>
  <c r="X82507" i="1"/>
  <c r="X82508" i="1"/>
  <c r="X82509" i="1"/>
  <c r="X82510" i="1"/>
  <c r="X82511" i="1"/>
  <c r="X82512" i="1"/>
  <c r="X82513" i="1"/>
  <c r="X82514" i="1"/>
  <c r="X82515" i="1"/>
  <c r="X82516" i="1"/>
  <c r="X82517" i="1"/>
  <c r="X82518" i="1"/>
  <c r="X82519" i="1"/>
  <c r="X82520" i="1"/>
  <c r="X82521" i="1"/>
  <c r="X82522" i="1"/>
  <c r="X82523" i="1"/>
  <c r="X82524" i="1"/>
  <c r="X82525" i="1"/>
  <c r="X82526" i="1"/>
  <c r="X82527" i="1"/>
  <c r="X82528" i="1"/>
  <c r="X82529" i="1"/>
  <c r="X82530" i="1"/>
  <c r="X82531" i="1"/>
  <c r="X82532" i="1"/>
  <c r="X82533" i="1"/>
  <c r="X82534" i="1"/>
  <c r="X82535" i="1"/>
  <c r="X82536" i="1"/>
  <c r="X82537" i="1"/>
  <c r="X82538" i="1"/>
  <c r="X82539" i="1"/>
  <c r="X82540" i="1"/>
  <c r="X82541" i="1"/>
  <c r="X82542" i="1"/>
  <c r="X82543" i="1"/>
  <c r="X82544" i="1"/>
  <c r="X82545" i="1"/>
  <c r="X82546" i="1"/>
  <c r="X82547" i="1"/>
  <c r="X82548" i="1"/>
  <c r="X82549" i="1"/>
  <c r="X82550" i="1"/>
  <c r="X82551" i="1"/>
  <c r="X82552" i="1"/>
  <c r="X82553" i="1"/>
  <c r="X82554" i="1"/>
  <c r="X82555" i="1"/>
  <c r="X82556" i="1"/>
  <c r="X82557" i="1"/>
  <c r="X82558" i="1"/>
  <c r="X82559" i="1"/>
  <c r="X82560" i="1"/>
  <c r="X82561" i="1"/>
  <c r="X82562" i="1"/>
  <c r="X82563" i="1"/>
  <c r="X82564" i="1"/>
  <c r="X82565" i="1"/>
  <c r="X82566" i="1"/>
  <c r="X82567" i="1"/>
  <c r="X82568" i="1"/>
  <c r="X82569" i="1"/>
  <c r="X82570" i="1"/>
  <c r="X82571" i="1"/>
  <c r="X82572" i="1"/>
  <c r="X82573" i="1"/>
  <c r="X82574" i="1"/>
  <c r="X82575" i="1"/>
  <c r="X82576" i="1"/>
  <c r="X82577" i="1"/>
  <c r="X82578" i="1"/>
  <c r="X82579" i="1"/>
  <c r="X82580" i="1"/>
  <c r="X82581" i="1"/>
  <c r="X82582" i="1"/>
  <c r="X82583" i="1"/>
  <c r="X82584" i="1"/>
  <c r="X82585" i="1"/>
  <c r="X82586" i="1"/>
  <c r="X82587" i="1"/>
  <c r="X82588" i="1"/>
  <c r="X82589" i="1"/>
  <c r="X82590" i="1"/>
  <c r="X82591" i="1"/>
  <c r="X82592" i="1"/>
  <c r="X82593" i="1"/>
  <c r="X82594" i="1"/>
  <c r="X82595" i="1"/>
  <c r="X82596" i="1"/>
  <c r="X82597" i="1"/>
  <c r="X82598" i="1"/>
  <c r="X82599" i="1"/>
  <c r="X82600" i="1"/>
  <c r="X82601" i="1"/>
  <c r="X82602" i="1"/>
  <c r="X82603" i="1"/>
  <c r="X82604" i="1"/>
  <c r="X82605" i="1"/>
  <c r="X82606" i="1"/>
  <c r="X82607" i="1"/>
  <c r="X82608" i="1"/>
  <c r="X82609" i="1"/>
  <c r="X82610" i="1"/>
  <c r="X82611" i="1"/>
  <c r="X82612" i="1"/>
  <c r="X82613" i="1"/>
  <c r="X82614" i="1"/>
  <c r="X82615" i="1"/>
  <c r="X82616" i="1"/>
  <c r="X82617" i="1"/>
  <c r="X82618" i="1"/>
  <c r="X82619" i="1"/>
  <c r="X82620" i="1"/>
  <c r="X82621" i="1"/>
  <c r="X82622" i="1"/>
  <c r="X82623" i="1"/>
  <c r="X82624" i="1"/>
  <c r="X82625" i="1"/>
  <c r="X82626" i="1"/>
  <c r="X82627" i="1"/>
  <c r="X82628" i="1"/>
  <c r="X82629" i="1"/>
  <c r="X82630" i="1"/>
  <c r="X82631" i="1"/>
  <c r="X82632" i="1"/>
  <c r="X82633" i="1"/>
  <c r="X82634" i="1"/>
  <c r="X82635" i="1"/>
  <c r="X82636" i="1"/>
  <c r="X82637" i="1"/>
  <c r="X82638" i="1"/>
  <c r="X82639" i="1"/>
  <c r="X82640" i="1"/>
  <c r="X82641" i="1"/>
  <c r="X82642" i="1"/>
  <c r="X82643" i="1"/>
  <c r="X82644" i="1"/>
  <c r="X82645" i="1"/>
  <c r="X82646" i="1"/>
  <c r="X82647" i="1"/>
  <c r="X82648" i="1"/>
  <c r="X82649" i="1"/>
  <c r="X82650" i="1"/>
  <c r="X82651" i="1"/>
  <c r="X82652" i="1"/>
  <c r="X82653" i="1"/>
  <c r="X82654" i="1"/>
  <c r="X82655" i="1"/>
  <c r="X82656" i="1"/>
  <c r="X82657" i="1"/>
  <c r="X82658" i="1"/>
  <c r="X82659" i="1"/>
  <c r="X82660" i="1"/>
  <c r="X82661" i="1"/>
  <c r="X82662" i="1"/>
  <c r="X82663" i="1"/>
  <c r="X82664" i="1"/>
  <c r="X82665" i="1"/>
  <c r="X82666" i="1"/>
  <c r="X82667" i="1"/>
  <c r="X82668" i="1"/>
  <c r="X82669" i="1"/>
  <c r="X82670" i="1"/>
  <c r="X82671" i="1"/>
  <c r="X82672" i="1"/>
  <c r="X82673" i="1"/>
  <c r="X82674" i="1"/>
  <c r="X82675" i="1"/>
  <c r="X82676" i="1"/>
  <c r="X82677" i="1"/>
  <c r="X82678" i="1"/>
  <c r="X82679" i="1"/>
  <c r="X82680" i="1"/>
  <c r="X82681" i="1"/>
  <c r="X82682" i="1"/>
  <c r="X82683" i="1"/>
  <c r="X82684" i="1"/>
  <c r="X82685" i="1"/>
  <c r="X82686" i="1"/>
  <c r="X82687" i="1"/>
  <c r="X82688" i="1"/>
  <c r="X82689" i="1"/>
  <c r="X82690" i="1"/>
  <c r="X82691" i="1"/>
  <c r="X82692" i="1"/>
  <c r="X82693" i="1"/>
  <c r="X82694" i="1"/>
  <c r="X82695" i="1"/>
  <c r="X82696" i="1"/>
  <c r="X82697" i="1"/>
  <c r="X82698" i="1"/>
  <c r="X82699" i="1"/>
  <c r="X82700" i="1"/>
  <c r="X82701" i="1"/>
  <c r="X82702" i="1"/>
  <c r="X82703" i="1"/>
  <c r="X82704" i="1"/>
  <c r="X82705" i="1"/>
  <c r="X82706" i="1"/>
  <c r="X82707" i="1"/>
  <c r="X82708" i="1"/>
  <c r="X82709" i="1"/>
  <c r="X82710" i="1"/>
  <c r="X82711" i="1"/>
  <c r="X82712" i="1"/>
  <c r="X82713" i="1"/>
  <c r="X82714" i="1"/>
  <c r="X82715" i="1"/>
  <c r="X82716" i="1"/>
  <c r="X82717" i="1"/>
  <c r="X82718" i="1"/>
  <c r="X82719" i="1"/>
  <c r="X82720" i="1"/>
  <c r="X82721" i="1"/>
  <c r="X82722" i="1"/>
  <c r="X82723" i="1"/>
  <c r="X82724" i="1"/>
  <c r="X82725" i="1"/>
  <c r="X82726" i="1"/>
  <c r="X82727" i="1"/>
  <c r="X82728" i="1"/>
  <c r="X82729" i="1"/>
  <c r="X82730" i="1"/>
  <c r="X82731" i="1"/>
  <c r="X82732" i="1"/>
  <c r="X82733" i="1"/>
  <c r="X82734" i="1"/>
  <c r="X82735" i="1"/>
  <c r="X82736" i="1"/>
  <c r="X82737" i="1"/>
  <c r="X82738" i="1"/>
  <c r="X82739" i="1"/>
  <c r="X82740" i="1"/>
  <c r="X82741" i="1"/>
  <c r="X82742" i="1"/>
  <c r="X82743" i="1"/>
  <c r="X82744" i="1"/>
  <c r="X82745" i="1"/>
  <c r="X82746" i="1"/>
  <c r="X82747" i="1"/>
  <c r="X82748" i="1"/>
  <c r="X82749" i="1"/>
  <c r="X82750" i="1"/>
  <c r="X82751" i="1"/>
  <c r="X82752" i="1"/>
  <c r="X82753" i="1"/>
  <c r="X82754" i="1"/>
  <c r="X82755" i="1"/>
  <c r="X82756" i="1"/>
  <c r="X82757" i="1"/>
  <c r="X82758" i="1"/>
  <c r="X82759" i="1"/>
  <c r="X82760" i="1"/>
  <c r="X82761" i="1"/>
  <c r="X82762" i="1"/>
  <c r="X82763" i="1"/>
  <c r="X82764" i="1"/>
  <c r="X82765" i="1"/>
  <c r="X82766" i="1"/>
  <c r="X82767" i="1"/>
  <c r="X82768" i="1"/>
  <c r="X82769" i="1"/>
  <c r="X82770" i="1"/>
  <c r="X82771" i="1"/>
  <c r="X82772" i="1"/>
  <c r="X82773" i="1"/>
  <c r="X82774" i="1"/>
  <c r="X82775" i="1"/>
  <c r="X82776" i="1"/>
  <c r="X82777" i="1"/>
  <c r="X82778" i="1"/>
  <c r="X82779" i="1"/>
  <c r="X82780" i="1"/>
  <c r="X82781" i="1"/>
  <c r="X82782" i="1"/>
  <c r="X82783" i="1"/>
  <c r="X82784" i="1"/>
  <c r="X82785" i="1"/>
  <c r="X82786" i="1"/>
  <c r="X82787" i="1"/>
  <c r="X82788" i="1"/>
  <c r="X82789" i="1"/>
  <c r="X82790" i="1"/>
  <c r="X82791" i="1"/>
  <c r="X82792" i="1"/>
  <c r="X82793" i="1"/>
  <c r="X82794" i="1"/>
  <c r="X82795" i="1"/>
  <c r="X82796" i="1"/>
  <c r="X82797" i="1"/>
  <c r="X82798" i="1"/>
  <c r="X82799" i="1"/>
  <c r="X82800" i="1"/>
  <c r="X82801" i="1"/>
  <c r="X82802" i="1"/>
  <c r="X82803" i="1"/>
  <c r="X82804" i="1"/>
  <c r="X82805" i="1"/>
  <c r="X82806" i="1"/>
  <c r="X82807" i="1"/>
  <c r="X82808" i="1"/>
  <c r="X82809" i="1"/>
  <c r="X82810" i="1"/>
  <c r="X82811" i="1"/>
  <c r="X82812" i="1"/>
  <c r="X82813" i="1"/>
  <c r="X82814" i="1"/>
  <c r="X82815" i="1"/>
  <c r="X82816" i="1"/>
  <c r="X82817" i="1"/>
  <c r="X82818" i="1"/>
  <c r="X82819" i="1"/>
  <c r="X82820" i="1"/>
  <c r="X82821" i="1"/>
  <c r="X82822" i="1"/>
  <c r="X82823" i="1"/>
  <c r="X82824" i="1"/>
  <c r="X82825" i="1"/>
  <c r="X82826" i="1"/>
  <c r="X82827" i="1"/>
  <c r="X82828" i="1"/>
  <c r="X82829" i="1"/>
  <c r="X82830" i="1"/>
  <c r="X82831" i="1"/>
  <c r="X82832" i="1"/>
  <c r="X82833" i="1"/>
  <c r="X82834" i="1"/>
  <c r="X82835" i="1"/>
  <c r="X82836" i="1"/>
  <c r="X82837" i="1"/>
  <c r="X82838" i="1"/>
  <c r="X82839" i="1"/>
  <c r="X82840" i="1"/>
  <c r="X82841" i="1"/>
  <c r="X82842" i="1"/>
  <c r="X82843" i="1"/>
  <c r="X82844" i="1"/>
  <c r="X82845" i="1"/>
  <c r="X82846" i="1"/>
  <c r="X82847" i="1"/>
  <c r="X82848" i="1"/>
  <c r="X82849" i="1"/>
  <c r="X82850" i="1"/>
  <c r="X82851" i="1"/>
  <c r="X82852" i="1"/>
  <c r="X82853" i="1"/>
  <c r="X82854" i="1"/>
  <c r="X82855" i="1"/>
  <c r="X82856" i="1"/>
  <c r="X82857" i="1"/>
  <c r="X82858" i="1"/>
  <c r="X82859" i="1"/>
  <c r="X82860" i="1"/>
  <c r="X82861" i="1"/>
  <c r="X82862" i="1"/>
  <c r="X82863" i="1"/>
  <c r="X82864" i="1"/>
  <c r="X82865" i="1"/>
  <c r="X82866" i="1"/>
  <c r="X82867" i="1"/>
  <c r="X82868" i="1"/>
  <c r="X82869" i="1"/>
  <c r="X82870" i="1"/>
  <c r="X82871" i="1"/>
  <c r="X82872" i="1"/>
  <c r="X82873" i="1"/>
  <c r="X82874" i="1"/>
  <c r="X82875" i="1"/>
  <c r="X82876" i="1"/>
  <c r="X82877" i="1"/>
  <c r="X82878" i="1"/>
  <c r="X82879" i="1"/>
  <c r="X82880" i="1"/>
  <c r="X82881" i="1"/>
  <c r="X82882" i="1"/>
  <c r="X82883" i="1"/>
  <c r="X82884" i="1"/>
  <c r="X82885" i="1"/>
  <c r="X82886" i="1"/>
  <c r="X82887" i="1"/>
  <c r="X82888" i="1"/>
  <c r="X82889" i="1"/>
  <c r="X82890" i="1"/>
  <c r="X82891" i="1"/>
  <c r="X82892" i="1"/>
  <c r="X82893" i="1"/>
  <c r="X82894" i="1"/>
  <c r="X82895" i="1"/>
  <c r="X82896" i="1"/>
  <c r="X82897" i="1"/>
  <c r="X82898" i="1"/>
  <c r="X82899" i="1"/>
  <c r="X82900" i="1"/>
  <c r="X82901" i="1"/>
  <c r="X82902" i="1"/>
  <c r="X82903" i="1"/>
  <c r="X82904" i="1"/>
  <c r="X82905" i="1"/>
  <c r="X82906" i="1"/>
  <c r="X82907" i="1"/>
  <c r="X82908" i="1"/>
  <c r="X82909" i="1"/>
  <c r="X82910" i="1"/>
  <c r="X82911" i="1"/>
  <c r="X82912" i="1"/>
  <c r="X82913" i="1"/>
  <c r="X82914" i="1"/>
  <c r="X82915" i="1"/>
  <c r="X82916" i="1"/>
  <c r="X82917" i="1"/>
  <c r="X82918" i="1"/>
  <c r="X82919" i="1"/>
  <c r="X82920" i="1"/>
  <c r="X82921" i="1"/>
  <c r="X82922" i="1"/>
  <c r="X82923" i="1"/>
  <c r="X82924" i="1"/>
  <c r="X82925" i="1"/>
  <c r="X82926" i="1"/>
  <c r="X82927" i="1"/>
  <c r="X82928" i="1"/>
  <c r="X82929" i="1"/>
  <c r="X82930" i="1"/>
  <c r="X82931" i="1"/>
  <c r="X82932" i="1"/>
  <c r="X82933" i="1"/>
  <c r="X82934" i="1"/>
  <c r="X82935" i="1"/>
  <c r="X82936" i="1"/>
  <c r="X82937" i="1"/>
  <c r="X82938" i="1"/>
  <c r="X82939" i="1"/>
  <c r="X82940" i="1"/>
  <c r="X82941" i="1"/>
  <c r="X82942" i="1"/>
  <c r="X82943" i="1"/>
  <c r="X82944" i="1"/>
  <c r="X82945" i="1"/>
  <c r="X82946" i="1"/>
  <c r="X82947" i="1"/>
  <c r="X82948" i="1"/>
  <c r="X82949" i="1"/>
  <c r="X82950" i="1"/>
  <c r="X82951" i="1"/>
  <c r="X82952" i="1"/>
  <c r="X82953" i="1"/>
  <c r="X82954" i="1"/>
  <c r="X82955" i="1"/>
  <c r="X82956" i="1"/>
  <c r="X82957" i="1"/>
  <c r="X82958" i="1"/>
  <c r="X82959" i="1"/>
  <c r="X82960" i="1"/>
  <c r="X82961" i="1"/>
  <c r="X82962" i="1"/>
  <c r="X82963" i="1"/>
  <c r="X82964" i="1"/>
  <c r="X82965" i="1"/>
  <c r="X82966" i="1"/>
  <c r="X82967" i="1"/>
  <c r="X82968" i="1"/>
  <c r="X82969" i="1"/>
  <c r="X82970" i="1"/>
  <c r="X82971" i="1"/>
  <c r="X82972" i="1"/>
  <c r="X82973" i="1"/>
  <c r="X82974" i="1"/>
  <c r="X82975" i="1"/>
  <c r="X82976" i="1"/>
  <c r="X82977" i="1"/>
  <c r="X82978" i="1"/>
  <c r="X82979" i="1"/>
  <c r="X82980" i="1"/>
  <c r="X82981" i="1"/>
  <c r="X82982" i="1"/>
  <c r="X82983" i="1"/>
  <c r="X82984" i="1"/>
  <c r="X82985" i="1"/>
  <c r="X82986" i="1"/>
  <c r="X82987" i="1"/>
  <c r="X82988" i="1"/>
  <c r="X82989" i="1"/>
  <c r="X82990" i="1"/>
  <c r="X82991" i="1"/>
  <c r="X82992" i="1"/>
  <c r="X82993" i="1"/>
  <c r="X82994" i="1"/>
  <c r="X82995" i="1"/>
  <c r="X82996" i="1"/>
  <c r="X82997" i="1"/>
  <c r="X82998" i="1"/>
  <c r="X82999" i="1"/>
  <c r="X83000" i="1"/>
  <c r="X83001" i="1"/>
  <c r="X83002" i="1"/>
  <c r="X83003" i="1"/>
  <c r="X83004" i="1"/>
  <c r="X83005" i="1"/>
  <c r="X83006" i="1"/>
  <c r="X83007" i="1"/>
  <c r="X83008" i="1"/>
  <c r="X83009" i="1"/>
  <c r="X83010" i="1"/>
  <c r="X83011" i="1"/>
  <c r="X83012" i="1"/>
  <c r="X83013" i="1"/>
  <c r="X83014" i="1"/>
  <c r="X83015" i="1"/>
  <c r="X83016" i="1"/>
  <c r="X83017" i="1"/>
  <c r="X83018" i="1"/>
  <c r="X83019" i="1"/>
  <c r="X83020" i="1"/>
  <c r="X83021" i="1"/>
  <c r="X83022" i="1"/>
  <c r="X83023" i="1"/>
  <c r="X83024" i="1"/>
  <c r="X83025" i="1"/>
  <c r="X83026" i="1"/>
  <c r="X83027" i="1"/>
  <c r="X83028" i="1"/>
  <c r="X83029" i="1"/>
  <c r="X83030" i="1"/>
  <c r="X83031" i="1"/>
  <c r="X83032" i="1"/>
  <c r="X83033" i="1"/>
  <c r="X83034" i="1"/>
  <c r="X83035" i="1"/>
  <c r="X83036" i="1"/>
  <c r="X83037" i="1"/>
  <c r="X83038" i="1"/>
  <c r="X83039" i="1"/>
  <c r="X83040" i="1"/>
  <c r="X83041" i="1"/>
  <c r="X83042" i="1"/>
  <c r="X83043" i="1"/>
  <c r="X83044" i="1"/>
  <c r="X83045" i="1"/>
  <c r="X83046" i="1"/>
  <c r="X83047" i="1"/>
  <c r="X83048" i="1"/>
  <c r="X83049" i="1"/>
  <c r="X83050" i="1"/>
  <c r="X83051" i="1"/>
  <c r="X83052" i="1"/>
  <c r="X83053" i="1"/>
  <c r="X83054" i="1"/>
  <c r="X83055" i="1"/>
  <c r="X83056" i="1"/>
  <c r="X83057" i="1"/>
  <c r="X83058" i="1"/>
  <c r="X83059" i="1"/>
  <c r="X83060" i="1"/>
  <c r="X83061" i="1"/>
  <c r="X83062" i="1"/>
  <c r="X83063" i="1"/>
  <c r="X83064" i="1"/>
  <c r="X83065" i="1"/>
  <c r="X83066" i="1"/>
  <c r="X83067" i="1"/>
  <c r="X83068" i="1"/>
  <c r="X83069" i="1"/>
  <c r="X83070" i="1"/>
  <c r="X83071" i="1"/>
  <c r="X83072" i="1"/>
  <c r="X83073" i="1"/>
  <c r="X83074" i="1"/>
  <c r="X83075" i="1"/>
  <c r="X83076" i="1"/>
  <c r="X83077" i="1"/>
  <c r="X83078" i="1"/>
  <c r="X83079" i="1"/>
  <c r="X83080" i="1"/>
  <c r="X83081" i="1"/>
  <c r="X83082" i="1"/>
  <c r="X83083" i="1"/>
  <c r="X83084" i="1"/>
  <c r="X83085" i="1"/>
  <c r="X83086" i="1"/>
  <c r="X83087" i="1"/>
  <c r="X83088" i="1"/>
  <c r="X83089" i="1"/>
  <c r="X83090" i="1"/>
  <c r="X83091" i="1"/>
  <c r="X83092" i="1"/>
  <c r="X83093" i="1"/>
  <c r="X83094" i="1"/>
  <c r="X83095" i="1"/>
  <c r="X83096" i="1"/>
  <c r="X83097" i="1"/>
  <c r="X83098" i="1"/>
  <c r="X83099" i="1"/>
  <c r="X83100" i="1"/>
  <c r="X83101" i="1"/>
  <c r="X83102" i="1"/>
  <c r="X83103" i="1"/>
  <c r="X83104" i="1"/>
  <c r="X83105" i="1"/>
  <c r="X83106" i="1"/>
  <c r="X83107" i="1"/>
  <c r="X83108" i="1"/>
  <c r="X83109" i="1"/>
  <c r="X83110" i="1"/>
  <c r="X83111" i="1"/>
  <c r="X83112" i="1"/>
  <c r="X83113" i="1"/>
  <c r="X83114" i="1"/>
  <c r="X83115" i="1"/>
  <c r="X83116" i="1"/>
  <c r="X83117" i="1"/>
  <c r="X83118" i="1"/>
  <c r="X83119" i="1"/>
  <c r="X83120" i="1"/>
  <c r="X83121" i="1"/>
  <c r="X83122" i="1"/>
  <c r="X83123" i="1"/>
  <c r="X83124" i="1"/>
  <c r="X83125" i="1"/>
  <c r="X83126" i="1"/>
  <c r="X83127" i="1"/>
  <c r="X83128" i="1"/>
  <c r="X83129" i="1"/>
  <c r="X83130" i="1"/>
  <c r="X83131" i="1"/>
  <c r="X83132" i="1"/>
  <c r="X83133" i="1"/>
  <c r="X83134" i="1"/>
  <c r="X83135" i="1"/>
  <c r="X83136" i="1"/>
  <c r="X83137" i="1"/>
  <c r="X83138" i="1"/>
  <c r="X83139" i="1"/>
  <c r="X83140" i="1"/>
  <c r="X83141" i="1"/>
  <c r="X83142" i="1"/>
  <c r="X83143" i="1"/>
  <c r="X83144" i="1"/>
  <c r="X83145" i="1"/>
  <c r="X83146" i="1"/>
  <c r="X83147" i="1"/>
  <c r="X83148" i="1"/>
  <c r="X83149" i="1"/>
  <c r="X83150" i="1"/>
  <c r="X83151" i="1"/>
  <c r="X83152" i="1"/>
  <c r="X83153" i="1"/>
  <c r="X83154" i="1"/>
  <c r="X83155" i="1"/>
  <c r="X83156" i="1"/>
  <c r="X83157" i="1"/>
  <c r="X83158" i="1"/>
  <c r="X83159" i="1"/>
  <c r="X83160" i="1"/>
  <c r="X83161" i="1"/>
  <c r="X83162" i="1"/>
  <c r="X83163" i="1"/>
  <c r="X83164" i="1"/>
  <c r="X83165" i="1"/>
  <c r="X83166" i="1"/>
  <c r="X83167" i="1"/>
  <c r="X83168" i="1"/>
  <c r="X83169" i="1"/>
  <c r="X83170" i="1"/>
  <c r="X83171" i="1"/>
  <c r="X83172" i="1"/>
  <c r="X83173" i="1"/>
  <c r="X83174" i="1"/>
  <c r="X83175" i="1"/>
  <c r="X83176" i="1"/>
  <c r="X83177" i="1"/>
  <c r="X83178" i="1"/>
  <c r="X83179" i="1"/>
  <c r="X83180" i="1"/>
  <c r="X83181" i="1"/>
  <c r="X83182" i="1"/>
  <c r="X83183" i="1"/>
  <c r="X83184" i="1"/>
  <c r="X83185" i="1"/>
  <c r="X83186" i="1"/>
  <c r="X83187" i="1"/>
  <c r="X83188" i="1"/>
  <c r="X83189" i="1"/>
  <c r="X83190" i="1"/>
  <c r="X83191" i="1"/>
  <c r="X83192" i="1"/>
  <c r="X83193" i="1"/>
  <c r="X83194" i="1"/>
  <c r="X83195" i="1"/>
  <c r="X83196" i="1"/>
  <c r="X83197" i="1"/>
  <c r="X83198" i="1"/>
  <c r="X83199" i="1"/>
  <c r="X83200" i="1"/>
  <c r="X83201" i="1"/>
  <c r="X83202" i="1"/>
  <c r="X83203" i="1"/>
  <c r="X83204" i="1"/>
  <c r="X83205" i="1"/>
  <c r="X83206" i="1"/>
  <c r="X83207" i="1"/>
  <c r="X83208" i="1"/>
  <c r="X83209" i="1"/>
  <c r="X83210" i="1"/>
  <c r="X83211" i="1"/>
  <c r="X83212" i="1"/>
  <c r="X83213" i="1"/>
  <c r="X83214" i="1"/>
  <c r="X83215" i="1"/>
  <c r="X83216" i="1"/>
  <c r="X83217" i="1"/>
  <c r="X83218" i="1"/>
  <c r="X83219" i="1"/>
  <c r="X83220" i="1"/>
  <c r="X83221" i="1"/>
  <c r="X83222" i="1"/>
  <c r="X83223" i="1"/>
  <c r="X83224" i="1"/>
  <c r="X83225" i="1"/>
  <c r="X83226" i="1"/>
  <c r="X83227" i="1"/>
  <c r="X83228" i="1"/>
  <c r="X83229" i="1"/>
  <c r="X83230" i="1"/>
  <c r="X83231" i="1"/>
  <c r="X83232" i="1"/>
  <c r="X83233" i="1"/>
  <c r="X83234" i="1"/>
  <c r="X83235" i="1"/>
  <c r="X83236" i="1"/>
  <c r="X83237" i="1"/>
  <c r="X83238" i="1"/>
  <c r="X83239" i="1"/>
  <c r="X83240" i="1"/>
  <c r="X83241" i="1"/>
  <c r="X83242" i="1"/>
  <c r="X83243" i="1"/>
  <c r="X83244" i="1"/>
  <c r="X83245" i="1"/>
  <c r="X83246" i="1"/>
  <c r="X83247" i="1"/>
  <c r="X83248" i="1"/>
  <c r="X83249" i="1"/>
  <c r="X83250" i="1"/>
  <c r="X83251" i="1"/>
  <c r="X83252" i="1"/>
  <c r="X83253" i="1"/>
  <c r="X83254" i="1"/>
  <c r="X83255" i="1"/>
  <c r="X83256" i="1"/>
  <c r="X83257" i="1"/>
  <c r="X83258" i="1"/>
  <c r="X83259" i="1"/>
  <c r="X83260" i="1"/>
  <c r="X83261" i="1"/>
  <c r="X83262" i="1"/>
  <c r="X83263" i="1"/>
  <c r="X83264" i="1"/>
  <c r="X83265" i="1"/>
  <c r="X83266" i="1"/>
  <c r="X83267" i="1"/>
  <c r="X83268" i="1"/>
  <c r="X83269" i="1"/>
  <c r="X83270" i="1"/>
  <c r="X83271" i="1"/>
  <c r="X83272" i="1"/>
  <c r="X83273" i="1"/>
  <c r="X83274" i="1"/>
  <c r="X83275" i="1"/>
  <c r="X83276" i="1"/>
  <c r="X83277" i="1"/>
  <c r="X83278" i="1"/>
  <c r="X83279" i="1"/>
  <c r="X83280" i="1"/>
  <c r="X83281" i="1"/>
  <c r="X83282" i="1"/>
  <c r="X83283" i="1"/>
  <c r="X83284" i="1"/>
  <c r="X83285" i="1"/>
  <c r="X83286" i="1"/>
  <c r="X83287" i="1"/>
  <c r="X83288" i="1"/>
  <c r="X83289" i="1"/>
  <c r="X83290" i="1"/>
  <c r="X83291" i="1"/>
  <c r="X83292" i="1"/>
  <c r="X83293" i="1"/>
  <c r="X83294" i="1"/>
  <c r="X83295" i="1"/>
  <c r="X83296" i="1"/>
  <c r="X83297" i="1"/>
  <c r="X83298" i="1"/>
  <c r="X83299" i="1"/>
  <c r="X83300" i="1"/>
  <c r="X83301" i="1"/>
  <c r="X83302" i="1"/>
  <c r="X83303" i="1"/>
  <c r="X83304" i="1"/>
  <c r="X83305" i="1"/>
  <c r="X83306" i="1"/>
  <c r="X83307" i="1"/>
  <c r="X83308" i="1"/>
  <c r="X83309" i="1"/>
  <c r="X83310" i="1"/>
  <c r="X83311" i="1"/>
  <c r="X83312" i="1"/>
  <c r="X83313" i="1"/>
  <c r="X83314" i="1"/>
  <c r="X83315" i="1"/>
  <c r="X83316" i="1"/>
  <c r="X83317" i="1"/>
  <c r="X83318" i="1"/>
  <c r="X83319" i="1"/>
  <c r="X83320" i="1"/>
  <c r="X83321" i="1"/>
  <c r="X83322" i="1"/>
  <c r="X83323" i="1"/>
  <c r="X83324" i="1"/>
  <c r="X83325" i="1"/>
  <c r="X83326" i="1"/>
  <c r="X83327" i="1"/>
  <c r="X83328" i="1"/>
  <c r="X83329" i="1"/>
  <c r="X83330" i="1"/>
  <c r="X83331" i="1"/>
  <c r="X83332" i="1"/>
  <c r="X83333" i="1"/>
  <c r="X83334" i="1"/>
  <c r="X83335" i="1"/>
  <c r="X83336" i="1"/>
  <c r="X83337" i="1"/>
  <c r="X83338" i="1"/>
  <c r="X83339" i="1"/>
  <c r="X83340" i="1"/>
  <c r="X83341" i="1"/>
  <c r="X83342" i="1"/>
  <c r="X83343" i="1"/>
  <c r="X83344" i="1"/>
  <c r="X83345" i="1"/>
  <c r="X83346" i="1"/>
  <c r="X83347" i="1"/>
  <c r="X83348" i="1"/>
  <c r="X83349" i="1"/>
  <c r="X83350" i="1"/>
  <c r="X83351" i="1"/>
  <c r="X83352" i="1"/>
  <c r="X83353" i="1"/>
  <c r="X83354" i="1"/>
  <c r="X83355" i="1"/>
  <c r="X83356" i="1"/>
  <c r="X83357" i="1"/>
  <c r="X83358" i="1"/>
  <c r="X83359" i="1"/>
  <c r="X83360" i="1"/>
  <c r="X83361" i="1"/>
  <c r="X83362" i="1"/>
  <c r="X83363" i="1"/>
  <c r="X83364" i="1"/>
  <c r="X83365" i="1"/>
  <c r="X83366" i="1"/>
  <c r="X83367" i="1"/>
  <c r="X83368" i="1"/>
  <c r="X83369" i="1"/>
  <c r="X83370" i="1"/>
  <c r="X83371" i="1"/>
  <c r="X83372" i="1"/>
  <c r="X83373" i="1"/>
  <c r="X83374" i="1"/>
  <c r="X83375" i="1"/>
  <c r="X83376" i="1"/>
  <c r="X83377" i="1"/>
  <c r="X83378" i="1"/>
  <c r="X83379" i="1"/>
  <c r="X83380" i="1"/>
  <c r="X83381" i="1"/>
  <c r="X83382" i="1"/>
  <c r="X83383" i="1"/>
  <c r="X83384" i="1"/>
  <c r="X83385" i="1"/>
  <c r="X83386" i="1"/>
  <c r="X83387" i="1"/>
  <c r="X83388" i="1"/>
  <c r="X83389" i="1"/>
  <c r="X83390" i="1"/>
  <c r="X83391" i="1"/>
  <c r="X83392" i="1"/>
  <c r="X83393" i="1"/>
  <c r="X83394" i="1"/>
  <c r="X83395" i="1"/>
  <c r="X83396" i="1"/>
  <c r="X83397" i="1"/>
  <c r="X83398" i="1"/>
  <c r="X83399" i="1"/>
  <c r="X83400" i="1"/>
  <c r="X83401" i="1"/>
  <c r="X83402" i="1"/>
  <c r="X83403" i="1"/>
  <c r="X83404" i="1"/>
  <c r="X83405" i="1"/>
  <c r="X83406" i="1"/>
  <c r="X83407" i="1"/>
  <c r="X83408" i="1"/>
  <c r="X83409" i="1"/>
  <c r="X83410" i="1"/>
  <c r="X83411" i="1"/>
  <c r="X83412" i="1"/>
  <c r="X83413" i="1"/>
  <c r="X83414" i="1"/>
  <c r="X83415" i="1"/>
  <c r="X83416" i="1"/>
  <c r="X83417" i="1"/>
  <c r="X83418" i="1"/>
  <c r="X83419" i="1"/>
  <c r="X83420" i="1"/>
  <c r="X83421" i="1"/>
  <c r="X83422" i="1"/>
  <c r="X83423" i="1"/>
  <c r="X83424" i="1"/>
  <c r="X83425" i="1"/>
  <c r="X83426" i="1"/>
  <c r="X83427" i="1"/>
  <c r="X83428" i="1"/>
  <c r="X83429" i="1"/>
  <c r="X83430" i="1"/>
  <c r="X83431" i="1"/>
  <c r="X83432" i="1"/>
  <c r="X83433" i="1"/>
  <c r="X83434" i="1"/>
  <c r="X83435" i="1"/>
  <c r="X83436" i="1"/>
  <c r="X83437" i="1"/>
  <c r="X83438" i="1"/>
  <c r="X83439" i="1"/>
  <c r="X83440" i="1"/>
  <c r="X83441" i="1"/>
  <c r="X83442" i="1"/>
  <c r="X83443" i="1"/>
  <c r="X83444" i="1"/>
  <c r="X83445" i="1"/>
  <c r="X83446" i="1"/>
  <c r="X83447" i="1"/>
  <c r="X83448" i="1"/>
  <c r="X83449" i="1"/>
  <c r="X83450" i="1"/>
  <c r="X83451" i="1"/>
  <c r="X83452" i="1"/>
  <c r="X83453" i="1"/>
  <c r="X83454" i="1"/>
  <c r="X83455" i="1"/>
  <c r="X83456" i="1"/>
  <c r="X83457" i="1"/>
  <c r="X83458" i="1"/>
  <c r="X83459" i="1"/>
  <c r="X83460" i="1"/>
  <c r="X83461" i="1"/>
  <c r="X83462" i="1"/>
  <c r="X83463" i="1"/>
  <c r="X83464" i="1"/>
  <c r="X83465" i="1"/>
  <c r="X83466" i="1"/>
  <c r="X83467" i="1"/>
  <c r="X83468" i="1"/>
  <c r="X83469" i="1"/>
  <c r="X83470" i="1"/>
  <c r="X83471" i="1"/>
  <c r="X83472" i="1"/>
  <c r="X83473" i="1"/>
  <c r="X83474" i="1"/>
  <c r="X83475" i="1"/>
  <c r="X83476" i="1"/>
  <c r="X83477" i="1"/>
  <c r="X83478" i="1"/>
  <c r="X83479" i="1"/>
  <c r="X83480" i="1"/>
  <c r="X83481" i="1"/>
  <c r="X83482" i="1"/>
  <c r="X83483" i="1"/>
  <c r="X83484" i="1"/>
  <c r="X83485" i="1"/>
  <c r="X83486" i="1"/>
  <c r="X83487" i="1"/>
  <c r="X83488" i="1"/>
  <c r="X83489" i="1"/>
  <c r="X83490" i="1"/>
  <c r="X83491" i="1"/>
  <c r="X83492" i="1"/>
  <c r="X83493" i="1"/>
  <c r="X83494" i="1"/>
  <c r="X83495" i="1"/>
  <c r="X83496" i="1"/>
  <c r="X83497" i="1"/>
  <c r="X83498" i="1"/>
  <c r="X83499" i="1"/>
  <c r="X83500" i="1"/>
  <c r="X83501" i="1"/>
  <c r="X83502" i="1"/>
  <c r="X83503" i="1"/>
  <c r="X83504" i="1"/>
  <c r="X83505" i="1"/>
  <c r="X83506" i="1"/>
  <c r="X83507" i="1"/>
  <c r="X83508" i="1"/>
  <c r="X83509" i="1"/>
  <c r="X83510" i="1"/>
  <c r="X83511" i="1"/>
  <c r="X83512" i="1"/>
  <c r="X83513" i="1"/>
  <c r="X83514" i="1"/>
  <c r="X83515" i="1"/>
  <c r="X83516" i="1"/>
  <c r="X83517" i="1"/>
  <c r="X83518" i="1"/>
  <c r="X83519" i="1"/>
  <c r="X83520" i="1"/>
  <c r="X83521" i="1"/>
  <c r="X83522" i="1"/>
  <c r="X83523" i="1"/>
  <c r="X83524" i="1"/>
  <c r="X83525" i="1"/>
  <c r="X83526" i="1"/>
  <c r="X83527" i="1"/>
  <c r="X83528" i="1"/>
  <c r="X83529" i="1"/>
  <c r="X83530" i="1"/>
  <c r="X83531" i="1"/>
  <c r="X83532" i="1"/>
  <c r="X83533" i="1"/>
  <c r="X83534" i="1"/>
  <c r="X83535" i="1"/>
  <c r="X83536" i="1"/>
  <c r="X83537" i="1"/>
  <c r="X83538" i="1"/>
  <c r="X83539" i="1"/>
  <c r="X83540" i="1"/>
  <c r="X83541" i="1"/>
  <c r="X83542" i="1"/>
  <c r="X83543" i="1"/>
  <c r="X83544" i="1"/>
  <c r="X83545" i="1"/>
  <c r="X83546" i="1"/>
  <c r="X83547" i="1"/>
  <c r="X83548" i="1"/>
  <c r="X83549" i="1"/>
  <c r="X83550" i="1"/>
  <c r="X83551" i="1"/>
  <c r="X83552" i="1"/>
  <c r="X83553" i="1"/>
  <c r="X83554" i="1"/>
  <c r="X83555" i="1"/>
  <c r="X83556" i="1"/>
  <c r="X83557" i="1"/>
  <c r="X83558" i="1"/>
  <c r="X83559" i="1"/>
  <c r="X83560" i="1"/>
  <c r="X83561" i="1"/>
  <c r="X83562" i="1"/>
  <c r="X83563" i="1"/>
  <c r="X83564" i="1"/>
  <c r="X83565" i="1"/>
  <c r="X83566" i="1"/>
  <c r="X83567" i="1"/>
  <c r="X83568" i="1"/>
  <c r="X83569" i="1"/>
  <c r="X83570" i="1"/>
  <c r="X83571" i="1"/>
  <c r="X83572" i="1"/>
  <c r="X83573" i="1"/>
  <c r="X83574" i="1"/>
  <c r="X83575" i="1"/>
  <c r="X83576" i="1"/>
  <c r="X83577" i="1"/>
  <c r="X83578" i="1"/>
  <c r="X83579" i="1"/>
  <c r="X83580" i="1"/>
  <c r="X83581" i="1"/>
  <c r="X83582" i="1"/>
  <c r="X83583" i="1"/>
  <c r="X83584" i="1"/>
  <c r="X83585" i="1"/>
  <c r="X83586" i="1"/>
  <c r="X83587" i="1"/>
  <c r="X83588" i="1"/>
  <c r="X83589" i="1"/>
  <c r="X83590" i="1"/>
  <c r="X83591" i="1"/>
  <c r="X83592" i="1"/>
  <c r="X83593" i="1"/>
  <c r="X83594" i="1"/>
  <c r="X83595" i="1"/>
  <c r="X83596" i="1"/>
  <c r="X83597" i="1"/>
  <c r="X83598" i="1"/>
  <c r="X83599" i="1"/>
  <c r="X83600" i="1"/>
  <c r="X83601" i="1"/>
  <c r="X83602" i="1"/>
  <c r="X83603" i="1"/>
  <c r="X83604" i="1"/>
  <c r="X83605" i="1"/>
  <c r="X83606" i="1"/>
  <c r="X83607" i="1"/>
  <c r="X83608" i="1"/>
  <c r="X83609" i="1"/>
  <c r="X83610" i="1"/>
  <c r="X83611" i="1"/>
  <c r="X83612" i="1"/>
  <c r="X83613" i="1"/>
  <c r="X83614" i="1"/>
  <c r="X83615" i="1"/>
  <c r="X83616" i="1"/>
  <c r="X83617" i="1"/>
  <c r="X83618" i="1"/>
  <c r="X83619" i="1"/>
  <c r="X83620" i="1"/>
  <c r="X83621" i="1"/>
  <c r="X83622" i="1"/>
  <c r="X83623" i="1"/>
  <c r="X83624" i="1"/>
  <c r="X83625" i="1"/>
  <c r="X83626" i="1"/>
  <c r="X83627" i="1"/>
  <c r="X83628" i="1"/>
  <c r="X83629" i="1"/>
  <c r="X83630" i="1"/>
  <c r="X83631" i="1"/>
  <c r="X83632" i="1"/>
  <c r="X83633" i="1"/>
  <c r="X83634" i="1"/>
  <c r="X83635" i="1"/>
  <c r="X83636" i="1"/>
  <c r="X83637" i="1"/>
  <c r="X83638" i="1"/>
  <c r="X83639" i="1"/>
  <c r="X83640" i="1"/>
  <c r="X83641" i="1"/>
  <c r="X83642" i="1"/>
  <c r="X83643" i="1"/>
  <c r="X83644" i="1"/>
  <c r="X83645" i="1"/>
  <c r="X83646" i="1"/>
  <c r="X83647" i="1"/>
  <c r="X83648" i="1"/>
  <c r="X83649" i="1"/>
  <c r="X83650" i="1"/>
  <c r="X83651" i="1"/>
  <c r="X83652" i="1"/>
  <c r="X83653" i="1"/>
  <c r="X83654" i="1"/>
  <c r="X83655" i="1"/>
  <c r="X83656" i="1"/>
  <c r="X83657" i="1"/>
  <c r="X83658" i="1"/>
  <c r="X83659" i="1"/>
  <c r="X83660" i="1"/>
  <c r="X83661" i="1"/>
  <c r="X83662" i="1"/>
  <c r="X83663" i="1"/>
  <c r="X83664" i="1"/>
  <c r="X83665" i="1"/>
  <c r="X83666" i="1"/>
  <c r="X83667" i="1"/>
  <c r="X83668" i="1"/>
  <c r="X83669" i="1"/>
  <c r="X83670" i="1"/>
  <c r="X83671" i="1"/>
  <c r="X83672" i="1"/>
  <c r="X83673" i="1"/>
  <c r="X83674" i="1"/>
  <c r="X83675" i="1"/>
  <c r="X83676" i="1"/>
  <c r="X83677" i="1"/>
  <c r="X83678" i="1"/>
  <c r="X83679" i="1"/>
  <c r="X83680" i="1"/>
  <c r="X83681" i="1"/>
  <c r="X83682" i="1"/>
  <c r="X83683" i="1"/>
  <c r="X83684" i="1"/>
  <c r="X83685" i="1"/>
  <c r="X83686" i="1"/>
  <c r="X83687" i="1"/>
  <c r="X83688" i="1"/>
  <c r="X83689" i="1"/>
  <c r="X83690" i="1"/>
  <c r="X83691" i="1"/>
  <c r="X83692" i="1"/>
  <c r="X83693" i="1"/>
  <c r="X83694" i="1"/>
  <c r="X83695" i="1"/>
  <c r="X83696" i="1"/>
  <c r="X83697" i="1"/>
  <c r="X83698" i="1"/>
  <c r="X83699" i="1"/>
  <c r="X83700" i="1"/>
  <c r="X83701" i="1"/>
  <c r="X83702" i="1"/>
  <c r="X83703" i="1"/>
  <c r="X83704" i="1"/>
  <c r="X83705" i="1"/>
  <c r="X83706" i="1"/>
  <c r="X83707" i="1"/>
  <c r="X83708" i="1"/>
  <c r="X83709" i="1"/>
  <c r="X83710" i="1"/>
  <c r="X83711" i="1"/>
  <c r="X83712" i="1"/>
  <c r="X83713" i="1"/>
  <c r="X83714" i="1"/>
  <c r="X83715" i="1"/>
  <c r="X83716" i="1"/>
  <c r="X83717" i="1"/>
  <c r="X83718" i="1"/>
  <c r="X83719" i="1"/>
  <c r="X83720" i="1"/>
  <c r="X83721" i="1"/>
  <c r="X83722" i="1"/>
  <c r="X83723" i="1"/>
  <c r="X83724" i="1"/>
  <c r="X83725" i="1"/>
  <c r="X83726" i="1"/>
  <c r="X83727" i="1"/>
  <c r="X83728" i="1"/>
  <c r="X83729" i="1"/>
  <c r="X83730" i="1"/>
  <c r="X83731" i="1"/>
  <c r="X83732" i="1"/>
  <c r="X83733" i="1"/>
  <c r="X83734" i="1"/>
  <c r="X83735" i="1"/>
  <c r="X83736" i="1"/>
  <c r="X83737" i="1"/>
  <c r="X83738" i="1"/>
  <c r="X83739" i="1"/>
  <c r="X83740" i="1"/>
  <c r="X83741" i="1"/>
  <c r="X83742" i="1"/>
  <c r="X83743" i="1"/>
  <c r="X83744" i="1"/>
  <c r="X83745" i="1"/>
  <c r="X83746" i="1"/>
  <c r="X83747" i="1"/>
  <c r="X83748" i="1"/>
  <c r="X83749" i="1"/>
  <c r="X83750" i="1"/>
  <c r="X83751" i="1"/>
  <c r="X83752" i="1"/>
  <c r="X83753" i="1"/>
  <c r="X83754" i="1"/>
  <c r="X83755" i="1"/>
  <c r="X83756" i="1"/>
  <c r="X83757" i="1"/>
  <c r="X83758" i="1"/>
  <c r="X83759" i="1"/>
  <c r="X83760" i="1"/>
  <c r="X83761" i="1"/>
  <c r="X83762" i="1"/>
  <c r="X83763" i="1"/>
  <c r="X83764" i="1"/>
  <c r="X83765" i="1"/>
  <c r="X83766" i="1"/>
  <c r="X83767" i="1"/>
  <c r="X83768" i="1"/>
  <c r="X83769" i="1"/>
  <c r="X83770" i="1"/>
  <c r="X83771" i="1"/>
  <c r="X83772" i="1"/>
  <c r="X83773" i="1"/>
  <c r="X83774" i="1"/>
  <c r="X83775" i="1"/>
  <c r="X83776" i="1"/>
  <c r="X83777" i="1"/>
  <c r="X83778" i="1"/>
  <c r="X83779" i="1"/>
  <c r="X83780" i="1"/>
  <c r="X83781" i="1"/>
  <c r="X83782" i="1"/>
  <c r="X83783" i="1"/>
  <c r="X83784" i="1"/>
  <c r="X83785" i="1"/>
  <c r="X83786" i="1"/>
  <c r="X83787" i="1"/>
  <c r="X83788" i="1"/>
  <c r="X83789" i="1"/>
  <c r="X83790" i="1"/>
  <c r="X83791" i="1"/>
  <c r="X83792" i="1"/>
  <c r="X83793" i="1"/>
  <c r="X83794" i="1"/>
  <c r="X83795" i="1"/>
  <c r="X83796" i="1"/>
  <c r="X83797" i="1"/>
  <c r="X83798" i="1"/>
  <c r="X83799" i="1"/>
  <c r="X83800" i="1"/>
  <c r="X83801" i="1"/>
  <c r="X83802" i="1"/>
  <c r="X83803" i="1"/>
  <c r="X83804" i="1"/>
  <c r="X83805" i="1"/>
  <c r="X83806" i="1"/>
  <c r="X83807" i="1"/>
  <c r="X83808" i="1"/>
  <c r="X83809" i="1"/>
  <c r="X83810" i="1"/>
  <c r="X83811" i="1"/>
  <c r="X83812" i="1"/>
  <c r="X83813" i="1"/>
  <c r="X83814" i="1"/>
  <c r="X83815" i="1"/>
  <c r="X83816" i="1"/>
  <c r="X83817" i="1"/>
  <c r="X83818" i="1"/>
  <c r="X83819" i="1"/>
  <c r="X83820" i="1"/>
  <c r="X83821" i="1"/>
  <c r="X83822" i="1"/>
  <c r="X83823" i="1"/>
  <c r="X83824" i="1"/>
  <c r="X83825" i="1"/>
  <c r="X83826" i="1"/>
  <c r="X83827" i="1"/>
  <c r="X83828" i="1"/>
  <c r="X83829" i="1"/>
  <c r="X83830" i="1"/>
  <c r="X83831" i="1"/>
  <c r="X83832" i="1"/>
  <c r="X83833" i="1"/>
  <c r="X83834" i="1"/>
  <c r="X83835" i="1"/>
  <c r="X83836" i="1"/>
  <c r="X83837" i="1"/>
  <c r="X83838" i="1"/>
  <c r="X83839" i="1"/>
  <c r="X83840" i="1"/>
  <c r="X83841" i="1"/>
  <c r="X83842" i="1"/>
  <c r="X83843" i="1"/>
  <c r="X83844" i="1"/>
  <c r="X83845" i="1"/>
  <c r="X83846" i="1"/>
  <c r="X83847" i="1"/>
  <c r="X83848" i="1"/>
  <c r="X83849" i="1"/>
  <c r="X83850" i="1"/>
  <c r="X83851" i="1"/>
  <c r="X83852" i="1"/>
  <c r="X83853" i="1"/>
  <c r="X83854" i="1"/>
  <c r="X83855" i="1"/>
  <c r="X83856" i="1"/>
  <c r="X83857" i="1"/>
  <c r="X83858" i="1"/>
  <c r="X83859" i="1"/>
  <c r="X83860" i="1"/>
  <c r="X83861" i="1"/>
  <c r="X83862" i="1"/>
  <c r="X83863" i="1"/>
  <c r="X83864" i="1"/>
  <c r="X83865" i="1"/>
  <c r="X83866" i="1"/>
  <c r="X83867" i="1"/>
  <c r="X83868" i="1"/>
  <c r="X83869" i="1"/>
  <c r="X83870" i="1"/>
  <c r="X83871" i="1"/>
  <c r="X83872" i="1"/>
  <c r="X83873" i="1"/>
  <c r="X83874" i="1"/>
  <c r="X83875" i="1"/>
  <c r="X83876" i="1"/>
  <c r="X83877" i="1"/>
  <c r="X83878" i="1"/>
  <c r="X83879" i="1"/>
  <c r="X83880" i="1"/>
  <c r="X83881" i="1"/>
  <c r="X83882" i="1"/>
  <c r="X83883" i="1"/>
  <c r="X83884" i="1"/>
  <c r="X83885" i="1"/>
  <c r="X83886" i="1"/>
  <c r="X83887" i="1"/>
  <c r="X83888" i="1"/>
  <c r="X83889" i="1"/>
  <c r="X83890" i="1"/>
  <c r="X83891" i="1"/>
  <c r="X83892" i="1"/>
  <c r="X83893" i="1"/>
  <c r="X83894" i="1"/>
  <c r="X83895" i="1"/>
  <c r="X83896" i="1"/>
  <c r="X83897" i="1"/>
  <c r="X83898" i="1"/>
  <c r="X83899" i="1"/>
  <c r="X83900" i="1"/>
  <c r="X83901" i="1"/>
  <c r="X83902" i="1"/>
  <c r="X83903" i="1"/>
  <c r="X83904" i="1"/>
  <c r="X83905" i="1"/>
  <c r="X83906" i="1"/>
  <c r="X83907" i="1"/>
  <c r="X83908" i="1"/>
  <c r="X83909" i="1"/>
  <c r="X83910" i="1"/>
  <c r="X83911" i="1"/>
  <c r="X83912" i="1"/>
  <c r="X83913" i="1"/>
  <c r="X83914" i="1"/>
  <c r="X83915" i="1"/>
  <c r="X83916" i="1"/>
  <c r="X83917" i="1"/>
  <c r="X83918" i="1"/>
  <c r="X83919" i="1"/>
  <c r="X83920" i="1"/>
  <c r="X83921" i="1"/>
  <c r="X83922" i="1"/>
  <c r="X83923" i="1"/>
  <c r="X83924" i="1"/>
  <c r="X83925" i="1"/>
  <c r="X83926" i="1"/>
  <c r="X83927" i="1"/>
  <c r="X83928" i="1"/>
  <c r="X83929" i="1"/>
  <c r="X83930" i="1"/>
  <c r="X83931" i="1"/>
  <c r="X83932" i="1"/>
  <c r="X83933" i="1"/>
  <c r="X83934" i="1"/>
  <c r="X83935" i="1"/>
  <c r="X83936" i="1"/>
  <c r="X83937" i="1"/>
  <c r="X83938" i="1"/>
  <c r="X83939" i="1"/>
  <c r="X83940" i="1"/>
  <c r="X83941" i="1"/>
  <c r="X83942" i="1"/>
  <c r="X83943" i="1"/>
  <c r="X83944" i="1"/>
  <c r="X83945" i="1"/>
  <c r="X83946" i="1"/>
  <c r="X83947" i="1"/>
  <c r="X83948" i="1"/>
  <c r="X83949" i="1"/>
  <c r="X83950" i="1"/>
  <c r="X83951" i="1"/>
  <c r="X83952" i="1"/>
  <c r="X83953" i="1"/>
  <c r="X83954" i="1"/>
  <c r="X83955" i="1"/>
  <c r="X83956" i="1"/>
  <c r="X83957" i="1"/>
  <c r="X83958" i="1"/>
  <c r="X83959" i="1"/>
  <c r="X83960" i="1"/>
  <c r="X83961" i="1"/>
  <c r="X83962" i="1"/>
  <c r="X83963" i="1"/>
  <c r="X83964" i="1"/>
  <c r="X83965" i="1"/>
  <c r="X83966" i="1"/>
  <c r="X83967" i="1"/>
  <c r="X83968" i="1"/>
  <c r="X83969" i="1"/>
  <c r="X83970" i="1"/>
  <c r="X83971" i="1"/>
  <c r="X83972" i="1"/>
  <c r="X83973" i="1"/>
  <c r="X83974" i="1"/>
  <c r="X83975" i="1"/>
  <c r="X83976" i="1"/>
  <c r="X83977" i="1"/>
  <c r="X83978" i="1"/>
  <c r="X83979" i="1"/>
  <c r="X83980" i="1"/>
  <c r="X83981" i="1"/>
  <c r="X83982" i="1"/>
  <c r="X83983" i="1"/>
  <c r="X83984" i="1"/>
  <c r="X83985" i="1"/>
  <c r="X83986" i="1"/>
  <c r="X83987" i="1"/>
  <c r="X83988" i="1"/>
  <c r="X83989" i="1"/>
  <c r="X83990" i="1"/>
  <c r="X83991" i="1"/>
  <c r="X83992" i="1"/>
  <c r="X83993" i="1"/>
  <c r="X83994" i="1"/>
  <c r="X83995" i="1"/>
  <c r="X83996" i="1"/>
  <c r="X83997" i="1"/>
  <c r="X83998" i="1"/>
  <c r="X83999" i="1"/>
  <c r="X84000" i="1"/>
  <c r="X84001" i="1"/>
  <c r="X84002" i="1"/>
  <c r="X84003" i="1"/>
  <c r="X84004" i="1"/>
  <c r="X84005" i="1"/>
  <c r="X84006" i="1"/>
  <c r="X84007" i="1"/>
  <c r="X84008" i="1"/>
  <c r="X84009" i="1"/>
  <c r="X84010" i="1"/>
  <c r="X84011" i="1"/>
  <c r="X84012" i="1"/>
  <c r="X84013" i="1"/>
  <c r="X84014" i="1"/>
  <c r="X84015" i="1"/>
  <c r="X84016" i="1"/>
  <c r="X84017" i="1"/>
  <c r="X84018" i="1"/>
  <c r="X84019" i="1"/>
  <c r="X84020" i="1"/>
  <c r="X84021" i="1"/>
  <c r="X84022" i="1"/>
  <c r="X84023" i="1"/>
  <c r="X84024" i="1"/>
  <c r="X84025" i="1"/>
  <c r="X84026" i="1"/>
  <c r="X84027" i="1"/>
  <c r="X84028" i="1"/>
  <c r="X84029" i="1"/>
  <c r="X84030" i="1"/>
  <c r="X84031" i="1"/>
  <c r="X84032" i="1"/>
  <c r="X84033" i="1"/>
  <c r="X84034" i="1"/>
  <c r="X84035" i="1"/>
  <c r="X84036" i="1"/>
  <c r="X84037" i="1"/>
  <c r="X84038" i="1"/>
  <c r="X84039" i="1"/>
  <c r="X84040" i="1"/>
  <c r="X84041" i="1"/>
  <c r="X84042" i="1"/>
  <c r="X84043" i="1"/>
  <c r="X84044" i="1"/>
  <c r="X84045" i="1"/>
  <c r="X84046" i="1"/>
  <c r="X84047" i="1"/>
  <c r="X84048" i="1"/>
  <c r="X84049" i="1"/>
  <c r="X84050" i="1"/>
  <c r="X84051" i="1"/>
  <c r="X84052" i="1"/>
  <c r="X84053" i="1"/>
  <c r="X84054" i="1"/>
  <c r="X84055" i="1"/>
  <c r="X84056" i="1"/>
  <c r="X84057" i="1"/>
  <c r="X84058" i="1"/>
  <c r="X84059" i="1"/>
  <c r="X84060" i="1"/>
  <c r="X84061" i="1"/>
  <c r="X84062" i="1"/>
  <c r="X84063" i="1"/>
  <c r="X84064" i="1"/>
  <c r="X84065" i="1"/>
  <c r="X84066" i="1"/>
  <c r="X84067" i="1"/>
  <c r="X84068" i="1"/>
  <c r="X84069" i="1"/>
  <c r="X84070" i="1"/>
  <c r="X84071" i="1"/>
  <c r="X84072" i="1"/>
  <c r="X84073" i="1"/>
  <c r="X84074" i="1"/>
  <c r="X84075" i="1"/>
  <c r="X84076" i="1"/>
  <c r="X84077" i="1"/>
  <c r="X84078" i="1"/>
  <c r="X84079" i="1"/>
  <c r="X84080" i="1"/>
  <c r="X84081" i="1"/>
  <c r="X84082" i="1"/>
  <c r="X84083" i="1"/>
  <c r="X84084" i="1"/>
  <c r="X84085" i="1"/>
  <c r="X84086" i="1"/>
  <c r="X84087" i="1"/>
  <c r="X84088" i="1"/>
  <c r="X84089" i="1"/>
  <c r="X84090" i="1"/>
  <c r="X84091" i="1"/>
  <c r="X84092" i="1"/>
  <c r="X84093" i="1"/>
  <c r="X84094" i="1"/>
  <c r="X84095" i="1"/>
  <c r="X84096" i="1"/>
  <c r="X84097" i="1"/>
  <c r="X84098" i="1"/>
  <c r="X84099" i="1"/>
  <c r="X84100" i="1"/>
  <c r="X84101" i="1"/>
  <c r="X84102" i="1"/>
  <c r="X84103" i="1"/>
  <c r="X84104" i="1"/>
  <c r="X84105" i="1"/>
  <c r="X84106" i="1"/>
  <c r="X84107" i="1"/>
  <c r="X84108" i="1"/>
  <c r="X84109" i="1"/>
  <c r="X84110" i="1"/>
  <c r="X84111" i="1"/>
  <c r="X84112" i="1"/>
  <c r="X84113" i="1"/>
  <c r="X84114" i="1"/>
  <c r="X84115" i="1"/>
  <c r="X84116" i="1"/>
  <c r="X84117" i="1"/>
  <c r="X84118" i="1"/>
  <c r="X84119" i="1"/>
  <c r="X84120" i="1"/>
  <c r="X84121" i="1"/>
  <c r="X84122" i="1"/>
  <c r="X84123" i="1"/>
  <c r="X84124" i="1"/>
  <c r="X84125" i="1"/>
  <c r="X84126" i="1"/>
  <c r="X84127" i="1"/>
  <c r="X84128" i="1"/>
  <c r="X84129" i="1"/>
  <c r="X84130" i="1"/>
  <c r="X84131" i="1"/>
  <c r="X84132" i="1"/>
  <c r="X84133" i="1"/>
  <c r="X84134" i="1"/>
  <c r="X84135" i="1"/>
  <c r="X84136" i="1"/>
  <c r="X84137" i="1"/>
  <c r="X84138" i="1"/>
  <c r="X84139" i="1"/>
  <c r="X84140" i="1"/>
  <c r="X84141" i="1"/>
  <c r="X84142" i="1"/>
  <c r="X84143" i="1"/>
  <c r="X84144" i="1"/>
  <c r="X84145" i="1"/>
  <c r="X84146" i="1"/>
  <c r="X84147" i="1"/>
  <c r="X84148" i="1"/>
  <c r="X84149" i="1"/>
  <c r="X84150" i="1"/>
  <c r="X84151" i="1"/>
  <c r="X84152" i="1"/>
  <c r="X84153" i="1"/>
  <c r="X84154" i="1"/>
  <c r="X84155" i="1"/>
  <c r="X84156" i="1"/>
  <c r="X84157" i="1"/>
  <c r="X84158" i="1"/>
  <c r="X84159" i="1"/>
  <c r="X84160" i="1"/>
  <c r="X84161" i="1"/>
  <c r="X84162" i="1"/>
  <c r="X84163" i="1"/>
  <c r="X84164" i="1"/>
  <c r="X84165" i="1"/>
  <c r="X84166" i="1"/>
  <c r="X84167" i="1"/>
  <c r="X84168" i="1"/>
  <c r="X84169" i="1"/>
  <c r="X84170" i="1"/>
  <c r="X84171" i="1"/>
  <c r="X84172" i="1"/>
  <c r="X84173" i="1"/>
  <c r="X84174" i="1"/>
  <c r="X84175" i="1"/>
  <c r="X84176" i="1"/>
  <c r="X84177" i="1"/>
  <c r="X84178" i="1"/>
  <c r="X84179" i="1"/>
  <c r="X84180" i="1"/>
  <c r="X84181" i="1"/>
  <c r="X84182" i="1"/>
  <c r="X84183" i="1"/>
  <c r="X84184" i="1"/>
  <c r="X84185" i="1"/>
  <c r="X84186" i="1"/>
  <c r="X84187" i="1"/>
  <c r="X84188" i="1"/>
  <c r="X84189" i="1"/>
  <c r="X84190" i="1"/>
  <c r="X84191" i="1"/>
  <c r="X84192" i="1"/>
  <c r="X84193" i="1"/>
  <c r="X84194" i="1"/>
  <c r="X84195" i="1"/>
  <c r="X84196" i="1"/>
  <c r="X84197" i="1"/>
  <c r="X84198" i="1"/>
  <c r="X84199" i="1"/>
  <c r="X84200" i="1"/>
  <c r="X84201" i="1"/>
  <c r="X84202" i="1"/>
  <c r="X84203" i="1"/>
  <c r="X84204" i="1"/>
  <c r="X84205" i="1"/>
  <c r="X84206" i="1"/>
  <c r="X84207" i="1"/>
  <c r="X84208" i="1"/>
  <c r="X84209" i="1"/>
  <c r="X84210" i="1"/>
  <c r="X84211" i="1"/>
  <c r="X84212" i="1"/>
  <c r="X84213" i="1"/>
  <c r="X84214" i="1"/>
  <c r="X84215" i="1"/>
  <c r="X84216" i="1"/>
  <c r="X84217" i="1"/>
  <c r="X84218" i="1"/>
  <c r="X84219" i="1"/>
  <c r="X84220" i="1"/>
  <c r="X84221" i="1"/>
  <c r="X84222" i="1"/>
  <c r="X84223" i="1"/>
  <c r="X84224" i="1"/>
  <c r="X84225" i="1"/>
  <c r="X84226" i="1"/>
  <c r="X84227" i="1"/>
  <c r="X84228" i="1"/>
  <c r="X84229" i="1"/>
  <c r="X84230" i="1"/>
  <c r="X84231" i="1"/>
  <c r="X84232" i="1"/>
  <c r="X84233" i="1"/>
  <c r="X84234" i="1"/>
  <c r="X84235" i="1"/>
  <c r="X84236" i="1"/>
  <c r="X84237" i="1"/>
  <c r="X84238" i="1"/>
  <c r="X84239" i="1"/>
  <c r="X84240" i="1"/>
  <c r="X84241" i="1"/>
  <c r="X84242" i="1"/>
  <c r="X84243" i="1"/>
  <c r="X84244" i="1"/>
  <c r="X84245" i="1"/>
  <c r="X84246" i="1"/>
  <c r="X84247" i="1"/>
  <c r="X84248" i="1"/>
  <c r="X84249" i="1"/>
  <c r="X84250" i="1"/>
  <c r="X84251" i="1"/>
  <c r="X84252" i="1"/>
  <c r="X84253" i="1"/>
  <c r="X84254" i="1"/>
  <c r="X84255" i="1"/>
  <c r="X84256" i="1"/>
  <c r="X84257" i="1"/>
  <c r="X84258" i="1"/>
  <c r="X84259" i="1"/>
  <c r="X84260" i="1"/>
  <c r="X84261" i="1"/>
  <c r="X84262" i="1"/>
  <c r="X84263" i="1"/>
  <c r="X84264" i="1"/>
  <c r="X84265" i="1"/>
  <c r="X84266" i="1"/>
  <c r="X84267" i="1"/>
  <c r="X84268" i="1"/>
  <c r="X84269" i="1"/>
  <c r="X84270" i="1"/>
  <c r="X84271" i="1"/>
  <c r="X84272" i="1"/>
  <c r="X84273" i="1"/>
  <c r="X84274" i="1"/>
  <c r="X84275" i="1"/>
  <c r="X84276" i="1"/>
  <c r="X84277" i="1"/>
  <c r="X84278" i="1"/>
  <c r="X84279" i="1"/>
  <c r="X84280" i="1"/>
  <c r="X84281" i="1"/>
  <c r="X84282" i="1"/>
  <c r="X84283" i="1"/>
  <c r="X84284" i="1"/>
  <c r="X84285" i="1"/>
  <c r="X84286" i="1"/>
  <c r="X84287" i="1"/>
  <c r="X84288" i="1"/>
  <c r="X84289" i="1"/>
  <c r="X84290" i="1"/>
  <c r="X84291" i="1"/>
  <c r="X84292" i="1"/>
  <c r="X84293" i="1"/>
  <c r="X84294" i="1"/>
  <c r="X84295" i="1"/>
  <c r="X84296" i="1"/>
  <c r="X84297" i="1"/>
  <c r="X84298" i="1"/>
  <c r="X84299" i="1"/>
  <c r="X84300" i="1"/>
  <c r="X84301" i="1"/>
  <c r="X84302" i="1"/>
  <c r="X84303" i="1"/>
  <c r="X84304" i="1"/>
  <c r="X84305" i="1"/>
  <c r="X84306" i="1"/>
  <c r="X84307" i="1"/>
  <c r="X84308" i="1"/>
  <c r="X84309" i="1"/>
  <c r="X84310" i="1"/>
  <c r="X84311" i="1"/>
  <c r="X84312" i="1"/>
  <c r="X84313" i="1"/>
  <c r="X84314" i="1"/>
  <c r="X84315" i="1"/>
  <c r="X84316" i="1"/>
  <c r="X84317" i="1"/>
  <c r="X84318" i="1"/>
  <c r="X84319" i="1"/>
  <c r="X84320" i="1"/>
  <c r="X84321" i="1"/>
  <c r="X84322" i="1"/>
  <c r="X84323" i="1"/>
  <c r="X84324" i="1"/>
  <c r="X84325" i="1"/>
  <c r="X84326" i="1"/>
  <c r="X84327" i="1"/>
  <c r="X84328" i="1"/>
  <c r="X84329" i="1"/>
  <c r="X84330" i="1"/>
  <c r="X84331" i="1"/>
  <c r="X84332" i="1"/>
  <c r="X84333" i="1"/>
  <c r="X84334" i="1"/>
  <c r="X84335" i="1"/>
  <c r="X84336" i="1"/>
  <c r="X84337" i="1"/>
  <c r="X84338" i="1"/>
  <c r="X84339" i="1"/>
  <c r="X84340" i="1"/>
  <c r="X84341" i="1"/>
  <c r="X84342" i="1"/>
  <c r="X84343" i="1"/>
  <c r="X84344" i="1"/>
  <c r="X84345" i="1"/>
  <c r="X84346" i="1"/>
  <c r="X84347" i="1"/>
  <c r="X84348" i="1"/>
  <c r="X84349" i="1"/>
  <c r="X84350" i="1"/>
  <c r="X84351" i="1"/>
  <c r="X84352" i="1"/>
  <c r="X84353" i="1"/>
  <c r="X84354" i="1"/>
  <c r="X84355" i="1"/>
  <c r="X84356" i="1"/>
  <c r="X84357" i="1"/>
  <c r="X84358" i="1"/>
  <c r="X84359" i="1"/>
  <c r="X84360" i="1"/>
  <c r="X84361" i="1"/>
  <c r="X84362" i="1"/>
  <c r="X84363" i="1"/>
  <c r="X84364" i="1"/>
  <c r="X84365" i="1"/>
  <c r="X84366" i="1"/>
  <c r="X84367" i="1"/>
  <c r="X84368" i="1"/>
  <c r="X84369" i="1"/>
  <c r="X84370" i="1"/>
  <c r="X84371" i="1"/>
  <c r="X84372" i="1"/>
  <c r="X84373" i="1"/>
  <c r="X84374" i="1"/>
  <c r="X84375" i="1"/>
  <c r="X84376" i="1"/>
  <c r="X84377" i="1"/>
  <c r="X84378" i="1"/>
  <c r="X84379" i="1"/>
  <c r="X84380" i="1"/>
  <c r="X84381" i="1"/>
  <c r="X84382" i="1"/>
  <c r="X84383" i="1"/>
  <c r="X84384" i="1"/>
  <c r="X84385" i="1"/>
  <c r="X84386" i="1"/>
  <c r="X84387" i="1"/>
  <c r="X84388" i="1"/>
  <c r="X84389" i="1"/>
  <c r="X84390" i="1"/>
  <c r="X84391" i="1"/>
  <c r="X84392" i="1"/>
  <c r="X84393" i="1"/>
  <c r="X84394" i="1"/>
  <c r="X84395" i="1"/>
  <c r="X84396" i="1"/>
  <c r="X84397" i="1"/>
  <c r="X84398" i="1"/>
  <c r="X84399" i="1"/>
  <c r="X84400" i="1"/>
  <c r="X84401" i="1"/>
  <c r="X84402" i="1"/>
  <c r="X84403" i="1"/>
  <c r="X84404" i="1"/>
  <c r="X84405" i="1"/>
  <c r="X84406" i="1"/>
  <c r="X84407" i="1"/>
  <c r="X84408" i="1"/>
  <c r="X84409" i="1"/>
  <c r="X84410" i="1"/>
  <c r="X84411" i="1"/>
  <c r="X84412" i="1"/>
  <c r="X84413" i="1"/>
  <c r="X84414" i="1"/>
  <c r="X84415" i="1"/>
  <c r="X84416" i="1"/>
  <c r="X84417" i="1"/>
  <c r="X84418" i="1"/>
  <c r="X84419" i="1"/>
  <c r="X84420" i="1"/>
  <c r="X84421" i="1"/>
  <c r="X84422" i="1"/>
  <c r="X84423" i="1"/>
  <c r="X84424" i="1"/>
  <c r="X84425" i="1"/>
  <c r="X84426" i="1"/>
  <c r="X84427" i="1"/>
  <c r="X84428" i="1"/>
  <c r="X84429" i="1"/>
  <c r="X84430" i="1"/>
  <c r="X84431" i="1"/>
  <c r="X84432" i="1"/>
  <c r="X84433" i="1"/>
  <c r="X84434" i="1"/>
  <c r="X84435" i="1"/>
  <c r="X84436" i="1"/>
  <c r="X84437" i="1"/>
  <c r="X84438" i="1"/>
  <c r="X84439" i="1"/>
  <c r="X84440" i="1"/>
  <c r="X84441" i="1"/>
  <c r="X84442" i="1"/>
  <c r="X84443" i="1"/>
  <c r="X84444" i="1"/>
  <c r="X84445" i="1"/>
  <c r="X84446" i="1"/>
  <c r="X84447" i="1"/>
  <c r="X84448" i="1"/>
  <c r="X84449" i="1"/>
  <c r="X84450" i="1"/>
  <c r="X84451" i="1"/>
  <c r="X84452" i="1"/>
  <c r="X84453" i="1"/>
  <c r="X84454" i="1"/>
  <c r="X84455" i="1"/>
  <c r="X84456" i="1"/>
  <c r="X84457" i="1"/>
  <c r="X84458" i="1"/>
  <c r="X84459" i="1"/>
  <c r="X84460" i="1"/>
  <c r="X84461" i="1"/>
  <c r="X84462" i="1"/>
  <c r="X84463" i="1"/>
  <c r="X84464" i="1"/>
  <c r="X84465" i="1"/>
  <c r="X84466" i="1"/>
  <c r="X84467" i="1"/>
  <c r="X84468" i="1"/>
  <c r="X84469" i="1"/>
  <c r="X84470" i="1"/>
  <c r="X84471" i="1"/>
  <c r="X84472" i="1"/>
  <c r="X84473" i="1"/>
  <c r="X84474" i="1"/>
  <c r="X84475" i="1"/>
  <c r="X84476" i="1"/>
  <c r="X84477" i="1"/>
  <c r="X84478" i="1"/>
  <c r="X84479" i="1"/>
  <c r="X84480" i="1"/>
  <c r="X84481" i="1"/>
  <c r="X84482" i="1"/>
  <c r="X84483" i="1"/>
  <c r="X84484" i="1"/>
  <c r="X84485" i="1"/>
  <c r="X84486" i="1"/>
  <c r="X84487" i="1"/>
  <c r="X84488" i="1"/>
  <c r="X84489" i="1"/>
  <c r="X84490" i="1"/>
  <c r="X84491" i="1"/>
  <c r="X84492" i="1"/>
  <c r="X84493" i="1"/>
  <c r="X84494" i="1"/>
  <c r="X84495" i="1"/>
  <c r="X84496" i="1"/>
  <c r="X84497" i="1"/>
  <c r="X84498" i="1"/>
  <c r="X84499" i="1"/>
  <c r="X84500" i="1"/>
  <c r="X84501" i="1"/>
  <c r="X84502" i="1"/>
  <c r="X84503" i="1"/>
  <c r="X84504" i="1"/>
  <c r="X84505" i="1"/>
  <c r="X84506" i="1"/>
  <c r="X84507" i="1"/>
  <c r="X84508" i="1"/>
  <c r="X84509" i="1"/>
  <c r="X84510" i="1"/>
  <c r="X84511" i="1"/>
  <c r="X84512" i="1"/>
  <c r="X84513" i="1"/>
  <c r="X84514" i="1"/>
  <c r="X84515" i="1"/>
  <c r="X84516" i="1"/>
  <c r="X84517" i="1"/>
  <c r="X84518" i="1"/>
  <c r="X84519" i="1"/>
  <c r="X84520" i="1"/>
  <c r="X84521" i="1"/>
  <c r="X84522" i="1"/>
  <c r="X84523" i="1"/>
  <c r="X84524" i="1"/>
  <c r="X84525" i="1"/>
  <c r="X84526" i="1"/>
  <c r="X84527" i="1"/>
  <c r="X84528" i="1"/>
  <c r="X84529" i="1"/>
  <c r="X84530" i="1"/>
  <c r="X84531" i="1"/>
  <c r="X84532" i="1"/>
  <c r="X84533" i="1"/>
  <c r="X84534" i="1"/>
  <c r="X84535" i="1"/>
  <c r="X84536" i="1"/>
  <c r="X84537" i="1"/>
  <c r="X84538" i="1"/>
  <c r="X84539" i="1"/>
  <c r="X84540" i="1"/>
  <c r="X84541" i="1"/>
  <c r="X84542" i="1"/>
  <c r="X84543" i="1"/>
  <c r="X84544" i="1"/>
  <c r="X84545" i="1"/>
  <c r="X84546" i="1"/>
  <c r="X84547" i="1"/>
  <c r="X84548" i="1"/>
  <c r="X84549" i="1"/>
  <c r="X84550" i="1"/>
  <c r="X84551" i="1"/>
  <c r="X84552" i="1"/>
  <c r="X84553" i="1"/>
  <c r="X84554" i="1"/>
  <c r="X84555" i="1"/>
  <c r="X84556" i="1"/>
  <c r="X84557" i="1"/>
  <c r="X84558" i="1"/>
  <c r="X84559" i="1"/>
  <c r="X84560" i="1"/>
  <c r="X84561" i="1"/>
  <c r="X84562" i="1"/>
  <c r="X84563" i="1"/>
  <c r="X84564" i="1"/>
  <c r="X84565" i="1"/>
  <c r="X84566" i="1"/>
  <c r="X84567" i="1"/>
  <c r="X84568" i="1"/>
  <c r="X84569" i="1"/>
  <c r="X84570" i="1"/>
  <c r="X84571" i="1"/>
  <c r="X84572" i="1"/>
  <c r="X84573" i="1"/>
  <c r="X84574" i="1"/>
  <c r="X84575" i="1"/>
  <c r="X84576" i="1"/>
  <c r="X84577" i="1"/>
  <c r="X84578" i="1"/>
  <c r="X84579" i="1"/>
  <c r="X84580" i="1"/>
  <c r="X84581" i="1"/>
  <c r="X84582" i="1"/>
  <c r="X84583" i="1"/>
  <c r="X84584" i="1"/>
  <c r="X84585" i="1"/>
  <c r="X84586" i="1"/>
  <c r="X84587" i="1"/>
  <c r="X84588" i="1"/>
  <c r="X84589" i="1"/>
  <c r="X84590" i="1"/>
  <c r="X84591" i="1"/>
  <c r="X84592" i="1"/>
  <c r="X84593" i="1"/>
  <c r="X84594" i="1"/>
  <c r="X84595" i="1"/>
  <c r="X84596" i="1"/>
  <c r="X84597" i="1"/>
  <c r="X84598" i="1"/>
  <c r="X84599" i="1"/>
  <c r="X84600" i="1"/>
  <c r="X84601" i="1"/>
  <c r="X84602" i="1"/>
  <c r="X84603" i="1"/>
  <c r="X84604" i="1"/>
  <c r="X84605" i="1"/>
  <c r="X84606" i="1"/>
  <c r="X84607" i="1"/>
  <c r="X84608" i="1"/>
  <c r="X84609" i="1"/>
  <c r="X84610" i="1"/>
  <c r="X84611" i="1"/>
  <c r="X84612" i="1"/>
  <c r="X84613" i="1"/>
  <c r="X84614" i="1"/>
  <c r="X84615" i="1"/>
  <c r="X84616" i="1"/>
  <c r="X84617" i="1"/>
  <c r="X84618" i="1"/>
  <c r="X84619" i="1"/>
  <c r="X84620" i="1"/>
  <c r="X84621" i="1"/>
  <c r="X84622" i="1"/>
  <c r="X84623" i="1"/>
  <c r="X84624" i="1"/>
  <c r="X84625" i="1"/>
  <c r="X84626" i="1"/>
  <c r="X84627" i="1"/>
  <c r="X84628" i="1"/>
  <c r="X84629" i="1"/>
  <c r="X84630" i="1"/>
  <c r="X84631" i="1"/>
  <c r="X84632" i="1"/>
  <c r="X84633" i="1"/>
  <c r="X84634" i="1"/>
  <c r="X84635" i="1"/>
  <c r="X84636" i="1"/>
  <c r="X84637" i="1"/>
  <c r="X84638" i="1"/>
  <c r="X84639" i="1"/>
  <c r="X84640" i="1"/>
  <c r="X84641" i="1"/>
  <c r="X84642" i="1"/>
  <c r="X84643" i="1"/>
  <c r="X84644" i="1"/>
  <c r="X84645" i="1"/>
  <c r="X84646" i="1"/>
  <c r="X84647" i="1"/>
  <c r="X84648" i="1"/>
  <c r="X84649" i="1"/>
  <c r="X84650" i="1"/>
  <c r="X84651" i="1"/>
  <c r="X84652" i="1"/>
  <c r="X84653" i="1"/>
  <c r="X84654" i="1"/>
  <c r="X84655" i="1"/>
  <c r="X84656" i="1"/>
  <c r="X84657" i="1"/>
  <c r="X84658" i="1"/>
  <c r="X84659" i="1"/>
  <c r="X84660" i="1"/>
  <c r="X84661" i="1"/>
  <c r="X84662" i="1"/>
  <c r="X84663" i="1"/>
  <c r="X84664" i="1"/>
  <c r="X84665" i="1"/>
  <c r="X84666" i="1"/>
  <c r="X84667" i="1"/>
  <c r="X84668" i="1"/>
  <c r="X84669" i="1"/>
  <c r="X84670" i="1"/>
  <c r="X84671" i="1"/>
  <c r="X84672" i="1"/>
  <c r="X84673" i="1"/>
  <c r="X84674" i="1"/>
  <c r="X84675" i="1"/>
  <c r="X84676" i="1"/>
  <c r="X84677" i="1"/>
  <c r="X84678" i="1"/>
  <c r="X84679" i="1"/>
  <c r="X84680" i="1"/>
  <c r="X84681" i="1"/>
  <c r="X84682" i="1"/>
  <c r="X84683" i="1"/>
  <c r="X84684" i="1"/>
  <c r="X84685" i="1"/>
  <c r="X84686" i="1"/>
  <c r="X84687" i="1"/>
  <c r="X84688" i="1"/>
  <c r="X84689" i="1"/>
  <c r="X84690" i="1"/>
  <c r="X84691" i="1"/>
  <c r="X84692" i="1"/>
  <c r="X84693" i="1"/>
  <c r="X84694" i="1"/>
  <c r="X84695" i="1"/>
  <c r="X84696" i="1"/>
  <c r="X84697" i="1"/>
  <c r="X84698" i="1"/>
  <c r="X84699" i="1"/>
  <c r="X84700" i="1"/>
  <c r="X84701" i="1"/>
  <c r="X84702" i="1"/>
  <c r="X84703" i="1"/>
  <c r="X84704" i="1"/>
  <c r="X84705" i="1"/>
  <c r="X84706" i="1"/>
  <c r="X84707" i="1"/>
  <c r="X84708" i="1"/>
  <c r="X84709" i="1"/>
  <c r="X84710" i="1"/>
  <c r="X84711" i="1"/>
  <c r="X84712" i="1"/>
  <c r="X84713" i="1"/>
  <c r="X84714" i="1"/>
  <c r="X84715" i="1"/>
  <c r="X84716" i="1"/>
  <c r="X84717" i="1"/>
  <c r="X84718" i="1"/>
  <c r="X84719" i="1"/>
  <c r="X84720" i="1"/>
  <c r="X84721" i="1"/>
  <c r="X84722" i="1"/>
  <c r="X84723" i="1"/>
  <c r="X84724" i="1"/>
  <c r="X84725" i="1"/>
  <c r="X84726" i="1"/>
  <c r="X84727" i="1"/>
  <c r="X84728" i="1"/>
  <c r="X84729" i="1"/>
  <c r="X84730" i="1"/>
  <c r="X84731" i="1"/>
  <c r="X84732" i="1"/>
  <c r="X84733" i="1"/>
  <c r="X84734" i="1"/>
  <c r="X84735" i="1"/>
  <c r="X84736" i="1"/>
  <c r="X84737" i="1"/>
  <c r="X84738" i="1"/>
  <c r="X84739" i="1"/>
  <c r="X84740" i="1"/>
  <c r="X84741" i="1"/>
  <c r="X84742" i="1"/>
  <c r="X84743" i="1"/>
  <c r="X84744" i="1"/>
  <c r="X84745" i="1"/>
  <c r="X84746" i="1"/>
  <c r="X84747" i="1"/>
  <c r="X84748" i="1"/>
  <c r="X84749" i="1"/>
  <c r="X84750" i="1"/>
  <c r="X84751" i="1"/>
  <c r="X84752" i="1"/>
  <c r="X84753" i="1"/>
  <c r="X84754" i="1"/>
  <c r="X84755" i="1"/>
  <c r="X84756" i="1"/>
  <c r="X84757" i="1"/>
  <c r="X84758" i="1"/>
  <c r="X84759" i="1"/>
  <c r="X84760" i="1"/>
  <c r="X84761" i="1"/>
  <c r="X84762" i="1"/>
  <c r="X84763" i="1"/>
  <c r="X84764" i="1"/>
  <c r="X84765" i="1"/>
  <c r="X84766" i="1"/>
  <c r="X84767" i="1"/>
  <c r="X84768" i="1"/>
  <c r="X84769" i="1"/>
  <c r="X84770" i="1"/>
  <c r="X84771" i="1"/>
  <c r="X84772" i="1"/>
  <c r="X84773" i="1"/>
  <c r="X84774" i="1"/>
  <c r="X84775" i="1"/>
  <c r="X84776" i="1"/>
  <c r="X84777" i="1"/>
  <c r="X84778" i="1"/>
  <c r="X84779" i="1"/>
  <c r="X84780" i="1"/>
  <c r="X84781" i="1"/>
  <c r="X84782" i="1"/>
  <c r="X84783" i="1"/>
  <c r="X84784" i="1"/>
  <c r="X84785" i="1"/>
  <c r="X84786" i="1"/>
  <c r="X84787" i="1"/>
  <c r="X84788" i="1"/>
  <c r="X84789" i="1"/>
  <c r="X84790" i="1"/>
  <c r="X84791" i="1"/>
  <c r="X84792" i="1"/>
  <c r="X84793" i="1"/>
  <c r="X84794" i="1"/>
  <c r="X84795" i="1"/>
  <c r="X84796" i="1"/>
  <c r="X84797" i="1"/>
  <c r="X84798" i="1"/>
  <c r="X84799" i="1"/>
  <c r="X84800" i="1"/>
  <c r="X84801" i="1"/>
  <c r="X84802" i="1"/>
  <c r="X84803" i="1"/>
  <c r="X84804" i="1"/>
  <c r="X84805" i="1"/>
  <c r="X84806" i="1"/>
  <c r="X84807" i="1"/>
  <c r="X84808" i="1"/>
  <c r="X84809" i="1"/>
  <c r="X84810" i="1"/>
  <c r="X84811" i="1"/>
  <c r="X84812" i="1"/>
  <c r="X84813" i="1"/>
  <c r="X84814" i="1"/>
  <c r="X84815" i="1"/>
  <c r="X84816" i="1"/>
  <c r="X84817" i="1"/>
  <c r="X84818" i="1"/>
  <c r="X84819" i="1"/>
  <c r="X84820" i="1"/>
  <c r="X84821" i="1"/>
  <c r="X84822" i="1"/>
  <c r="X84823" i="1"/>
  <c r="X84824" i="1"/>
  <c r="X84825" i="1"/>
  <c r="X84826" i="1"/>
  <c r="X84827" i="1"/>
  <c r="X84828" i="1"/>
  <c r="X84829" i="1"/>
  <c r="X84830" i="1"/>
  <c r="X84831" i="1"/>
  <c r="X84832" i="1"/>
  <c r="X84833" i="1"/>
  <c r="X84834" i="1"/>
  <c r="X84835" i="1"/>
  <c r="X84836" i="1"/>
  <c r="X84837" i="1"/>
  <c r="X84838" i="1"/>
  <c r="X84839" i="1"/>
  <c r="X84840" i="1"/>
  <c r="X84841" i="1"/>
  <c r="X84842" i="1"/>
  <c r="X84843" i="1"/>
  <c r="X84844" i="1"/>
  <c r="X84845" i="1"/>
  <c r="X84846" i="1"/>
  <c r="X84847" i="1"/>
  <c r="X84848" i="1"/>
  <c r="X84849" i="1"/>
  <c r="X84850" i="1"/>
  <c r="X84851" i="1"/>
  <c r="X84852" i="1"/>
  <c r="X84853" i="1"/>
  <c r="X84854" i="1"/>
  <c r="X84855" i="1"/>
  <c r="X84856" i="1"/>
  <c r="X84857" i="1"/>
  <c r="X84858" i="1"/>
  <c r="X84859" i="1"/>
  <c r="X84860" i="1"/>
  <c r="X84861" i="1"/>
  <c r="X84862" i="1"/>
  <c r="X84863" i="1"/>
  <c r="X84864" i="1"/>
  <c r="X84865" i="1"/>
  <c r="X84866" i="1"/>
  <c r="X84867" i="1"/>
  <c r="X84868" i="1"/>
  <c r="X84869" i="1"/>
  <c r="X84870" i="1"/>
  <c r="X84871" i="1"/>
  <c r="X84872" i="1"/>
  <c r="X84873" i="1"/>
  <c r="X84874" i="1"/>
  <c r="X84875" i="1"/>
  <c r="X84876" i="1"/>
  <c r="X84877" i="1"/>
  <c r="X84878" i="1"/>
  <c r="X84879" i="1"/>
  <c r="X84880" i="1"/>
  <c r="X84881" i="1"/>
  <c r="X84882" i="1"/>
  <c r="X84883" i="1"/>
  <c r="X84884" i="1"/>
  <c r="X84885" i="1"/>
  <c r="X84886" i="1"/>
  <c r="X84887" i="1"/>
  <c r="X84888" i="1"/>
  <c r="X84889" i="1"/>
  <c r="X84890" i="1"/>
  <c r="X84891" i="1"/>
  <c r="X84892" i="1"/>
  <c r="X84893" i="1"/>
  <c r="X84894" i="1"/>
  <c r="X84895" i="1"/>
  <c r="X84896" i="1"/>
  <c r="X84897" i="1"/>
  <c r="X84898" i="1"/>
  <c r="X84899" i="1"/>
  <c r="X84900" i="1"/>
  <c r="X84901" i="1"/>
  <c r="X84902" i="1"/>
  <c r="X84903" i="1"/>
  <c r="X84904" i="1"/>
  <c r="X84905" i="1"/>
  <c r="X84906" i="1"/>
  <c r="X84907" i="1"/>
  <c r="X84908" i="1"/>
  <c r="X84909" i="1"/>
  <c r="X84910" i="1"/>
  <c r="X84911" i="1"/>
  <c r="X84912" i="1"/>
  <c r="X84913" i="1"/>
  <c r="X84914" i="1"/>
  <c r="X84915" i="1"/>
  <c r="X84916" i="1"/>
  <c r="X84917" i="1"/>
  <c r="X84918" i="1"/>
  <c r="X84919" i="1"/>
  <c r="X84920" i="1"/>
  <c r="X84921" i="1"/>
  <c r="X84922" i="1"/>
  <c r="X84923" i="1"/>
  <c r="X84924" i="1"/>
  <c r="X84925" i="1"/>
  <c r="X84926" i="1"/>
  <c r="X84927" i="1"/>
  <c r="X84928" i="1"/>
  <c r="X84929" i="1"/>
  <c r="X84930" i="1"/>
  <c r="X84931" i="1"/>
  <c r="X84932" i="1"/>
  <c r="X84933" i="1"/>
  <c r="X84934" i="1"/>
  <c r="X84935" i="1"/>
  <c r="X84936" i="1"/>
  <c r="X84937" i="1"/>
  <c r="X84938" i="1"/>
  <c r="X84939" i="1"/>
  <c r="X84940" i="1"/>
  <c r="X84941" i="1"/>
  <c r="X84942" i="1"/>
  <c r="X84943" i="1"/>
  <c r="X84944" i="1"/>
  <c r="X84945" i="1"/>
  <c r="X84946" i="1"/>
  <c r="X84947" i="1"/>
  <c r="X84948" i="1"/>
  <c r="X84949" i="1"/>
  <c r="X84950" i="1"/>
  <c r="X84951" i="1"/>
  <c r="X84952" i="1"/>
  <c r="X84953" i="1"/>
  <c r="X84954" i="1"/>
  <c r="X84955" i="1"/>
  <c r="X84956" i="1"/>
  <c r="X84957" i="1"/>
  <c r="X84958" i="1"/>
  <c r="X84959" i="1"/>
  <c r="X84960" i="1"/>
  <c r="X84961" i="1"/>
  <c r="X84962" i="1"/>
  <c r="X84963" i="1"/>
  <c r="X84964" i="1"/>
  <c r="X84965" i="1"/>
  <c r="X84966" i="1"/>
  <c r="X84967" i="1"/>
  <c r="X84968" i="1"/>
  <c r="X84969" i="1"/>
  <c r="X84970" i="1"/>
  <c r="X84971" i="1"/>
  <c r="X84972" i="1"/>
  <c r="X84973" i="1"/>
  <c r="X84974" i="1"/>
  <c r="X84975" i="1"/>
  <c r="X84976" i="1"/>
  <c r="X84977" i="1"/>
  <c r="X84978" i="1"/>
  <c r="X84979" i="1"/>
  <c r="X84980" i="1"/>
  <c r="X84981" i="1"/>
  <c r="X84982" i="1"/>
  <c r="X84983" i="1"/>
  <c r="X84984" i="1"/>
  <c r="X84985" i="1"/>
  <c r="X84986" i="1"/>
  <c r="X84987" i="1"/>
  <c r="X84988" i="1"/>
  <c r="X84989" i="1"/>
  <c r="X84990" i="1"/>
  <c r="X84991" i="1"/>
  <c r="X84992" i="1"/>
  <c r="X84993" i="1"/>
  <c r="X84994" i="1"/>
  <c r="X84995" i="1"/>
  <c r="X84996" i="1"/>
  <c r="X84997" i="1"/>
  <c r="X84998" i="1"/>
  <c r="X84999" i="1"/>
  <c r="X85000" i="1"/>
  <c r="X85001" i="1"/>
  <c r="X85002" i="1"/>
  <c r="X85003" i="1"/>
  <c r="X85004" i="1"/>
  <c r="X85005" i="1"/>
  <c r="X85006" i="1"/>
  <c r="X85007" i="1"/>
  <c r="X85008" i="1"/>
  <c r="X85009" i="1"/>
  <c r="X85010" i="1"/>
  <c r="X85011" i="1"/>
  <c r="X85012" i="1"/>
  <c r="X85013" i="1"/>
  <c r="X85014" i="1"/>
  <c r="X85015" i="1"/>
  <c r="X85016" i="1"/>
  <c r="X85017" i="1"/>
  <c r="X85018" i="1"/>
  <c r="X85019" i="1"/>
  <c r="X85020" i="1"/>
  <c r="X85021" i="1"/>
  <c r="X85022" i="1"/>
  <c r="X85023" i="1"/>
  <c r="X85024" i="1"/>
  <c r="X85025" i="1"/>
  <c r="X85026" i="1"/>
  <c r="X85027" i="1"/>
  <c r="X85028" i="1"/>
  <c r="X85029" i="1"/>
  <c r="X85030" i="1"/>
  <c r="X85031" i="1"/>
  <c r="X85032" i="1"/>
  <c r="X85033" i="1"/>
  <c r="X85034" i="1"/>
  <c r="X85035" i="1"/>
  <c r="X85036" i="1"/>
  <c r="X85037" i="1"/>
  <c r="X85038" i="1"/>
  <c r="X85039" i="1"/>
  <c r="X85040" i="1"/>
  <c r="X85041" i="1"/>
  <c r="X85042" i="1"/>
  <c r="X85043" i="1"/>
  <c r="X85044" i="1"/>
  <c r="X85045" i="1"/>
  <c r="X85046" i="1"/>
  <c r="X85047" i="1"/>
  <c r="X85048" i="1"/>
  <c r="X85049" i="1"/>
  <c r="X85050" i="1"/>
  <c r="X85051" i="1"/>
  <c r="X85052" i="1"/>
  <c r="X85053" i="1"/>
  <c r="X85054" i="1"/>
  <c r="X85055" i="1"/>
  <c r="X85056" i="1"/>
  <c r="X85057" i="1"/>
  <c r="X85058" i="1"/>
  <c r="X85059" i="1"/>
  <c r="X85060" i="1"/>
  <c r="X85061" i="1"/>
  <c r="X85062" i="1"/>
  <c r="X85063" i="1"/>
  <c r="X85064" i="1"/>
  <c r="X85065" i="1"/>
  <c r="X85066" i="1"/>
  <c r="X85067" i="1"/>
  <c r="X85068" i="1"/>
  <c r="X85069" i="1"/>
  <c r="X85070" i="1"/>
  <c r="X85071" i="1"/>
  <c r="X85072" i="1"/>
  <c r="X85073" i="1"/>
  <c r="X85074" i="1"/>
  <c r="X85075" i="1"/>
  <c r="X85076" i="1"/>
  <c r="X85077" i="1"/>
  <c r="X85078" i="1"/>
  <c r="X85079" i="1"/>
  <c r="X85080" i="1"/>
  <c r="X85081" i="1"/>
  <c r="X85082" i="1"/>
  <c r="X85083" i="1"/>
  <c r="X85084" i="1"/>
  <c r="X85085" i="1"/>
  <c r="X85086" i="1"/>
  <c r="X85087" i="1"/>
  <c r="X85088" i="1"/>
  <c r="X85089" i="1"/>
  <c r="X85090" i="1"/>
  <c r="X85091" i="1"/>
  <c r="X85092" i="1"/>
  <c r="X85093" i="1"/>
  <c r="X85094" i="1"/>
  <c r="X85095" i="1"/>
  <c r="X85096" i="1"/>
  <c r="X85097" i="1"/>
  <c r="X85098" i="1"/>
  <c r="X85099" i="1"/>
  <c r="X85100" i="1"/>
  <c r="X85101" i="1"/>
  <c r="X85102" i="1"/>
  <c r="X85103" i="1"/>
  <c r="X85104" i="1"/>
  <c r="X85105" i="1"/>
  <c r="X85106" i="1"/>
  <c r="X85107" i="1"/>
  <c r="X85108" i="1"/>
  <c r="X85109" i="1"/>
  <c r="X85110" i="1"/>
  <c r="X85111" i="1"/>
  <c r="X85112" i="1"/>
  <c r="X85113" i="1"/>
  <c r="X85114" i="1"/>
  <c r="X85115" i="1"/>
  <c r="X85116" i="1"/>
  <c r="X85117" i="1"/>
  <c r="X85118" i="1"/>
  <c r="X85119" i="1"/>
  <c r="X85120" i="1"/>
  <c r="X85121" i="1"/>
  <c r="X85122" i="1"/>
  <c r="X85123" i="1"/>
  <c r="X85124" i="1"/>
  <c r="X85125" i="1"/>
  <c r="X85126" i="1"/>
  <c r="X85127" i="1"/>
  <c r="X85128" i="1"/>
  <c r="X85129" i="1"/>
  <c r="X85130" i="1"/>
  <c r="X85131" i="1"/>
  <c r="X85132" i="1"/>
  <c r="X85133" i="1"/>
  <c r="X85134" i="1"/>
  <c r="X85135" i="1"/>
  <c r="X85136" i="1"/>
  <c r="X85137" i="1"/>
  <c r="X85138" i="1"/>
  <c r="X85139" i="1"/>
  <c r="X85140" i="1"/>
  <c r="X85141" i="1"/>
  <c r="X85142" i="1"/>
  <c r="X85143" i="1"/>
  <c r="X85144" i="1"/>
  <c r="X85145" i="1"/>
  <c r="X85146" i="1"/>
  <c r="X85147" i="1"/>
  <c r="X85148" i="1"/>
  <c r="X85149" i="1"/>
  <c r="X85150" i="1"/>
  <c r="X85151" i="1"/>
  <c r="X85152" i="1"/>
  <c r="X85153" i="1"/>
  <c r="X85154" i="1"/>
  <c r="X85155" i="1"/>
  <c r="X85156" i="1"/>
  <c r="X85157" i="1"/>
  <c r="X85158" i="1"/>
  <c r="X85159" i="1"/>
  <c r="X85160" i="1"/>
  <c r="X85161" i="1"/>
  <c r="X85162" i="1"/>
  <c r="X85163" i="1"/>
  <c r="X85164" i="1"/>
  <c r="X85165" i="1"/>
  <c r="X85166" i="1"/>
  <c r="X85167" i="1"/>
  <c r="X85168" i="1"/>
  <c r="X85169" i="1"/>
  <c r="X85170" i="1"/>
  <c r="X85171" i="1"/>
  <c r="X85172" i="1"/>
  <c r="X85173" i="1"/>
  <c r="X85174" i="1"/>
  <c r="X85175" i="1"/>
  <c r="X85176" i="1"/>
  <c r="X85177" i="1"/>
  <c r="X85178" i="1"/>
  <c r="X85179" i="1"/>
  <c r="X85180" i="1"/>
  <c r="X85181" i="1"/>
  <c r="X85182" i="1"/>
  <c r="X85183" i="1"/>
  <c r="X85184" i="1"/>
  <c r="X85185" i="1"/>
  <c r="X85186" i="1"/>
  <c r="X85187" i="1"/>
  <c r="X85188" i="1"/>
  <c r="X85189" i="1"/>
  <c r="X85190" i="1"/>
  <c r="X85191" i="1"/>
  <c r="X85192" i="1"/>
  <c r="X85193" i="1"/>
  <c r="X85194" i="1"/>
  <c r="X85195" i="1"/>
  <c r="X85196" i="1"/>
  <c r="X85197" i="1"/>
  <c r="X85198" i="1"/>
  <c r="X85199" i="1"/>
  <c r="X85200" i="1"/>
  <c r="X85201" i="1"/>
  <c r="X85202" i="1"/>
  <c r="X85203" i="1"/>
  <c r="X85204" i="1"/>
  <c r="X85205" i="1"/>
  <c r="X85206" i="1"/>
  <c r="X85207" i="1"/>
  <c r="X85208" i="1"/>
  <c r="X85209" i="1"/>
  <c r="X85210" i="1"/>
  <c r="X85211" i="1"/>
  <c r="X85212" i="1"/>
  <c r="X85213" i="1"/>
  <c r="X85214" i="1"/>
  <c r="X85215" i="1"/>
  <c r="X85216" i="1"/>
  <c r="X85217" i="1"/>
  <c r="X85218" i="1"/>
  <c r="X85219" i="1"/>
  <c r="X85220" i="1"/>
  <c r="X85221" i="1"/>
  <c r="X85222" i="1"/>
  <c r="X85223" i="1"/>
  <c r="X85224" i="1"/>
  <c r="X85225" i="1"/>
  <c r="X85226" i="1"/>
  <c r="X85227" i="1"/>
  <c r="X85228" i="1"/>
  <c r="X85229" i="1"/>
  <c r="X85230" i="1"/>
  <c r="X85231" i="1"/>
  <c r="X85232" i="1"/>
  <c r="X85233" i="1"/>
  <c r="X85234" i="1"/>
  <c r="X85235" i="1"/>
  <c r="X85236" i="1"/>
  <c r="X85237" i="1"/>
  <c r="X85238" i="1"/>
  <c r="X85239" i="1"/>
  <c r="X85240" i="1"/>
  <c r="X85241" i="1"/>
  <c r="X85242" i="1"/>
  <c r="X85243" i="1"/>
  <c r="X85244" i="1"/>
  <c r="X85245" i="1"/>
  <c r="X85246" i="1"/>
  <c r="X85247" i="1"/>
  <c r="X85248" i="1"/>
  <c r="X85249" i="1"/>
  <c r="X85250" i="1"/>
  <c r="X85251" i="1"/>
  <c r="X85252" i="1"/>
  <c r="X85253" i="1"/>
  <c r="X85254" i="1"/>
  <c r="X85255" i="1"/>
  <c r="X85256" i="1"/>
  <c r="X85257" i="1"/>
  <c r="X85258" i="1"/>
  <c r="X85259" i="1"/>
  <c r="X85260" i="1"/>
  <c r="X85261" i="1"/>
  <c r="X85262" i="1"/>
  <c r="X85263" i="1"/>
  <c r="X85264" i="1"/>
  <c r="X85265" i="1"/>
  <c r="X85266" i="1"/>
  <c r="X85267" i="1"/>
  <c r="X85268" i="1"/>
  <c r="X85269" i="1"/>
  <c r="X85270" i="1"/>
  <c r="X85271" i="1"/>
  <c r="X85272" i="1"/>
  <c r="X85273" i="1"/>
  <c r="X85274" i="1"/>
  <c r="X85275" i="1"/>
  <c r="X85276" i="1"/>
  <c r="X85277" i="1"/>
  <c r="X85278" i="1"/>
  <c r="X85279" i="1"/>
  <c r="X85280" i="1"/>
  <c r="X85281" i="1"/>
  <c r="X85282" i="1"/>
  <c r="X85283" i="1"/>
  <c r="X85284" i="1"/>
  <c r="X85285" i="1"/>
  <c r="X85286" i="1"/>
  <c r="X85287" i="1"/>
  <c r="X85288" i="1"/>
  <c r="X85289" i="1"/>
  <c r="X85290" i="1"/>
  <c r="X85291" i="1"/>
  <c r="X85292" i="1"/>
  <c r="X85293" i="1"/>
  <c r="X85294" i="1"/>
  <c r="X85295" i="1"/>
  <c r="X85296" i="1"/>
  <c r="X85297" i="1"/>
  <c r="X85298" i="1"/>
  <c r="X85299" i="1"/>
  <c r="X85300" i="1"/>
  <c r="X85301" i="1"/>
  <c r="X85302" i="1"/>
  <c r="X85303" i="1"/>
  <c r="X85304" i="1"/>
  <c r="X85305" i="1"/>
  <c r="X85306" i="1"/>
  <c r="X85307" i="1"/>
  <c r="X85308" i="1"/>
  <c r="X85309" i="1"/>
  <c r="X85310" i="1"/>
  <c r="X85311" i="1"/>
  <c r="X85312" i="1"/>
  <c r="X85313" i="1"/>
  <c r="X85314" i="1"/>
  <c r="X85315" i="1"/>
  <c r="X85316" i="1"/>
  <c r="X85317" i="1"/>
  <c r="X85318" i="1"/>
  <c r="X85319" i="1"/>
  <c r="X85320" i="1"/>
  <c r="X85321" i="1"/>
  <c r="X85322" i="1"/>
  <c r="X85323" i="1"/>
  <c r="X85324" i="1"/>
  <c r="X85325" i="1"/>
  <c r="X85326" i="1"/>
  <c r="X85327" i="1"/>
  <c r="X85328" i="1"/>
  <c r="X85329" i="1"/>
  <c r="X85330" i="1"/>
  <c r="X85331" i="1"/>
  <c r="X85332" i="1"/>
  <c r="X85333" i="1"/>
  <c r="X85334" i="1"/>
  <c r="X85335" i="1"/>
  <c r="X85336" i="1"/>
  <c r="X85337" i="1"/>
  <c r="X85338" i="1"/>
  <c r="X85339" i="1"/>
  <c r="X85340" i="1"/>
  <c r="X85341" i="1"/>
  <c r="X85342" i="1"/>
  <c r="X85343" i="1"/>
  <c r="X85344" i="1"/>
  <c r="X85345" i="1"/>
  <c r="X85346" i="1"/>
  <c r="X85347" i="1"/>
  <c r="X85348" i="1"/>
  <c r="X85349" i="1"/>
  <c r="X85350" i="1"/>
  <c r="X85351" i="1"/>
  <c r="X85352" i="1"/>
  <c r="X85353" i="1"/>
  <c r="X85354" i="1"/>
  <c r="X85355" i="1"/>
  <c r="X85356" i="1"/>
  <c r="X85357" i="1"/>
  <c r="X85358" i="1"/>
  <c r="X85359" i="1"/>
  <c r="X85360" i="1"/>
  <c r="X85361" i="1"/>
  <c r="X85362" i="1"/>
  <c r="X85363" i="1"/>
  <c r="X85364" i="1"/>
  <c r="X85365" i="1"/>
  <c r="X85366" i="1"/>
  <c r="X85367" i="1"/>
  <c r="X85368" i="1"/>
  <c r="X85369" i="1"/>
  <c r="X85370" i="1"/>
  <c r="X85371" i="1"/>
  <c r="X85372" i="1"/>
  <c r="X85373" i="1"/>
  <c r="X85374" i="1"/>
  <c r="X85375" i="1"/>
  <c r="X85376" i="1"/>
  <c r="X85377" i="1"/>
  <c r="X85378" i="1"/>
  <c r="X85379" i="1"/>
  <c r="X85380" i="1"/>
  <c r="X85381" i="1"/>
  <c r="X85382" i="1"/>
  <c r="X85383" i="1"/>
  <c r="X85384" i="1"/>
  <c r="X85385" i="1"/>
  <c r="X85386" i="1"/>
  <c r="X85387" i="1"/>
  <c r="X85388" i="1"/>
  <c r="X85389" i="1"/>
  <c r="X85390" i="1"/>
  <c r="X85391" i="1"/>
  <c r="X85392" i="1"/>
  <c r="X85393" i="1"/>
  <c r="X85394" i="1"/>
  <c r="X85395" i="1"/>
  <c r="X85396" i="1"/>
  <c r="X85397" i="1"/>
  <c r="X85398" i="1"/>
  <c r="X85399" i="1"/>
  <c r="X85400" i="1"/>
  <c r="X85401" i="1"/>
  <c r="X85402" i="1"/>
  <c r="X85403" i="1"/>
  <c r="X85404" i="1"/>
  <c r="X85405" i="1"/>
  <c r="X85406" i="1"/>
  <c r="X85407" i="1"/>
  <c r="X85408" i="1"/>
  <c r="X85409" i="1"/>
  <c r="X85410" i="1"/>
  <c r="X85411" i="1"/>
  <c r="X85412" i="1"/>
  <c r="X85413" i="1"/>
  <c r="X85414" i="1"/>
  <c r="X85415" i="1"/>
  <c r="X85416" i="1"/>
  <c r="X85417" i="1"/>
  <c r="X85418" i="1"/>
  <c r="X85419" i="1"/>
  <c r="X85420" i="1"/>
  <c r="X85421" i="1"/>
  <c r="X85422" i="1"/>
  <c r="X85423" i="1"/>
  <c r="X85424" i="1"/>
  <c r="X85425" i="1"/>
  <c r="X85426" i="1"/>
  <c r="X85427" i="1"/>
  <c r="X85428" i="1"/>
  <c r="X85429" i="1"/>
  <c r="X85430" i="1"/>
  <c r="X85431" i="1"/>
  <c r="X85432" i="1"/>
  <c r="X85433" i="1"/>
  <c r="X85434" i="1"/>
  <c r="X85435" i="1"/>
  <c r="X85436" i="1"/>
  <c r="X85437" i="1"/>
  <c r="X85438" i="1"/>
  <c r="X85439" i="1"/>
  <c r="X85440" i="1"/>
  <c r="X85441" i="1"/>
  <c r="X85442" i="1"/>
  <c r="X85443" i="1"/>
  <c r="X85444" i="1"/>
  <c r="X85445" i="1"/>
  <c r="X85446" i="1"/>
  <c r="X85447" i="1"/>
  <c r="X85448" i="1"/>
  <c r="X85449" i="1"/>
  <c r="X85450" i="1"/>
  <c r="X85451" i="1"/>
  <c r="X85452" i="1"/>
  <c r="X85453" i="1"/>
  <c r="X85454" i="1"/>
  <c r="X85455" i="1"/>
  <c r="X85456" i="1"/>
  <c r="X85457" i="1"/>
  <c r="X85458" i="1"/>
  <c r="X85459" i="1"/>
  <c r="X85460" i="1"/>
  <c r="X85461" i="1"/>
  <c r="X85462" i="1"/>
  <c r="X85463" i="1"/>
  <c r="X85464" i="1"/>
  <c r="X85465" i="1"/>
  <c r="X85466" i="1"/>
  <c r="X85467" i="1"/>
  <c r="X85468" i="1"/>
  <c r="X85469" i="1"/>
  <c r="X85470" i="1"/>
  <c r="X85471" i="1"/>
  <c r="X85472" i="1"/>
  <c r="X85473" i="1"/>
  <c r="X85474" i="1"/>
  <c r="X85475" i="1"/>
  <c r="X85476" i="1"/>
  <c r="X85477" i="1"/>
  <c r="X85478" i="1"/>
  <c r="X85479" i="1"/>
  <c r="X85480" i="1"/>
  <c r="X85481" i="1"/>
  <c r="X85482" i="1"/>
  <c r="X85483" i="1"/>
  <c r="X85484" i="1"/>
  <c r="X85485" i="1"/>
  <c r="X85486" i="1"/>
  <c r="X85487" i="1"/>
  <c r="X85488" i="1"/>
  <c r="X85489" i="1"/>
  <c r="X85490" i="1"/>
  <c r="X85491" i="1"/>
  <c r="X85492" i="1"/>
  <c r="X85493" i="1"/>
  <c r="X85494" i="1"/>
  <c r="X85495" i="1"/>
  <c r="X85496" i="1"/>
  <c r="X85497" i="1"/>
  <c r="X85498" i="1"/>
  <c r="X85499" i="1"/>
  <c r="X85500" i="1"/>
  <c r="X85501" i="1"/>
  <c r="X85502" i="1"/>
  <c r="X85503" i="1"/>
  <c r="X85504" i="1"/>
  <c r="X85505" i="1"/>
  <c r="X85506" i="1"/>
  <c r="X85507" i="1"/>
  <c r="X85508" i="1"/>
  <c r="X85509" i="1"/>
  <c r="X85510" i="1"/>
  <c r="X85511" i="1"/>
  <c r="X85512" i="1"/>
  <c r="X85513" i="1"/>
  <c r="X85514" i="1"/>
  <c r="X85515" i="1"/>
  <c r="X85516" i="1"/>
  <c r="X85517" i="1"/>
  <c r="X85518" i="1"/>
  <c r="X85519" i="1"/>
  <c r="X85520" i="1"/>
  <c r="X85521" i="1"/>
  <c r="X85522" i="1"/>
  <c r="X85523" i="1"/>
  <c r="X85524" i="1"/>
  <c r="X85525" i="1"/>
  <c r="X85526" i="1"/>
  <c r="X85527" i="1"/>
  <c r="X85528" i="1"/>
  <c r="X85529" i="1"/>
  <c r="X85530" i="1"/>
  <c r="X85531" i="1"/>
  <c r="X85532" i="1"/>
  <c r="X85533" i="1"/>
  <c r="X85534" i="1"/>
  <c r="X85535" i="1"/>
  <c r="X85536" i="1"/>
  <c r="X85537" i="1"/>
  <c r="X85538" i="1"/>
  <c r="X85539" i="1"/>
  <c r="X85540" i="1"/>
  <c r="X85541" i="1"/>
  <c r="X85542" i="1"/>
  <c r="X85543" i="1"/>
  <c r="X85544" i="1"/>
  <c r="X85545" i="1"/>
  <c r="X85546" i="1"/>
  <c r="X85547" i="1"/>
  <c r="X85548" i="1"/>
  <c r="X85549" i="1"/>
  <c r="X85550" i="1"/>
  <c r="X85551" i="1"/>
  <c r="X85552" i="1"/>
  <c r="X85553" i="1"/>
  <c r="X85554" i="1"/>
  <c r="X85555" i="1"/>
  <c r="X85556" i="1"/>
  <c r="X85557" i="1"/>
  <c r="X85558" i="1"/>
  <c r="X85559" i="1"/>
  <c r="X85560" i="1"/>
  <c r="X85561" i="1"/>
  <c r="X85562" i="1"/>
  <c r="X85563" i="1"/>
  <c r="X85564" i="1"/>
  <c r="X85565" i="1"/>
  <c r="X85566" i="1"/>
  <c r="X85567" i="1"/>
  <c r="X85568" i="1"/>
  <c r="X85569" i="1"/>
  <c r="X85570" i="1"/>
  <c r="X85571" i="1"/>
  <c r="X85572" i="1"/>
  <c r="X85573" i="1"/>
  <c r="X85574" i="1"/>
  <c r="X85575" i="1"/>
  <c r="X85576" i="1"/>
  <c r="X85577" i="1"/>
  <c r="X85578" i="1"/>
  <c r="X85579" i="1"/>
  <c r="X85580" i="1"/>
  <c r="X85581" i="1"/>
  <c r="X85582" i="1"/>
  <c r="X85583" i="1"/>
  <c r="X85584" i="1"/>
  <c r="X85585" i="1"/>
  <c r="X85586" i="1"/>
  <c r="X85587" i="1"/>
  <c r="X85588" i="1"/>
  <c r="X85589" i="1"/>
  <c r="X85590" i="1"/>
  <c r="X85591" i="1"/>
  <c r="X85592" i="1"/>
  <c r="X85593" i="1"/>
  <c r="X85594" i="1"/>
  <c r="X85595" i="1"/>
  <c r="X85596" i="1"/>
  <c r="X85597" i="1"/>
  <c r="X85598" i="1"/>
  <c r="X85599" i="1"/>
  <c r="X85600" i="1"/>
  <c r="X85601" i="1"/>
  <c r="X85602" i="1"/>
  <c r="X85603" i="1"/>
  <c r="X85604" i="1"/>
  <c r="X85605" i="1"/>
  <c r="X85606" i="1"/>
  <c r="X85607" i="1"/>
  <c r="X85608" i="1"/>
  <c r="X85609" i="1"/>
  <c r="X85610" i="1"/>
  <c r="X85611" i="1"/>
  <c r="X85612" i="1"/>
  <c r="X85613" i="1"/>
  <c r="X85614" i="1"/>
  <c r="X85615" i="1"/>
  <c r="X85616" i="1"/>
  <c r="X85617" i="1"/>
  <c r="X85618" i="1"/>
  <c r="X85619" i="1"/>
  <c r="X85620" i="1"/>
  <c r="X85621" i="1"/>
  <c r="X85622" i="1"/>
  <c r="X85623" i="1"/>
  <c r="X85624" i="1"/>
  <c r="X85625" i="1"/>
  <c r="X85626" i="1"/>
  <c r="X85627" i="1"/>
  <c r="X85628" i="1"/>
  <c r="X85629" i="1"/>
  <c r="X85630" i="1"/>
  <c r="X85631" i="1"/>
  <c r="X85632" i="1"/>
  <c r="X85633" i="1"/>
  <c r="X85634" i="1"/>
  <c r="X85635" i="1"/>
  <c r="X85636" i="1"/>
  <c r="X85637" i="1"/>
  <c r="X85638" i="1"/>
  <c r="X85639" i="1"/>
  <c r="X85640" i="1"/>
  <c r="X85641" i="1"/>
  <c r="X85642" i="1"/>
  <c r="X85643" i="1"/>
  <c r="X85644" i="1"/>
  <c r="X85645" i="1"/>
  <c r="X85646" i="1"/>
  <c r="X85647" i="1"/>
  <c r="X85648" i="1"/>
  <c r="X85649" i="1"/>
  <c r="X85650" i="1"/>
  <c r="X85651" i="1"/>
  <c r="X85652" i="1"/>
  <c r="X85653" i="1"/>
  <c r="X85654" i="1"/>
  <c r="X85655" i="1"/>
  <c r="X85656" i="1"/>
  <c r="X85657" i="1"/>
  <c r="X85658" i="1"/>
  <c r="X85659" i="1"/>
  <c r="X85660" i="1"/>
  <c r="X85661" i="1"/>
  <c r="X85662" i="1"/>
  <c r="X85663" i="1"/>
  <c r="X85664" i="1"/>
  <c r="X85665" i="1"/>
  <c r="X85666" i="1"/>
  <c r="X85667" i="1"/>
  <c r="X85668" i="1"/>
  <c r="X85669" i="1"/>
  <c r="X85670" i="1"/>
  <c r="X85671" i="1"/>
  <c r="X85672" i="1"/>
  <c r="X85673" i="1"/>
  <c r="X85674" i="1"/>
  <c r="X85675" i="1"/>
  <c r="X85676" i="1"/>
  <c r="X85677" i="1"/>
  <c r="X85678" i="1"/>
  <c r="X85679" i="1"/>
  <c r="X85680" i="1"/>
  <c r="X85681" i="1"/>
  <c r="X85682" i="1"/>
  <c r="X85683" i="1"/>
  <c r="X85684" i="1"/>
  <c r="X85685" i="1"/>
  <c r="X85686" i="1"/>
  <c r="X85687" i="1"/>
  <c r="X85688" i="1"/>
  <c r="X85689" i="1"/>
  <c r="X85690" i="1"/>
  <c r="X85691" i="1"/>
  <c r="X85692" i="1"/>
  <c r="X85693" i="1"/>
  <c r="X85694" i="1"/>
  <c r="X85695" i="1"/>
  <c r="X85696" i="1"/>
  <c r="X85697" i="1"/>
  <c r="X85698" i="1"/>
  <c r="X85699" i="1"/>
  <c r="X85700" i="1"/>
  <c r="X85701" i="1"/>
  <c r="X85702" i="1"/>
  <c r="X85703" i="1"/>
  <c r="X85704" i="1"/>
  <c r="X85705" i="1"/>
  <c r="X85706" i="1"/>
  <c r="X85707" i="1"/>
  <c r="X85708" i="1"/>
  <c r="X85709" i="1"/>
  <c r="X85710" i="1"/>
  <c r="X85711" i="1"/>
  <c r="X85712" i="1"/>
  <c r="X85713" i="1"/>
  <c r="X85714" i="1"/>
  <c r="X85715" i="1"/>
  <c r="X85716" i="1"/>
  <c r="X85717" i="1"/>
  <c r="X85718" i="1"/>
  <c r="X85719" i="1"/>
  <c r="X85720" i="1"/>
  <c r="X85721" i="1"/>
  <c r="X85722" i="1"/>
  <c r="X85723" i="1"/>
  <c r="X85724" i="1"/>
  <c r="X85725" i="1"/>
  <c r="X85726" i="1"/>
  <c r="X85727" i="1"/>
  <c r="X85728" i="1"/>
  <c r="X85729" i="1"/>
  <c r="X85730" i="1"/>
  <c r="X85731" i="1"/>
  <c r="X85732" i="1"/>
  <c r="X85733" i="1"/>
  <c r="X85734" i="1"/>
  <c r="X85735" i="1"/>
  <c r="X85736" i="1"/>
  <c r="X85737" i="1"/>
  <c r="X85738" i="1"/>
  <c r="X85739" i="1"/>
  <c r="X85740" i="1"/>
  <c r="X85741" i="1"/>
  <c r="X85742" i="1"/>
  <c r="X85743" i="1"/>
  <c r="X85744" i="1"/>
  <c r="X85745" i="1"/>
  <c r="X85746" i="1"/>
  <c r="X85747" i="1"/>
  <c r="X85748" i="1"/>
  <c r="X85749" i="1"/>
  <c r="X85750" i="1"/>
  <c r="X85751" i="1"/>
  <c r="X85752" i="1"/>
  <c r="X85753" i="1"/>
  <c r="X85754" i="1"/>
  <c r="X85755" i="1"/>
  <c r="X85756" i="1"/>
  <c r="X85757" i="1"/>
  <c r="X85758" i="1"/>
  <c r="X85759" i="1"/>
  <c r="X85760" i="1"/>
  <c r="X85761" i="1"/>
  <c r="X85762" i="1"/>
  <c r="X85763" i="1"/>
  <c r="X85764" i="1"/>
  <c r="X85765" i="1"/>
  <c r="X85766" i="1"/>
  <c r="X85767" i="1"/>
  <c r="X85768" i="1"/>
  <c r="X85769" i="1"/>
  <c r="X85770" i="1"/>
  <c r="X85771" i="1"/>
  <c r="X85772" i="1"/>
  <c r="X85773" i="1"/>
  <c r="X85774" i="1"/>
  <c r="X85775" i="1"/>
  <c r="X85776" i="1"/>
  <c r="X85777" i="1"/>
  <c r="X85778" i="1"/>
  <c r="X85779" i="1"/>
  <c r="X85780" i="1"/>
  <c r="X85781" i="1"/>
  <c r="X85782" i="1"/>
  <c r="X85783" i="1"/>
  <c r="X85784" i="1"/>
  <c r="X85785" i="1"/>
  <c r="X85786" i="1"/>
  <c r="X85787" i="1"/>
  <c r="X85788" i="1"/>
  <c r="X85789" i="1"/>
  <c r="X85790" i="1"/>
  <c r="X85791" i="1"/>
  <c r="X85792" i="1"/>
  <c r="X85793" i="1"/>
  <c r="X85794" i="1"/>
  <c r="X85795" i="1"/>
  <c r="X85796" i="1"/>
  <c r="X85797" i="1"/>
  <c r="X85798" i="1"/>
  <c r="X85799" i="1"/>
  <c r="X85800" i="1"/>
  <c r="X85801" i="1"/>
  <c r="X85802" i="1"/>
  <c r="X85803" i="1"/>
  <c r="X85804" i="1"/>
  <c r="X85805" i="1"/>
  <c r="X85806" i="1"/>
  <c r="X85807" i="1"/>
  <c r="X85808" i="1"/>
  <c r="X85809" i="1"/>
  <c r="X85810" i="1"/>
  <c r="X85811" i="1"/>
  <c r="X85812" i="1"/>
  <c r="X85813" i="1"/>
  <c r="X85814" i="1"/>
  <c r="X85815" i="1"/>
  <c r="X85816" i="1"/>
  <c r="X85817" i="1"/>
  <c r="X85818" i="1"/>
  <c r="X85819" i="1"/>
  <c r="X85820" i="1"/>
  <c r="X85821" i="1"/>
  <c r="X85822" i="1"/>
  <c r="X85823" i="1"/>
  <c r="X85824" i="1"/>
  <c r="X85825" i="1"/>
  <c r="X85826" i="1"/>
  <c r="X85827" i="1"/>
  <c r="X85828" i="1"/>
  <c r="X85829" i="1"/>
  <c r="X85830" i="1"/>
  <c r="X85831" i="1"/>
  <c r="X85832" i="1"/>
  <c r="X85833" i="1"/>
  <c r="X85834" i="1"/>
  <c r="X85835" i="1"/>
  <c r="X85836" i="1"/>
  <c r="X85837" i="1"/>
  <c r="X85838" i="1"/>
  <c r="X85839" i="1"/>
  <c r="X85840" i="1"/>
  <c r="X85841" i="1"/>
  <c r="X85842" i="1"/>
  <c r="X85843" i="1"/>
  <c r="X85844" i="1"/>
  <c r="X85845" i="1"/>
  <c r="X85846" i="1"/>
  <c r="X85847" i="1"/>
  <c r="X85848" i="1"/>
  <c r="X85849" i="1"/>
  <c r="X85850" i="1"/>
  <c r="X85851" i="1"/>
  <c r="X85852" i="1"/>
  <c r="X85853" i="1"/>
  <c r="X85854" i="1"/>
  <c r="X85855" i="1"/>
  <c r="X85856" i="1"/>
  <c r="X85857" i="1"/>
  <c r="X85858" i="1"/>
  <c r="X85859" i="1"/>
  <c r="X85860" i="1"/>
  <c r="X85861" i="1"/>
  <c r="X85862" i="1"/>
  <c r="X85863" i="1"/>
  <c r="X85864" i="1"/>
  <c r="X85865" i="1"/>
  <c r="X85866" i="1"/>
  <c r="X85867" i="1"/>
  <c r="X85868" i="1"/>
  <c r="X85869" i="1"/>
  <c r="X85870" i="1"/>
  <c r="X85871" i="1"/>
  <c r="X85872" i="1"/>
  <c r="X85873" i="1"/>
  <c r="X85874" i="1"/>
  <c r="X85875" i="1"/>
  <c r="X85876" i="1"/>
  <c r="X85877" i="1"/>
  <c r="X85878" i="1"/>
  <c r="X85879" i="1"/>
  <c r="X85880" i="1"/>
  <c r="X85881" i="1"/>
  <c r="X85882" i="1"/>
  <c r="X85883" i="1"/>
  <c r="X85884" i="1"/>
  <c r="X85885" i="1"/>
  <c r="X85886" i="1"/>
  <c r="X85887" i="1"/>
  <c r="X85888" i="1"/>
  <c r="X85889" i="1"/>
  <c r="X85890" i="1"/>
  <c r="X85891" i="1"/>
  <c r="X85892" i="1"/>
  <c r="X85893" i="1"/>
  <c r="X85894" i="1"/>
  <c r="X85895" i="1"/>
  <c r="X85896" i="1"/>
  <c r="X85897" i="1"/>
  <c r="X85898" i="1"/>
  <c r="X85899" i="1"/>
  <c r="X85900" i="1"/>
  <c r="X85901" i="1"/>
  <c r="X85902" i="1"/>
  <c r="X85903" i="1"/>
  <c r="X85904" i="1"/>
  <c r="X85905" i="1"/>
  <c r="X85906" i="1"/>
  <c r="X85907" i="1"/>
  <c r="X85908" i="1"/>
  <c r="X85909" i="1"/>
  <c r="X85910" i="1"/>
  <c r="X85911" i="1"/>
  <c r="X85912" i="1"/>
  <c r="X85913" i="1"/>
  <c r="X85914" i="1"/>
  <c r="X85915" i="1"/>
  <c r="X85916" i="1"/>
  <c r="X85917" i="1"/>
  <c r="X85918" i="1"/>
  <c r="X85919" i="1"/>
  <c r="X85920" i="1"/>
  <c r="X85921" i="1"/>
  <c r="X85922" i="1"/>
  <c r="X85923" i="1"/>
  <c r="X85924" i="1"/>
  <c r="X85925" i="1"/>
  <c r="X85926" i="1"/>
  <c r="X85927" i="1"/>
  <c r="X85928" i="1"/>
  <c r="X85929" i="1"/>
  <c r="X85930" i="1"/>
  <c r="X85931" i="1"/>
  <c r="X85932" i="1"/>
  <c r="X85933" i="1"/>
  <c r="X85934" i="1"/>
  <c r="X85935" i="1"/>
  <c r="X85936" i="1"/>
  <c r="X85937" i="1"/>
  <c r="X85938" i="1"/>
  <c r="X85939" i="1"/>
  <c r="X85940" i="1"/>
  <c r="X85941" i="1"/>
  <c r="X85942" i="1"/>
  <c r="X85943" i="1"/>
  <c r="X85944" i="1"/>
  <c r="X85945" i="1"/>
  <c r="X85946" i="1"/>
  <c r="X85947" i="1"/>
  <c r="X85948" i="1"/>
  <c r="X85949" i="1"/>
  <c r="X85950" i="1"/>
  <c r="X85951" i="1"/>
  <c r="X85952" i="1"/>
  <c r="X85953" i="1"/>
  <c r="X85954" i="1"/>
  <c r="X85955" i="1"/>
  <c r="X85956" i="1"/>
  <c r="X85957" i="1"/>
  <c r="X85958" i="1"/>
  <c r="X85959" i="1"/>
  <c r="X85960" i="1"/>
  <c r="X85961" i="1"/>
  <c r="X85962" i="1"/>
  <c r="X85963" i="1"/>
  <c r="X85964" i="1"/>
  <c r="X85965" i="1"/>
  <c r="X85966" i="1"/>
  <c r="X85967" i="1"/>
  <c r="X85968" i="1"/>
  <c r="X85969" i="1"/>
  <c r="X85970" i="1"/>
  <c r="X85971" i="1"/>
  <c r="X85972" i="1"/>
  <c r="X85973" i="1"/>
  <c r="X85974" i="1"/>
  <c r="X85975" i="1"/>
  <c r="X85976" i="1"/>
  <c r="X85977" i="1"/>
  <c r="X85978" i="1"/>
  <c r="X85979" i="1"/>
  <c r="X85980" i="1"/>
  <c r="X85981" i="1"/>
  <c r="X85982" i="1"/>
  <c r="X85983" i="1"/>
  <c r="X85984" i="1"/>
  <c r="X85985" i="1"/>
  <c r="X85986" i="1"/>
  <c r="X85987" i="1"/>
  <c r="X85988" i="1"/>
  <c r="X85989" i="1"/>
  <c r="X85990" i="1"/>
  <c r="X85991" i="1"/>
  <c r="X85992" i="1"/>
  <c r="X85993" i="1"/>
  <c r="X85994" i="1"/>
  <c r="X85995" i="1"/>
  <c r="X85996" i="1"/>
  <c r="X85997" i="1"/>
  <c r="X85998" i="1"/>
  <c r="X85999" i="1"/>
  <c r="X86000" i="1"/>
  <c r="X86001" i="1"/>
  <c r="X86002" i="1"/>
  <c r="X86003" i="1"/>
  <c r="X86004" i="1"/>
  <c r="X86005" i="1"/>
  <c r="X86006" i="1"/>
  <c r="X86007" i="1"/>
  <c r="X86008" i="1"/>
  <c r="X86009" i="1"/>
  <c r="X86010" i="1"/>
  <c r="X86011" i="1"/>
  <c r="X86012" i="1"/>
  <c r="X86013" i="1"/>
  <c r="X86014" i="1"/>
  <c r="X86015" i="1"/>
  <c r="X86016" i="1"/>
  <c r="X86017" i="1"/>
  <c r="X86018" i="1"/>
  <c r="X86019" i="1"/>
  <c r="X86020" i="1"/>
  <c r="X86021" i="1"/>
  <c r="X86022" i="1"/>
  <c r="X86023" i="1"/>
  <c r="X86024" i="1"/>
  <c r="X86025" i="1"/>
  <c r="X86026" i="1"/>
  <c r="X86027" i="1"/>
  <c r="X86028" i="1"/>
  <c r="X86029" i="1"/>
  <c r="X86030" i="1"/>
  <c r="X86031" i="1"/>
  <c r="X86032" i="1"/>
  <c r="X86033" i="1"/>
  <c r="X86034" i="1"/>
  <c r="X86035" i="1"/>
  <c r="X86036" i="1"/>
  <c r="X86037" i="1"/>
  <c r="X86038" i="1"/>
  <c r="X86039" i="1"/>
  <c r="X86040" i="1"/>
  <c r="X86041" i="1"/>
  <c r="X86042" i="1"/>
  <c r="X86043" i="1"/>
  <c r="X86044" i="1"/>
  <c r="X86045" i="1"/>
  <c r="X86046" i="1"/>
  <c r="X86047" i="1"/>
  <c r="X86048" i="1"/>
  <c r="X86049" i="1"/>
  <c r="X86050" i="1"/>
  <c r="X86051" i="1"/>
  <c r="X86052" i="1"/>
  <c r="X86053" i="1"/>
  <c r="X86054" i="1"/>
  <c r="X86055" i="1"/>
  <c r="X86056" i="1"/>
  <c r="X86057" i="1"/>
  <c r="X86058" i="1"/>
  <c r="X86059" i="1"/>
  <c r="X86060" i="1"/>
  <c r="X86061" i="1"/>
  <c r="X86062" i="1"/>
  <c r="X86063" i="1"/>
  <c r="X86064" i="1"/>
  <c r="X86065" i="1"/>
  <c r="X86066" i="1"/>
  <c r="X86067" i="1"/>
  <c r="X86068" i="1"/>
  <c r="X86069" i="1"/>
  <c r="X86070" i="1"/>
  <c r="X86071" i="1"/>
  <c r="X86072" i="1"/>
  <c r="X86073" i="1"/>
  <c r="X86074" i="1"/>
  <c r="X86075" i="1"/>
  <c r="X86076" i="1"/>
  <c r="X86077" i="1"/>
  <c r="X86078" i="1"/>
  <c r="X86079" i="1"/>
  <c r="X86080" i="1"/>
  <c r="X86081" i="1"/>
  <c r="X86082" i="1"/>
  <c r="X86083" i="1"/>
  <c r="X86084" i="1"/>
  <c r="X86085" i="1"/>
  <c r="X86086" i="1"/>
  <c r="X86087" i="1"/>
  <c r="X86088" i="1"/>
  <c r="X86089" i="1"/>
  <c r="X86090" i="1"/>
  <c r="X86091" i="1"/>
  <c r="X86092" i="1"/>
  <c r="X86093" i="1"/>
  <c r="X86094" i="1"/>
  <c r="X86095" i="1"/>
  <c r="X86096" i="1"/>
  <c r="X86097" i="1"/>
  <c r="X86098" i="1"/>
  <c r="X86099" i="1"/>
  <c r="X86100" i="1"/>
  <c r="X86101" i="1"/>
  <c r="X86102" i="1"/>
  <c r="X86103" i="1"/>
  <c r="X86104" i="1"/>
  <c r="X86105" i="1"/>
  <c r="X86106" i="1"/>
  <c r="X86107" i="1"/>
  <c r="X86108" i="1"/>
  <c r="X86109" i="1"/>
  <c r="X86110" i="1"/>
  <c r="X86111" i="1"/>
  <c r="X86112" i="1"/>
  <c r="X86113" i="1"/>
  <c r="X86114" i="1"/>
  <c r="X86115" i="1"/>
  <c r="X86116" i="1"/>
  <c r="X86117" i="1"/>
  <c r="X86118" i="1"/>
  <c r="X86119" i="1"/>
  <c r="X86120" i="1"/>
  <c r="X86121" i="1"/>
  <c r="X86122" i="1"/>
  <c r="X86123" i="1"/>
  <c r="X86124" i="1"/>
  <c r="X86125" i="1"/>
  <c r="X86126" i="1"/>
  <c r="X86127" i="1"/>
  <c r="X86128" i="1"/>
  <c r="X86129" i="1"/>
  <c r="X86130" i="1"/>
  <c r="X86131" i="1"/>
  <c r="X86132" i="1"/>
  <c r="X86133" i="1"/>
  <c r="X86134" i="1"/>
  <c r="X86135" i="1"/>
  <c r="X86136" i="1"/>
  <c r="X86137" i="1"/>
  <c r="X86138" i="1"/>
  <c r="X86139" i="1"/>
  <c r="X86140" i="1"/>
  <c r="X86141" i="1"/>
  <c r="X86142" i="1"/>
  <c r="X86143" i="1"/>
  <c r="X86144" i="1"/>
  <c r="X86145" i="1"/>
  <c r="X86146" i="1"/>
  <c r="X86147" i="1"/>
  <c r="X86148" i="1"/>
  <c r="X86149" i="1"/>
  <c r="X86150" i="1"/>
  <c r="X86151" i="1"/>
  <c r="X86152" i="1"/>
  <c r="X86153" i="1"/>
  <c r="X86154" i="1"/>
  <c r="X86155" i="1"/>
  <c r="X86156" i="1"/>
  <c r="X86157" i="1"/>
  <c r="X86158" i="1"/>
  <c r="X86159" i="1"/>
  <c r="X86160" i="1"/>
  <c r="X86161" i="1"/>
  <c r="X86162" i="1"/>
  <c r="X86163" i="1"/>
  <c r="X86164" i="1"/>
  <c r="X86165" i="1"/>
  <c r="X86166" i="1"/>
  <c r="X86167" i="1"/>
  <c r="X86168" i="1"/>
  <c r="X86169" i="1"/>
  <c r="X86170" i="1"/>
  <c r="X86171" i="1"/>
  <c r="X86172" i="1"/>
  <c r="X86173" i="1"/>
  <c r="X86174" i="1"/>
  <c r="X86175" i="1"/>
  <c r="X86176" i="1"/>
  <c r="X86177" i="1"/>
  <c r="X86178" i="1"/>
  <c r="X86179" i="1"/>
  <c r="X86180" i="1"/>
  <c r="X86181" i="1"/>
  <c r="X86182" i="1"/>
  <c r="X86183" i="1"/>
  <c r="X86184" i="1"/>
  <c r="X86185" i="1"/>
  <c r="X86186" i="1"/>
  <c r="X86187" i="1"/>
  <c r="X86188" i="1"/>
  <c r="X86189" i="1"/>
  <c r="X86190" i="1"/>
  <c r="X86191" i="1"/>
  <c r="X86192" i="1"/>
  <c r="X86193" i="1"/>
  <c r="X86194" i="1"/>
  <c r="X86195" i="1"/>
  <c r="X86196" i="1"/>
  <c r="X86197" i="1"/>
  <c r="X86198" i="1"/>
  <c r="X86199" i="1"/>
  <c r="X86200" i="1"/>
  <c r="X86201" i="1"/>
  <c r="X86202" i="1"/>
  <c r="X86203" i="1"/>
  <c r="X86204" i="1"/>
  <c r="X86205" i="1"/>
  <c r="X86206" i="1"/>
  <c r="X86207" i="1"/>
  <c r="X86208" i="1"/>
  <c r="X86209" i="1"/>
  <c r="X86210" i="1"/>
  <c r="X86211" i="1"/>
  <c r="X86212" i="1"/>
  <c r="X86213" i="1"/>
  <c r="X86214" i="1"/>
  <c r="X86215" i="1"/>
  <c r="X86216" i="1"/>
  <c r="X86217" i="1"/>
  <c r="X86218" i="1"/>
  <c r="X86219" i="1"/>
  <c r="X86220" i="1"/>
  <c r="X86221" i="1"/>
  <c r="X86222" i="1"/>
  <c r="X86223" i="1"/>
  <c r="X86224" i="1"/>
  <c r="X86225" i="1"/>
  <c r="X86226" i="1"/>
  <c r="X86227" i="1"/>
  <c r="X86228" i="1"/>
  <c r="X86229" i="1"/>
  <c r="X86230" i="1"/>
  <c r="X86231" i="1"/>
  <c r="X86232" i="1"/>
  <c r="X86233" i="1"/>
  <c r="X86234" i="1"/>
  <c r="X86235" i="1"/>
  <c r="X86236" i="1"/>
  <c r="X86237" i="1"/>
  <c r="X86238" i="1"/>
  <c r="X86239" i="1"/>
  <c r="X86240" i="1"/>
  <c r="X86241" i="1"/>
  <c r="X86242" i="1"/>
  <c r="X86243" i="1"/>
  <c r="X86244" i="1"/>
  <c r="X86245" i="1"/>
  <c r="X86246" i="1"/>
  <c r="X86247" i="1"/>
  <c r="X86248" i="1"/>
  <c r="X86249" i="1"/>
  <c r="X86250" i="1"/>
  <c r="X86251" i="1"/>
  <c r="X86252" i="1"/>
  <c r="X86253" i="1"/>
  <c r="X86254" i="1"/>
  <c r="X86255" i="1"/>
  <c r="X86256" i="1"/>
  <c r="X86257" i="1"/>
  <c r="X86258" i="1"/>
  <c r="X86259" i="1"/>
  <c r="X86260" i="1"/>
  <c r="X86261" i="1"/>
  <c r="X86262" i="1"/>
  <c r="X86263" i="1"/>
  <c r="X86264" i="1"/>
  <c r="X86265" i="1"/>
  <c r="X86266" i="1"/>
  <c r="X86267" i="1"/>
  <c r="X86268" i="1"/>
  <c r="X86269" i="1"/>
  <c r="X86270" i="1"/>
  <c r="X86271" i="1"/>
  <c r="X86272" i="1"/>
  <c r="X86273" i="1"/>
  <c r="X86274" i="1"/>
  <c r="X86275" i="1"/>
  <c r="X86276" i="1"/>
  <c r="X86277" i="1"/>
  <c r="X86278" i="1"/>
  <c r="X86279" i="1"/>
  <c r="X86280" i="1"/>
  <c r="X86281" i="1"/>
  <c r="X86282" i="1"/>
  <c r="X86283" i="1"/>
  <c r="X86284" i="1"/>
  <c r="X86285" i="1"/>
  <c r="X86286" i="1"/>
  <c r="X86287" i="1"/>
  <c r="X86288" i="1"/>
  <c r="X86289" i="1"/>
  <c r="X86290" i="1"/>
  <c r="X86291" i="1"/>
  <c r="X86292" i="1"/>
  <c r="X86293" i="1"/>
  <c r="X86294" i="1"/>
  <c r="X86295" i="1"/>
  <c r="X86296" i="1"/>
  <c r="X86297" i="1"/>
  <c r="X86298" i="1"/>
  <c r="X86299" i="1"/>
  <c r="X86300" i="1"/>
  <c r="X86301" i="1"/>
  <c r="X86302" i="1"/>
  <c r="X86303" i="1"/>
  <c r="X86304" i="1"/>
  <c r="X86305" i="1"/>
  <c r="X86306" i="1"/>
  <c r="X86307" i="1"/>
  <c r="X86308" i="1"/>
  <c r="X86309" i="1"/>
  <c r="X86310" i="1"/>
  <c r="X86311" i="1"/>
  <c r="X86312" i="1"/>
  <c r="X86313" i="1"/>
  <c r="X86314" i="1"/>
  <c r="X86315" i="1"/>
  <c r="X86316" i="1"/>
  <c r="X86317" i="1"/>
  <c r="X86318" i="1"/>
  <c r="X86319" i="1"/>
  <c r="X86320" i="1"/>
  <c r="X86321" i="1"/>
  <c r="X86322" i="1"/>
  <c r="X86323" i="1"/>
  <c r="X86324" i="1"/>
  <c r="X86325" i="1"/>
  <c r="X86326" i="1"/>
  <c r="X86327" i="1"/>
  <c r="X86328" i="1"/>
  <c r="X86329" i="1"/>
  <c r="X86330" i="1"/>
  <c r="X86331" i="1"/>
  <c r="X86332" i="1"/>
  <c r="X86333" i="1"/>
  <c r="X86334" i="1"/>
  <c r="X86335" i="1"/>
  <c r="X86336" i="1"/>
  <c r="X86337" i="1"/>
  <c r="X86338" i="1"/>
  <c r="X86339" i="1"/>
  <c r="X86340" i="1"/>
  <c r="X86341" i="1"/>
  <c r="X86342" i="1"/>
  <c r="X86343" i="1"/>
  <c r="X86344" i="1"/>
  <c r="X86345" i="1"/>
  <c r="X86346" i="1"/>
  <c r="X86347" i="1"/>
  <c r="X86348" i="1"/>
  <c r="X86349" i="1"/>
  <c r="X86350" i="1"/>
  <c r="X86351" i="1"/>
  <c r="X86352" i="1"/>
  <c r="X86353" i="1"/>
  <c r="X86354" i="1"/>
  <c r="X86355" i="1"/>
  <c r="X86356" i="1"/>
  <c r="X86357" i="1"/>
  <c r="X86358" i="1"/>
  <c r="X86359" i="1"/>
  <c r="X86360" i="1"/>
  <c r="X86361" i="1"/>
  <c r="X86362" i="1"/>
  <c r="X86363" i="1"/>
  <c r="X86364" i="1"/>
  <c r="X86365" i="1"/>
  <c r="X86366" i="1"/>
  <c r="X86367" i="1"/>
  <c r="X86368" i="1"/>
  <c r="X86369" i="1"/>
  <c r="X86370" i="1"/>
  <c r="X86371" i="1"/>
  <c r="X86372" i="1"/>
  <c r="X86373" i="1"/>
  <c r="X86374" i="1"/>
  <c r="X86375" i="1"/>
  <c r="X86376" i="1"/>
  <c r="X86377" i="1"/>
  <c r="X86378" i="1"/>
  <c r="X86379" i="1"/>
  <c r="X86380" i="1"/>
  <c r="X86381" i="1"/>
  <c r="X86382" i="1"/>
  <c r="X86383" i="1"/>
  <c r="X86384" i="1"/>
  <c r="X86385" i="1"/>
  <c r="X86386" i="1"/>
  <c r="X86387" i="1"/>
  <c r="X86388" i="1"/>
  <c r="X86389" i="1"/>
  <c r="X86390" i="1"/>
  <c r="X86391" i="1"/>
  <c r="X86392" i="1"/>
  <c r="X86393" i="1"/>
  <c r="X86394" i="1"/>
  <c r="X86395" i="1"/>
  <c r="X86396" i="1"/>
  <c r="X86397" i="1"/>
  <c r="X86398" i="1"/>
  <c r="X86399" i="1"/>
  <c r="X86400" i="1"/>
  <c r="X86401" i="1"/>
  <c r="X86402" i="1"/>
  <c r="X86403" i="1"/>
  <c r="X86404" i="1"/>
  <c r="X86405" i="1"/>
  <c r="X86406" i="1"/>
  <c r="X86407" i="1"/>
  <c r="X86408" i="1"/>
  <c r="X86409" i="1"/>
  <c r="X86410" i="1"/>
  <c r="X86411" i="1"/>
  <c r="X86412" i="1"/>
  <c r="X86413" i="1"/>
  <c r="X86414" i="1"/>
  <c r="X86415" i="1"/>
  <c r="X86416" i="1"/>
  <c r="X86417" i="1"/>
  <c r="X86418" i="1"/>
  <c r="X86419" i="1"/>
  <c r="X86420" i="1"/>
  <c r="X86421" i="1"/>
  <c r="X86422" i="1"/>
  <c r="X86423" i="1"/>
  <c r="X86424" i="1"/>
  <c r="X86425" i="1"/>
  <c r="X86426" i="1"/>
  <c r="X86427" i="1"/>
  <c r="X86428" i="1"/>
  <c r="X86429" i="1"/>
  <c r="X86430" i="1"/>
  <c r="X86431" i="1"/>
  <c r="X86432" i="1"/>
  <c r="X86433" i="1"/>
  <c r="X86434" i="1"/>
  <c r="X86435" i="1"/>
  <c r="X86436" i="1"/>
  <c r="X86437" i="1"/>
  <c r="X86438" i="1"/>
  <c r="X86439" i="1"/>
  <c r="X86440" i="1"/>
  <c r="X86441" i="1"/>
  <c r="X86442" i="1"/>
  <c r="X86443" i="1"/>
  <c r="X86444" i="1"/>
  <c r="X86445" i="1"/>
  <c r="X86446" i="1"/>
  <c r="X86447" i="1"/>
  <c r="X86448" i="1"/>
  <c r="X86449" i="1"/>
  <c r="X86450" i="1"/>
  <c r="X86451" i="1"/>
  <c r="X86452" i="1"/>
  <c r="X86453" i="1"/>
  <c r="X86454" i="1"/>
  <c r="X86455" i="1"/>
  <c r="X86456" i="1"/>
  <c r="X86457" i="1"/>
  <c r="X86458" i="1"/>
  <c r="X86459" i="1"/>
  <c r="X86460" i="1"/>
  <c r="X86461" i="1"/>
  <c r="X86462" i="1"/>
  <c r="X86463" i="1"/>
  <c r="X86464" i="1"/>
  <c r="X86465" i="1"/>
  <c r="X86466" i="1"/>
  <c r="X86467" i="1"/>
  <c r="X86468" i="1"/>
  <c r="X86469" i="1"/>
  <c r="X86470" i="1"/>
  <c r="X86471" i="1"/>
  <c r="X86472" i="1"/>
  <c r="X86473" i="1"/>
  <c r="X86474" i="1"/>
  <c r="X86475" i="1"/>
  <c r="X86476" i="1"/>
  <c r="X86477" i="1"/>
  <c r="X86478" i="1"/>
  <c r="X86479" i="1"/>
  <c r="X86480" i="1"/>
  <c r="X86481" i="1"/>
  <c r="X86482" i="1"/>
  <c r="X86483" i="1"/>
  <c r="X86484" i="1"/>
  <c r="X86485" i="1"/>
  <c r="X86486" i="1"/>
  <c r="X86487" i="1"/>
  <c r="X86488" i="1"/>
  <c r="X86489" i="1"/>
  <c r="X86490" i="1"/>
  <c r="X86491" i="1"/>
  <c r="X86492" i="1"/>
  <c r="X86493" i="1"/>
  <c r="X86494" i="1"/>
  <c r="X86495" i="1"/>
  <c r="X86496" i="1"/>
  <c r="X86497" i="1"/>
  <c r="X86498" i="1"/>
  <c r="X86499" i="1"/>
  <c r="X86500" i="1"/>
  <c r="X86501" i="1"/>
  <c r="X86502" i="1"/>
  <c r="X86503" i="1"/>
  <c r="X86504" i="1"/>
  <c r="X86505" i="1"/>
  <c r="X86506" i="1"/>
  <c r="X86507" i="1"/>
  <c r="X86508" i="1"/>
  <c r="X86509" i="1"/>
  <c r="X86510" i="1"/>
  <c r="X86511" i="1"/>
  <c r="X86512" i="1"/>
  <c r="X86513" i="1"/>
  <c r="X86514" i="1"/>
  <c r="X86515" i="1"/>
  <c r="X86516" i="1"/>
  <c r="X86517" i="1"/>
  <c r="X86518" i="1"/>
  <c r="X86519" i="1"/>
  <c r="X86520" i="1"/>
  <c r="X86521" i="1"/>
  <c r="X86522" i="1"/>
  <c r="X86523" i="1"/>
  <c r="X86524" i="1"/>
  <c r="X86525" i="1"/>
  <c r="X86526" i="1"/>
  <c r="X86527" i="1"/>
  <c r="X86528" i="1"/>
  <c r="X86529" i="1"/>
  <c r="X86530" i="1"/>
  <c r="X86531" i="1"/>
  <c r="X86532" i="1"/>
  <c r="X86533" i="1"/>
  <c r="X86534" i="1"/>
  <c r="X86535" i="1"/>
  <c r="X86536" i="1"/>
  <c r="X86537" i="1"/>
  <c r="X86538" i="1"/>
  <c r="X86539" i="1"/>
  <c r="X86540" i="1"/>
  <c r="X86541" i="1"/>
  <c r="X86542" i="1"/>
  <c r="X86543" i="1"/>
  <c r="X86544" i="1"/>
  <c r="X86545" i="1"/>
  <c r="X86546" i="1"/>
  <c r="X86547" i="1"/>
  <c r="X86548" i="1"/>
  <c r="X86549" i="1"/>
  <c r="X86550" i="1"/>
  <c r="X86551" i="1"/>
  <c r="X86552" i="1"/>
  <c r="X86553" i="1"/>
  <c r="X86554" i="1"/>
  <c r="X86555" i="1"/>
  <c r="X86556" i="1"/>
  <c r="X86557" i="1"/>
  <c r="X86558" i="1"/>
  <c r="X86559" i="1"/>
  <c r="X86560" i="1"/>
  <c r="X86561" i="1"/>
  <c r="X86562" i="1"/>
  <c r="X86563" i="1"/>
  <c r="X86564" i="1"/>
  <c r="X86565" i="1"/>
  <c r="X86566" i="1"/>
  <c r="X86567" i="1"/>
  <c r="X86568" i="1"/>
  <c r="X86569" i="1"/>
  <c r="X86570" i="1"/>
  <c r="X86571" i="1"/>
  <c r="X86572" i="1"/>
  <c r="X86573" i="1"/>
  <c r="X86574" i="1"/>
  <c r="X86575" i="1"/>
  <c r="X86576" i="1"/>
  <c r="X86577" i="1"/>
  <c r="X86578" i="1"/>
  <c r="X86579" i="1"/>
  <c r="X86580" i="1"/>
  <c r="X86581" i="1"/>
  <c r="X86582" i="1"/>
  <c r="X86583" i="1"/>
  <c r="X86584" i="1"/>
  <c r="X86585" i="1"/>
  <c r="X86586" i="1"/>
  <c r="X86587" i="1"/>
  <c r="X86588" i="1"/>
  <c r="X86589" i="1"/>
  <c r="X86590" i="1"/>
  <c r="X86591" i="1"/>
  <c r="X86592" i="1"/>
  <c r="X86593" i="1"/>
  <c r="X86594" i="1"/>
  <c r="X86595" i="1"/>
  <c r="X86596" i="1"/>
  <c r="X86597" i="1"/>
  <c r="X86598" i="1"/>
  <c r="X86599" i="1"/>
  <c r="X86600" i="1"/>
  <c r="X86601" i="1"/>
  <c r="X86602" i="1"/>
  <c r="X86603" i="1"/>
  <c r="X86604" i="1"/>
  <c r="X86605" i="1"/>
  <c r="X86606" i="1"/>
  <c r="X86607" i="1"/>
  <c r="X86608" i="1"/>
  <c r="X86609" i="1"/>
  <c r="X86610" i="1"/>
  <c r="X86611" i="1"/>
  <c r="X86612" i="1"/>
  <c r="X86613" i="1"/>
  <c r="X86614" i="1"/>
  <c r="X86615" i="1"/>
  <c r="X86616" i="1"/>
  <c r="X86617" i="1"/>
  <c r="X86618" i="1"/>
  <c r="X86619" i="1"/>
  <c r="X86620" i="1"/>
  <c r="X86621" i="1"/>
  <c r="X86622" i="1"/>
  <c r="X86623" i="1"/>
  <c r="X86624" i="1"/>
  <c r="X86625" i="1"/>
  <c r="X86626" i="1"/>
  <c r="X86627" i="1"/>
  <c r="X86628" i="1"/>
  <c r="X86629" i="1"/>
  <c r="X86630" i="1"/>
  <c r="X86631" i="1"/>
  <c r="X86632" i="1"/>
  <c r="X86633" i="1"/>
  <c r="X86634" i="1"/>
  <c r="X86635" i="1"/>
  <c r="X86636" i="1"/>
  <c r="X86637" i="1"/>
  <c r="X86638" i="1"/>
  <c r="X86639" i="1"/>
  <c r="X86640" i="1"/>
  <c r="X86641" i="1"/>
  <c r="X86642" i="1"/>
  <c r="X86643" i="1"/>
  <c r="X86644" i="1"/>
  <c r="X86645" i="1"/>
  <c r="X86646" i="1"/>
  <c r="X86647" i="1"/>
  <c r="X86648" i="1"/>
  <c r="X86649" i="1"/>
  <c r="X86650" i="1"/>
  <c r="X86651" i="1"/>
  <c r="X86652" i="1"/>
  <c r="X86653" i="1"/>
  <c r="X86654" i="1"/>
  <c r="X86655" i="1"/>
  <c r="X86656" i="1"/>
  <c r="X86657" i="1"/>
  <c r="X86658" i="1"/>
  <c r="X86659" i="1"/>
  <c r="X86660" i="1"/>
  <c r="X86661" i="1"/>
  <c r="X86662" i="1"/>
  <c r="X86663" i="1"/>
  <c r="X86664" i="1"/>
  <c r="X86665" i="1"/>
  <c r="X86666" i="1"/>
  <c r="X86667" i="1"/>
  <c r="X86668" i="1"/>
  <c r="X86669" i="1"/>
  <c r="X86670" i="1"/>
  <c r="X86671" i="1"/>
  <c r="X86672" i="1"/>
  <c r="X86673" i="1"/>
  <c r="X86674" i="1"/>
  <c r="X86675" i="1"/>
  <c r="X86676" i="1"/>
  <c r="X86677" i="1"/>
  <c r="X86678" i="1"/>
  <c r="X86679" i="1"/>
  <c r="X86680" i="1"/>
  <c r="X86681" i="1"/>
  <c r="X86682" i="1"/>
  <c r="X86683" i="1"/>
  <c r="X86684" i="1"/>
  <c r="X86685" i="1"/>
  <c r="X86686" i="1"/>
  <c r="X86687" i="1"/>
  <c r="X86688" i="1"/>
  <c r="X86689" i="1"/>
  <c r="X86690" i="1"/>
  <c r="X86691" i="1"/>
  <c r="X86692" i="1"/>
  <c r="X86693" i="1"/>
  <c r="X86694" i="1"/>
  <c r="X86695" i="1"/>
  <c r="X86696" i="1"/>
  <c r="X86697" i="1"/>
  <c r="X86698" i="1"/>
  <c r="X86699" i="1"/>
  <c r="X86700" i="1"/>
  <c r="X86701" i="1"/>
  <c r="X86702" i="1"/>
  <c r="X86703" i="1"/>
  <c r="X86704" i="1"/>
  <c r="X86705" i="1"/>
  <c r="X86706" i="1"/>
  <c r="X86707" i="1"/>
  <c r="X86708" i="1"/>
  <c r="X86709" i="1"/>
  <c r="X86710" i="1"/>
  <c r="X86711" i="1"/>
  <c r="X86712" i="1"/>
  <c r="X86713" i="1"/>
  <c r="X86714" i="1"/>
  <c r="X86715" i="1"/>
  <c r="X86716" i="1"/>
  <c r="X86717" i="1"/>
  <c r="X86718" i="1"/>
  <c r="X86719" i="1"/>
  <c r="X86720" i="1"/>
  <c r="X86721" i="1"/>
  <c r="X86722" i="1"/>
  <c r="X86723" i="1"/>
  <c r="X86724" i="1"/>
  <c r="X86725" i="1"/>
  <c r="X86726" i="1"/>
  <c r="X86727" i="1"/>
  <c r="X86728" i="1"/>
  <c r="X86729" i="1"/>
  <c r="X86730" i="1"/>
  <c r="X86731" i="1"/>
  <c r="X86732" i="1"/>
  <c r="X86733" i="1"/>
  <c r="X86734" i="1"/>
  <c r="X86735" i="1"/>
  <c r="X86736" i="1"/>
  <c r="X86737" i="1"/>
  <c r="X86738" i="1"/>
  <c r="X86739" i="1"/>
  <c r="X86740" i="1"/>
  <c r="X86741" i="1"/>
  <c r="X86742" i="1"/>
  <c r="X86743" i="1"/>
  <c r="X86744" i="1"/>
  <c r="X86745" i="1"/>
  <c r="X86746" i="1"/>
  <c r="X86747" i="1"/>
  <c r="X86748" i="1"/>
  <c r="X86749" i="1"/>
  <c r="X86750" i="1"/>
  <c r="X86751" i="1"/>
  <c r="X86752" i="1"/>
  <c r="X86753" i="1"/>
  <c r="X86754" i="1"/>
  <c r="X86755" i="1"/>
  <c r="X86756" i="1"/>
  <c r="X86757" i="1"/>
  <c r="X86758" i="1"/>
  <c r="X86759" i="1"/>
  <c r="X86760" i="1"/>
  <c r="X86761" i="1"/>
  <c r="X86762" i="1"/>
  <c r="X86763" i="1"/>
  <c r="X86764" i="1"/>
  <c r="X86765" i="1"/>
  <c r="X86766" i="1"/>
  <c r="X86767" i="1"/>
  <c r="X86768" i="1"/>
  <c r="X86769" i="1"/>
  <c r="X86770" i="1"/>
  <c r="X86771" i="1"/>
  <c r="X86772" i="1"/>
  <c r="X86773" i="1"/>
  <c r="X86774" i="1"/>
  <c r="X86775" i="1"/>
  <c r="X86776" i="1"/>
  <c r="X86777" i="1"/>
  <c r="X86778" i="1"/>
  <c r="X86779" i="1"/>
  <c r="X86780" i="1"/>
  <c r="X86781" i="1"/>
  <c r="X86782" i="1"/>
  <c r="X86783" i="1"/>
  <c r="X86784" i="1"/>
  <c r="X86785" i="1"/>
  <c r="X86786" i="1"/>
  <c r="X86787" i="1"/>
  <c r="X86788" i="1"/>
  <c r="X86789" i="1"/>
  <c r="X86790" i="1"/>
  <c r="X86791" i="1"/>
  <c r="X86792" i="1"/>
  <c r="X86793" i="1"/>
  <c r="X86794" i="1"/>
  <c r="X86795" i="1"/>
  <c r="X86796" i="1"/>
  <c r="X86797" i="1"/>
  <c r="X86798" i="1"/>
  <c r="X86799" i="1"/>
  <c r="X86800" i="1"/>
  <c r="X86801" i="1"/>
  <c r="X86802" i="1"/>
  <c r="X86803" i="1"/>
  <c r="X86804" i="1"/>
  <c r="X86805" i="1"/>
  <c r="X86806" i="1"/>
  <c r="X86807" i="1"/>
  <c r="X86808" i="1"/>
  <c r="X86809" i="1"/>
  <c r="X86810" i="1"/>
  <c r="X86811" i="1"/>
  <c r="X86812" i="1"/>
  <c r="X86813" i="1"/>
  <c r="X86814" i="1"/>
  <c r="X86815" i="1"/>
  <c r="X86816" i="1"/>
  <c r="X86817" i="1"/>
  <c r="X86818" i="1"/>
  <c r="X86819" i="1"/>
  <c r="X86820" i="1"/>
  <c r="X86821" i="1"/>
  <c r="X86822" i="1"/>
  <c r="X86823" i="1"/>
  <c r="X86824" i="1"/>
  <c r="X86825" i="1"/>
  <c r="X86826" i="1"/>
  <c r="X86827" i="1"/>
  <c r="X86828" i="1"/>
  <c r="X86829" i="1"/>
  <c r="X86830" i="1"/>
  <c r="X86831" i="1"/>
  <c r="X86832" i="1"/>
  <c r="X86833" i="1"/>
  <c r="X86834" i="1"/>
  <c r="X86835" i="1"/>
  <c r="X86836" i="1"/>
  <c r="X86837" i="1"/>
  <c r="X86838" i="1"/>
  <c r="X86839" i="1"/>
  <c r="X86840" i="1"/>
  <c r="X86841" i="1"/>
  <c r="X86842" i="1"/>
  <c r="X86843" i="1"/>
  <c r="X86844" i="1"/>
  <c r="X86845" i="1"/>
  <c r="X86846" i="1"/>
  <c r="X86847" i="1"/>
  <c r="X86848" i="1"/>
  <c r="X86849" i="1"/>
  <c r="X86850" i="1"/>
  <c r="X86851" i="1"/>
  <c r="X86852" i="1"/>
  <c r="X86853" i="1"/>
  <c r="X86854" i="1"/>
  <c r="X86855" i="1"/>
  <c r="X86856" i="1"/>
  <c r="X86857" i="1"/>
  <c r="X86858" i="1"/>
  <c r="X86859" i="1"/>
  <c r="X86860" i="1"/>
  <c r="X86861" i="1"/>
  <c r="X86862" i="1"/>
  <c r="X86863" i="1"/>
  <c r="X86864" i="1"/>
  <c r="X86865" i="1"/>
  <c r="X86866" i="1"/>
  <c r="X86867" i="1"/>
  <c r="X86868" i="1"/>
  <c r="X86869" i="1"/>
  <c r="X86870" i="1"/>
  <c r="X86871" i="1"/>
  <c r="X86872" i="1"/>
  <c r="X86873" i="1"/>
  <c r="X86874" i="1"/>
  <c r="X86875" i="1"/>
  <c r="X86876" i="1"/>
  <c r="X86877" i="1"/>
  <c r="X86878" i="1"/>
  <c r="X86879" i="1"/>
  <c r="X86880" i="1"/>
  <c r="X86881" i="1"/>
  <c r="X86882" i="1"/>
  <c r="X86883" i="1"/>
  <c r="X86884" i="1"/>
  <c r="X86885" i="1"/>
  <c r="X86886" i="1"/>
  <c r="X86887" i="1"/>
  <c r="X86888" i="1"/>
  <c r="X86889" i="1"/>
  <c r="X86890" i="1"/>
  <c r="X86891" i="1"/>
  <c r="X86892" i="1"/>
  <c r="X86893" i="1"/>
  <c r="X86894" i="1"/>
  <c r="X86895" i="1"/>
  <c r="X86896" i="1"/>
  <c r="X86897" i="1"/>
  <c r="X86898" i="1"/>
  <c r="X86899" i="1"/>
  <c r="X86900" i="1"/>
  <c r="X86901" i="1"/>
  <c r="X86902" i="1"/>
  <c r="X86903" i="1"/>
  <c r="X86904" i="1"/>
  <c r="X86905" i="1"/>
  <c r="X86906" i="1"/>
  <c r="X86907" i="1"/>
  <c r="X86908" i="1"/>
  <c r="X86909" i="1"/>
  <c r="X86910" i="1"/>
  <c r="X86911" i="1"/>
  <c r="X86912" i="1"/>
  <c r="X86913" i="1"/>
  <c r="X86914" i="1"/>
  <c r="X86915" i="1"/>
  <c r="X86916" i="1"/>
  <c r="X86917" i="1"/>
  <c r="X86918" i="1"/>
  <c r="X86919" i="1"/>
  <c r="X86920" i="1"/>
  <c r="X86921" i="1"/>
  <c r="X86922" i="1"/>
  <c r="X86923" i="1"/>
  <c r="X86924" i="1"/>
  <c r="X86925" i="1"/>
  <c r="X86926" i="1"/>
  <c r="X86927" i="1"/>
  <c r="X86928" i="1"/>
  <c r="X86929" i="1"/>
  <c r="X86930" i="1"/>
  <c r="X86931" i="1"/>
  <c r="X86932" i="1"/>
  <c r="X86933" i="1"/>
  <c r="X86934" i="1"/>
  <c r="X86935" i="1"/>
  <c r="X86936" i="1"/>
  <c r="X86937" i="1"/>
  <c r="X86938" i="1"/>
  <c r="X86939" i="1"/>
  <c r="X86940" i="1"/>
  <c r="X86941" i="1"/>
  <c r="X86942" i="1"/>
  <c r="X86943" i="1"/>
  <c r="X86944" i="1"/>
  <c r="X86945" i="1"/>
  <c r="X86946" i="1"/>
  <c r="X86947" i="1"/>
  <c r="X86948" i="1"/>
  <c r="X86949" i="1"/>
  <c r="X86950" i="1"/>
  <c r="X86951" i="1"/>
  <c r="X86952" i="1"/>
  <c r="X86953" i="1"/>
  <c r="X86954" i="1"/>
  <c r="X86955" i="1"/>
  <c r="X86956" i="1"/>
  <c r="X86957" i="1"/>
  <c r="X86958" i="1"/>
  <c r="X86959" i="1"/>
  <c r="X86960" i="1"/>
  <c r="X86961" i="1"/>
  <c r="X86962" i="1"/>
  <c r="X86963" i="1"/>
  <c r="X86964" i="1"/>
  <c r="X86965" i="1"/>
  <c r="X86966" i="1"/>
  <c r="X86967" i="1"/>
  <c r="X86968" i="1"/>
  <c r="X86969" i="1"/>
  <c r="X86970" i="1"/>
  <c r="X86971" i="1"/>
  <c r="X86972" i="1"/>
  <c r="X86973" i="1"/>
  <c r="X86974" i="1"/>
  <c r="X86975" i="1"/>
  <c r="X86976" i="1"/>
  <c r="X86977" i="1"/>
  <c r="X86978" i="1"/>
  <c r="X86979" i="1"/>
  <c r="X86980" i="1"/>
  <c r="X86981" i="1"/>
  <c r="X86982" i="1"/>
  <c r="X86983" i="1"/>
  <c r="X86984" i="1"/>
  <c r="X86985" i="1"/>
  <c r="X86986" i="1"/>
  <c r="X86987" i="1"/>
  <c r="X86988" i="1"/>
  <c r="X86989" i="1"/>
  <c r="X86990" i="1"/>
  <c r="X86991" i="1"/>
  <c r="X86992" i="1"/>
  <c r="X86993" i="1"/>
  <c r="X86994" i="1"/>
  <c r="X86995" i="1"/>
  <c r="X86996" i="1"/>
  <c r="X86997" i="1"/>
  <c r="X86998" i="1"/>
  <c r="X86999" i="1"/>
  <c r="X87000" i="1"/>
  <c r="X87001" i="1"/>
  <c r="X87002" i="1"/>
  <c r="X87003" i="1"/>
  <c r="X87004" i="1"/>
  <c r="X87005" i="1"/>
  <c r="X87006" i="1"/>
  <c r="X87007" i="1"/>
  <c r="X87008" i="1"/>
  <c r="X87009" i="1"/>
  <c r="X87010" i="1"/>
  <c r="X87011" i="1"/>
  <c r="X87012" i="1"/>
  <c r="X87013" i="1"/>
  <c r="X87014" i="1"/>
  <c r="X87015" i="1"/>
  <c r="X87016" i="1"/>
  <c r="X87017" i="1"/>
  <c r="X87018" i="1"/>
  <c r="X87019" i="1"/>
  <c r="X87020" i="1"/>
  <c r="X87021" i="1"/>
  <c r="X87022" i="1"/>
  <c r="X87023" i="1"/>
  <c r="X87024" i="1"/>
  <c r="X87025" i="1"/>
  <c r="X87026" i="1"/>
  <c r="X87027" i="1"/>
  <c r="X87028" i="1"/>
  <c r="X87029" i="1"/>
  <c r="X87030" i="1"/>
  <c r="X87031" i="1"/>
  <c r="X87032" i="1"/>
  <c r="X87033" i="1"/>
  <c r="X87034" i="1"/>
  <c r="X87035" i="1"/>
  <c r="X87036" i="1"/>
  <c r="X87037" i="1"/>
  <c r="X87038" i="1"/>
  <c r="X87039" i="1"/>
  <c r="X87040" i="1"/>
  <c r="X87041" i="1"/>
  <c r="X87042" i="1"/>
  <c r="X87043" i="1"/>
  <c r="X87044" i="1"/>
  <c r="X87045" i="1"/>
  <c r="X87046" i="1"/>
  <c r="X87047" i="1"/>
  <c r="X87048" i="1"/>
  <c r="X87049" i="1"/>
  <c r="X87050" i="1"/>
  <c r="X87051" i="1"/>
  <c r="X87052" i="1"/>
  <c r="X87053" i="1"/>
  <c r="X87054" i="1"/>
  <c r="X87055" i="1"/>
  <c r="X87056" i="1"/>
  <c r="X87057" i="1"/>
  <c r="X87058" i="1"/>
  <c r="X87059" i="1"/>
  <c r="X87060" i="1"/>
  <c r="X87061" i="1"/>
  <c r="X87062" i="1"/>
  <c r="X87063" i="1"/>
  <c r="X87064" i="1"/>
  <c r="X87065" i="1"/>
  <c r="X87066" i="1"/>
  <c r="X87067" i="1"/>
  <c r="X87068" i="1"/>
  <c r="X87069" i="1"/>
  <c r="X87070" i="1"/>
  <c r="X87071" i="1"/>
  <c r="X87072" i="1"/>
  <c r="X87073" i="1"/>
  <c r="X87074" i="1"/>
  <c r="X87075" i="1"/>
  <c r="X87076" i="1"/>
  <c r="X87077" i="1"/>
  <c r="X87078" i="1"/>
  <c r="X87079" i="1"/>
  <c r="X87080" i="1"/>
  <c r="X87081" i="1"/>
  <c r="X87082" i="1"/>
  <c r="X87083" i="1"/>
  <c r="X87084" i="1"/>
  <c r="X87085" i="1"/>
  <c r="X87086" i="1"/>
  <c r="X87087" i="1"/>
  <c r="X87088" i="1"/>
  <c r="X87089" i="1"/>
  <c r="X87090" i="1"/>
  <c r="X87091" i="1"/>
  <c r="X87092" i="1"/>
  <c r="X87093" i="1"/>
  <c r="X87094" i="1"/>
  <c r="X87095" i="1"/>
  <c r="X87096" i="1"/>
  <c r="X87097" i="1"/>
  <c r="X87098" i="1"/>
  <c r="X87099" i="1"/>
  <c r="X87100" i="1"/>
  <c r="X87101" i="1"/>
  <c r="X87102" i="1"/>
  <c r="X87103" i="1"/>
  <c r="X87104" i="1"/>
  <c r="X87105" i="1"/>
  <c r="X87106" i="1"/>
  <c r="X87107" i="1"/>
  <c r="X87108" i="1"/>
  <c r="X87109" i="1"/>
  <c r="X87110" i="1"/>
  <c r="X87111" i="1"/>
  <c r="X87112" i="1"/>
  <c r="X87113" i="1"/>
  <c r="X87114" i="1"/>
  <c r="X87115" i="1"/>
  <c r="X87116" i="1"/>
  <c r="X87117" i="1"/>
  <c r="X87118" i="1"/>
  <c r="X87119" i="1"/>
  <c r="X87120" i="1"/>
  <c r="X87121" i="1"/>
  <c r="X87122" i="1"/>
  <c r="X87123" i="1"/>
  <c r="X87124" i="1"/>
  <c r="X87125" i="1"/>
  <c r="X87126" i="1"/>
  <c r="X87127" i="1"/>
  <c r="X87128" i="1"/>
  <c r="X87129" i="1"/>
  <c r="X87130" i="1"/>
  <c r="X87131" i="1"/>
  <c r="X87132" i="1"/>
  <c r="X87133" i="1"/>
  <c r="X87134" i="1"/>
  <c r="X87135" i="1"/>
  <c r="X87136" i="1"/>
  <c r="X87137" i="1"/>
  <c r="X87138" i="1"/>
  <c r="X87139" i="1"/>
  <c r="X87140" i="1"/>
  <c r="X87141" i="1"/>
  <c r="X87142" i="1"/>
  <c r="X87143" i="1"/>
  <c r="X87144" i="1"/>
  <c r="X87145" i="1"/>
  <c r="X87146" i="1"/>
  <c r="X87147" i="1"/>
  <c r="X87148" i="1"/>
  <c r="X87149" i="1"/>
  <c r="X87150" i="1"/>
  <c r="X87151" i="1"/>
  <c r="X87152" i="1"/>
  <c r="X87153" i="1"/>
  <c r="X87154" i="1"/>
  <c r="X87155" i="1"/>
  <c r="X87156" i="1"/>
  <c r="X87157" i="1"/>
  <c r="X87158" i="1"/>
  <c r="X87159" i="1"/>
  <c r="X87160" i="1"/>
  <c r="X87161" i="1"/>
  <c r="X87162" i="1"/>
  <c r="X87163" i="1"/>
  <c r="X87164" i="1"/>
  <c r="X87165" i="1"/>
  <c r="X87166" i="1"/>
  <c r="X87167" i="1"/>
  <c r="X87168" i="1"/>
  <c r="X87169" i="1"/>
  <c r="X87170" i="1"/>
  <c r="X87171" i="1"/>
  <c r="X87172" i="1"/>
  <c r="X87173" i="1"/>
  <c r="X87174" i="1"/>
  <c r="X87175" i="1"/>
  <c r="X87176" i="1"/>
  <c r="X87177" i="1"/>
  <c r="X87178" i="1"/>
  <c r="X87179" i="1"/>
  <c r="X87180" i="1"/>
  <c r="X87181" i="1"/>
  <c r="X87182" i="1"/>
  <c r="X87183" i="1"/>
  <c r="X87184" i="1"/>
  <c r="X87185" i="1"/>
  <c r="X87186" i="1"/>
  <c r="X87187" i="1"/>
  <c r="X87188" i="1"/>
  <c r="X87189" i="1"/>
  <c r="X87190" i="1"/>
  <c r="X87191" i="1"/>
  <c r="X87192" i="1"/>
  <c r="X87193" i="1"/>
  <c r="X87194" i="1"/>
  <c r="X87195" i="1"/>
  <c r="X87196" i="1"/>
  <c r="X87197" i="1"/>
  <c r="X87198" i="1"/>
  <c r="X87199" i="1"/>
  <c r="X87200" i="1"/>
  <c r="X87201" i="1"/>
  <c r="X87202" i="1"/>
  <c r="X87203" i="1"/>
  <c r="X87204" i="1"/>
  <c r="X87205" i="1"/>
  <c r="X87206" i="1"/>
  <c r="X87207" i="1"/>
  <c r="X87208" i="1"/>
  <c r="X87209" i="1"/>
  <c r="X87210" i="1"/>
  <c r="X87211" i="1"/>
  <c r="X87212" i="1"/>
  <c r="X87213" i="1"/>
  <c r="X87214" i="1"/>
  <c r="X87215" i="1"/>
  <c r="X87216" i="1"/>
  <c r="X87217" i="1"/>
  <c r="X87218" i="1"/>
  <c r="X87219" i="1"/>
  <c r="X87220" i="1"/>
  <c r="X87221" i="1"/>
  <c r="X87222" i="1"/>
  <c r="X87223" i="1"/>
  <c r="X87224" i="1"/>
  <c r="X87225" i="1"/>
  <c r="X87226" i="1"/>
  <c r="X87227" i="1"/>
  <c r="X87228" i="1"/>
  <c r="X87229" i="1"/>
  <c r="X87230" i="1"/>
  <c r="X87231" i="1"/>
  <c r="X87232" i="1"/>
  <c r="X87233" i="1"/>
  <c r="X87234" i="1"/>
  <c r="X87235" i="1"/>
  <c r="X87236" i="1"/>
  <c r="X87237" i="1"/>
  <c r="X87238" i="1"/>
  <c r="X87239" i="1"/>
  <c r="X87240" i="1"/>
  <c r="X87241" i="1"/>
  <c r="X87242" i="1"/>
  <c r="X87243" i="1"/>
  <c r="X87244" i="1"/>
  <c r="X87245" i="1"/>
  <c r="X87246" i="1"/>
  <c r="X87247" i="1"/>
  <c r="X87248" i="1"/>
  <c r="X87249" i="1"/>
  <c r="X87250" i="1"/>
  <c r="X87251" i="1"/>
  <c r="X87252" i="1"/>
  <c r="X87253" i="1"/>
  <c r="X87254" i="1"/>
  <c r="X87255" i="1"/>
  <c r="X87256" i="1"/>
  <c r="X87257" i="1"/>
  <c r="X87258" i="1"/>
  <c r="X87259" i="1"/>
  <c r="X87260" i="1"/>
  <c r="X87261" i="1"/>
  <c r="X87262" i="1"/>
  <c r="X87263" i="1"/>
  <c r="X87264" i="1"/>
  <c r="X87265" i="1"/>
  <c r="X87266" i="1"/>
  <c r="X87267" i="1"/>
  <c r="X87268" i="1"/>
  <c r="X87269" i="1"/>
  <c r="X87270" i="1"/>
  <c r="X87271" i="1"/>
  <c r="X87272" i="1"/>
  <c r="X87273" i="1"/>
  <c r="X87274" i="1"/>
  <c r="X87275" i="1"/>
  <c r="X87276" i="1"/>
  <c r="X87277" i="1"/>
  <c r="X87278" i="1"/>
  <c r="X87279" i="1"/>
  <c r="X87280" i="1"/>
  <c r="X87281" i="1"/>
  <c r="X87282" i="1"/>
  <c r="X87283" i="1"/>
  <c r="X87284" i="1"/>
  <c r="X87285" i="1"/>
  <c r="X87286" i="1"/>
  <c r="X87287" i="1"/>
  <c r="X87288" i="1"/>
  <c r="X87289" i="1"/>
  <c r="X87290" i="1"/>
  <c r="X87291" i="1"/>
  <c r="X87292" i="1"/>
  <c r="X87293" i="1"/>
  <c r="X87294" i="1"/>
  <c r="X87295" i="1"/>
  <c r="X87296" i="1"/>
  <c r="X87297" i="1"/>
  <c r="X87298" i="1"/>
  <c r="X87299" i="1"/>
  <c r="X87300" i="1"/>
  <c r="X87301" i="1"/>
  <c r="X87302" i="1"/>
  <c r="X87303" i="1"/>
  <c r="X87304" i="1"/>
  <c r="X87305" i="1"/>
  <c r="X87306" i="1"/>
  <c r="X87307" i="1"/>
  <c r="X87308" i="1"/>
  <c r="X87309" i="1"/>
  <c r="X87310" i="1"/>
  <c r="X87311" i="1"/>
  <c r="X87312" i="1"/>
  <c r="X87313" i="1"/>
  <c r="X87314" i="1"/>
  <c r="X87315" i="1"/>
  <c r="X87316" i="1"/>
  <c r="X87317" i="1"/>
  <c r="X87318" i="1"/>
  <c r="X87319" i="1"/>
  <c r="X87320" i="1"/>
  <c r="X87321" i="1"/>
  <c r="X87322" i="1"/>
  <c r="X87323" i="1"/>
  <c r="X87324" i="1"/>
  <c r="X87325" i="1"/>
  <c r="X87326" i="1"/>
  <c r="X87327" i="1"/>
  <c r="X87328" i="1"/>
  <c r="X87329" i="1"/>
  <c r="X87330" i="1"/>
  <c r="X87331" i="1"/>
  <c r="X87332" i="1"/>
  <c r="X87333" i="1"/>
  <c r="X87334" i="1"/>
  <c r="X87335" i="1"/>
  <c r="X87336" i="1"/>
  <c r="X87337" i="1"/>
  <c r="X87338" i="1"/>
  <c r="X87339" i="1"/>
  <c r="X87340" i="1"/>
  <c r="X87341" i="1"/>
  <c r="X87342" i="1"/>
  <c r="X87343" i="1"/>
  <c r="X87344" i="1"/>
  <c r="X87345" i="1"/>
  <c r="X87346" i="1"/>
  <c r="X87347" i="1"/>
  <c r="X87348" i="1"/>
  <c r="X87349" i="1"/>
  <c r="X87350" i="1"/>
  <c r="X87351" i="1"/>
  <c r="X87352" i="1"/>
  <c r="X87353" i="1"/>
  <c r="X87354" i="1"/>
  <c r="X87355" i="1"/>
  <c r="X87356" i="1"/>
  <c r="X87357" i="1"/>
  <c r="X87358" i="1"/>
  <c r="X87359" i="1"/>
  <c r="X87360" i="1"/>
  <c r="X87361" i="1"/>
  <c r="X87362" i="1"/>
  <c r="X87363" i="1"/>
  <c r="X87364" i="1"/>
  <c r="X87365" i="1"/>
  <c r="X87366" i="1"/>
  <c r="X87367" i="1"/>
  <c r="X87368" i="1"/>
  <c r="X87369" i="1"/>
  <c r="X87370" i="1"/>
  <c r="X87371" i="1"/>
  <c r="X87372" i="1"/>
  <c r="X87373" i="1"/>
  <c r="X87374" i="1"/>
  <c r="X87375" i="1"/>
  <c r="X87376" i="1"/>
  <c r="X87377" i="1"/>
  <c r="X87378" i="1"/>
  <c r="X87379" i="1"/>
  <c r="X87380" i="1"/>
  <c r="X87381" i="1"/>
  <c r="X87382" i="1"/>
  <c r="X87383" i="1"/>
  <c r="X87384" i="1"/>
  <c r="X87385" i="1"/>
  <c r="X87386" i="1"/>
  <c r="X87387" i="1"/>
  <c r="X87388" i="1"/>
  <c r="X87389" i="1"/>
  <c r="X87390" i="1"/>
  <c r="X87391" i="1"/>
  <c r="X87392" i="1"/>
  <c r="X87393" i="1"/>
  <c r="X87394" i="1"/>
  <c r="X87395" i="1"/>
  <c r="X87396" i="1"/>
  <c r="X87397" i="1"/>
  <c r="X87398" i="1"/>
  <c r="X87399" i="1"/>
  <c r="X87400" i="1"/>
  <c r="X87401" i="1"/>
  <c r="X87402" i="1"/>
  <c r="X87403" i="1"/>
  <c r="X87404" i="1"/>
  <c r="X87405" i="1"/>
  <c r="X87406" i="1"/>
  <c r="X87407" i="1"/>
  <c r="X87408" i="1"/>
  <c r="X87409" i="1"/>
  <c r="X87410" i="1"/>
  <c r="X87411" i="1"/>
  <c r="X87412" i="1"/>
  <c r="X87413" i="1"/>
  <c r="X87414" i="1"/>
  <c r="X87415" i="1"/>
  <c r="X87416" i="1"/>
  <c r="X87417" i="1"/>
  <c r="X87418" i="1"/>
  <c r="X87419" i="1"/>
  <c r="X87420" i="1"/>
  <c r="X87421" i="1"/>
  <c r="X87422" i="1"/>
  <c r="X87423" i="1"/>
  <c r="X87424" i="1"/>
  <c r="X87425" i="1"/>
  <c r="X87426" i="1"/>
  <c r="X87427" i="1"/>
  <c r="X87428" i="1"/>
  <c r="X87429" i="1"/>
  <c r="X87430" i="1"/>
  <c r="X87431" i="1"/>
  <c r="X87432" i="1"/>
  <c r="X87433" i="1"/>
  <c r="X87434" i="1"/>
  <c r="X87435" i="1"/>
  <c r="X87436" i="1"/>
  <c r="X87437" i="1"/>
  <c r="X87438" i="1"/>
  <c r="X87439" i="1"/>
  <c r="X87440" i="1"/>
  <c r="X87441" i="1"/>
  <c r="X87442" i="1"/>
  <c r="X87443" i="1"/>
  <c r="X87444" i="1"/>
  <c r="X87445" i="1"/>
  <c r="X87446" i="1"/>
  <c r="X87447" i="1"/>
  <c r="X87448" i="1"/>
  <c r="X87449" i="1"/>
  <c r="X87450" i="1"/>
  <c r="X87451" i="1"/>
  <c r="X87452" i="1"/>
  <c r="X87453" i="1"/>
  <c r="X87454" i="1"/>
  <c r="X87455" i="1"/>
  <c r="X87456" i="1"/>
  <c r="X87457" i="1"/>
  <c r="X87458" i="1"/>
  <c r="X87459" i="1"/>
  <c r="X87460" i="1"/>
  <c r="X87461" i="1"/>
  <c r="X87462" i="1"/>
  <c r="X87463" i="1"/>
  <c r="X87464" i="1"/>
  <c r="X87465" i="1"/>
  <c r="X87466" i="1"/>
  <c r="X87467" i="1"/>
  <c r="X87468" i="1"/>
  <c r="X87469" i="1"/>
  <c r="X87470" i="1"/>
  <c r="X87471" i="1"/>
  <c r="X87472" i="1"/>
  <c r="X87473" i="1"/>
  <c r="X87474" i="1"/>
  <c r="X87475" i="1"/>
  <c r="X87476" i="1"/>
  <c r="X87477" i="1"/>
  <c r="X87478" i="1"/>
  <c r="X87479" i="1"/>
  <c r="X87480" i="1"/>
  <c r="X87481" i="1"/>
  <c r="X87482" i="1"/>
  <c r="X87483" i="1"/>
  <c r="X87484" i="1"/>
  <c r="X87485" i="1"/>
  <c r="X87486" i="1"/>
  <c r="X87487" i="1"/>
  <c r="X87488" i="1"/>
  <c r="X87489" i="1"/>
  <c r="X87490" i="1"/>
  <c r="X87491" i="1"/>
  <c r="X87492" i="1"/>
  <c r="X87493" i="1"/>
  <c r="X87494" i="1"/>
  <c r="X87495" i="1"/>
  <c r="X87496" i="1"/>
  <c r="X87497" i="1"/>
  <c r="X87498" i="1"/>
  <c r="X87499" i="1"/>
  <c r="X87500" i="1"/>
  <c r="X87501" i="1"/>
  <c r="X87502" i="1"/>
  <c r="X87503" i="1"/>
  <c r="X87504" i="1"/>
  <c r="X87505" i="1"/>
  <c r="X87506" i="1"/>
  <c r="X87507" i="1"/>
  <c r="X87508" i="1"/>
  <c r="X87509" i="1"/>
  <c r="X87510" i="1"/>
  <c r="X87511" i="1"/>
  <c r="X87512" i="1"/>
  <c r="X87513" i="1"/>
  <c r="X87514" i="1"/>
  <c r="X87515" i="1"/>
  <c r="X87516" i="1"/>
  <c r="X87517" i="1"/>
  <c r="X87518" i="1"/>
  <c r="X87519" i="1"/>
  <c r="X87520" i="1"/>
  <c r="X87521" i="1"/>
  <c r="X87522" i="1"/>
  <c r="X87523" i="1"/>
  <c r="X87524" i="1"/>
  <c r="X87525" i="1"/>
  <c r="X87526" i="1"/>
  <c r="X87527" i="1"/>
  <c r="X87528" i="1"/>
  <c r="X87529" i="1"/>
  <c r="X87530" i="1"/>
  <c r="X87531" i="1"/>
  <c r="X87532" i="1"/>
  <c r="X87533" i="1"/>
  <c r="X87534" i="1"/>
  <c r="X87535" i="1"/>
  <c r="X87536" i="1"/>
  <c r="X87537" i="1"/>
  <c r="X87538" i="1"/>
  <c r="X87539" i="1"/>
  <c r="X87540" i="1"/>
  <c r="X87541" i="1"/>
  <c r="X87542" i="1"/>
  <c r="X87543" i="1"/>
  <c r="X87544" i="1"/>
  <c r="X87545" i="1"/>
  <c r="X87546" i="1"/>
  <c r="X87547" i="1"/>
  <c r="X87548" i="1"/>
  <c r="X87549" i="1"/>
  <c r="X87550" i="1"/>
  <c r="X87551" i="1"/>
  <c r="X87552" i="1"/>
  <c r="X87553" i="1"/>
  <c r="X87554" i="1"/>
  <c r="X87555" i="1"/>
  <c r="X87556" i="1"/>
  <c r="X87557" i="1"/>
  <c r="X87558" i="1"/>
  <c r="X87559" i="1"/>
  <c r="X87560" i="1"/>
  <c r="X87561" i="1"/>
  <c r="X87562" i="1"/>
  <c r="X87563" i="1"/>
  <c r="X87564" i="1"/>
  <c r="X87565" i="1"/>
  <c r="X87566" i="1"/>
  <c r="X87567" i="1"/>
  <c r="X87568" i="1"/>
  <c r="X87569" i="1"/>
  <c r="X87570" i="1"/>
  <c r="X87571" i="1"/>
  <c r="X87572" i="1"/>
  <c r="X87573" i="1"/>
  <c r="X87574" i="1"/>
  <c r="X87575" i="1"/>
  <c r="X87576" i="1"/>
  <c r="X87577" i="1"/>
  <c r="X87578" i="1"/>
  <c r="X87579" i="1"/>
  <c r="X87580" i="1"/>
  <c r="X87581" i="1"/>
  <c r="X87582" i="1"/>
  <c r="X87583" i="1"/>
  <c r="X87584" i="1"/>
  <c r="X87585" i="1"/>
  <c r="X87586" i="1"/>
  <c r="X87587" i="1"/>
  <c r="X87588" i="1"/>
  <c r="X87589" i="1"/>
  <c r="X87590" i="1"/>
  <c r="X87591" i="1"/>
  <c r="X87592" i="1"/>
  <c r="X87593" i="1"/>
  <c r="X87594" i="1"/>
  <c r="X87595" i="1"/>
  <c r="X87596" i="1"/>
  <c r="X87597" i="1"/>
  <c r="X87598" i="1"/>
  <c r="X87599" i="1"/>
  <c r="X87600" i="1"/>
  <c r="X87601" i="1"/>
  <c r="X87602" i="1"/>
  <c r="X87603" i="1"/>
  <c r="X87604" i="1"/>
  <c r="X87605" i="1"/>
  <c r="X87606" i="1"/>
  <c r="X87607" i="1"/>
  <c r="X87608" i="1"/>
  <c r="X87609" i="1"/>
  <c r="X87610" i="1"/>
  <c r="X87611" i="1"/>
  <c r="X87612" i="1"/>
  <c r="X87613" i="1"/>
  <c r="X87614" i="1"/>
  <c r="X87615" i="1"/>
  <c r="X87616" i="1"/>
  <c r="X87617" i="1"/>
  <c r="X87618" i="1"/>
  <c r="X87619" i="1"/>
  <c r="X87620" i="1"/>
  <c r="X87621" i="1"/>
  <c r="X87622" i="1"/>
  <c r="X87623" i="1"/>
  <c r="X87624" i="1"/>
  <c r="X87625" i="1"/>
  <c r="X87626" i="1"/>
  <c r="X87627" i="1"/>
  <c r="X87628" i="1"/>
  <c r="X87629" i="1"/>
  <c r="X87630" i="1"/>
  <c r="X87631" i="1"/>
  <c r="X87632" i="1"/>
  <c r="X87633" i="1"/>
  <c r="X87634" i="1"/>
  <c r="X87635" i="1"/>
  <c r="X87636" i="1"/>
  <c r="X87637" i="1"/>
  <c r="X87638" i="1"/>
  <c r="X87639" i="1"/>
  <c r="X87640" i="1"/>
  <c r="X87641" i="1"/>
  <c r="X87642" i="1"/>
  <c r="X87643" i="1"/>
  <c r="X87644" i="1"/>
  <c r="X87645" i="1"/>
  <c r="X87646" i="1"/>
  <c r="X87647" i="1"/>
  <c r="X87648" i="1"/>
  <c r="X87649" i="1"/>
  <c r="X87650" i="1"/>
  <c r="X87651" i="1"/>
  <c r="X87652" i="1"/>
  <c r="X87653" i="1"/>
  <c r="X87654" i="1"/>
  <c r="X87655" i="1"/>
  <c r="X87656" i="1"/>
  <c r="X87657" i="1"/>
  <c r="X87658" i="1"/>
  <c r="X87659" i="1"/>
  <c r="X87660" i="1"/>
  <c r="X87661" i="1"/>
  <c r="X87662" i="1"/>
  <c r="X87663" i="1"/>
  <c r="X87664" i="1"/>
  <c r="X87665" i="1"/>
  <c r="X87666" i="1"/>
  <c r="X87667" i="1"/>
  <c r="X87668" i="1"/>
  <c r="X87669" i="1"/>
  <c r="X87670" i="1"/>
  <c r="X87671" i="1"/>
  <c r="X87672" i="1"/>
  <c r="X87673" i="1"/>
  <c r="X87674" i="1"/>
  <c r="X87675" i="1"/>
  <c r="X87676" i="1"/>
  <c r="X87677" i="1"/>
  <c r="X87678" i="1"/>
  <c r="X87679" i="1"/>
  <c r="X87680" i="1"/>
  <c r="X87681" i="1"/>
  <c r="X87682" i="1"/>
  <c r="X87683" i="1"/>
  <c r="X87684" i="1"/>
  <c r="X87685" i="1"/>
  <c r="X87686" i="1"/>
  <c r="X87687" i="1"/>
  <c r="X87688" i="1"/>
  <c r="X87689" i="1"/>
  <c r="X87690" i="1"/>
  <c r="X87691" i="1"/>
  <c r="X87692" i="1"/>
  <c r="X87693" i="1"/>
  <c r="X87694" i="1"/>
  <c r="X87695" i="1"/>
  <c r="X87696" i="1"/>
  <c r="X87697" i="1"/>
  <c r="X87698" i="1"/>
  <c r="X87699" i="1"/>
  <c r="X87700" i="1"/>
  <c r="X87701" i="1"/>
  <c r="X87702" i="1"/>
  <c r="X87703" i="1"/>
  <c r="X87704" i="1"/>
  <c r="X87705" i="1"/>
  <c r="X87706" i="1"/>
  <c r="X87707" i="1"/>
  <c r="X87708" i="1"/>
  <c r="X87709" i="1"/>
  <c r="X87710" i="1"/>
  <c r="X87711" i="1"/>
  <c r="X87712" i="1"/>
  <c r="X87713" i="1"/>
  <c r="X87714" i="1"/>
  <c r="X87715" i="1"/>
  <c r="X87716" i="1"/>
  <c r="X87717" i="1"/>
  <c r="X87718" i="1"/>
  <c r="X87719" i="1"/>
  <c r="X87720" i="1"/>
  <c r="X87721" i="1"/>
  <c r="X87722" i="1"/>
  <c r="X87723" i="1"/>
  <c r="X87724" i="1"/>
  <c r="X87725" i="1"/>
  <c r="X87726" i="1"/>
  <c r="X87727" i="1"/>
  <c r="X87728" i="1"/>
  <c r="X87729" i="1"/>
  <c r="X87730" i="1"/>
  <c r="X87731" i="1"/>
  <c r="X87732" i="1"/>
  <c r="X87733" i="1"/>
  <c r="X87734" i="1"/>
  <c r="X87735" i="1"/>
  <c r="X87736" i="1"/>
  <c r="X87737" i="1"/>
  <c r="X87738" i="1"/>
  <c r="X87739" i="1"/>
  <c r="X87740" i="1"/>
  <c r="X87741" i="1"/>
  <c r="X87742" i="1"/>
  <c r="X87743" i="1"/>
  <c r="X87744" i="1"/>
  <c r="X87745" i="1"/>
  <c r="X87746" i="1"/>
  <c r="X87747" i="1"/>
  <c r="X87748" i="1"/>
  <c r="X87749" i="1"/>
  <c r="X87750" i="1"/>
  <c r="X87751" i="1"/>
  <c r="X87752" i="1"/>
  <c r="X87753" i="1"/>
  <c r="X87754" i="1"/>
  <c r="X87755" i="1"/>
  <c r="X87756" i="1"/>
  <c r="X87757" i="1"/>
  <c r="X87758" i="1"/>
  <c r="X87759" i="1"/>
  <c r="X87760" i="1"/>
  <c r="X87761" i="1"/>
  <c r="X87762" i="1"/>
  <c r="X87763" i="1"/>
  <c r="X87764" i="1"/>
  <c r="X87765" i="1"/>
  <c r="X87766" i="1"/>
  <c r="X87767" i="1"/>
  <c r="X87768" i="1"/>
  <c r="X87769" i="1"/>
  <c r="X87770" i="1"/>
  <c r="X87771" i="1"/>
  <c r="X87772" i="1"/>
  <c r="X87773" i="1"/>
  <c r="X87774" i="1"/>
  <c r="X87775" i="1"/>
  <c r="X87776" i="1"/>
  <c r="X87777" i="1"/>
  <c r="X87778" i="1"/>
  <c r="X87779" i="1"/>
  <c r="X87780" i="1"/>
  <c r="X87781" i="1"/>
  <c r="X87782" i="1"/>
  <c r="X87783" i="1"/>
  <c r="X87784" i="1"/>
  <c r="X87785" i="1"/>
  <c r="X87786" i="1"/>
  <c r="X87787" i="1"/>
  <c r="X87788" i="1"/>
  <c r="X87789" i="1"/>
  <c r="X87790" i="1"/>
  <c r="X87791" i="1"/>
  <c r="X87792" i="1"/>
  <c r="X87793" i="1"/>
  <c r="X87794" i="1"/>
  <c r="X87795" i="1"/>
  <c r="X87796" i="1"/>
  <c r="X87797" i="1"/>
  <c r="X87798" i="1"/>
  <c r="X87799" i="1"/>
  <c r="X87800" i="1"/>
  <c r="X87801" i="1"/>
  <c r="X87802" i="1"/>
  <c r="X87803" i="1"/>
  <c r="X87804" i="1"/>
  <c r="X87805" i="1"/>
  <c r="X87806" i="1"/>
  <c r="X87807" i="1"/>
  <c r="X87808" i="1"/>
  <c r="X87809" i="1"/>
  <c r="X87810" i="1"/>
  <c r="X87811" i="1"/>
  <c r="X87812" i="1"/>
  <c r="X87813" i="1"/>
  <c r="X87814" i="1"/>
  <c r="X87815" i="1"/>
  <c r="X87816" i="1"/>
  <c r="X87817" i="1"/>
  <c r="X87818" i="1"/>
  <c r="X87819" i="1"/>
  <c r="X87820" i="1"/>
  <c r="X87821" i="1"/>
  <c r="X87822" i="1"/>
  <c r="X87823" i="1"/>
  <c r="X87824" i="1"/>
  <c r="X87825" i="1"/>
  <c r="X87826" i="1"/>
  <c r="X87827" i="1"/>
  <c r="X87828" i="1"/>
  <c r="X87829" i="1"/>
  <c r="X87830" i="1"/>
  <c r="X87831" i="1"/>
  <c r="X87832" i="1"/>
  <c r="X87833" i="1"/>
  <c r="X87834" i="1"/>
  <c r="X87835" i="1"/>
  <c r="X87836" i="1"/>
  <c r="X87837" i="1"/>
  <c r="X87838" i="1"/>
  <c r="X87839" i="1"/>
  <c r="X87840" i="1"/>
  <c r="X87841" i="1"/>
  <c r="X87842" i="1"/>
  <c r="X87843" i="1"/>
  <c r="X87844" i="1"/>
  <c r="X87845" i="1"/>
  <c r="X87846" i="1"/>
  <c r="X87847" i="1"/>
  <c r="X87848" i="1"/>
  <c r="X87849" i="1"/>
  <c r="X87850" i="1"/>
  <c r="X87851" i="1"/>
  <c r="X87852" i="1"/>
  <c r="X87853" i="1"/>
  <c r="X87854" i="1"/>
  <c r="X87855" i="1"/>
  <c r="X87856" i="1"/>
  <c r="X87857" i="1"/>
  <c r="X87858" i="1"/>
  <c r="X87859" i="1"/>
  <c r="X87860" i="1"/>
  <c r="X87861" i="1"/>
  <c r="X87862" i="1"/>
  <c r="X87863" i="1"/>
  <c r="X87864" i="1"/>
  <c r="X87865" i="1"/>
  <c r="X87866" i="1"/>
  <c r="X87867" i="1"/>
  <c r="X87868" i="1"/>
  <c r="X87869" i="1"/>
  <c r="X87870" i="1"/>
  <c r="X87871" i="1"/>
  <c r="X87872" i="1"/>
  <c r="X87873" i="1"/>
  <c r="X87874" i="1"/>
  <c r="X87875" i="1"/>
  <c r="X87876" i="1"/>
  <c r="X87877" i="1"/>
  <c r="X87878" i="1"/>
  <c r="X87879" i="1"/>
  <c r="X87880" i="1"/>
  <c r="X87881" i="1"/>
  <c r="X87882" i="1"/>
  <c r="X87883" i="1"/>
  <c r="X87884" i="1"/>
  <c r="X87885" i="1"/>
  <c r="X87886" i="1"/>
  <c r="X87887" i="1"/>
  <c r="X87888" i="1"/>
  <c r="X87889" i="1"/>
  <c r="X87890" i="1"/>
  <c r="X87891" i="1"/>
  <c r="X87892" i="1"/>
  <c r="X87893" i="1"/>
  <c r="X87894" i="1"/>
  <c r="X87895" i="1"/>
  <c r="X87896" i="1"/>
  <c r="X87897" i="1"/>
  <c r="X87898" i="1"/>
  <c r="X87899" i="1"/>
  <c r="X87900" i="1"/>
  <c r="X87901" i="1"/>
  <c r="X87902" i="1"/>
  <c r="X87903" i="1"/>
  <c r="X87904" i="1"/>
  <c r="X87905" i="1"/>
  <c r="X87906" i="1"/>
  <c r="X87907" i="1"/>
  <c r="X87908" i="1"/>
  <c r="X87909" i="1"/>
  <c r="X87910" i="1"/>
  <c r="X87911" i="1"/>
  <c r="X87912" i="1"/>
  <c r="X87913" i="1"/>
  <c r="X87914" i="1"/>
  <c r="X87915" i="1"/>
  <c r="X87916" i="1"/>
  <c r="X87917" i="1"/>
  <c r="X87918" i="1"/>
  <c r="X87919" i="1"/>
  <c r="X87920" i="1"/>
  <c r="X87921" i="1"/>
  <c r="X87922" i="1"/>
  <c r="X87923" i="1"/>
  <c r="X87924" i="1"/>
  <c r="X87925" i="1"/>
  <c r="X87926" i="1"/>
  <c r="X87927" i="1"/>
  <c r="X87928" i="1"/>
  <c r="X87929" i="1"/>
  <c r="X87930" i="1"/>
  <c r="X87931" i="1"/>
  <c r="X87932" i="1"/>
  <c r="X87933" i="1"/>
  <c r="X87934" i="1"/>
  <c r="X87935" i="1"/>
  <c r="X87936" i="1"/>
  <c r="X87937" i="1"/>
  <c r="X87938" i="1"/>
  <c r="X87939" i="1"/>
  <c r="X87940" i="1"/>
  <c r="X87941" i="1"/>
  <c r="X87942" i="1"/>
  <c r="X87943" i="1"/>
  <c r="X87944" i="1"/>
  <c r="X87945" i="1"/>
  <c r="X87946" i="1"/>
  <c r="X87947" i="1"/>
  <c r="X87948" i="1"/>
  <c r="X87949" i="1"/>
  <c r="X87950" i="1"/>
  <c r="X87951" i="1"/>
  <c r="X87952" i="1"/>
  <c r="X87953" i="1"/>
  <c r="X87954" i="1"/>
  <c r="X87955" i="1"/>
  <c r="X87956" i="1"/>
  <c r="X87957" i="1"/>
  <c r="X87958" i="1"/>
  <c r="X87959" i="1"/>
  <c r="X87960" i="1"/>
  <c r="X87961" i="1"/>
  <c r="X87962" i="1"/>
  <c r="X87963" i="1"/>
  <c r="X87964" i="1"/>
  <c r="X87965" i="1"/>
  <c r="X87966" i="1"/>
  <c r="X87967" i="1"/>
  <c r="X87968" i="1"/>
  <c r="X87969" i="1"/>
  <c r="X87970" i="1"/>
  <c r="X87971" i="1"/>
  <c r="X87972" i="1"/>
  <c r="X87973" i="1"/>
  <c r="X87974" i="1"/>
  <c r="X87975" i="1"/>
  <c r="X87976" i="1"/>
  <c r="X87977" i="1"/>
  <c r="X87978" i="1"/>
  <c r="X87979" i="1"/>
  <c r="X87980" i="1"/>
  <c r="X87981" i="1"/>
  <c r="X87982" i="1"/>
  <c r="X87983" i="1"/>
  <c r="X87984" i="1"/>
  <c r="X87985" i="1"/>
  <c r="X87986" i="1"/>
  <c r="X87987" i="1"/>
  <c r="X87988" i="1"/>
  <c r="X87989" i="1"/>
  <c r="X87990" i="1"/>
  <c r="X87991" i="1"/>
  <c r="X87992" i="1"/>
  <c r="X87993" i="1"/>
  <c r="X87994" i="1"/>
  <c r="X87995" i="1"/>
  <c r="X87996" i="1"/>
  <c r="X87997" i="1"/>
  <c r="X87998" i="1"/>
  <c r="X87999" i="1"/>
  <c r="X88000" i="1"/>
  <c r="X88001" i="1"/>
  <c r="X88002" i="1"/>
  <c r="X88003" i="1"/>
  <c r="X88004" i="1"/>
  <c r="X88005" i="1"/>
  <c r="X88006" i="1"/>
  <c r="X88007" i="1"/>
  <c r="X88008" i="1"/>
  <c r="X88009" i="1"/>
  <c r="X88010" i="1"/>
  <c r="X88011" i="1"/>
  <c r="X88012" i="1"/>
  <c r="X88013" i="1"/>
  <c r="X88014" i="1"/>
  <c r="X88015" i="1"/>
  <c r="X88016" i="1"/>
  <c r="X88017" i="1"/>
  <c r="X88018" i="1"/>
  <c r="X88019" i="1"/>
  <c r="X88020" i="1"/>
  <c r="X88021" i="1"/>
  <c r="X88022" i="1"/>
  <c r="X88023" i="1"/>
  <c r="X88024" i="1"/>
  <c r="X88025" i="1"/>
  <c r="X88026" i="1"/>
  <c r="X88027" i="1"/>
  <c r="X88028" i="1"/>
  <c r="X88029" i="1"/>
  <c r="X88030" i="1"/>
  <c r="X88031" i="1"/>
  <c r="X88032" i="1"/>
  <c r="X88033" i="1"/>
  <c r="X88034" i="1"/>
  <c r="X88035" i="1"/>
  <c r="X88036" i="1"/>
  <c r="X88037" i="1"/>
  <c r="X88038" i="1"/>
  <c r="X88039" i="1"/>
  <c r="X88040" i="1"/>
  <c r="X88041" i="1"/>
  <c r="X88042" i="1"/>
  <c r="X88043" i="1"/>
  <c r="X88044" i="1"/>
  <c r="X88045" i="1"/>
  <c r="X88046" i="1"/>
  <c r="X88047" i="1"/>
  <c r="X88048" i="1"/>
  <c r="X88049" i="1"/>
  <c r="X88050" i="1"/>
  <c r="X88051" i="1"/>
  <c r="X88052" i="1"/>
  <c r="X88053" i="1"/>
  <c r="X88054" i="1"/>
  <c r="X88055" i="1"/>
  <c r="X88056" i="1"/>
  <c r="X88057" i="1"/>
  <c r="X88058" i="1"/>
  <c r="X88059" i="1"/>
  <c r="X88060" i="1"/>
  <c r="X88061" i="1"/>
  <c r="X88062" i="1"/>
  <c r="X88063" i="1"/>
  <c r="X88064" i="1"/>
  <c r="X88065" i="1"/>
  <c r="X88066" i="1"/>
  <c r="X88067" i="1"/>
  <c r="X88068" i="1"/>
  <c r="X88069" i="1"/>
  <c r="X88070" i="1"/>
  <c r="X88071" i="1"/>
  <c r="X88072" i="1"/>
  <c r="X88073" i="1"/>
  <c r="X88074" i="1"/>
  <c r="X88075" i="1"/>
  <c r="X88076" i="1"/>
  <c r="X88077" i="1"/>
  <c r="X88078" i="1"/>
  <c r="X88079" i="1"/>
  <c r="X88080" i="1"/>
  <c r="X88081" i="1"/>
  <c r="X88082" i="1"/>
  <c r="X88083" i="1"/>
  <c r="X88084" i="1"/>
  <c r="X88085" i="1"/>
  <c r="X88086" i="1"/>
  <c r="X88087" i="1"/>
  <c r="X88088" i="1"/>
  <c r="X88089" i="1"/>
  <c r="X88090" i="1"/>
  <c r="X88091" i="1"/>
  <c r="X88092" i="1"/>
  <c r="X88093" i="1"/>
  <c r="X88094" i="1"/>
  <c r="X88095" i="1"/>
  <c r="X88096" i="1"/>
  <c r="X88097" i="1"/>
  <c r="X88098" i="1"/>
  <c r="X88099" i="1"/>
  <c r="X88100" i="1"/>
  <c r="X88101" i="1"/>
  <c r="X88102" i="1"/>
  <c r="X88103" i="1"/>
  <c r="X88104" i="1"/>
  <c r="X88105" i="1"/>
  <c r="X88106" i="1"/>
  <c r="X88107" i="1"/>
  <c r="X88108" i="1"/>
  <c r="X88109" i="1"/>
  <c r="X88110" i="1"/>
  <c r="X88111" i="1"/>
  <c r="X88112" i="1"/>
  <c r="X88113" i="1"/>
  <c r="X88114" i="1"/>
  <c r="X88115" i="1"/>
  <c r="X88116" i="1"/>
  <c r="X88117" i="1"/>
  <c r="X88118" i="1"/>
  <c r="X88119" i="1"/>
  <c r="X88120" i="1"/>
  <c r="X88121" i="1"/>
  <c r="X88122" i="1"/>
  <c r="X88123" i="1"/>
  <c r="X88124" i="1"/>
  <c r="X88125" i="1"/>
  <c r="X88126" i="1"/>
  <c r="X88127" i="1"/>
  <c r="X88128" i="1"/>
  <c r="X88129" i="1"/>
  <c r="X88130" i="1"/>
  <c r="X88131" i="1"/>
  <c r="X88132" i="1"/>
  <c r="X88133" i="1"/>
  <c r="X88134" i="1"/>
  <c r="X88135" i="1"/>
  <c r="X88136" i="1"/>
  <c r="X88137" i="1"/>
  <c r="X88138" i="1"/>
  <c r="X88139" i="1"/>
  <c r="X88140" i="1"/>
  <c r="X88141" i="1"/>
  <c r="X88142" i="1"/>
  <c r="X88143" i="1"/>
  <c r="X88144" i="1"/>
  <c r="X88145" i="1"/>
  <c r="X88146" i="1"/>
  <c r="X88147" i="1"/>
  <c r="X88148" i="1"/>
  <c r="X88149" i="1"/>
  <c r="X88150" i="1"/>
  <c r="X88151" i="1"/>
  <c r="X88152" i="1"/>
  <c r="X88153" i="1"/>
  <c r="X88154" i="1"/>
  <c r="X88155" i="1"/>
  <c r="X88156" i="1"/>
  <c r="X88157" i="1"/>
  <c r="X88158" i="1"/>
  <c r="X88159" i="1"/>
  <c r="X88160" i="1"/>
  <c r="X88161" i="1"/>
  <c r="X88162" i="1"/>
  <c r="X88163" i="1"/>
  <c r="X88164" i="1"/>
  <c r="X88165" i="1"/>
  <c r="X88166" i="1"/>
  <c r="X88167" i="1"/>
  <c r="X88168" i="1"/>
  <c r="X88169" i="1"/>
  <c r="X88170" i="1"/>
  <c r="X88171" i="1"/>
  <c r="X88172" i="1"/>
  <c r="X88173" i="1"/>
  <c r="X88174" i="1"/>
  <c r="X88175" i="1"/>
  <c r="X88176" i="1"/>
  <c r="X88177" i="1"/>
  <c r="X88178" i="1"/>
  <c r="X88179" i="1"/>
  <c r="X88180" i="1"/>
  <c r="X88181" i="1"/>
  <c r="X88182" i="1"/>
  <c r="X88183" i="1"/>
  <c r="X88184" i="1"/>
  <c r="X88185" i="1"/>
  <c r="X88186" i="1"/>
  <c r="X88187" i="1"/>
  <c r="X88188" i="1"/>
  <c r="X88189" i="1"/>
  <c r="X88190" i="1"/>
  <c r="X88191" i="1"/>
  <c r="X88192" i="1"/>
  <c r="X88193" i="1"/>
  <c r="X88194" i="1"/>
  <c r="X88195" i="1"/>
  <c r="X88196" i="1"/>
  <c r="X88197" i="1"/>
  <c r="X88198" i="1"/>
  <c r="X88199" i="1"/>
  <c r="X88200" i="1"/>
  <c r="X88201" i="1"/>
  <c r="X88202" i="1"/>
  <c r="X88203" i="1"/>
  <c r="X88204" i="1"/>
  <c r="X88205" i="1"/>
  <c r="X88206" i="1"/>
  <c r="X88207" i="1"/>
  <c r="X88208" i="1"/>
  <c r="X88209" i="1"/>
  <c r="X88210" i="1"/>
  <c r="X88211" i="1"/>
  <c r="X88212" i="1"/>
  <c r="X88213" i="1"/>
  <c r="X88214" i="1"/>
  <c r="X88215" i="1"/>
  <c r="X88216" i="1"/>
  <c r="X88217" i="1"/>
  <c r="X88218" i="1"/>
  <c r="X88219" i="1"/>
  <c r="X88220" i="1"/>
  <c r="X88221" i="1"/>
  <c r="X88222" i="1"/>
  <c r="X88223" i="1"/>
  <c r="X88224" i="1"/>
  <c r="X88225" i="1"/>
  <c r="X88226" i="1"/>
  <c r="X88227" i="1"/>
  <c r="X88228" i="1"/>
  <c r="X88229" i="1"/>
  <c r="X88230" i="1"/>
  <c r="X88231" i="1"/>
  <c r="X88232" i="1"/>
  <c r="X88233" i="1"/>
  <c r="X88234" i="1"/>
  <c r="X88235" i="1"/>
  <c r="X88236" i="1"/>
  <c r="X88237" i="1"/>
  <c r="X88238" i="1"/>
  <c r="X88239" i="1"/>
  <c r="X88240" i="1"/>
  <c r="X88241" i="1"/>
  <c r="X88242" i="1"/>
  <c r="X88243" i="1"/>
  <c r="X88244" i="1"/>
  <c r="X88245" i="1"/>
  <c r="X88246" i="1"/>
  <c r="X88247" i="1"/>
  <c r="X88248" i="1"/>
  <c r="X88249" i="1"/>
  <c r="X88250" i="1"/>
  <c r="X88251" i="1"/>
  <c r="X88252" i="1"/>
  <c r="X88253" i="1"/>
  <c r="X88254" i="1"/>
  <c r="X88255" i="1"/>
  <c r="X88256" i="1"/>
  <c r="X88257" i="1"/>
  <c r="X88258" i="1"/>
  <c r="X88259" i="1"/>
  <c r="X88260" i="1"/>
  <c r="X88261" i="1"/>
  <c r="X88262" i="1"/>
  <c r="X88263" i="1"/>
  <c r="X88264" i="1"/>
  <c r="X88265" i="1"/>
  <c r="X88266" i="1"/>
  <c r="X88267" i="1"/>
  <c r="X88268" i="1"/>
  <c r="X88269" i="1"/>
  <c r="X88270" i="1"/>
  <c r="X88271" i="1"/>
  <c r="X88272" i="1"/>
  <c r="X88273" i="1"/>
  <c r="X88274" i="1"/>
  <c r="X88275" i="1"/>
  <c r="X88276" i="1"/>
  <c r="X88277" i="1"/>
  <c r="X88278" i="1"/>
  <c r="X88279" i="1"/>
  <c r="X88280" i="1"/>
  <c r="X88281" i="1"/>
  <c r="X88282" i="1"/>
  <c r="X88283" i="1"/>
  <c r="X88284" i="1"/>
  <c r="X88285" i="1"/>
  <c r="X88286" i="1"/>
  <c r="X88287" i="1"/>
  <c r="X88288" i="1"/>
  <c r="X88289" i="1"/>
  <c r="X88290" i="1"/>
  <c r="X88291" i="1"/>
  <c r="X88292" i="1"/>
  <c r="X88293" i="1"/>
  <c r="X88294" i="1"/>
  <c r="X88295" i="1"/>
  <c r="X88296" i="1"/>
  <c r="X88297" i="1"/>
  <c r="X88298" i="1"/>
  <c r="X88299" i="1"/>
  <c r="X88300" i="1"/>
  <c r="X88301" i="1"/>
  <c r="X88302" i="1"/>
  <c r="X88303" i="1"/>
  <c r="X88304" i="1"/>
  <c r="X88305" i="1"/>
  <c r="X88306" i="1"/>
  <c r="X88307" i="1"/>
  <c r="X88308" i="1"/>
  <c r="X88309" i="1"/>
  <c r="X88310" i="1"/>
  <c r="X88311" i="1"/>
  <c r="X88312" i="1"/>
  <c r="X88313" i="1"/>
  <c r="X88314" i="1"/>
  <c r="X88315" i="1"/>
  <c r="X88316" i="1"/>
  <c r="X88317" i="1"/>
  <c r="X88318" i="1"/>
  <c r="X88319" i="1"/>
  <c r="X88320" i="1"/>
  <c r="X88321" i="1"/>
  <c r="X88322" i="1"/>
  <c r="X88323" i="1"/>
  <c r="X88324" i="1"/>
  <c r="X88325" i="1"/>
  <c r="X88326" i="1"/>
  <c r="X88327" i="1"/>
  <c r="X88328" i="1"/>
  <c r="X88329" i="1"/>
  <c r="X88330" i="1"/>
  <c r="X88331" i="1"/>
  <c r="X88332" i="1"/>
  <c r="X88333" i="1"/>
  <c r="X88334" i="1"/>
  <c r="X88335" i="1"/>
  <c r="X88336" i="1"/>
  <c r="X88337" i="1"/>
  <c r="X88338" i="1"/>
  <c r="X88339" i="1"/>
  <c r="X88340" i="1"/>
  <c r="X88341" i="1"/>
  <c r="X88342" i="1"/>
  <c r="X88343" i="1"/>
  <c r="X88344" i="1"/>
  <c r="X88345" i="1"/>
  <c r="X88346" i="1"/>
  <c r="X88347" i="1"/>
  <c r="X88348" i="1"/>
  <c r="X88349" i="1"/>
  <c r="X88350" i="1"/>
  <c r="X88351" i="1"/>
  <c r="X88352" i="1"/>
  <c r="X88353" i="1"/>
  <c r="X88354" i="1"/>
  <c r="X88355" i="1"/>
  <c r="X88356" i="1"/>
  <c r="X88357" i="1"/>
  <c r="X88358" i="1"/>
  <c r="X88359" i="1"/>
  <c r="X88360" i="1"/>
  <c r="X88361" i="1"/>
  <c r="X88362" i="1"/>
  <c r="X88363" i="1"/>
  <c r="X88364" i="1"/>
  <c r="X88365" i="1"/>
  <c r="X88366" i="1"/>
  <c r="X88367" i="1"/>
  <c r="X88368" i="1"/>
  <c r="X88369" i="1"/>
  <c r="X88370" i="1"/>
  <c r="X88371" i="1"/>
  <c r="X88372" i="1"/>
  <c r="X88373" i="1"/>
  <c r="X88374" i="1"/>
  <c r="X88375" i="1"/>
  <c r="X88376" i="1"/>
  <c r="X88377" i="1"/>
  <c r="X88378" i="1"/>
  <c r="X88379" i="1"/>
  <c r="X88380" i="1"/>
  <c r="X88381" i="1"/>
  <c r="X88382" i="1"/>
  <c r="X88383" i="1"/>
  <c r="X88384" i="1"/>
  <c r="X88385" i="1"/>
  <c r="X88386" i="1"/>
  <c r="X88387" i="1"/>
  <c r="X88388" i="1"/>
  <c r="X88389" i="1"/>
  <c r="X88390" i="1"/>
  <c r="X88391" i="1"/>
  <c r="X88392" i="1"/>
  <c r="X88393" i="1"/>
  <c r="X88394" i="1"/>
  <c r="X88395" i="1"/>
  <c r="X88396" i="1"/>
  <c r="X88397" i="1"/>
  <c r="X88398" i="1"/>
  <c r="X88399" i="1"/>
  <c r="X88400" i="1"/>
  <c r="X88401" i="1"/>
  <c r="X88402" i="1"/>
  <c r="X88403" i="1"/>
  <c r="X88404" i="1"/>
  <c r="X88405" i="1"/>
  <c r="X88406" i="1"/>
  <c r="X88407" i="1"/>
  <c r="X88408" i="1"/>
  <c r="X88409" i="1"/>
  <c r="X88410" i="1"/>
  <c r="X88411" i="1"/>
  <c r="X88412" i="1"/>
  <c r="X88413" i="1"/>
  <c r="X88414" i="1"/>
  <c r="X88415" i="1"/>
  <c r="X88416" i="1"/>
  <c r="X88417" i="1"/>
  <c r="X88418" i="1"/>
  <c r="X88419" i="1"/>
  <c r="X88420" i="1"/>
  <c r="X88421" i="1"/>
  <c r="X88422" i="1"/>
  <c r="X88423" i="1"/>
  <c r="X88424" i="1"/>
  <c r="X88425" i="1"/>
  <c r="X88426" i="1"/>
  <c r="X88427" i="1"/>
  <c r="X88428" i="1"/>
  <c r="X88429" i="1"/>
  <c r="X88430" i="1"/>
  <c r="X88431" i="1"/>
  <c r="X88432" i="1"/>
  <c r="X88433" i="1"/>
  <c r="X88434" i="1"/>
  <c r="X88435" i="1"/>
  <c r="X88436" i="1"/>
  <c r="X88437" i="1"/>
  <c r="X88438" i="1"/>
  <c r="X88439" i="1"/>
  <c r="X88440" i="1"/>
  <c r="X88441" i="1"/>
  <c r="X88442" i="1"/>
  <c r="X88443" i="1"/>
  <c r="X88444" i="1"/>
  <c r="X88445" i="1"/>
  <c r="X88446" i="1"/>
  <c r="X88447" i="1"/>
  <c r="X88448" i="1"/>
  <c r="X88449" i="1"/>
  <c r="X88450" i="1"/>
  <c r="X88451" i="1"/>
  <c r="X88452" i="1"/>
  <c r="X88453" i="1"/>
  <c r="X88454" i="1"/>
  <c r="X88455" i="1"/>
  <c r="X88456" i="1"/>
  <c r="X88457" i="1"/>
  <c r="X88458" i="1"/>
  <c r="X88459" i="1"/>
  <c r="X88460" i="1"/>
  <c r="X88461" i="1"/>
  <c r="X88462" i="1"/>
  <c r="X88463" i="1"/>
  <c r="X88464" i="1"/>
  <c r="X88465" i="1"/>
  <c r="X88466" i="1"/>
  <c r="X88467" i="1"/>
  <c r="X88468" i="1"/>
  <c r="X88469" i="1"/>
  <c r="X88470" i="1"/>
  <c r="X88471" i="1"/>
  <c r="X88472" i="1"/>
  <c r="X88473" i="1"/>
  <c r="X88474" i="1"/>
  <c r="X88475" i="1"/>
  <c r="X88476" i="1"/>
  <c r="X88477" i="1"/>
  <c r="X88478" i="1"/>
  <c r="X88479" i="1"/>
  <c r="X88480" i="1"/>
  <c r="X88481" i="1"/>
  <c r="X88482" i="1"/>
  <c r="X88483" i="1"/>
  <c r="X88484" i="1"/>
  <c r="X88485" i="1"/>
  <c r="X88486" i="1"/>
  <c r="X88487" i="1"/>
  <c r="X88488" i="1"/>
  <c r="X88489" i="1"/>
  <c r="X88490" i="1"/>
  <c r="X88491" i="1"/>
  <c r="X88492" i="1"/>
  <c r="X88493" i="1"/>
  <c r="X88494" i="1"/>
  <c r="X88495" i="1"/>
  <c r="X88496" i="1"/>
  <c r="X88497" i="1"/>
  <c r="X88498" i="1"/>
  <c r="X88499" i="1"/>
  <c r="X88500" i="1"/>
  <c r="X88501" i="1"/>
  <c r="X88502" i="1"/>
  <c r="X88503" i="1"/>
  <c r="X88504" i="1"/>
  <c r="X88505" i="1"/>
  <c r="X88506" i="1"/>
  <c r="X88507" i="1"/>
  <c r="X88508" i="1"/>
  <c r="X88509" i="1"/>
  <c r="X88510" i="1"/>
  <c r="X88511" i="1"/>
  <c r="X88512" i="1"/>
  <c r="X88513" i="1"/>
  <c r="X88514" i="1"/>
  <c r="X88515" i="1"/>
  <c r="X88516" i="1"/>
  <c r="X88517" i="1"/>
  <c r="X88518" i="1"/>
  <c r="X88519" i="1"/>
  <c r="X88520" i="1"/>
  <c r="X88521" i="1"/>
  <c r="X88522" i="1"/>
  <c r="X88523" i="1"/>
  <c r="X88524" i="1"/>
  <c r="X88525" i="1"/>
  <c r="X88526" i="1"/>
  <c r="X88527" i="1"/>
  <c r="X88528" i="1"/>
  <c r="X88529" i="1"/>
  <c r="X88530" i="1"/>
  <c r="X88531" i="1"/>
  <c r="X88532" i="1"/>
  <c r="X88533" i="1"/>
  <c r="X88534" i="1"/>
  <c r="X88535" i="1"/>
  <c r="X88536" i="1"/>
  <c r="X88537" i="1"/>
  <c r="X88538" i="1"/>
  <c r="X88539" i="1"/>
  <c r="X88540" i="1"/>
  <c r="X88541" i="1"/>
  <c r="X88542" i="1"/>
  <c r="X88543" i="1"/>
  <c r="X88544" i="1"/>
  <c r="X88545" i="1"/>
  <c r="X88546" i="1"/>
  <c r="X88547" i="1"/>
  <c r="X88548" i="1"/>
  <c r="X88549" i="1"/>
  <c r="X88550" i="1"/>
  <c r="X88551" i="1"/>
  <c r="X88552" i="1"/>
  <c r="X88553" i="1"/>
  <c r="X88554" i="1"/>
  <c r="X88555" i="1"/>
  <c r="X88556" i="1"/>
  <c r="X88557" i="1"/>
  <c r="X88558" i="1"/>
  <c r="X88559" i="1"/>
  <c r="X88560" i="1"/>
  <c r="X88561" i="1"/>
  <c r="X88562" i="1"/>
  <c r="X88563" i="1"/>
  <c r="X88564" i="1"/>
  <c r="X88565" i="1"/>
  <c r="X88566" i="1"/>
  <c r="X88567" i="1"/>
  <c r="X88568" i="1"/>
  <c r="X88569" i="1"/>
  <c r="X88570" i="1"/>
  <c r="X88571" i="1"/>
  <c r="X88572" i="1"/>
  <c r="X88573" i="1"/>
  <c r="X88574" i="1"/>
  <c r="X88575" i="1"/>
  <c r="X88576" i="1"/>
  <c r="X88577" i="1"/>
  <c r="X88578" i="1"/>
  <c r="X88579" i="1"/>
  <c r="X88580" i="1"/>
  <c r="X88581" i="1"/>
  <c r="X88582" i="1"/>
  <c r="X88583" i="1"/>
  <c r="X88584" i="1"/>
  <c r="X88585" i="1"/>
  <c r="X88586" i="1"/>
  <c r="X88587" i="1"/>
  <c r="X88588" i="1"/>
  <c r="X88589" i="1"/>
  <c r="X88590" i="1"/>
  <c r="X88591" i="1"/>
  <c r="X88592" i="1"/>
  <c r="X88593" i="1"/>
  <c r="X88594" i="1"/>
  <c r="X88595" i="1"/>
  <c r="X88596" i="1"/>
  <c r="X88597" i="1"/>
  <c r="X88598" i="1"/>
  <c r="X88599" i="1"/>
  <c r="X88600" i="1"/>
  <c r="X88601" i="1"/>
  <c r="X88602" i="1"/>
  <c r="X88603" i="1"/>
  <c r="X88604" i="1"/>
  <c r="X88605" i="1"/>
  <c r="X88606" i="1"/>
  <c r="X88607" i="1"/>
  <c r="X88608" i="1"/>
  <c r="X88609" i="1"/>
  <c r="X88610" i="1"/>
  <c r="X88611" i="1"/>
  <c r="X88612" i="1"/>
  <c r="X88613" i="1"/>
  <c r="X88614" i="1"/>
  <c r="X88615" i="1"/>
  <c r="X88616" i="1"/>
  <c r="X88617" i="1"/>
  <c r="X88618" i="1"/>
  <c r="X88619" i="1"/>
  <c r="X88620" i="1"/>
  <c r="X88621" i="1"/>
  <c r="X88622" i="1"/>
  <c r="X88623" i="1"/>
  <c r="X88624" i="1"/>
  <c r="X88625" i="1"/>
  <c r="X88626" i="1"/>
  <c r="X88627" i="1"/>
  <c r="X88628" i="1"/>
  <c r="X88629" i="1"/>
  <c r="X88630" i="1"/>
  <c r="X88631" i="1"/>
  <c r="X88632" i="1"/>
  <c r="X88633" i="1"/>
  <c r="X88634" i="1"/>
  <c r="X88635" i="1"/>
  <c r="X88636" i="1"/>
  <c r="X88637" i="1"/>
  <c r="X88638" i="1"/>
  <c r="X88639" i="1"/>
  <c r="X88640" i="1"/>
  <c r="X88641" i="1"/>
  <c r="X88642" i="1"/>
  <c r="X88643" i="1"/>
  <c r="X88644" i="1"/>
  <c r="X88645" i="1"/>
  <c r="X88646" i="1"/>
  <c r="X88647" i="1"/>
  <c r="X88648" i="1"/>
  <c r="X88649" i="1"/>
  <c r="X88650" i="1"/>
  <c r="X88651" i="1"/>
  <c r="X88652" i="1"/>
  <c r="X88653" i="1"/>
  <c r="X88654" i="1"/>
  <c r="X88655" i="1"/>
  <c r="X88656" i="1"/>
  <c r="X88657" i="1"/>
  <c r="X88658" i="1"/>
  <c r="X88659" i="1"/>
  <c r="X88660" i="1"/>
  <c r="X88661" i="1"/>
  <c r="X88662" i="1"/>
  <c r="X88663" i="1"/>
  <c r="X88664" i="1"/>
  <c r="X88665" i="1"/>
  <c r="X88666" i="1"/>
  <c r="X88667" i="1"/>
  <c r="X88668" i="1"/>
  <c r="X88669" i="1"/>
  <c r="X88670" i="1"/>
  <c r="X88671" i="1"/>
  <c r="X88672" i="1"/>
  <c r="X88673" i="1"/>
  <c r="X88674" i="1"/>
  <c r="X88675" i="1"/>
  <c r="X88676" i="1"/>
  <c r="X88677" i="1"/>
  <c r="X88678" i="1"/>
  <c r="X88679" i="1"/>
  <c r="X88680" i="1"/>
  <c r="X88681" i="1"/>
  <c r="X88682" i="1"/>
  <c r="X88683" i="1"/>
  <c r="X88684" i="1"/>
  <c r="X88685" i="1"/>
  <c r="X88686" i="1"/>
  <c r="X88687" i="1"/>
  <c r="X88688" i="1"/>
  <c r="X88689" i="1"/>
  <c r="X88690" i="1"/>
  <c r="X88691" i="1"/>
  <c r="X88692" i="1"/>
  <c r="X88693" i="1"/>
  <c r="X88694" i="1"/>
  <c r="X88695" i="1"/>
  <c r="X88696" i="1"/>
  <c r="X88697" i="1"/>
  <c r="X88698" i="1"/>
  <c r="X88699" i="1"/>
  <c r="X88700" i="1"/>
  <c r="X88701" i="1"/>
  <c r="X88702" i="1"/>
  <c r="X88703" i="1"/>
  <c r="X88704" i="1"/>
  <c r="X88705" i="1"/>
  <c r="X88706" i="1"/>
  <c r="X88707" i="1"/>
  <c r="X88708" i="1"/>
  <c r="X88709" i="1"/>
  <c r="X88710" i="1"/>
  <c r="X88711" i="1"/>
  <c r="X88712" i="1"/>
  <c r="X88713" i="1"/>
  <c r="X88714" i="1"/>
  <c r="X88715" i="1"/>
  <c r="X88716" i="1"/>
  <c r="X88717" i="1"/>
  <c r="X88718" i="1"/>
  <c r="X88719" i="1"/>
  <c r="X88720" i="1"/>
  <c r="X88721" i="1"/>
  <c r="X88722" i="1"/>
  <c r="X88723" i="1"/>
  <c r="X88724" i="1"/>
  <c r="X88725" i="1"/>
  <c r="X88726" i="1"/>
  <c r="X88727" i="1"/>
  <c r="X88728" i="1"/>
  <c r="X88729" i="1"/>
  <c r="X88730" i="1"/>
  <c r="X88731" i="1"/>
  <c r="X88732" i="1"/>
  <c r="X88733" i="1"/>
  <c r="X88734" i="1"/>
  <c r="X88735" i="1"/>
  <c r="X88736" i="1"/>
  <c r="X88737" i="1"/>
  <c r="X88738" i="1"/>
  <c r="X88739" i="1"/>
  <c r="X88740" i="1"/>
  <c r="X88741" i="1"/>
  <c r="X88742" i="1"/>
  <c r="X88743" i="1"/>
  <c r="X88744" i="1"/>
  <c r="X88745" i="1"/>
  <c r="X88746" i="1"/>
  <c r="X88747" i="1"/>
  <c r="X88748" i="1"/>
  <c r="X88749" i="1"/>
  <c r="X88750" i="1"/>
  <c r="X88751" i="1"/>
  <c r="X88752" i="1"/>
  <c r="X88753" i="1"/>
  <c r="X88754" i="1"/>
  <c r="X88755" i="1"/>
  <c r="X88756" i="1"/>
  <c r="X88757" i="1"/>
  <c r="X88758" i="1"/>
  <c r="X88759" i="1"/>
  <c r="X88760" i="1"/>
  <c r="X88761" i="1"/>
  <c r="X88762" i="1"/>
  <c r="X88763" i="1"/>
  <c r="X88764" i="1"/>
  <c r="X88765" i="1"/>
  <c r="X88766" i="1"/>
  <c r="X88767" i="1"/>
  <c r="X88768" i="1"/>
  <c r="X88769" i="1"/>
  <c r="X88770" i="1"/>
  <c r="X88771" i="1"/>
  <c r="X88772" i="1"/>
  <c r="X88773" i="1"/>
  <c r="X88774" i="1"/>
  <c r="X88775" i="1"/>
  <c r="X88776" i="1"/>
  <c r="X88777" i="1"/>
  <c r="X88778" i="1"/>
  <c r="X88779" i="1"/>
  <c r="X88780" i="1"/>
  <c r="X88781" i="1"/>
  <c r="X88782" i="1"/>
  <c r="X88783" i="1"/>
  <c r="X88784" i="1"/>
  <c r="X88785" i="1"/>
  <c r="X88786" i="1"/>
  <c r="X88787" i="1"/>
  <c r="X88788" i="1"/>
  <c r="X88789" i="1"/>
  <c r="X88790" i="1"/>
  <c r="X88791" i="1"/>
  <c r="X88792" i="1"/>
  <c r="X88793" i="1"/>
  <c r="X88794" i="1"/>
  <c r="X88795" i="1"/>
  <c r="X88796" i="1"/>
  <c r="X88797" i="1"/>
  <c r="X88798" i="1"/>
  <c r="X88799" i="1"/>
  <c r="X88800" i="1"/>
  <c r="X88801" i="1"/>
  <c r="X88802" i="1"/>
  <c r="X88803" i="1"/>
  <c r="X88804" i="1"/>
  <c r="X88805" i="1"/>
  <c r="X88806" i="1"/>
  <c r="X88807" i="1"/>
  <c r="X88808" i="1"/>
  <c r="X88809" i="1"/>
  <c r="X88810" i="1"/>
  <c r="X88811" i="1"/>
  <c r="X88812" i="1"/>
  <c r="X88813" i="1"/>
  <c r="X88814" i="1"/>
  <c r="X88815" i="1"/>
  <c r="X88816" i="1"/>
  <c r="X88817" i="1"/>
  <c r="X88818" i="1"/>
  <c r="X88819" i="1"/>
  <c r="X88820" i="1"/>
  <c r="X88821" i="1"/>
  <c r="X88822" i="1"/>
  <c r="X88823" i="1"/>
  <c r="X88824" i="1"/>
  <c r="X88825" i="1"/>
  <c r="X88826" i="1"/>
  <c r="X88827" i="1"/>
  <c r="X88828" i="1"/>
  <c r="X88829" i="1"/>
  <c r="X88830" i="1"/>
  <c r="X88831" i="1"/>
  <c r="X88832" i="1"/>
  <c r="X88833" i="1"/>
  <c r="X88834" i="1"/>
  <c r="X88835" i="1"/>
  <c r="X88836" i="1"/>
  <c r="X88837" i="1"/>
  <c r="X88838" i="1"/>
  <c r="X88839" i="1"/>
  <c r="X88840" i="1"/>
  <c r="X88841" i="1"/>
  <c r="X88842" i="1"/>
  <c r="X88843" i="1"/>
  <c r="X88844" i="1"/>
  <c r="X88845" i="1"/>
  <c r="X88846" i="1"/>
  <c r="X88847" i="1"/>
  <c r="X88848" i="1"/>
  <c r="X88849" i="1"/>
  <c r="X88850" i="1"/>
  <c r="X88851" i="1"/>
  <c r="X88852" i="1"/>
  <c r="X88853" i="1"/>
  <c r="X88854" i="1"/>
  <c r="X88855" i="1"/>
  <c r="X88856" i="1"/>
  <c r="X88857" i="1"/>
  <c r="X88858" i="1"/>
  <c r="X88859" i="1"/>
  <c r="X88860" i="1"/>
  <c r="X88861" i="1"/>
  <c r="X88862" i="1"/>
  <c r="X88863" i="1"/>
  <c r="X88864" i="1"/>
  <c r="X88865" i="1"/>
  <c r="X88866" i="1"/>
  <c r="X88867" i="1"/>
  <c r="X88868" i="1"/>
  <c r="X88869" i="1"/>
  <c r="X88870" i="1"/>
  <c r="X88871" i="1"/>
  <c r="X88872" i="1"/>
  <c r="X88873" i="1"/>
  <c r="X88874" i="1"/>
  <c r="X88875" i="1"/>
  <c r="X88876" i="1"/>
  <c r="X88877" i="1"/>
  <c r="X88878" i="1"/>
  <c r="X88879" i="1"/>
  <c r="X88880" i="1"/>
  <c r="X88881" i="1"/>
  <c r="X88882" i="1"/>
  <c r="X88883" i="1"/>
  <c r="X88884" i="1"/>
  <c r="X88885" i="1"/>
  <c r="X88886" i="1"/>
  <c r="X88887" i="1"/>
  <c r="X88888" i="1"/>
  <c r="X88889" i="1"/>
  <c r="X88890" i="1"/>
  <c r="X88891" i="1"/>
  <c r="X88892" i="1"/>
  <c r="X88893" i="1"/>
  <c r="X88894" i="1"/>
  <c r="X88895" i="1"/>
  <c r="X88896" i="1"/>
  <c r="X88897" i="1"/>
  <c r="X88898" i="1"/>
  <c r="X88899" i="1"/>
  <c r="X88900" i="1"/>
  <c r="X88901" i="1"/>
  <c r="X88902" i="1"/>
  <c r="X88903" i="1"/>
  <c r="X88904" i="1"/>
  <c r="X88905" i="1"/>
  <c r="X88906" i="1"/>
  <c r="X88907" i="1"/>
  <c r="X88908" i="1"/>
  <c r="X88909" i="1"/>
  <c r="X88910" i="1"/>
  <c r="X88911" i="1"/>
  <c r="X88912" i="1"/>
  <c r="X88913" i="1"/>
  <c r="X88914" i="1"/>
  <c r="X88915" i="1"/>
  <c r="X88916" i="1"/>
  <c r="X88917" i="1"/>
  <c r="X88918" i="1"/>
  <c r="X88919" i="1"/>
  <c r="X88920" i="1"/>
  <c r="X88921" i="1"/>
  <c r="X88922" i="1"/>
  <c r="X88923" i="1"/>
  <c r="X88924" i="1"/>
  <c r="X88925" i="1"/>
  <c r="X88926" i="1"/>
  <c r="X88927" i="1"/>
  <c r="X88928" i="1"/>
  <c r="X88929" i="1"/>
  <c r="X88930" i="1"/>
  <c r="X88931" i="1"/>
  <c r="X88932" i="1"/>
  <c r="X88933" i="1"/>
  <c r="X88934" i="1"/>
  <c r="X88935" i="1"/>
  <c r="X88936" i="1"/>
  <c r="X88937" i="1"/>
  <c r="X88938" i="1"/>
  <c r="X88939" i="1"/>
  <c r="X88940" i="1"/>
  <c r="X88941" i="1"/>
  <c r="X88942" i="1"/>
  <c r="X88943" i="1"/>
  <c r="X88944" i="1"/>
  <c r="X88945" i="1"/>
  <c r="X88946" i="1"/>
  <c r="X88947" i="1"/>
  <c r="X88948" i="1"/>
  <c r="X88949" i="1"/>
  <c r="X88950" i="1"/>
  <c r="X88951" i="1"/>
  <c r="X88952" i="1"/>
  <c r="X88953" i="1"/>
  <c r="X88954" i="1"/>
  <c r="X88955" i="1"/>
  <c r="X88956" i="1"/>
  <c r="X88957" i="1"/>
  <c r="X88958" i="1"/>
  <c r="X88959" i="1"/>
  <c r="X88960" i="1"/>
  <c r="X88961" i="1"/>
  <c r="X88962" i="1"/>
  <c r="X88963" i="1"/>
  <c r="X88964" i="1"/>
  <c r="X88965" i="1"/>
  <c r="X88966" i="1"/>
  <c r="X88967" i="1"/>
  <c r="X88968" i="1"/>
  <c r="X88969" i="1"/>
  <c r="X88970" i="1"/>
  <c r="X88971" i="1"/>
  <c r="X88972" i="1"/>
  <c r="X88973" i="1"/>
  <c r="X88974" i="1"/>
  <c r="X88975" i="1"/>
  <c r="X88976" i="1"/>
  <c r="X88977" i="1"/>
  <c r="X88978" i="1"/>
  <c r="X88979" i="1"/>
  <c r="X88980" i="1"/>
  <c r="X88981" i="1"/>
  <c r="X88982" i="1"/>
  <c r="X88983" i="1"/>
  <c r="X88984" i="1"/>
  <c r="X88985" i="1"/>
  <c r="X88986" i="1"/>
  <c r="X88987" i="1"/>
  <c r="X88988" i="1"/>
  <c r="X88989" i="1"/>
  <c r="X88990" i="1"/>
  <c r="X88991" i="1"/>
  <c r="X88992" i="1"/>
  <c r="X88993" i="1"/>
  <c r="X88994" i="1"/>
  <c r="X88995" i="1"/>
  <c r="X88996" i="1"/>
  <c r="X88997" i="1"/>
  <c r="X88998" i="1"/>
  <c r="X88999" i="1"/>
  <c r="X89000" i="1"/>
  <c r="X89001" i="1"/>
  <c r="X89002" i="1"/>
  <c r="X89003" i="1"/>
  <c r="X89004" i="1"/>
  <c r="X89005" i="1"/>
  <c r="X89006" i="1"/>
  <c r="X89007" i="1"/>
  <c r="X89008" i="1"/>
  <c r="X89009" i="1"/>
  <c r="X89010" i="1"/>
  <c r="X89011" i="1"/>
  <c r="X89012" i="1"/>
  <c r="X89013" i="1"/>
  <c r="X89014" i="1"/>
  <c r="X89015" i="1"/>
  <c r="X89016" i="1"/>
  <c r="X89017" i="1"/>
  <c r="X89018" i="1"/>
  <c r="X89019" i="1"/>
  <c r="X89020" i="1"/>
  <c r="X89021" i="1"/>
  <c r="X89022" i="1"/>
  <c r="X89023" i="1"/>
  <c r="X89024" i="1"/>
  <c r="X89025" i="1"/>
  <c r="X89026" i="1"/>
  <c r="X89027" i="1"/>
  <c r="X89028" i="1"/>
  <c r="X89029" i="1"/>
  <c r="X89030" i="1"/>
  <c r="X89031" i="1"/>
  <c r="X89032" i="1"/>
  <c r="X89033" i="1"/>
  <c r="X89034" i="1"/>
  <c r="X89035" i="1"/>
  <c r="X89036" i="1"/>
  <c r="X89037" i="1"/>
  <c r="X89038" i="1"/>
  <c r="X89039" i="1"/>
  <c r="X89040" i="1"/>
  <c r="X89041" i="1"/>
  <c r="X89042" i="1"/>
  <c r="X89043" i="1"/>
  <c r="X89044" i="1"/>
  <c r="X89045" i="1"/>
  <c r="X89046" i="1"/>
  <c r="X89047" i="1"/>
  <c r="X89048" i="1"/>
  <c r="X89049" i="1"/>
  <c r="X89050" i="1"/>
  <c r="X89051" i="1"/>
  <c r="X89052" i="1"/>
  <c r="X89053" i="1"/>
  <c r="X89054" i="1"/>
  <c r="X89055" i="1"/>
  <c r="X89056" i="1"/>
  <c r="X89057" i="1"/>
  <c r="X89058" i="1"/>
  <c r="X89059" i="1"/>
  <c r="X89060" i="1"/>
  <c r="X89061" i="1"/>
  <c r="X89062" i="1"/>
  <c r="X89063" i="1"/>
  <c r="X89064" i="1"/>
  <c r="X89065" i="1"/>
  <c r="X89066" i="1"/>
  <c r="X89067" i="1"/>
  <c r="X89068" i="1"/>
  <c r="X89069" i="1"/>
  <c r="X89070" i="1"/>
  <c r="X89071" i="1"/>
  <c r="X89072" i="1"/>
  <c r="X89073" i="1"/>
  <c r="X89074" i="1"/>
  <c r="X89075" i="1"/>
  <c r="X89076" i="1"/>
  <c r="X89077" i="1"/>
  <c r="X89078" i="1"/>
  <c r="X89079" i="1"/>
  <c r="X89080" i="1"/>
  <c r="X89081" i="1"/>
  <c r="X89082" i="1"/>
  <c r="X89083" i="1"/>
  <c r="X89084" i="1"/>
  <c r="X89085" i="1"/>
  <c r="X89086" i="1"/>
  <c r="X89087" i="1"/>
  <c r="X89088" i="1"/>
  <c r="X89089" i="1"/>
  <c r="X89090" i="1"/>
  <c r="X89091" i="1"/>
  <c r="X89092" i="1"/>
  <c r="X89093" i="1"/>
  <c r="X89094" i="1"/>
  <c r="X89095" i="1"/>
  <c r="X89096" i="1"/>
  <c r="X89097" i="1"/>
  <c r="X89098" i="1"/>
  <c r="X89099" i="1"/>
  <c r="X89100" i="1"/>
  <c r="X89101" i="1"/>
  <c r="X89102" i="1"/>
  <c r="X89103" i="1"/>
  <c r="X89104" i="1"/>
  <c r="X89105" i="1"/>
  <c r="X89106" i="1"/>
  <c r="X89107" i="1"/>
  <c r="X89108" i="1"/>
  <c r="X89109" i="1"/>
  <c r="X89110" i="1"/>
  <c r="X89111" i="1"/>
  <c r="X89112" i="1"/>
  <c r="X89113" i="1"/>
  <c r="X89114" i="1"/>
  <c r="X89115" i="1"/>
  <c r="X89116" i="1"/>
  <c r="X89117" i="1"/>
  <c r="X89118" i="1"/>
  <c r="X89119" i="1"/>
  <c r="X89120" i="1"/>
  <c r="X89121" i="1"/>
  <c r="X89122" i="1"/>
  <c r="X89123" i="1"/>
  <c r="X89124" i="1"/>
  <c r="X89125" i="1"/>
  <c r="X89126" i="1"/>
  <c r="X89127" i="1"/>
  <c r="X89128" i="1"/>
  <c r="X89129" i="1"/>
  <c r="X89130" i="1"/>
  <c r="X89131" i="1"/>
  <c r="X89132" i="1"/>
  <c r="X89133" i="1"/>
  <c r="X89134" i="1"/>
  <c r="X89135" i="1"/>
  <c r="X89136" i="1"/>
  <c r="X89137" i="1"/>
  <c r="X89138" i="1"/>
  <c r="X89139" i="1"/>
  <c r="X89140" i="1"/>
  <c r="X89141" i="1"/>
  <c r="X89142" i="1"/>
  <c r="X89143" i="1"/>
  <c r="X89144" i="1"/>
  <c r="X89145" i="1"/>
  <c r="X89146" i="1"/>
  <c r="X89147" i="1"/>
  <c r="X89148" i="1"/>
  <c r="X89149" i="1"/>
  <c r="X89150" i="1"/>
  <c r="X89151" i="1"/>
  <c r="X89152" i="1"/>
  <c r="X89153" i="1"/>
  <c r="X89154" i="1"/>
  <c r="X89155" i="1"/>
  <c r="X89156" i="1"/>
  <c r="X89157" i="1"/>
  <c r="X89158" i="1"/>
  <c r="X89159" i="1"/>
  <c r="X89160" i="1"/>
  <c r="X89161" i="1"/>
  <c r="X89162" i="1"/>
  <c r="X89163" i="1"/>
  <c r="X89164" i="1"/>
  <c r="X89165" i="1"/>
  <c r="X89166" i="1"/>
  <c r="X89167" i="1"/>
  <c r="X89168" i="1"/>
  <c r="X89169" i="1"/>
  <c r="X89170" i="1"/>
  <c r="X89171" i="1"/>
  <c r="X89172" i="1"/>
  <c r="X89173" i="1"/>
  <c r="X89174" i="1"/>
  <c r="X89175" i="1"/>
  <c r="X89176" i="1"/>
  <c r="X89177" i="1"/>
  <c r="X89178" i="1"/>
  <c r="X89179" i="1"/>
  <c r="X89180" i="1"/>
  <c r="X89181" i="1"/>
  <c r="X89182" i="1"/>
  <c r="X89183" i="1"/>
  <c r="X89184" i="1"/>
  <c r="X89185" i="1"/>
  <c r="X89186" i="1"/>
  <c r="X89187" i="1"/>
  <c r="X89188" i="1"/>
  <c r="X89189" i="1"/>
  <c r="X89190" i="1"/>
  <c r="X89191" i="1"/>
  <c r="X89192" i="1"/>
  <c r="X89193" i="1"/>
  <c r="X89194" i="1"/>
  <c r="X89195" i="1"/>
  <c r="X89196" i="1"/>
  <c r="X89197" i="1"/>
  <c r="X89198" i="1"/>
  <c r="X89199" i="1"/>
  <c r="X89200" i="1"/>
  <c r="X89201" i="1"/>
  <c r="X89202" i="1"/>
  <c r="X89203" i="1"/>
  <c r="X89204" i="1"/>
  <c r="X89205" i="1"/>
  <c r="X89206" i="1"/>
  <c r="X89207" i="1"/>
  <c r="X89208" i="1"/>
  <c r="X89209" i="1"/>
  <c r="X89210" i="1"/>
  <c r="X89211" i="1"/>
  <c r="X89212" i="1"/>
  <c r="X89213" i="1"/>
  <c r="X89214" i="1"/>
  <c r="X89215" i="1"/>
  <c r="X89216" i="1"/>
  <c r="X89217" i="1"/>
  <c r="X89218" i="1"/>
  <c r="X89219" i="1"/>
  <c r="X89220" i="1"/>
  <c r="X89221" i="1"/>
  <c r="X89222" i="1"/>
  <c r="X89223" i="1"/>
  <c r="X89224" i="1"/>
  <c r="X89225" i="1"/>
  <c r="X89226" i="1"/>
  <c r="X89227" i="1"/>
  <c r="X89228" i="1"/>
  <c r="X89229" i="1"/>
  <c r="X89230" i="1"/>
  <c r="X89231" i="1"/>
  <c r="X89232" i="1"/>
  <c r="X89233" i="1"/>
  <c r="X89234" i="1"/>
  <c r="X89235" i="1"/>
  <c r="X89236" i="1"/>
  <c r="X89237" i="1"/>
  <c r="X89238" i="1"/>
  <c r="X89239" i="1"/>
  <c r="X89240" i="1"/>
  <c r="X89241" i="1"/>
  <c r="X89242" i="1"/>
  <c r="X89243" i="1"/>
  <c r="X89244" i="1"/>
  <c r="X89245" i="1"/>
  <c r="X89246" i="1"/>
  <c r="X89247" i="1"/>
  <c r="X89248" i="1"/>
  <c r="X89249" i="1"/>
  <c r="X89250" i="1"/>
  <c r="X89251" i="1"/>
  <c r="X89252" i="1"/>
  <c r="X89253" i="1"/>
  <c r="X89254" i="1"/>
  <c r="X89255" i="1"/>
  <c r="X89256" i="1"/>
  <c r="X89257" i="1"/>
  <c r="X89258" i="1"/>
  <c r="X89259" i="1"/>
  <c r="X89260" i="1"/>
  <c r="X89261" i="1"/>
  <c r="X89262" i="1"/>
  <c r="X89263" i="1"/>
  <c r="X89264" i="1"/>
  <c r="X89265" i="1"/>
  <c r="X89266" i="1"/>
  <c r="X89267" i="1"/>
  <c r="X89268" i="1"/>
  <c r="X89269" i="1"/>
  <c r="X89270" i="1"/>
  <c r="X89271" i="1"/>
  <c r="X89272" i="1"/>
  <c r="X89273" i="1"/>
  <c r="X89274" i="1"/>
  <c r="X89275" i="1"/>
  <c r="X89276" i="1"/>
  <c r="X89277" i="1"/>
  <c r="X89278" i="1"/>
  <c r="X89279" i="1"/>
  <c r="X89280" i="1"/>
  <c r="X89281" i="1"/>
  <c r="X89282" i="1"/>
  <c r="X89283" i="1"/>
  <c r="X89284" i="1"/>
  <c r="X89285" i="1"/>
  <c r="X89286" i="1"/>
  <c r="X89287" i="1"/>
  <c r="X89288" i="1"/>
  <c r="X89289" i="1"/>
  <c r="X89290" i="1"/>
  <c r="X89291" i="1"/>
  <c r="X89292" i="1"/>
  <c r="X89293" i="1"/>
  <c r="X89294" i="1"/>
  <c r="X89295" i="1"/>
  <c r="X89296" i="1"/>
  <c r="X89297" i="1"/>
  <c r="X89298" i="1"/>
  <c r="X89299" i="1"/>
  <c r="X89300" i="1"/>
  <c r="X89301" i="1"/>
  <c r="X89302" i="1"/>
  <c r="X89303" i="1"/>
  <c r="X89304" i="1"/>
  <c r="X89305" i="1"/>
  <c r="X89306" i="1"/>
  <c r="X89307" i="1"/>
  <c r="X89308" i="1"/>
  <c r="X89309" i="1"/>
  <c r="X89310" i="1"/>
  <c r="X89311" i="1"/>
  <c r="X89312" i="1"/>
  <c r="X89313" i="1"/>
  <c r="X89314" i="1"/>
  <c r="X89315" i="1"/>
  <c r="X89316" i="1"/>
  <c r="X89317" i="1"/>
  <c r="X89318" i="1"/>
  <c r="X89319" i="1"/>
  <c r="X89320" i="1"/>
  <c r="X89321" i="1"/>
  <c r="X89322" i="1"/>
  <c r="X89323" i="1"/>
  <c r="X89324" i="1"/>
  <c r="X89325" i="1"/>
  <c r="X89326" i="1"/>
  <c r="X89327" i="1"/>
  <c r="X89328" i="1"/>
  <c r="X89329" i="1"/>
  <c r="X89330" i="1"/>
  <c r="X89331" i="1"/>
  <c r="X89332" i="1"/>
  <c r="X89333" i="1"/>
  <c r="X89334" i="1"/>
  <c r="X89335" i="1"/>
  <c r="X89336" i="1"/>
  <c r="X89337" i="1"/>
  <c r="X89338" i="1"/>
  <c r="X89339" i="1"/>
  <c r="X89340" i="1"/>
  <c r="X89341" i="1"/>
  <c r="X89342" i="1"/>
  <c r="X89343" i="1"/>
  <c r="X89344" i="1"/>
  <c r="X89345" i="1"/>
  <c r="X89346" i="1"/>
  <c r="X89347" i="1"/>
  <c r="X89348" i="1"/>
  <c r="X89349" i="1"/>
  <c r="X89350" i="1"/>
  <c r="X89351" i="1"/>
  <c r="X89352" i="1"/>
  <c r="X89353" i="1"/>
  <c r="X89354" i="1"/>
  <c r="X89355" i="1"/>
  <c r="X89356" i="1"/>
  <c r="X89357" i="1"/>
  <c r="X89358" i="1"/>
  <c r="X89359" i="1"/>
  <c r="X89360" i="1"/>
  <c r="X89361" i="1"/>
  <c r="X89362" i="1"/>
  <c r="X89363" i="1"/>
  <c r="X89364" i="1"/>
  <c r="X89365" i="1"/>
  <c r="X89366" i="1"/>
  <c r="X89367" i="1"/>
  <c r="X89368" i="1"/>
  <c r="X89369" i="1"/>
  <c r="X89370" i="1"/>
  <c r="X89371" i="1"/>
  <c r="X89372" i="1"/>
  <c r="X89373" i="1"/>
  <c r="X89374" i="1"/>
  <c r="X89375" i="1"/>
  <c r="X89376" i="1"/>
  <c r="X89377" i="1"/>
  <c r="X89378" i="1"/>
  <c r="X89379" i="1"/>
  <c r="X89380" i="1"/>
  <c r="X89381" i="1"/>
  <c r="X89382" i="1"/>
  <c r="X89383" i="1"/>
  <c r="X89384" i="1"/>
  <c r="X89385" i="1"/>
  <c r="X89386" i="1"/>
  <c r="X89387" i="1"/>
  <c r="X89388" i="1"/>
  <c r="X89389" i="1"/>
  <c r="X89390" i="1"/>
  <c r="X89391" i="1"/>
  <c r="X89392" i="1"/>
  <c r="X89393" i="1"/>
  <c r="X89394" i="1"/>
  <c r="X89395" i="1"/>
  <c r="X89396" i="1"/>
  <c r="X89397" i="1"/>
  <c r="X89398" i="1"/>
  <c r="X89399" i="1"/>
  <c r="X89400" i="1"/>
  <c r="X89401" i="1"/>
  <c r="X89402" i="1"/>
  <c r="X89403" i="1"/>
  <c r="X89404" i="1"/>
  <c r="X89405" i="1"/>
  <c r="X89406" i="1"/>
  <c r="X89407" i="1"/>
  <c r="X89408" i="1"/>
  <c r="X89409" i="1"/>
  <c r="X89410" i="1"/>
  <c r="X89411" i="1"/>
  <c r="X89412" i="1"/>
  <c r="X89413" i="1"/>
  <c r="X89414" i="1"/>
  <c r="X89415" i="1"/>
  <c r="X89416" i="1"/>
  <c r="X89417" i="1"/>
  <c r="X89418" i="1"/>
  <c r="X89419" i="1"/>
  <c r="X89420" i="1"/>
  <c r="X89421" i="1"/>
  <c r="X89422" i="1"/>
  <c r="X89423" i="1"/>
  <c r="X89424" i="1"/>
  <c r="X89425" i="1"/>
  <c r="X89426" i="1"/>
  <c r="X89427" i="1"/>
  <c r="X89428" i="1"/>
  <c r="X89429" i="1"/>
  <c r="X89430" i="1"/>
  <c r="X89431" i="1"/>
  <c r="X89432" i="1"/>
  <c r="X89433" i="1"/>
  <c r="X89434" i="1"/>
  <c r="X89435" i="1"/>
  <c r="X89436" i="1"/>
  <c r="X89437" i="1"/>
  <c r="X89438" i="1"/>
  <c r="X89439" i="1"/>
  <c r="X89440" i="1"/>
  <c r="X89441" i="1"/>
  <c r="X89442" i="1"/>
  <c r="X89443" i="1"/>
  <c r="X89444" i="1"/>
  <c r="X89445" i="1"/>
  <c r="X89446" i="1"/>
  <c r="X89447" i="1"/>
  <c r="X89448" i="1"/>
  <c r="X89449" i="1"/>
  <c r="X89450" i="1"/>
  <c r="X89451" i="1"/>
  <c r="X89452" i="1"/>
  <c r="X89453" i="1"/>
  <c r="X89454" i="1"/>
  <c r="X89455" i="1"/>
  <c r="X89456" i="1"/>
  <c r="X89457" i="1"/>
  <c r="X89458" i="1"/>
  <c r="X89459" i="1"/>
  <c r="X89460" i="1"/>
  <c r="X89461" i="1"/>
  <c r="X89462" i="1"/>
  <c r="X89463" i="1"/>
  <c r="X89464" i="1"/>
  <c r="X89465" i="1"/>
  <c r="X89466" i="1"/>
  <c r="X89467" i="1"/>
  <c r="X89468" i="1"/>
  <c r="X89469" i="1"/>
  <c r="X89470" i="1"/>
  <c r="X89471" i="1"/>
  <c r="X89472" i="1"/>
  <c r="X89473" i="1"/>
  <c r="X89474" i="1"/>
  <c r="X89475" i="1"/>
  <c r="X89476" i="1"/>
  <c r="X89477" i="1"/>
  <c r="X89478" i="1"/>
  <c r="X89479" i="1"/>
  <c r="X89480" i="1"/>
  <c r="X89481" i="1"/>
  <c r="X89482" i="1"/>
  <c r="X89483" i="1"/>
  <c r="X89484" i="1"/>
  <c r="X89485" i="1"/>
  <c r="X89486" i="1"/>
  <c r="X89487" i="1"/>
  <c r="X89488" i="1"/>
  <c r="X89489" i="1"/>
  <c r="X89490" i="1"/>
  <c r="X89491" i="1"/>
  <c r="X89492" i="1"/>
  <c r="X89493" i="1"/>
  <c r="X89494" i="1"/>
  <c r="X89495" i="1"/>
  <c r="X89496" i="1"/>
  <c r="X89497" i="1"/>
  <c r="X89498" i="1"/>
  <c r="X89499" i="1"/>
  <c r="X89500" i="1"/>
  <c r="X89501" i="1"/>
  <c r="X89502" i="1"/>
  <c r="X89503" i="1"/>
  <c r="X89504" i="1"/>
  <c r="X89505" i="1"/>
  <c r="X89506" i="1"/>
  <c r="X89507" i="1"/>
  <c r="X89508" i="1"/>
  <c r="X89509" i="1"/>
  <c r="X89510" i="1"/>
  <c r="X89511" i="1"/>
  <c r="X89512" i="1"/>
  <c r="X89513" i="1"/>
  <c r="X89514" i="1"/>
  <c r="X89515" i="1"/>
  <c r="X89516" i="1"/>
  <c r="X89517" i="1"/>
  <c r="X89518" i="1"/>
  <c r="X89519" i="1"/>
  <c r="X89520" i="1"/>
  <c r="X89521" i="1"/>
  <c r="X89522" i="1"/>
  <c r="X89523" i="1"/>
  <c r="X89524" i="1"/>
  <c r="X89525" i="1"/>
  <c r="X89526" i="1"/>
  <c r="X89527" i="1"/>
  <c r="X89528" i="1"/>
  <c r="X89529" i="1"/>
  <c r="X89530" i="1"/>
  <c r="X89531" i="1"/>
  <c r="X89532" i="1"/>
  <c r="X89533" i="1"/>
  <c r="X89534" i="1"/>
  <c r="X89535" i="1"/>
  <c r="X89536" i="1"/>
  <c r="X89537" i="1"/>
  <c r="X89538" i="1"/>
  <c r="X89539" i="1"/>
  <c r="X89540" i="1"/>
  <c r="X89541" i="1"/>
  <c r="X89542" i="1"/>
  <c r="X89543" i="1"/>
  <c r="X89544" i="1"/>
  <c r="X89545" i="1"/>
  <c r="X89546" i="1"/>
  <c r="X89547" i="1"/>
  <c r="X89548" i="1"/>
  <c r="X89549" i="1"/>
  <c r="X89550" i="1"/>
  <c r="X89551" i="1"/>
  <c r="X89552" i="1"/>
  <c r="X89553" i="1"/>
  <c r="X89554" i="1"/>
  <c r="X89555" i="1"/>
  <c r="X89556" i="1"/>
  <c r="X89557" i="1"/>
  <c r="X89558" i="1"/>
  <c r="X89559" i="1"/>
  <c r="X89560" i="1"/>
  <c r="X89561" i="1"/>
  <c r="X89562" i="1"/>
  <c r="X89563" i="1"/>
  <c r="X89564" i="1"/>
  <c r="X89565" i="1"/>
  <c r="X89566" i="1"/>
  <c r="X89567" i="1"/>
  <c r="X89568" i="1"/>
  <c r="X89569" i="1"/>
  <c r="X89570" i="1"/>
  <c r="X89571" i="1"/>
  <c r="X89572" i="1"/>
  <c r="X89573" i="1"/>
  <c r="X89574" i="1"/>
  <c r="X89575" i="1"/>
  <c r="X89576" i="1"/>
  <c r="X89577" i="1"/>
  <c r="X89578" i="1"/>
  <c r="X89579" i="1"/>
  <c r="X89580" i="1"/>
  <c r="X89581" i="1"/>
  <c r="X89582" i="1"/>
  <c r="X89583" i="1"/>
  <c r="X89584" i="1"/>
  <c r="X89585" i="1"/>
  <c r="X89586" i="1"/>
  <c r="X89587" i="1"/>
  <c r="X89588" i="1"/>
  <c r="X89589" i="1"/>
  <c r="X89590" i="1"/>
  <c r="X89591" i="1"/>
  <c r="X89592" i="1"/>
  <c r="X89593" i="1"/>
  <c r="X89594" i="1"/>
  <c r="X89595" i="1"/>
  <c r="X89596" i="1"/>
  <c r="X89597" i="1"/>
  <c r="X89598" i="1"/>
  <c r="X89599" i="1"/>
  <c r="X89600" i="1"/>
  <c r="X89601" i="1"/>
  <c r="X89602" i="1"/>
  <c r="X89603" i="1"/>
  <c r="X89604" i="1"/>
  <c r="X89605" i="1"/>
  <c r="X89606" i="1"/>
  <c r="X89607" i="1"/>
  <c r="X89608" i="1"/>
  <c r="X89609" i="1"/>
  <c r="X89610" i="1"/>
  <c r="X89611" i="1"/>
  <c r="X89612" i="1"/>
  <c r="X89613" i="1"/>
  <c r="X89614" i="1"/>
  <c r="X89615" i="1"/>
  <c r="X89616" i="1"/>
  <c r="X89617" i="1"/>
  <c r="X89618" i="1"/>
  <c r="X89619" i="1"/>
  <c r="X89620" i="1"/>
  <c r="X89621" i="1"/>
  <c r="X89622" i="1"/>
  <c r="X89623" i="1"/>
  <c r="X89624" i="1"/>
  <c r="X89625" i="1"/>
  <c r="X89626" i="1"/>
  <c r="X89627" i="1"/>
  <c r="X89628" i="1"/>
  <c r="X89629" i="1"/>
  <c r="X89630" i="1"/>
  <c r="X89631" i="1"/>
  <c r="X89632" i="1"/>
  <c r="X89633" i="1"/>
  <c r="X89634" i="1"/>
  <c r="X89635" i="1"/>
  <c r="X89636" i="1"/>
  <c r="X89637" i="1"/>
  <c r="X89638" i="1"/>
  <c r="X89639" i="1"/>
  <c r="X89640" i="1"/>
  <c r="X89641" i="1"/>
  <c r="X89642" i="1"/>
  <c r="X89643" i="1"/>
  <c r="X89644" i="1"/>
  <c r="X89645" i="1"/>
  <c r="X89646" i="1"/>
  <c r="X89647" i="1"/>
  <c r="X89648" i="1"/>
  <c r="X89649" i="1"/>
  <c r="X89650" i="1"/>
  <c r="X89651" i="1"/>
  <c r="X89652" i="1"/>
  <c r="X89653" i="1"/>
  <c r="X89654" i="1"/>
  <c r="X89655" i="1"/>
  <c r="X89656" i="1"/>
  <c r="X89657" i="1"/>
  <c r="X89658" i="1"/>
  <c r="X89659" i="1"/>
  <c r="X89660" i="1"/>
  <c r="X89661" i="1"/>
  <c r="X89662" i="1"/>
  <c r="X89663" i="1"/>
  <c r="X89664" i="1"/>
  <c r="X89665" i="1"/>
  <c r="X89666" i="1"/>
  <c r="X89667" i="1"/>
  <c r="X89668" i="1"/>
  <c r="X89669" i="1"/>
  <c r="X89670" i="1"/>
  <c r="X89671" i="1"/>
  <c r="X89672" i="1"/>
  <c r="X89673" i="1"/>
  <c r="X89674" i="1"/>
  <c r="X89675" i="1"/>
  <c r="X89676" i="1"/>
  <c r="X89677" i="1"/>
  <c r="X89678" i="1"/>
  <c r="X89679" i="1"/>
  <c r="X89680" i="1"/>
  <c r="X89681" i="1"/>
  <c r="X89682" i="1"/>
  <c r="X89683" i="1"/>
  <c r="X89684" i="1"/>
  <c r="X89685" i="1"/>
  <c r="X89686" i="1"/>
  <c r="X89687" i="1"/>
  <c r="X89688" i="1"/>
  <c r="X89689" i="1"/>
  <c r="X89690" i="1"/>
  <c r="X89691" i="1"/>
  <c r="X89692" i="1"/>
  <c r="X89693" i="1"/>
  <c r="X89694" i="1"/>
  <c r="X89695" i="1"/>
  <c r="X89696" i="1"/>
  <c r="X89697" i="1"/>
  <c r="X89698" i="1"/>
  <c r="X89699" i="1"/>
  <c r="X89700" i="1"/>
  <c r="X89701" i="1"/>
  <c r="X89702" i="1"/>
  <c r="X89703" i="1"/>
  <c r="X89704" i="1"/>
  <c r="X89705" i="1"/>
  <c r="X89706" i="1"/>
  <c r="X89707" i="1"/>
  <c r="X89708" i="1"/>
  <c r="X89709" i="1"/>
  <c r="X89710" i="1"/>
  <c r="X89711" i="1"/>
  <c r="X89712" i="1"/>
  <c r="X89713" i="1"/>
  <c r="X89714" i="1"/>
  <c r="X89715" i="1"/>
  <c r="X89716" i="1"/>
  <c r="X89717" i="1"/>
  <c r="X89718" i="1"/>
  <c r="X89719" i="1"/>
  <c r="X89720" i="1"/>
  <c r="X89721" i="1"/>
  <c r="X89722" i="1"/>
  <c r="X89723" i="1"/>
  <c r="X89724" i="1"/>
  <c r="X89725" i="1"/>
  <c r="X89726" i="1"/>
  <c r="X89727" i="1"/>
  <c r="X89728" i="1"/>
  <c r="X89729" i="1"/>
  <c r="X89730" i="1"/>
  <c r="X89731" i="1"/>
  <c r="X89732" i="1"/>
  <c r="X89733" i="1"/>
  <c r="X89734" i="1"/>
  <c r="X89735" i="1"/>
  <c r="X89736" i="1"/>
  <c r="X89737" i="1"/>
  <c r="X89738" i="1"/>
  <c r="X89739" i="1"/>
  <c r="X89740" i="1"/>
  <c r="X89741" i="1"/>
  <c r="X89742" i="1"/>
  <c r="X89743" i="1"/>
  <c r="X89744" i="1"/>
  <c r="X89745" i="1"/>
  <c r="X89746" i="1"/>
  <c r="X89747" i="1"/>
  <c r="X89748" i="1"/>
  <c r="X89749" i="1"/>
  <c r="X89750" i="1"/>
  <c r="X89751" i="1"/>
  <c r="X89752" i="1"/>
  <c r="X89753" i="1"/>
  <c r="X89754" i="1"/>
  <c r="X89755" i="1"/>
  <c r="X89756" i="1"/>
  <c r="X89757" i="1"/>
  <c r="X89758" i="1"/>
  <c r="X89759" i="1"/>
  <c r="X89760" i="1"/>
  <c r="X89761" i="1"/>
  <c r="X89762" i="1"/>
  <c r="X89763" i="1"/>
  <c r="X89764" i="1"/>
  <c r="X89765" i="1"/>
  <c r="X89766" i="1"/>
  <c r="X89767" i="1"/>
  <c r="X89768" i="1"/>
  <c r="X89769" i="1"/>
  <c r="X89770" i="1"/>
  <c r="X89771" i="1"/>
  <c r="X89772" i="1"/>
  <c r="X89773" i="1"/>
  <c r="X89774" i="1"/>
  <c r="X89775" i="1"/>
  <c r="X89776" i="1"/>
  <c r="X89777" i="1"/>
  <c r="X89778" i="1"/>
  <c r="X89779" i="1"/>
  <c r="X89780" i="1"/>
  <c r="X89781" i="1"/>
  <c r="X89782" i="1"/>
  <c r="X89783" i="1"/>
  <c r="X89784" i="1"/>
  <c r="X89785" i="1"/>
  <c r="X89786" i="1"/>
  <c r="X89787" i="1"/>
  <c r="X89788" i="1"/>
  <c r="X89789" i="1"/>
  <c r="X89790" i="1"/>
  <c r="X89791" i="1"/>
  <c r="X89792" i="1"/>
  <c r="X89793" i="1"/>
  <c r="X89794" i="1"/>
  <c r="X89795" i="1"/>
  <c r="X89796" i="1"/>
  <c r="X89797" i="1"/>
  <c r="X89798" i="1"/>
  <c r="X89799" i="1"/>
  <c r="X89800" i="1"/>
  <c r="X89801" i="1"/>
  <c r="X89802" i="1"/>
  <c r="X89803" i="1"/>
  <c r="X89804" i="1"/>
  <c r="X89805" i="1"/>
  <c r="X89806" i="1"/>
  <c r="X89807" i="1"/>
  <c r="X89808" i="1"/>
  <c r="X89809" i="1"/>
  <c r="X89810" i="1"/>
  <c r="X89811" i="1"/>
  <c r="X89812" i="1"/>
  <c r="X89813" i="1"/>
  <c r="X89814" i="1"/>
  <c r="X89815" i="1"/>
  <c r="X89816" i="1"/>
  <c r="X89817" i="1"/>
  <c r="X89818" i="1"/>
  <c r="X89819" i="1"/>
  <c r="X89820" i="1"/>
  <c r="X89821" i="1"/>
  <c r="X89822" i="1"/>
  <c r="X89823" i="1"/>
  <c r="X89824" i="1"/>
  <c r="X89825" i="1"/>
  <c r="X89826" i="1"/>
  <c r="X89827" i="1"/>
  <c r="X89828" i="1"/>
  <c r="X89829" i="1"/>
  <c r="X89830" i="1"/>
  <c r="X89831" i="1"/>
  <c r="X89832" i="1"/>
  <c r="X89833" i="1"/>
  <c r="X89834" i="1"/>
  <c r="X89835" i="1"/>
  <c r="X89836" i="1"/>
  <c r="X89837" i="1"/>
  <c r="X89838" i="1"/>
  <c r="X89839" i="1"/>
  <c r="X89840" i="1"/>
  <c r="X89841" i="1"/>
  <c r="X89842" i="1"/>
  <c r="X89843" i="1"/>
  <c r="X89844" i="1"/>
  <c r="X89845" i="1"/>
  <c r="X89846" i="1"/>
  <c r="X89847" i="1"/>
  <c r="X89848" i="1"/>
  <c r="X89849" i="1"/>
  <c r="X89850" i="1"/>
  <c r="X89851" i="1"/>
  <c r="X89852" i="1"/>
  <c r="X89853" i="1"/>
  <c r="X89854" i="1"/>
  <c r="X89855" i="1"/>
  <c r="X89856" i="1"/>
  <c r="X89857" i="1"/>
  <c r="X89858" i="1"/>
  <c r="X89859" i="1"/>
  <c r="X89860" i="1"/>
  <c r="X89861" i="1"/>
  <c r="X89862" i="1"/>
  <c r="X89863" i="1"/>
  <c r="X89864" i="1"/>
  <c r="X89865" i="1"/>
  <c r="X89866" i="1"/>
  <c r="X89867" i="1"/>
  <c r="X89868" i="1"/>
  <c r="X89869" i="1"/>
  <c r="X89870" i="1"/>
  <c r="X89871" i="1"/>
  <c r="X89872" i="1"/>
  <c r="X89873" i="1"/>
  <c r="X89874" i="1"/>
  <c r="X89875" i="1"/>
  <c r="X89876" i="1"/>
  <c r="X89877" i="1"/>
  <c r="X89878" i="1"/>
  <c r="X89879" i="1"/>
  <c r="X89880" i="1"/>
  <c r="X89881" i="1"/>
  <c r="X89882" i="1"/>
  <c r="X89883" i="1"/>
  <c r="X89884" i="1"/>
  <c r="X89885" i="1"/>
  <c r="X89886" i="1"/>
  <c r="X89887" i="1"/>
  <c r="X89888" i="1"/>
  <c r="X89889" i="1"/>
  <c r="X89890" i="1"/>
  <c r="X89891" i="1"/>
  <c r="X89892" i="1"/>
  <c r="X89893" i="1"/>
  <c r="X89894" i="1"/>
  <c r="X89895" i="1"/>
  <c r="X89896" i="1"/>
  <c r="X89897" i="1"/>
  <c r="X89898" i="1"/>
  <c r="X89899" i="1"/>
  <c r="X89900" i="1"/>
  <c r="X89901" i="1"/>
  <c r="X89902" i="1"/>
  <c r="X89903" i="1"/>
  <c r="X89904" i="1"/>
  <c r="X89905" i="1"/>
  <c r="X89906" i="1"/>
  <c r="X89907" i="1"/>
  <c r="X89908" i="1"/>
  <c r="X89909" i="1"/>
  <c r="X89910" i="1"/>
  <c r="X89911" i="1"/>
  <c r="X89912" i="1"/>
  <c r="X89913" i="1"/>
  <c r="X89914" i="1"/>
  <c r="X89915" i="1"/>
  <c r="X89916" i="1"/>
  <c r="X89917" i="1"/>
  <c r="X89918" i="1"/>
  <c r="X89919" i="1"/>
  <c r="X89920" i="1"/>
  <c r="X89921" i="1"/>
  <c r="X89922" i="1"/>
  <c r="X89923" i="1"/>
  <c r="X89924" i="1"/>
  <c r="X89925" i="1"/>
  <c r="X89926" i="1"/>
  <c r="X89927" i="1"/>
  <c r="X89928" i="1"/>
  <c r="X89929" i="1"/>
  <c r="X89930" i="1"/>
  <c r="X89931" i="1"/>
  <c r="X89932" i="1"/>
  <c r="X89933" i="1"/>
  <c r="X89934" i="1"/>
  <c r="X89935" i="1"/>
  <c r="X89936" i="1"/>
  <c r="X89937" i="1"/>
  <c r="X89938" i="1"/>
  <c r="X89939" i="1"/>
  <c r="X89940" i="1"/>
  <c r="X89941" i="1"/>
  <c r="X89942" i="1"/>
  <c r="X89943" i="1"/>
  <c r="X89944" i="1"/>
  <c r="X89945" i="1"/>
  <c r="X89946" i="1"/>
  <c r="X89947" i="1"/>
  <c r="X89948" i="1"/>
  <c r="X89949" i="1"/>
  <c r="X89950" i="1"/>
  <c r="X89951" i="1"/>
  <c r="X89952" i="1"/>
  <c r="X89953" i="1"/>
  <c r="X89954" i="1"/>
  <c r="X89955" i="1"/>
  <c r="X89956" i="1"/>
  <c r="X89957" i="1"/>
  <c r="X89958" i="1"/>
  <c r="X89959" i="1"/>
  <c r="X89960" i="1"/>
  <c r="X89961" i="1"/>
  <c r="X89962" i="1"/>
  <c r="X89963" i="1"/>
  <c r="X89964" i="1"/>
  <c r="X89965" i="1"/>
  <c r="X89966" i="1"/>
  <c r="X89967" i="1"/>
  <c r="X89968" i="1"/>
  <c r="X89969" i="1"/>
  <c r="X89970" i="1"/>
  <c r="X89971" i="1"/>
  <c r="X89972" i="1"/>
  <c r="X89973" i="1"/>
  <c r="X89974" i="1"/>
  <c r="X89975" i="1"/>
  <c r="X89976" i="1"/>
  <c r="X89977" i="1"/>
  <c r="X89978" i="1"/>
  <c r="X89979" i="1"/>
  <c r="X89980" i="1"/>
  <c r="X89981" i="1"/>
  <c r="X89982" i="1"/>
  <c r="X89983" i="1"/>
  <c r="X89984" i="1"/>
  <c r="X89985" i="1"/>
  <c r="X89986" i="1"/>
  <c r="X89987" i="1"/>
  <c r="X89988" i="1"/>
  <c r="X89989" i="1"/>
  <c r="X89990" i="1"/>
  <c r="X89991" i="1"/>
  <c r="X89992" i="1"/>
  <c r="X89993" i="1"/>
  <c r="X89994" i="1"/>
  <c r="X89995" i="1"/>
  <c r="X89996" i="1"/>
  <c r="X89997" i="1"/>
  <c r="X89998" i="1"/>
  <c r="X89999" i="1"/>
  <c r="X90000" i="1"/>
  <c r="X90001" i="1"/>
  <c r="X90002" i="1"/>
  <c r="X90003" i="1"/>
  <c r="X90004" i="1"/>
  <c r="X90005" i="1"/>
  <c r="X90006" i="1"/>
  <c r="X90007" i="1"/>
  <c r="X90008" i="1"/>
  <c r="X90009" i="1"/>
  <c r="X90010" i="1"/>
  <c r="X90011" i="1"/>
  <c r="X90012" i="1"/>
  <c r="X90013" i="1"/>
  <c r="X90014" i="1"/>
  <c r="X90015" i="1"/>
  <c r="X90016" i="1"/>
  <c r="X90017" i="1"/>
  <c r="X90018" i="1"/>
  <c r="X90019" i="1"/>
  <c r="X90020" i="1"/>
  <c r="X90021" i="1"/>
  <c r="X90022" i="1"/>
  <c r="X90023" i="1"/>
  <c r="X90024" i="1"/>
  <c r="X90025" i="1"/>
  <c r="X90026" i="1"/>
  <c r="X90027" i="1"/>
  <c r="X90028" i="1"/>
  <c r="X90029" i="1"/>
  <c r="X90030" i="1"/>
  <c r="X90031" i="1"/>
  <c r="X90032" i="1"/>
  <c r="X90033" i="1"/>
  <c r="X90034" i="1"/>
  <c r="X90035" i="1"/>
  <c r="X90036" i="1"/>
  <c r="X90037" i="1"/>
  <c r="X90038" i="1"/>
  <c r="X90039" i="1"/>
  <c r="X90040" i="1"/>
  <c r="X90041" i="1"/>
  <c r="X90042" i="1"/>
  <c r="X90043" i="1"/>
  <c r="X90044" i="1"/>
  <c r="X90045" i="1"/>
  <c r="X90046" i="1"/>
  <c r="X90047" i="1"/>
  <c r="X90048" i="1"/>
  <c r="X90049" i="1"/>
  <c r="X90050" i="1"/>
  <c r="X90051" i="1"/>
  <c r="X90052" i="1"/>
  <c r="X90053" i="1"/>
  <c r="X90054" i="1"/>
  <c r="X90055" i="1"/>
  <c r="X90056" i="1"/>
  <c r="X90057" i="1"/>
  <c r="X90058" i="1"/>
  <c r="X90059" i="1"/>
  <c r="X90060" i="1"/>
  <c r="X90061" i="1"/>
  <c r="X90062" i="1"/>
  <c r="X90063" i="1"/>
  <c r="X90064" i="1"/>
  <c r="X90065" i="1"/>
  <c r="X90066" i="1"/>
  <c r="X90067" i="1"/>
  <c r="X90068" i="1"/>
  <c r="X90069" i="1"/>
  <c r="X90070" i="1"/>
  <c r="X90071" i="1"/>
  <c r="X90072" i="1"/>
  <c r="X90073" i="1"/>
  <c r="X90074" i="1"/>
  <c r="X90075" i="1"/>
  <c r="X90076" i="1"/>
  <c r="X90077" i="1"/>
  <c r="X90078" i="1"/>
  <c r="X90079" i="1"/>
  <c r="X90080" i="1"/>
  <c r="X90081" i="1"/>
  <c r="X90082" i="1"/>
  <c r="X90083" i="1"/>
  <c r="X90084" i="1"/>
  <c r="X90085" i="1"/>
  <c r="X90086" i="1"/>
  <c r="X90087" i="1"/>
  <c r="X90088" i="1"/>
  <c r="X90089" i="1"/>
  <c r="X90090" i="1"/>
  <c r="X90091" i="1"/>
  <c r="X90092" i="1"/>
  <c r="X90093" i="1"/>
  <c r="X90094" i="1"/>
  <c r="X90095" i="1"/>
  <c r="X90096" i="1"/>
  <c r="X90097" i="1"/>
  <c r="X90098" i="1"/>
  <c r="X90099" i="1"/>
  <c r="X90100" i="1"/>
  <c r="X90101" i="1"/>
  <c r="X90102" i="1"/>
  <c r="X90103" i="1"/>
  <c r="X90104" i="1"/>
  <c r="X90105" i="1"/>
  <c r="X90106" i="1"/>
  <c r="X90107" i="1"/>
  <c r="X90108" i="1"/>
  <c r="X90109" i="1"/>
  <c r="X90110" i="1"/>
  <c r="X90111" i="1"/>
  <c r="X90112" i="1"/>
  <c r="X90113" i="1"/>
  <c r="X90114" i="1"/>
  <c r="X90115" i="1"/>
  <c r="X90116" i="1"/>
  <c r="X90117" i="1"/>
  <c r="X90118" i="1"/>
  <c r="X90119" i="1"/>
  <c r="X90120" i="1"/>
  <c r="X90121" i="1"/>
  <c r="X90122" i="1"/>
  <c r="X90123" i="1"/>
  <c r="X90124" i="1"/>
  <c r="X90125" i="1"/>
  <c r="X90126" i="1"/>
  <c r="X90127" i="1"/>
  <c r="X90128" i="1"/>
  <c r="X90129" i="1"/>
  <c r="X90130" i="1"/>
  <c r="X90131" i="1"/>
  <c r="X90132" i="1"/>
  <c r="X90133" i="1"/>
  <c r="X90134" i="1"/>
  <c r="X90135" i="1"/>
  <c r="X90136" i="1"/>
  <c r="X90137" i="1"/>
  <c r="X90138" i="1"/>
  <c r="X90139" i="1"/>
  <c r="X90140" i="1"/>
  <c r="X90141" i="1"/>
  <c r="X90142" i="1"/>
  <c r="X90143" i="1"/>
  <c r="X90144" i="1"/>
  <c r="X90145" i="1"/>
  <c r="X90146" i="1"/>
  <c r="X90147" i="1"/>
  <c r="X90148" i="1"/>
  <c r="X90149" i="1"/>
  <c r="X90150" i="1"/>
  <c r="X90151" i="1"/>
  <c r="X90152" i="1"/>
  <c r="X90153" i="1"/>
  <c r="X90154" i="1"/>
  <c r="X90155" i="1"/>
  <c r="X90156" i="1"/>
  <c r="X90157" i="1"/>
  <c r="X90158" i="1"/>
  <c r="X90159" i="1"/>
  <c r="X90160" i="1"/>
  <c r="X90161" i="1"/>
  <c r="X90162" i="1"/>
  <c r="X90163" i="1"/>
  <c r="X90164" i="1"/>
  <c r="X90165" i="1"/>
  <c r="X90166" i="1"/>
  <c r="X90167" i="1"/>
  <c r="X90168" i="1"/>
  <c r="X90169" i="1"/>
  <c r="X90170" i="1"/>
  <c r="X90171" i="1"/>
  <c r="X90172" i="1"/>
  <c r="X90173" i="1"/>
  <c r="X90174" i="1"/>
  <c r="X90175" i="1"/>
  <c r="X90176" i="1"/>
  <c r="X90177" i="1"/>
  <c r="X90178" i="1"/>
  <c r="X90179" i="1"/>
  <c r="X90180" i="1"/>
  <c r="X90181" i="1"/>
  <c r="X90182" i="1"/>
  <c r="X90183" i="1"/>
  <c r="X90184" i="1"/>
  <c r="X90185" i="1"/>
  <c r="X90186" i="1"/>
  <c r="X90187" i="1"/>
  <c r="X90188" i="1"/>
  <c r="X90189" i="1"/>
  <c r="X90190" i="1"/>
  <c r="X90191" i="1"/>
  <c r="X90192" i="1"/>
  <c r="X90193" i="1"/>
  <c r="X90194" i="1"/>
  <c r="X90195" i="1"/>
  <c r="X90196" i="1"/>
  <c r="X90197" i="1"/>
  <c r="X90198" i="1"/>
  <c r="X90199" i="1"/>
  <c r="X90200" i="1"/>
  <c r="X90201" i="1"/>
  <c r="X90202" i="1"/>
  <c r="X90203" i="1"/>
  <c r="X90204" i="1"/>
  <c r="X90205" i="1"/>
  <c r="X90206" i="1"/>
  <c r="X90207" i="1"/>
  <c r="X90208" i="1"/>
  <c r="X90209" i="1"/>
  <c r="X90210" i="1"/>
  <c r="X90211" i="1"/>
  <c r="X90212" i="1"/>
  <c r="X90213" i="1"/>
  <c r="X90214" i="1"/>
  <c r="X90215" i="1"/>
  <c r="X90216" i="1"/>
  <c r="X90217" i="1"/>
  <c r="X90218" i="1"/>
  <c r="X90219" i="1"/>
  <c r="X90220" i="1"/>
  <c r="X90221" i="1"/>
  <c r="X90222" i="1"/>
  <c r="X90223" i="1"/>
  <c r="X90224" i="1"/>
  <c r="X90225" i="1"/>
  <c r="X90226" i="1"/>
  <c r="X90227" i="1"/>
  <c r="X90228" i="1"/>
  <c r="X90229" i="1"/>
  <c r="X90230" i="1"/>
  <c r="X90231" i="1"/>
  <c r="X90232" i="1"/>
  <c r="X90233" i="1"/>
  <c r="X90234" i="1"/>
  <c r="X90235" i="1"/>
  <c r="X90236" i="1"/>
  <c r="X90237" i="1"/>
  <c r="X90238" i="1"/>
  <c r="X90239" i="1"/>
  <c r="X90240" i="1"/>
  <c r="X90241" i="1"/>
  <c r="X90242" i="1"/>
  <c r="X90243" i="1"/>
  <c r="X90244" i="1"/>
  <c r="X90245" i="1"/>
  <c r="X90246" i="1"/>
  <c r="X90247" i="1"/>
  <c r="X90248" i="1"/>
  <c r="X90249" i="1"/>
  <c r="X90250" i="1"/>
  <c r="X90251" i="1"/>
  <c r="X90252" i="1"/>
  <c r="X90253" i="1"/>
  <c r="X90254" i="1"/>
  <c r="X90255" i="1"/>
  <c r="X90256" i="1"/>
  <c r="X90257" i="1"/>
  <c r="X90258" i="1"/>
  <c r="X90259" i="1"/>
  <c r="X90260" i="1"/>
  <c r="X90261" i="1"/>
  <c r="X90262" i="1"/>
  <c r="X90263" i="1"/>
  <c r="X90264" i="1"/>
  <c r="X90265" i="1"/>
  <c r="X90266" i="1"/>
  <c r="X90267" i="1"/>
  <c r="X90268" i="1"/>
  <c r="X90269" i="1"/>
  <c r="X90270" i="1"/>
  <c r="X90271" i="1"/>
  <c r="X90272" i="1"/>
  <c r="X90273" i="1"/>
  <c r="X90274" i="1"/>
  <c r="X90275" i="1"/>
  <c r="X90276" i="1"/>
  <c r="X90277" i="1"/>
  <c r="X90278" i="1"/>
  <c r="X90279" i="1"/>
  <c r="X90280" i="1"/>
  <c r="X90281" i="1"/>
  <c r="X90282" i="1"/>
  <c r="X90283" i="1"/>
  <c r="X90284" i="1"/>
  <c r="X90285" i="1"/>
  <c r="X90286" i="1"/>
  <c r="X90287" i="1"/>
  <c r="X90288" i="1"/>
  <c r="X90289" i="1"/>
  <c r="X90290" i="1"/>
  <c r="X90291" i="1"/>
  <c r="X90292" i="1"/>
  <c r="X90293" i="1"/>
  <c r="X90294" i="1"/>
  <c r="X90295" i="1"/>
  <c r="X90296" i="1"/>
  <c r="X90297" i="1"/>
  <c r="X90298" i="1"/>
  <c r="X90299" i="1"/>
  <c r="X90300" i="1"/>
  <c r="X90301" i="1"/>
  <c r="X90302" i="1"/>
  <c r="X90303" i="1"/>
  <c r="X90304" i="1"/>
  <c r="X90305" i="1"/>
  <c r="X90306" i="1"/>
  <c r="X90307" i="1"/>
  <c r="X90308" i="1"/>
  <c r="X90309" i="1"/>
  <c r="X90310" i="1"/>
  <c r="X90311" i="1"/>
  <c r="X90312" i="1"/>
  <c r="X90313" i="1"/>
  <c r="X90314" i="1"/>
  <c r="X90315" i="1"/>
  <c r="X90316" i="1"/>
  <c r="X90317" i="1"/>
  <c r="X90318" i="1"/>
  <c r="X90319" i="1"/>
  <c r="X90320" i="1"/>
  <c r="X90321" i="1"/>
  <c r="X90322" i="1"/>
  <c r="X90323" i="1"/>
  <c r="X90324" i="1"/>
  <c r="X90325" i="1"/>
  <c r="X90326" i="1"/>
  <c r="X90327" i="1"/>
  <c r="X90328" i="1"/>
  <c r="X90329" i="1"/>
  <c r="X90330" i="1"/>
  <c r="X90331" i="1"/>
  <c r="X90332" i="1"/>
  <c r="X90333" i="1"/>
  <c r="X90334" i="1"/>
  <c r="X90335" i="1"/>
  <c r="X90336" i="1"/>
  <c r="X90337" i="1"/>
  <c r="X90338" i="1"/>
  <c r="X90339" i="1"/>
  <c r="X90340" i="1"/>
  <c r="X90341" i="1"/>
  <c r="X90342" i="1"/>
  <c r="X90343" i="1"/>
  <c r="X90344" i="1"/>
  <c r="X90345" i="1"/>
  <c r="X90346" i="1"/>
  <c r="X90347" i="1"/>
  <c r="X90348" i="1"/>
  <c r="X90349" i="1"/>
  <c r="X90350" i="1"/>
  <c r="X90351" i="1"/>
  <c r="X90352" i="1"/>
  <c r="X90353" i="1"/>
  <c r="X90354" i="1"/>
  <c r="X90355" i="1"/>
  <c r="X90356" i="1"/>
  <c r="X90357" i="1"/>
  <c r="X90358" i="1"/>
  <c r="X90359" i="1"/>
  <c r="X90360" i="1"/>
  <c r="X90361" i="1"/>
  <c r="X90362" i="1"/>
  <c r="X90363" i="1"/>
  <c r="X90364" i="1"/>
  <c r="X90365" i="1"/>
  <c r="X90366" i="1"/>
  <c r="X90367" i="1"/>
  <c r="X90368" i="1"/>
  <c r="X90369" i="1"/>
  <c r="X90370" i="1"/>
  <c r="X90371" i="1"/>
  <c r="X90372" i="1"/>
  <c r="X90373" i="1"/>
  <c r="X90374" i="1"/>
  <c r="X90375" i="1"/>
  <c r="X90376" i="1"/>
  <c r="X90377" i="1"/>
  <c r="X90378" i="1"/>
  <c r="X90379" i="1"/>
  <c r="X90380" i="1"/>
  <c r="X90381" i="1"/>
  <c r="X90382" i="1"/>
  <c r="X90383" i="1"/>
  <c r="X90384" i="1"/>
  <c r="X90385" i="1"/>
  <c r="X90386" i="1"/>
  <c r="X90387" i="1"/>
  <c r="X90388" i="1"/>
  <c r="X90389" i="1"/>
  <c r="X90390" i="1"/>
  <c r="X90391" i="1"/>
  <c r="X90392" i="1"/>
  <c r="X90393" i="1"/>
  <c r="X90394" i="1"/>
  <c r="X90395" i="1"/>
  <c r="X90396" i="1"/>
  <c r="X90397" i="1"/>
  <c r="X90398" i="1"/>
  <c r="X90399" i="1"/>
  <c r="X90400" i="1"/>
  <c r="X90401" i="1"/>
  <c r="X90402" i="1"/>
  <c r="X90403" i="1"/>
  <c r="X90404" i="1"/>
  <c r="X90405" i="1"/>
  <c r="X90406" i="1"/>
  <c r="X90407" i="1"/>
  <c r="X90408" i="1"/>
  <c r="X90409" i="1"/>
  <c r="X90410" i="1"/>
  <c r="X90411" i="1"/>
  <c r="X90412" i="1"/>
  <c r="X90413" i="1"/>
  <c r="X90414" i="1"/>
  <c r="X90415" i="1"/>
  <c r="X90416" i="1"/>
  <c r="X90417" i="1"/>
  <c r="X90418" i="1"/>
  <c r="X90419" i="1"/>
  <c r="X90420" i="1"/>
  <c r="X90421" i="1"/>
  <c r="X90422" i="1"/>
  <c r="X90423" i="1"/>
  <c r="X90424" i="1"/>
  <c r="X90425" i="1"/>
  <c r="X90426" i="1"/>
  <c r="X90427" i="1"/>
  <c r="X90428" i="1"/>
  <c r="X90429" i="1"/>
  <c r="X90430" i="1"/>
  <c r="X90431" i="1"/>
  <c r="X90432" i="1"/>
  <c r="X90433" i="1"/>
  <c r="X90434" i="1"/>
  <c r="X90435" i="1"/>
  <c r="X90436" i="1"/>
  <c r="X90437" i="1"/>
  <c r="X90438" i="1"/>
  <c r="X90439" i="1"/>
  <c r="X90440" i="1"/>
  <c r="X90441" i="1"/>
  <c r="X90442" i="1"/>
  <c r="X90443" i="1"/>
  <c r="X90444" i="1"/>
  <c r="X90445" i="1"/>
  <c r="X90446" i="1"/>
  <c r="X90447" i="1"/>
  <c r="X90448" i="1"/>
  <c r="X90449" i="1"/>
  <c r="X90450" i="1"/>
  <c r="X90451" i="1"/>
  <c r="X90452" i="1"/>
  <c r="X90453" i="1"/>
  <c r="X90454" i="1"/>
  <c r="X90455" i="1"/>
  <c r="X90456" i="1"/>
  <c r="X90457" i="1"/>
  <c r="X90458" i="1"/>
  <c r="X90459" i="1"/>
  <c r="X90460" i="1"/>
  <c r="X90461" i="1"/>
  <c r="X90462" i="1"/>
  <c r="X90463" i="1"/>
  <c r="X90464" i="1"/>
  <c r="X90465" i="1"/>
  <c r="X90466" i="1"/>
  <c r="X90467" i="1"/>
  <c r="X90468" i="1"/>
  <c r="X90469" i="1"/>
  <c r="X90470" i="1"/>
  <c r="X90471" i="1"/>
  <c r="X90472" i="1"/>
  <c r="X90473" i="1"/>
  <c r="X90474" i="1"/>
  <c r="X90475" i="1"/>
  <c r="X90476" i="1"/>
  <c r="X90477" i="1"/>
  <c r="X90478" i="1"/>
  <c r="X90479" i="1"/>
  <c r="X90480" i="1"/>
  <c r="X90481" i="1"/>
  <c r="X90482" i="1"/>
  <c r="X90483" i="1"/>
  <c r="X90484" i="1"/>
  <c r="X90485" i="1"/>
  <c r="X90486" i="1"/>
  <c r="X90487" i="1"/>
  <c r="X90488" i="1"/>
  <c r="X90489" i="1"/>
  <c r="X90490" i="1"/>
  <c r="X90491" i="1"/>
  <c r="X90492" i="1"/>
  <c r="X90493" i="1"/>
  <c r="X90494" i="1"/>
  <c r="X90495" i="1"/>
  <c r="X90496" i="1"/>
  <c r="X90497" i="1"/>
  <c r="X90498" i="1"/>
  <c r="X90499" i="1"/>
  <c r="X90500" i="1"/>
  <c r="X90501" i="1"/>
  <c r="X90502" i="1"/>
  <c r="X90503" i="1"/>
  <c r="X90504" i="1"/>
  <c r="X90505" i="1"/>
  <c r="X90506" i="1"/>
  <c r="X90507" i="1"/>
  <c r="X90508" i="1"/>
  <c r="X90509" i="1"/>
  <c r="X90510" i="1"/>
  <c r="X90511" i="1"/>
  <c r="X90512" i="1"/>
  <c r="X90513" i="1"/>
  <c r="X90514" i="1"/>
  <c r="X90515" i="1"/>
  <c r="X90516" i="1"/>
  <c r="X90517" i="1"/>
  <c r="X90518" i="1"/>
  <c r="X90519" i="1"/>
  <c r="X90520" i="1"/>
  <c r="X90521" i="1"/>
  <c r="X90522" i="1"/>
  <c r="X90523" i="1"/>
  <c r="X90524" i="1"/>
  <c r="X90525" i="1"/>
  <c r="X90526" i="1"/>
  <c r="X90527" i="1"/>
  <c r="X90528" i="1"/>
  <c r="X90529" i="1"/>
  <c r="X90530" i="1"/>
  <c r="X90531" i="1"/>
  <c r="X90532" i="1"/>
  <c r="X90533" i="1"/>
  <c r="X90534" i="1"/>
  <c r="X90535" i="1"/>
  <c r="X90536" i="1"/>
  <c r="X90537" i="1"/>
  <c r="X90538" i="1"/>
  <c r="X90539" i="1"/>
  <c r="X90540" i="1"/>
  <c r="X90541" i="1"/>
  <c r="X90542" i="1"/>
  <c r="X90543" i="1"/>
  <c r="X90544" i="1"/>
  <c r="X90545" i="1"/>
  <c r="X90546" i="1"/>
  <c r="X90547" i="1"/>
  <c r="X90548" i="1"/>
  <c r="X90549" i="1"/>
  <c r="X90550" i="1"/>
  <c r="X90551" i="1"/>
  <c r="X90552" i="1"/>
  <c r="X90553" i="1"/>
  <c r="X90554" i="1"/>
  <c r="X90555" i="1"/>
  <c r="X90556" i="1"/>
  <c r="X90557" i="1"/>
  <c r="X90558" i="1"/>
  <c r="X90559" i="1"/>
  <c r="X90560" i="1"/>
  <c r="X90561" i="1"/>
  <c r="X90562" i="1"/>
  <c r="X90563" i="1"/>
  <c r="X90564" i="1"/>
  <c r="X90565" i="1"/>
  <c r="X90566" i="1"/>
  <c r="X90567" i="1"/>
  <c r="X90568" i="1"/>
  <c r="X90569" i="1"/>
  <c r="X90570" i="1"/>
  <c r="X90571" i="1"/>
  <c r="X90572" i="1"/>
  <c r="X90573" i="1"/>
  <c r="X90574" i="1"/>
  <c r="X90575" i="1"/>
  <c r="X90576" i="1"/>
  <c r="X90577" i="1"/>
  <c r="X90578" i="1"/>
  <c r="X90579" i="1"/>
  <c r="X90580" i="1"/>
  <c r="X90581" i="1"/>
  <c r="X90582" i="1"/>
  <c r="X90583" i="1"/>
  <c r="X90584" i="1"/>
  <c r="X90585" i="1"/>
  <c r="X90586" i="1"/>
  <c r="X90587" i="1"/>
  <c r="X90588" i="1"/>
  <c r="X90589" i="1"/>
  <c r="X90590" i="1"/>
  <c r="X90591" i="1"/>
  <c r="X90592" i="1"/>
  <c r="X90593" i="1"/>
  <c r="X90594" i="1"/>
  <c r="X90595" i="1"/>
  <c r="X90596" i="1"/>
  <c r="X90597" i="1"/>
  <c r="X90598" i="1"/>
  <c r="X90599" i="1"/>
  <c r="X90600" i="1"/>
  <c r="X90601" i="1"/>
  <c r="X90602" i="1"/>
  <c r="X90603" i="1"/>
  <c r="X90604" i="1"/>
  <c r="X90605" i="1"/>
  <c r="X90606" i="1"/>
  <c r="X90607" i="1"/>
  <c r="X90608" i="1"/>
  <c r="X90609" i="1"/>
  <c r="X90610" i="1"/>
  <c r="X90611" i="1"/>
  <c r="X90612" i="1"/>
  <c r="X90613" i="1"/>
  <c r="X90614" i="1"/>
  <c r="X90615" i="1"/>
  <c r="X90616" i="1"/>
  <c r="X90617" i="1"/>
  <c r="X90618" i="1"/>
  <c r="X90619" i="1"/>
  <c r="X90620" i="1"/>
  <c r="X90621" i="1"/>
  <c r="X90622" i="1"/>
  <c r="X90623" i="1"/>
  <c r="X90624" i="1"/>
  <c r="X90625" i="1"/>
  <c r="X90626" i="1"/>
  <c r="X90627" i="1"/>
  <c r="X90628" i="1"/>
  <c r="X90629" i="1"/>
  <c r="X90630" i="1"/>
  <c r="X90631" i="1"/>
  <c r="X90632" i="1"/>
  <c r="X90633" i="1"/>
  <c r="X90634" i="1"/>
  <c r="X90635" i="1"/>
  <c r="X90636" i="1"/>
  <c r="X90637" i="1"/>
  <c r="X90638" i="1"/>
  <c r="X90639" i="1"/>
  <c r="X90640" i="1"/>
  <c r="X90641" i="1"/>
  <c r="X90642" i="1"/>
  <c r="X90643" i="1"/>
  <c r="X90644" i="1"/>
  <c r="X90645" i="1"/>
  <c r="X90646" i="1"/>
  <c r="X90647" i="1"/>
  <c r="X90648" i="1"/>
  <c r="X90649" i="1"/>
  <c r="X90650" i="1"/>
  <c r="X90651" i="1"/>
  <c r="X90652" i="1"/>
  <c r="X90653" i="1"/>
  <c r="X90654" i="1"/>
  <c r="X90655" i="1"/>
  <c r="X90656" i="1"/>
  <c r="X90657" i="1"/>
  <c r="X90658" i="1"/>
  <c r="X90659" i="1"/>
  <c r="X90660" i="1"/>
  <c r="X90661" i="1"/>
  <c r="X90662" i="1"/>
  <c r="X90663" i="1"/>
  <c r="X90664" i="1"/>
  <c r="X90665" i="1"/>
  <c r="X90666" i="1"/>
  <c r="X90667" i="1"/>
  <c r="X90668" i="1"/>
  <c r="X90669" i="1"/>
  <c r="X90670" i="1"/>
  <c r="X90671" i="1"/>
  <c r="X90672" i="1"/>
  <c r="X90673" i="1"/>
  <c r="X90674" i="1"/>
  <c r="X90675" i="1"/>
  <c r="X90676" i="1"/>
  <c r="X90677" i="1"/>
  <c r="X90678" i="1"/>
  <c r="X90679" i="1"/>
  <c r="X90680" i="1"/>
  <c r="X90681" i="1"/>
  <c r="X90682" i="1"/>
  <c r="X90683" i="1"/>
  <c r="X90684" i="1"/>
  <c r="X90685" i="1"/>
  <c r="X90686" i="1"/>
  <c r="X90687" i="1"/>
  <c r="X90688" i="1"/>
  <c r="X90689" i="1"/>
  <c r="X90690" i="1"/>
  <c r="X90691" i="1"/>
  <c r="X90692" i="1"/>
  <c r="X90693" i="1"/>
  <c r="X90694" i="1"/>
  <c r="X90695" i="1"/>
  <c r="X90696" i="1"/>
  <c r="X90697" i="1"/>
  <c r="X90698" i="1"/>
  <c r="X90699" i="1"/>
  <c r="X90700" i="1"/>
  <c r="X90701" i="1"/>
  <c r="X90702" i="1"/>
  <c r="X90703" i="1"/>
  <c r="X90704" i="1"/>
  <c r="X90705" i="1"/>
  <c r="X90706" i="1"/>
  <c r="X90707" i="1"/>
  <c r="X90708" i="1"/>
  <c r="X90709" i="1"/>
  <c r="X90710" i="1"/>
  <c r="X90711" i="1"/>
  <c r="X90712" i="1"/>
  <c r="X90713" i="1"/>
  <c r="X90714" i="1"/>
  <c r="X90715" i="1"/>
  <c r="X90716" i="1"/>
  <c r="X90717" i="1"/>
  <c r="X90718" i="1"/>
  <c r="X90719" i="1"/>
  <c r="X90720" i="1"/>
  <c r="X90721" i="1"/>
  <c r="X90722" i="1"/>
  <c r="X90723" i="1"/>
  <c r="X90724" i="1"/>
  <c r="X90725" i="1"/>
  <c r="X90726" i="1"/>
  <c r="X90727" i="1"/>
  <c r="X90728" i="1"/>
  <c r="X90729" i="1"/>
  <c r="X90730" i="1"/>
  <c r="X90731" i="1"/>
  <c r="X90732" i="1"/>
  <c r="X90733" i="1"/>
  <c r="X90734" i="1"/>
  <c r="X90735" i="1"/>
  <c r="X90736" i="1"/>
  <c r="X90737" i="1"/>
  <c r="X90738" i="1"/>
  <c r="X90739" i="1"/>
  <c r="X90740" i="1"/>
  <c r="X90741" i="1"/>
  <c r="X90742" i="1"/>
  <c r="X90743" i="1"/>
  <c r="X90744" i="1"/>
  <c r="X90745" i="1"/>
  <c r="X90746" i="1"/>
  <c r="X90747" i="1"/>
  <c r="X90748" i="1"/>
  <c r="X90749" i="1"/>
  <c r="X90750" i="1"/>
  <c r="X90751" i="1"/>
  <c r="X90752" i="1"/>
  <c r="X90753" i="1"/>
  <c r="X90754" i="1"/>
  <c r="X90755" i="1"/>
  <c r="X90756" i="1"/>
  <c r="X90757" i="1"/>
  <c r="X90758" i="1"/>
  <c r="X90759" i="1"/>
  <c r="X90760" i="1"/>
  <c r="X90761" i="1"/>
  <c r="X90762" i="1"/>
  <c r="X90763" i="1"/>
  <c r="X90764" i="1"/>
  <c r="X90765" i="1"/>
  <c r="X90766" i="1"/>
  <c r="X90767" i="1"/>
  <c r="X90768" i="1"/>
  <c r="X90769" i="1"/>
  <c r="X90770" i="1"/>
  <c r="X90771" i="1"/>
  <c r="X90772" i="1"/>
  <c r="X90773" i="1"/>
  <c r="X90774" i="1"/>
  <c r="X90775" i="1"/>
  <c r="X90776" i="1"/>
  <c r="X90777" i="1"/>
  <c r="X90778" i="1"/>
  <c r="X90779" i="1"/>
  <c r="X90780" i="1"/>
  <c r="X90781" i="1"/>
  <c r="X90782" i="1"/>
  <c r="X90783" i="1"/>
  <c r="X90784" i="1"/>
  <c r="X90785" i="1"/>
  <c r="X90786" i="1"/>
  <c r="X90787" i="1"/>
  <c r="X90788" i="1"/>
  <c r="X90789" i="1"/>
  <c r="X90790" i="1"/>
  <c r="X90791" i="1"/>
  <c r="X90792" i="1"/>
  <c r="X90793" i="1"/>
  <c r="X90794" i="1"/>
  <c r="X90795" i="1"/>
  <c r="X90796" i="1"/>
  <c r="X90797" i="1"/>
  <c r="X90798" i="1"/>
  <c r="X90799" i="1"/>
  <c r="X90800" i="1"/>
  <c r="X90801" i="1"/>
  <c r="X90802" i="1"/>
  <c r="X90803" i="1"/>
  <c r="X90804" i="1"/>
  <c r="X90805" i="1"/>
  <c r="X90806" i="1"/>
  <c r="X90807" i="1"/>
  <c r="X90808" i="1"/>
  <c r="X90809" i="1"/>
  <c r="X90810" i="1"/>
  <c r="X90811" i="1"/>
  <c r="X90812" i="1"/>
  <c r="X90813" i="1"/>
  <c r="X90814" i="1"/>
  <c r="X90815" i="1"/>
  <c r="X90816" i="1"/>
  <c r="X90817" i="1"/>
  <c r="X90818" i="1"/>
  <c r="X90819" i="1"/>
  <c r="X90820" i="1"/>
  <c r="X90821" i="1"/>
  <c r="X90822" i="1"/>
  <c r="X90823" i="1"/>
  <c r="X90824" i="1"/>
  <c r="X90825" i="1"/>
  <c r="X90826" i="1"/>
  <c r="X90827" i="1"/>
  <c r="X90828" i="1"/>
  <c r="X90829" i="1"/>
  <c r="X90830" i="1"/>
  <c r="X90831" i="1"/>
  <c r="X90832" i="1"/>
  <c r="X90833" i="1"/>
  <c r="X90834" i="1"/>
  <c r="X90835" i="1"/>
  <c r="X90836" i="1"/>
  <c r="X90837" i="1"/>
  <c r="X90838" i="1"/>
  <c r="X90839" i="1"/>
  <c r="X90840" i="1"/>
  <c r="X90841" i="1"/>
  <c r="X90842" i="1"/>
  <c r="X90843" i="1"/>
  <c r="X90844" i="1"/>
  <c r="X90845" i="1"/>
  <c r="X90846" i="1"/>
  <c r="X90847" i="1"/>
  <c r="X90848" i="1"/>
  <c r="X90849" i="1"/>
  <c r="X90850" i="1"/>
  <c r="X90851" i="1"/>
  <c r="X90852" i="1"/>
  <c r="X90853" i="1"/>
  <c r="X90854" i="1"/>
  <c r="X90855" i="1"/>
  <c r="X90856" i="1"/>
  <c r="X90857" i="1"/>
  <c r="X90858" i="1"/>
  <c r="X90859" i="1"/>
  <c r="X90860" i="1"/>
  <c r="X90861" i="1"/>
  <c r="X90862" i="1"/>
  <c r="X90863" i="1"/>
  <c r="X90864" i="1"/>
  <c r="X90865" i="1"/>
  <c r="X90866" i="1"/>
  <c r="X90867" i="1"/>
  <c r="X90868" i="1"/>
  <c r="X90869" i="1"/>
  <c r="X90870" i="1"/>
  <c r="X90871" i="1"/>
  <c r="X90872" i="1"/>
  <c r="X90873" i="1"/>
  <c r="X90874" i="1"/>
  <c r="X90875" i="1"/>
  <c r="X90876" i="1"/>
  <c r="X90877" i="1"/>
  <c r="X90878" i="1"/>
  <c r="X90879" i="1"/>
  <c r="X90880" i="1"/>
  <c r="X90881" i="1"/>
  <c r="X90882" i="1"/>
  <c r="X90883" i="1"/>
  <c r="X90884" i="1"/>
  <c r="X90885" i="1"/>
  <c r="X90886" i="1"/>
  <c r="X90887" i="1"/>
  <c r="X90888" i="1"/>
  <c r="X90889" i="1"/>
  <c r="X90890" i="1"/>
  <c r="X90891" i="1"/>
  <c r="X90892" i="1"/>
  <c r="X90893" i="1"/>
  <c r="X90894" i="1"/>
  <c r="X90895" i="1"/>
  <c r="X90896" i="1"/>
  <c r="X90897" i="1"/>
  <c r="X90898" i="1"/>
  <c r="X90899" i="1"/>
  <c r="X90900" i="1"/>
  <c r="X90901" i="1"/>
  <c r="X90902" i="1"/>
  <c r="X90903" i="1"/>
  <c r="X90904" i="1"/>
  <c r="X90905" i="1"/>
  <c r="X90906" i="1"/>
  <c r="X90907" i="1"/>
  <c r="X90908" i="1"/>
  <c r="X90909" i="1"/>
  <c r="X90910" i="1"/>
  <c r="X90911" i="1"/>
  <c r="X90912" i="1"/>
  <c r="X90913" i="1"/>
  <c r="X90914" i="1"/>
  <c r="X90915" i="1"/>
  <c r="X90916" i="1"/>
  <c r="X90917" i="1"/>
  <c r="X90918" i="1"/>
  <c r="X90919" i="1"/>
  <c r="X90920" i="1"/>
  <c r="X90921" i="1"/>
  <c r="X90922" i="1"/>
  <c r="X90923" i="1"/>
  <c r="X90924" i="1"/>
  <c r="X90925" i="1"/>
  <c r="X90926" i="1"/>
  <c r="X90927" i="1"/>
  <c r="X90928" i="1"/>
  <c r="X90929" i="1"/>
  <c r="X90930" i="1"/>
  <c r="X90931" i="1"/>
  <c r="X90932" i="1"/>
  <c r="X90933" i="1"/>
  <c r="X90934" i="1"/>
  <c r="X90935" i="1"/>
  <c r="X90936" i="1"/>
  <c r="X90937" i="1"/>
  <c r="X90938" i="1"/>
  <c r="X90939" i="1"/>
  <c r="X90940" i="1"/>
  <c r="X90941" i="1"/>
  <c r="X90942" i="1"/>
  <c r="X90943" i="1"/>
  <c r="X90944" i="1"/>
  <c r="X90945" i="1"/>
  <c r="X90946" i="1"/>
  <c r="X90947" i="1"/>
  <c r="X90948" i="1"/>
  <c r="X90949" i="1"/>
  <c r="X90950" i="1"/>
  <c r="X90951" i="1"/>
  <c r="X90952" i="1"/>
  <c r="X90953" i="1"/>
  <c r="X90954" i="1"/>
  <c r="X90955" i="1"/>
  <c r="X90956" i="1"/>
  <c r="X90957" i="1"/>
  <c r="X90958" i="1"/>
  <c r="X90959" i="1"/>
  <c r="X90960" i="1"/>
  <c r="X90961" i="1"/>
  <c r="X90962" i="1"/>
  <c r="X90963" i="1"/>
  <c r="X90964" i="1"/>
  <c r="X90965" i="1"/>
  <c r="X90966" i="1"/>
  <c r="X90967" i="1"/>
  <c r="X90968" i="1"/>
  <c r="X90969" i="1"/>
  <c r="X90970" i="1"/>
  <c r="X90971" i="1"/>
  <c r="X90972" i="1"/>
  <c r="X90973" i="1"/>
  <c r="X90974" i="1"/>
  <c r="X90975" i="1"/>
  <c r="X90976" i="1"/>
  <c r="X90977" i="1"/>
  <c r="X90978" i="1"/>
  <c r="X90979" i="1"/>
  <c r="X90980" i="1"/>
  <c r="X90981" i="1"/>
  <c r="X90982" i="1"/>
  <c r="X90983" i="1"/>
  <c r="X90984" i="1"/>
  <c r="X90985" i="1"/>
  <c r="X90986" i="1"/>
  <c r="X90987" i="1"/>
  <c r="X90988" i="1"/>
  <c r="X90989" i="1"/>
  <c r="X90990" i="1"/>
  <c r="X90991" i="1"/>
  <c r="X90992" i="1"/>
  <c r="X90993" i="1"/>
  <c r="X90994" i="1"/>
  <c r="X90995" i="1"/>
  <c r="X90996" i="1"/>
  <c r="X90997" i="1"/>
  <c r="X90998" i="1"/>
  <c r="X90999" i="1"/>
  <c r="X91000" i="1"/>
  <c r="X91001" i="1"/>
  <c r="X91002" i="1"/>
  <c r="X91003" i="1"/>
  <c r="X91004" i="1"/>
  <c r="X91005" i="1"/>
  <c r="X91006" i="1"/>
  <c r="X91007" i="1"/>
  <c r="X91008" i="1"/>
  <c r="X91009" i="1"/>
  <c r="X91010" i="1"/>
  <c r="X91011" i="1"/>
  <c r="X91012" i="1"/>
  <c r="X91013" i="1"/>
  <c r="X91014" i="1"/>
  <c r="X91015" i="1"/>
  <c r="X91016" i="1"/>
  <c r="X91017" i="1"/>
  <c r="X91018" i="1"/>
  <c r="X91019" i="1"/>
  <c r="X91020" i="1"/>
  <c r="X91021" i="1"/>
  <c r="X91022" i="1"/>
  <c r="X91023" i="1"/>
  <c r="X91024" i="1"/>
  <c r="X91025" i="1"/>
  <c r="X91026" i="1"/>
  <c r="X91027" i="1"/>
  <c r="X91028" i="1"/>
  <c r="X91029" i="1"/>
  <c r="X91030" i="1"/>
  <c r="X91031" i="1"/>
  <c r="X91032" i="1"/>
  <c r="X91033" i="1"/>
  <c r="X91034" i="1"/>
  <c r="X91035" i="1"/>
  <c r="X91036" i="1"/>
  <c r="X91037" i="1"/>
  <c r="X91038" i="1"/>
  <c r="X91039" i="1"/>
  <c r="X91040" i="1"/>
  <c r="X91041" i="1"/>
  <c r="X91042" i="1"/>
  <c r="X91043" i="1"/>
  <c r="X91044" i="1"/>
  <c r="X91045" i="1"/>
  <c r="X91046" i="1"/>
  <c r="X91047" i="1"/>
  <c r="X91048" i="1"/>
  <c r="X91049" i="1"/>
  <c r="X91050" i="1"/>
  <c r="X91051" i="1"/>
  <c r="X91052" i="1"/>
  <c r="X91053" i="1"/>
  <c r="X91054" i="1"/>
  <c r="X91055" i="1"/>
  <c r="X91056" i="1"/>
  <c r="X91057" i="1"/>
  <c r="X91058" i="1"/>
  <c r="X91059" i="1"/>
  <c r="X91060" i="1"/>
  <c r="X91061" i="1"/>
  <c r="X91062" i="1"/>
  <c r="X91063" i="1"/>
  <c r="X91064" i="1"/>
  <c r="X91065" i="1"/>
  <c r="X91066" i="1"/>
  <c r="X91067" i="1"/>
  <c r="X91068" i="1"/>
  <c r="X91069" i="1"/>
  <c r="X91070" i="1"/>
  <c r="X91071" i="1"/>
  <c r="X91072" i="1"/>
  <c r="X91073" i="1"/>
  <c r="X91074" i="1"/>
  <c r="X91075" i="1"/>
  <c r="X91076" i="1"/>
  <c r="X91077" i="1"/>
  <c r="X91078" i="1"/>
  <c r="X91079" i="1"/>
  <c r="X91080" i="1"/>
  <c r="X91081" i="1"/>
  <c r="X91082" i="1"/>
  <c r="X91083" i="1"/>
  <c r="X91084" i="1"/>
  <c r="X91085" i="1"/>
  <c r="X91086" i="1"/>
  <c r="X91087" i="1"/>
  <c r="X91088" i="1"/>
  <c r="X91089" i="1"/>
  <c r="X91090" i="1"/>
  <c r="X91091" i="1"/>
  <c r="X91092" i="1"/>
  <c r="X91093" i="1"/>
  <c r="X91094" i="1"/>
  <c r="X91095" i="1"/>
  <c r="X91096" i="1"/>
  <c r="X91097" i="1"/>
  <c r="X91098" i="1"/>
  <c r="X91099" i="1"/>
  <c r="X91100" i="1"/>
  <c r="X91101" i="1"/>
  <c r="X91102" i="1"/>
  <c r="X91103" i="1"/>
  <c r="X91104" i="1"/>
  <c r="X91105" i="1"/>
  <c r="X91106" i="1"/>
  <c r="X91107" i="1"/>
  <c r="X91108" i="1"/>
  <c r="X91109" i="1"/>
  <c r="X91110" i="1"/>
  <c r="X91111" i="1"/>
  <c r="X91112" i="1"/>
  <c r="X91113" i="1"/>
  <c r="X91114" i="1"/>
  <c r="X91115" i="1"/>
  <c r="X91116" i="1"/>
  <c r="X91117" i="1"/>
  <c r="X91118" i="1"/>
  <c r="X91119" i="1"/>
  <c r="X91120" i="1"/>
  <c r="X91121" i="1"/>
  <c r="X91122" i="1"/>
  <c r="X91123" i="1"/>
  <c r="X91124" i="1"/>
  <c r="X91125" i="1"/>
  <c r="X91126" i="1"/>
  <c r="X91127" i="1"/>
  <c r="X91128" i="1"/>
  <c r="X91129" i="1"/>
  <c r="X91130" i="1"/>
  <c r="X91131" i="1"/>
  <c r="X91132" i="1"/>
  <c r="X91133" i="1"/>
  <c r="X91134" i="1"/>
  <c r="X91135" i="1"/>
  <c r="X91136" i="1"/>
  <c r="X91137" i="1"/>
  <c r="X91138" i="1"/>
  <c r="X91139" i="1"/>
  <c r="X91140" i="1"/>
  <c r="X91141" i="1"/>
  <c r="X91142" i="1"/>
  <c r="X91143" i="1"/>
  <c r="X91144" i="1"/>
  <c r="X91145" i="1"/>
  <c r="X91146" i="1"/>
  <c r="X91147" i="1"/>
  <c r="X91148" i="1"/>
  <c r="X91149" i="1"/>
  <c r="X91150" i="1"/>
  <c r="X91151" i="1"/>
  <c r="X91152" i="1"/>
  <c r="X91153" i="1"/>
  <c r="X91154" i="1"/>
  <c r="X91155" i="1"/>
  <c r="X91156" i="1"/>
  <c r="X91157" i="1"/>
  <c r="X91158" i="1"/>
  <c r="X91159" i="1"/>
  <c r="X91160" i="1"/>
  <c r="X91161" i="1"/>
  <c r="X91162" i="1"/>
  <c r="X91163" i="1"/>
  <c r="X91164" i="1"/>
  <c r="X91165" i="1"/>
  <c r="X91166" i="1"/>
  <c r="X91167" i="1"/>
  <c r="X91168" i="1"/>
  <c r="X91169" i="1"/>
  <c r="X91170" i="1"/>
  <c r="X91171" i="1"/>
  <c r="X91172" i="1"/>
  <c r="X91173" i="1"/>
  <c r="X91174" i="1"/>
  <c r="X91175" i="1"/>
  <c r="X91176" i="1"/>
  <c r="X91177" i="1"/>
  <c r="X91178" i="1"/>
  <c r="X91179" i="1"/>
  <c r="X91180" i="1"/>
  <c r="X91181" i="1"/>
  <c r="X91182" i="1"/>
  <c r="X91183" i="1"/>
  <c r="X91184" i="1"/>
  <c r="X91185" i="1"/>
  <c r="X91186" i="1"/>
  <c r="X91187" i="1"/>
  <c r="X91188" i="1"/>
  <c r="X91189" i="1"/>
  <c r="X91190" i="1"/>
  <c r="X91191" i="1"/>
  <c r="X91192" i="1"/>
  <c r="X91193" i="1"/>
  <c r="X91194" i="1"/>
  <c r="X91195" i="1"/>
  <c r="X91196" i="1"/>
  <c r="X91197" i="1"/>
  <c r="X91198" i="1"/>
  <c r="X91199" i="1"/>
  <c r="X91200" i="1"/>
  <c r="X91201" i="1"/>
  <c r="X91202" i="1"/>
  <c r="X91203" i="1"/>
  <c r="X91204" i="1"/>
  <c r="X91205" i="1"/>
  <c r="X91206" i="1"/>
  <c r="X91207" i="1"/>
  <c r="X91208" i="1"/>
  <c r="X91209" i="1"/>
  <c r="X91210" i="1"/>
  <c r="X91211" i="1"/>
  <c r="X91212" i="1"/>
  <c r="X91213" i="1"/>
  <c r="X91214" i="1"/>
  <c r="X91215" i="1"/>
  <c r="X91216" i="1"/>
  <c r="X91217" i="1"/>
  <c r="X91218" i="1"/>
  <c r="X91219" i="1"/>
  <c r="X91220" i="1"/>
  <c r="X91221" i="1"/>
  <c r="X91222" i="1"/>
  <c r="X91223" i="1"/>
  <c r="X91224" i="1"/>
  <c r="X91225" i="1"/>
  <c r="X91226" i="1"/>
  <c r="X91227" i="1"/>
  <c r="X91228" i="1"/>
  <c r="X91229" i="1"/>
  <c r="X91230" i="1"/>
  <c r="X91231" i="1"/>
  <c r="X91232" i="1"/>
  <c r="X91233" i="1"/>
  <c r="X91234" i="1"/>
  <c r="X91235" i="1"/>
  <c r="X91236" i="1"/>
  <c r="X91237" i="1"/>
  <c r="X91238" i="1"/>
  <c r="X91239" i="1"/>
  <c r="X91240" i="1"/>
  <c r="X91241" i="1"/>
  <c r="X91242" i="1"/>
  <c r="X91243" i="1"/>
  <c r="X91244" i="1"/>
  <c r="X91245" i="1"/>
  <c r="X91246" i="1"/>
  <c r="X91247" i="1"/>
  <c r="X91248" i="1"/>
  <c r="X91249" i="1"/>
  <c r="X91250" i="1"/>
  <c r="X91251" i="1"/>
  <c r="X91252" i="1"/>
  <c r="X91253" i="1"/>
  <c r="X91254" i="1"/>
  <c r="X91255" i="1"/>
  <c r="X91256" i="1"/>
  <c r="X91257" i="1"/>
  <c r="X91258" i="1"/>
  <c r="X91259" i="1"/>
  <c r="X91260" i="1"/>
  <c r="X91261" i="1"/>
  <c r="X91262" i="1"/>
  <c r="X91263" i="1"/>
  <c r="X91264" i="1"/>
  <c r="X91265" i="1"/>
  <c r="X91266" i="1"/>
  <c r="X91267" i="1"/>
  <c r="X91268" i="1"/>
  <c r="X91269" i="1"/>
  <c r="X91270" i="1"/>
  <c r="X91271" i="1"/>
  <c r="X91272" i="1"/>
  <c r="X91273" i="1"/>
  <c r="X91274" i="1"/>
  <c r="X91275" i="1"/>
  <c r="X91276" i="1"/>
  <c r="X91277" i="1"/>
  <c r="X91278" i="1"/>
  <c r="X91279" i="1"/>
  <c r="X91280" i="1"/>
  <c r="X91281" i="1"/>
  <c r="X91282" i="1"/>
  <c r="X91283" i="1"/>
  <c r="X91284" i="1"/>
  <c r="X91285" i="1"/>
  <c r="X91286" i="1"/>
  <c r="X91287" i="1"/>
  <c r="X91288" i="1"/>
  <c r="X91289" i="1"/>
  <c r="X91290" i="1"/>
  <c r="X91291" i="1"/>
  <c r="X91292" i="1"/>
  <c r="X91293" i="1"/>
  <c r="X91294" i="1"/>
  <c r="X91295" i="1"/>
  <c r="X91296" i="1"/>
  <c r="X91297" i="1"/>
  <c r="X91298" i="1"/>
  <c r="X91299" i="1"/>
  <c r="X91300" i="1"/>
  <c r="X91301" i="1"/>
  <c r="X91302" i="1"/>
  <c r="X91303" i="1"/>
  <c r="X91304" i="1"/>
  <c r="X91305" i="1"/>
  <c r="X91306" i="1"/>
  <c r="X91307" i="1"/>
  <c r="X91308" i="1"/>
  <c r="X91309" i="1"/>
  <c r="X91310" i="1"/>
  <c r="X91311" i="1"/>
  <c r="X91312" i="1"/>
  <c r="X91313" i="1"/>
  <c r="X91314" i="1"/>
  <c r="X91315" i="1"/>
  <c r="X91316" i="1"/>
  <c r="X91317" i="1"/>
  <c r="X91318" i="1"/>
  <c r="X91319" i="1"/>
  <c r="X91320" i="1"/>
  <c r="X91321" i="1"/>
  <c r="X91322" i="1"/>
  <c r="X91323" i="1"/>
  <c r="X91324" i="1"/>
  <c r="X91325" i="1"/>
  <c r="X91326" i="1"/>
  <c r="X91327" i="1"/>
  <c r="X91328" i="1"/>
  <c r="X91329" i="1"/>
  <c r="X91330" i="1"/>
  <c r="X91331" i="1"/>
  <c r="X91332" i="1"/>
  <c r="X91333" i="1"/>
  <c r="X91334" i="1"/>
  <c r="X91335" i="1"/>
  <c r="X91336" i="1"/>
  <c r="X91337" i="1"/>
  <c r="X91338" i="1"/>
  <c r="X91339" i="1"/>
  <c r="X91340" i="1"/>
  <c r="X91341" i="1"/>
  <c r="X91342" i="1"/>
  <c r="X91343" i="1"/>
  <c r="X91344" i="1"/>
  <c r="X91345" i="1"/>
  <c r="X91346" i="1"/>
  <c r="X91347" i="1"/>
  <c r="X91348" i="1"/>
  <c r="X91349" i="1"/>
  <c r="X91350" i="1"/>
  <c r="X91351" i="1"/>
  <c r="X91352" i="1"/>
  <c r="X91353" i="1"/>
  <c r="X91354" i="1"/>
  <c r="X91355" i="1"/>
  <c r="X91356" i="1"/>
  <c r="X91357" i="1"/>
  <c r="X91358" i="1"/>
  <c r="X91359" i="1"/>
  <c r="X91360" i="1"/>
  <c r="X91361" i="1"/>
  <c r="X91362" i="1"/>
  <c r="X91363" i="1"/>
  <c r="X91364" i="1"/>
  <c r="X91365" i="1"/>
  <c r="X91366" i="1"/>
  <c r="X91367" i="1"/>
  <c r="X91368" i="1"/>
  <c r="X91369" i="1"/>
  <c r="X91370" i="1"/>
  <c r="X91371" i="1"/>
  <c r="X91372" i="1"/>
  <c r="X91373" i="1"/>
  <c r="X91374" i="1"/>
  <c r="X91375" i="1"/>
  <c r="X91376" i="1"/>
  <c r="X91377" i="1"/>
  <c r="X91378" i="1"/>
  <c r="X91379" i="1"/>
  <c r="X91380" i="1"/>
  <c r="X91381" i="1"/>
  <c r="X91382" i="1"/>
  <c r="X91383" i="1"/>
  <c r="X91384" i="1"/>
  <c r="X91385" i="1"/>
  <c r="X91386" i="1"/>
  <c r="X91387" i="1"/>
  <c r="X91388" i="1"/>
  <c r="X91389" i="1"/>
  <c r="X91390" i="1"/>
  <c r="X91391" i="1"/>
  <c r="X91392" i="1"/>
  <c r="X91393" i="1"/>
  <c r="X91394" i="1"/>
  <c r="X91395" i="1"/>
  <c r="X91396" i="1"/>
  <c r="X91397" i="1"/>
  <c r="X91398" i="1"/>
  <c r="X91399" i="1"/>
  <c r="X91400" i="1"/>
  <c r="X91401" i="1"/>
  <c r="X91402" i="1"/>
  <c r="X91403" i="1"/>
  <c r="X91404" i="1"/>
  <c r="X91405" i="1"/>
  <c r="X91406" i="1"/>
  <c r="X91407" i="1"/>
  <c r="X91408" i="1"/>
  <c r="X91409" i="1"/>
  <c r="X91410" i="1"/>
  <c r="X91411" i="1"/>
  <c r="X91412" i="1"/>
  <c r="X91413" i="1"/>
  <c r="X91414" i="1"/>
  <c r="X91415" i="1"/>
  <c r="X91416" i="1"/>
  <c r="X91417" i="1"/>
  <c r="X91418" i="1"/>
  <c r="X91419" i="1"/>
  <c r="X91420" i="1"/>
  <c r="X91421" i="1"/>
  <c r="X91422" i="1"/>
  <c r="X91423" i="1"/>
  <c r="X91424" i="1"/>
  <c r="X91425" i="1"/>
  <c r="X91426" i="1"/>
  <c r="X91427" i="1"/>
  <c r="X91428" i="1"/>
  <c r="X91429" i="1"/>
  <c r="X91430" i="1"/>
  <c r="X91431" i="1"/>
  <c r="X91432" i="1"/>
  <c r="X91433" i="1"/>
  <c r="X91434" i="1"/>
  <c r="X91435" i="1"/>
  <c r="X91436" i="1"/>
  <c r="X91437" i="1"/>
  <c r="X91438" i="1"/>
  <c r="X91439" i="1"/>
  <c r="X91440" i="1"/>
  <c r="X91441" i="1"/>
  <c r="X91442" i="1"/>
  <c r="X91443" i="1"/>
  <c r="X91444" i="1"/>
  <c r="X91445" i="1"/>
  <c r="X91446" i="1"/>
  <c r="X91447" i="1"/>
  <c r="X91448" i="1"/>
  <c r="X91449" i="1"/>
  <c r="X91450" i="1"/>
  <c r="X91451" i="1"/>
  <c r="X91452" i="1"/>
  <c r="X91453" i="1"/>
  <c r="X91454" i="1"/>
  <c r="X91455" i="1"/>
  <c r="X91456" i="1"/>
  <c r="X91457" i="1"/>
  <c r="X91458" i="1"/>
  <c r="X91459" i="1"/>
  <c r="X91460" i="1"/>
  <c r="X91461" i="1"/>
  <c r="X91462" i="1"/>
  <c r="X91463" i="1"/>
  <c r="X91464" i="1"/>
  <c r="X91465" i="1"/>
  <c r="X91466" i="1"/>
  <c r="X91467" i="1"/>
  <c r="X91468" i="1"/>
  <c r="X91469" i="1"/>
  <c r="X91470" i="1"/>
  <c r="X91471" i="1"/>
  <c r="X91472" i="1"/>
  <c r="X91473" i="1"/>
  <c r="X91474" i="1"/>
  <c r="X91475" i="1"/>
  <c r="X91476" i="1"/>
  <c r="X91477" i="1"/>
  <c r="X91478" i="1"/>
  <c r="X91479" i="1"/>
  <c r="X91480" i="1"/>
  <c r="X91481" i="1"/>
  <c r="X91482" i="1"/>
  <c r="X91483" i="1"/>
  <c r="X91484" i="1"/>
  <c r="X91485" i="1"/>
  <c r="X91486" i="1"/>
  <c r="X91487" i="1"/>
  <c r="X91488" i="1"/>
  <c r="X91489" i="1"/>
  <c r="X91490" i="1"/>
  <c r="X91491" i="1"/>
  <c r="X91492" i="1"/>
  <c r="X91493" i="1"/>
  <c r="X91494" i="1"/>
  <c r="X91495" i="1"/>
  <c r="X91496" i="1"/>
  <c r="X91497" i="1"/>
  <c r="X91498" i="1"/>
  <c r="X91499" i="1"/>
  <c r="X91500" i="1"/>
  <c r="X91501" i="1"/>
  <c r="X91502" i="1"/>
  <c r="X91503" i="1"/>
  <c r="X91504" i="1"/>
  <c r="X91505" i="1"/>
  <c r="X91506" i="1"/>
  <c r="X91507" i="1"/>
  <c r="X91508" i="1"/>
  <c r="X91509" i="1"/>
  <c r="X91510" i="1"/>
  <c r="X91511" i="1"/>
  <c r="X91512" i="1"/>
  <c r="X91513" i="1"/>
  <c r="X91514" i="1"/>
  <c r="X91515" i="1"/>
  <c r="X91516" i="1"/>
  <c r="X91517" i="1"/>
  <c r="X91518" i="1"/>
  <c r="X91519" i="1"/>
  <c r="X91520" i="1"/>
  <c r="X91521" i="1"/>
  <c r="X91522" i="1"/>
  <c r="X91523" i="1"/>
  <c r="X91524" i="1"/>
  <c r="X91525" i="1"/>
  <c r="X91526" i="1"/>
  <c r="X91527" i="1"/>
  <c r="X91528" i="1"/>
  <c r="X91529" i="1"/>
  <c r="X91530" i="1"/>
  <c r="X91531" i="1"/>
  <c r="X91532" i="1"/>
  <c r="X91533" i="1"/>
  <c r="X91534" i="1"/>
  <c r="X91535" i="1"/>
  <c r="X91536" i="1"/>
  <c r="X91537" i="1"/>
  <c r="X91538" i="1"/>
  <c r="X91539" i="1"/>
  <c r="X91540" i="1"/>
  <c r="X91541" i="1"/>
  <c r="X91542" i="1"/>
  <c r="X91543" i="1"/>
  <c r="X91544" i="1"/>
  <c r="X91545" i="1"/>
  <c r="X91546" i="1"/>
  <c r="X91547" i="1"/>
  <c r="X91548" i="1"/>
  <c r="X91549" i="1"/>
  <c r="X91550" i="1"/>
  <c r="X91551" i="1"/>
  <c r="X91552" i="1"/>
  <c r="X91553" i="1"/>
  <c r="X91554" i="1"/>
  <c r="X91555" i="1"/>
  <c r="X91556" i="1"/>
  <c r="X91557" i="1"/>
  <c r="X91558" i="1"/>
  <c r="X91559" i="1"/>
  <c r="X91560" i="1"/>
  <c r="X91561" i="1"/>
  <c r="X91562" i="1"/>
  <c r="X91563" i="1"/>
  <c r="X91564" i="1"/>
  <c r="X91565" i="1"/>
  <c r="X91566" i="1"/>
  <c r="X91567" i="1"/>
  <c r="X91568" i="1"/>
  <c r="X91569" i="1"/>
  <c r="X91570" i="1"/>
  <c r="X91571" i="1"/>
  <c r="X91572" i="1"/>
  <c r="X91573" i="1"/>
  <c r="X91574" i="1"/>
  <c r="X91575" i="1"/>
  <c r="X91576" i="1"/>
  <c r="X91577" i="1"/>
  <c r="X91578" i="1"/>
  <c r="X91579" i="1"/>
  <c r="X91580" i="1"/>
  <c r="X91581" i="1"/>
  <c r="X91582" i="1"/>
  <c r="X91583" i="1"/>
  <c r="X91584" i="1"/>
  <c r="X91585" i="1"/>
  <c r="X91586" i="1"/>
  <c r="X91587" i="1"/>
  <c r="X91588" i="1"/>
  <c r="X91589" i="1"/>
  <c r="X91590" i="1"/>
  <c r="X91591" i="1"/>
  <c r="X91592" i="1"/>
  <c r="X91593" i="1"/>
  <c r="X91594" i="1"/>
  <c r="X91595" i="1"/>
  <c r="X91596" i="1"/>
  <c r="X91597" i="1"/>
  <c r="X91598" i="1"/>
  <c r="X91599" i="1"/>
  <c r="X91600" i="1"/>
  <c r="X91601" i="1"/>
  <c r="X91602" i="1"/>
  <c r="X91603" i="1"/>
  <c r="X91604" i="1"/>
  <c r="X91605" i="1"/>
  <c r="X91606" i="1"/>
  <c r="X91607" i="1"/>
  <c r="X91608" i="1"/>
  <c r="X91609" i="1"/>
  <c r="X91610" i="1"/>
  <c r="X91611" i="1"/>
  <c r="X91612" i="1"/>
  <c r="X91613" i="1"/>
  <c r="X91614" i="1"/>
  <c r="X91615" i="1"/>
  <c r="X91616" i="1"/>
  <c r="X91617" i="1"/>
  <c r="X91618" i="1"/>
  <c r="X91619" i="1"/>
  <c r="X91620" i="1"/>
  <c r="X91621" i="1"/>
  <c r="X91622" i="1"/>
  <c r="X91623" i="1"/>
  <c r="X91624" i="1"/>
  <c r="X91625" i="1"/>
  <c r="X91626" i="1"/>
  <c r="X91627" i="1"/>
  <c r="X91628" i="1"/>
  <c r="X91629" i="1"/>
  <c r="X91630" i="1"/>
  <c r="X91631" i="1"/>
  <c r="X91632" i="1"/>
  <c r="X91633" i="1"/>
  <c r="X91634" i="1"/>
  <c r="X91635" i="1"/>
  <c r="X91636" i="1"/>
  <c r="X91637" i="1"/>
  <c r="X91638" i="1"/>
  <c r="X91639" i="1"/>
  <c r="X91640" i="1"/>
  <c r="X91641" i="1"/>
  <c r="X91642" i="1"/>
  <c r="X91643" i="1"/>
  <c r="X91644" i="1"/>
  <c r="X91645" i="1"/>
  <c r="X91646" i="1"/>
  <c r="X91647" i="1"/>
  <c r="X91648" i="1"/>
  <c r="X91649" i="1"/>
  <c r="X91650" i="1"/>
  <c r="X91651" i="1"/>
  <c r="X91652" i="1"/>
  <c r="X91653" i="1"/>
  <c r="X91654" i="1"/>
  <c r="X91655" i="1"/>
  <c r="X91656" i="1"/>
  <c r="X91657" i="1"/>
  <c r="X91658" i="1"/>
  <c r="X91659" i="1"/>
  <c r="X91660" i="1"/>
  <c r="X91661" i="1"/>
  <c r="X91662" i="1"/>
  <c r="X91663" i="1"/>
  <c r="X91664" i="1"/>
  <c r="X91665" i="1"/>
  <c r="X91666" i="1"/>
  <c r="X91667" i="1"/>
  <c r="X91668" i="1"/>
  <c r="X91669" i="1"/>
  <c r="X91670" i="1"/>
  <c r="X91671" i="1"/>
  <c r="X91672" i="1"/>
  <c r="X91673" i="1"/>
  <c r="X91674" i="1"/>
  <c r="X91675" i="1"/>
  <c r="X91676" i="1"/>
  <c r="X91677" i="1"/>
  <c r="X91678" i="1"/>
  <c r="X91679" i="1"/>
  <c r="X91680" i="1"/>
  <c r="X91681" i="1"/>
  <c r="X91682" i="1"/>
  <c r="X91683" i="1"/>
  <c r="X91684" i="1"/>
  <c r="X91685" i="1"/>
  <c r="X91686" i="1"/>
  <c r="X91687" i="1"/>
  <c r="X91688" i="1"/>
  <c r="X91689" i="1"/>
  <c r="X91690" i="1"/>
  <c r="X91691" i="1"/>
  <c r="X91692" i="1"/>
  <c r="X91693" i="1"/>
  <c r="X91694" i="1"/>
  <c r="X91695" i="1"/>
  <c r="X91696" i="1"/>
  <c r="X91697" i="1"/>
  <c r="X91698" i="1"/>
  <c r="X91699" i="1"/>
  <c r="X91700" i="1"/>
  <c r="X91701" i="1"/>
  <c r="X91702" i="1"/>
  <c r="X91703" i="1"/>
  <c r="X91704" i="1"/>
  <c r="X91705" i="1"/>
  <c r="X91706" i="1"/>
  <c r="X91707" i="1"/>
  <c r="X91708" i="1"/>
  <c r="X91709" i="1"/>
  <c r="X91710" i="1"/>
  <c r="X91711" i="1"/>
  <c r="X91712" i="1"/>
  <c r="X91713" i="1"/>
  <c r="X91714" i="1"/>
  <c r="X91715" i="1"/>
  <c r="X91716" i="1"/>
  <c r="X91717" i="1"/>
  <c r="X91718" i="1"/>
  <c r="X91719" i="1"/>
  <c r="X91720" i="1"/>
  <c r="X91721" i="1"/>
  <c r="X91722" i="1"/>
  <c r="X91723" i="1"/>
  <c r="X91724" i="1"/>
  <c r="X91725" i="1"/>
  <c r="X91726" i="1"/>
  <c r="X91727" i="1"/>
  <c r="X91728" i="1"/>
  <c r="X91729" i="1"/>
  <c r="X91730" i="1"/>
  <c r="X91731" i="1"/>
  <c r="X91732" i="1"/>
  <c r="X91733" i="1"/>
  <c r="X91734" i="1"/>
  <c r="X91735" i="1"/>
  <c r="X91736" i="1"/>
  <c r="X91737" i="1"/>
  <c r="X91738" i="1"/>
  <c r="X91739" i="1"/>
  <c r="X91740" i="1"/>
  <c r="X91741" i="1"/>
  <c r="X91742" i="1"/>
  <c r="X91743" i="1"/>
  <c r="X91744" i="1"/>
  <c r="X91745" i="1"/>
  <c r="X91746" i="1"/>
  <c r="X91747" i="1"/>
  <c r="X91748" i="1"/>
  <c r="X91749" i="1"/>
  <c r="X91750" i="1"/>
  <c r="X91751" i="1"/>
  <c r="X91752" i="1"/>
  <c r="X91753" i="1"/>
  <c r="X91754" i="1"/>
  <c r="X91755" i="1"/>
  <c r="X91756" i="1"/>
  <c r="X91757" i="1"/>
  <c r="X91758" i="1"/>
  <c r="X91759" i="1"/>
  <c r="X91760" i="1"/>
  <c r="X91761" i="1"/>
  <c r="X91762" i="1"/>
  <c r="X91763" i="1"/>
  <c r="X91764" i="1"/>
  <c r="X91765" i="1"/>
  <c r="X91766" i="1"/>
  <c r="X91767" i="1"/>
  <c r="X91768" i="1"/>
  <c r="X91769" i="1"/>
  <c r="X91770" i="1"/>
  <c r="X91771" i="1"/>
  <c r="X91772" i="1"/>
  <c r="X91773" i="1"/>
  <c r="X91774" i="1"/>
  <c r="X91775" i="1"/>
  <c r="X91776" i="1"/>
  <c r="X91777" i="1"/>
  <c r="X91778" i="1"/>
  <c r="X91779" i="1"/>
  <c r="X91780" i="1"/>
  <c r="X91781" i="1"/>
  <c r="X91782" i="1"/>
  <c r="X91783" i="1"/>
  <c r="X91784" i="1"/>
  <c r="X91785" i="1"/>
  <c r="X91786" i="1"/>
  <c r="X91787" i="1"/>
  <c r="X91788" i="1"/>
  <c r="X91789" i="1"/>
  <c r="X91790" i="1"/>
  <c r="X91791" i="1"/>
  <c r="X91792" i="1"/>
  <c r="X91793" i="1"/>
  <c r="X91794" i="1"/>
  <c r="X91795" i="1"/>
  <c r="X91796" i="1"/>
  <c r="X91797" i="1"/>
  <c r="X91798" i="1"/>
  <c r="X91799" i="1"/>
  <c r="X91800" i="1"/>
  <c r="X91801" i="1"/>
  <c r="X91802" i="1"/>
  <c r="X91803" i="1"/>
  <c r="X91804" i="1"/>
  <c r="X91805" i="1"/>
  <c r="X91806" i="1"/>
  <c r="X91807" i="1"/>
  <c r="X91808" i="1"/>
  <c r="X91809" i="1"/>
  <c r="X91810" i="1"/>
  <c r="X91811" i="1"/>
  <c r="X91812" i="1"/>
  <c r="X91813" i="1"/>
  <c r="X91814" i="1"/>
  <c r="X91815" i="1"/>
  <c r="X91816" i="1"/>
  <c r="X91817" i="1"/>
  <c r="X91818" i="1"/>
  <c r="X91819" i="1"/>
  <c r="X91820" i="1"/>
  <c r="X91821" i="1"/>
  <c r="X91822" i="1"/>
  <c r="X91823" i="1"/>
  <c r="X91824" i="1"/>
  <c r="X91825" i="1"/>
  <c r="X91826" i="1"/>
  <c r="X91827" i="1"/>
  <c r="X91828" i="1"/>
  <c r="X91829" i="1"/>
  <c r="X91830" i="1"/>
  <c r="X91831" i="1"/>
  <c r="X91832" i="1"/>
  <c r="X91833" i="1"/>
  <c r="X91834" i="1"/>
  <c r="X91835" i="1"/>
  <c r="X91836" i="1"/>
  <c r="X91837" i="1"/>
  <c r="X91838" i="1"/>
  <c r="X91839" i="1"/>
  <c r="X91840" i="1"/>
  <c r="X91841" i="1"/>
  <c r="X91842" i="1"/>
  <c r="X91843" i="1"/>
  <c r="X91844" i="1"/>
  <c r="X91845" i="1"/>
  <c r="X91846" i="1"/>
  <c r="X91847" i="1"/>
  <c r="X91848" i="1"/>
  <c r="X91849" i="1"/>
  <c r="X91850" i="1"/>
  <c r="X91851" i="1"/>
  <c r="X91852" i="1"/>
  <c r="X91853" i="1"/>
  <c r="X91854" i="1"/>
  <c r="X91855" i="1"/>
  <c r="X91856" i="1"/>
  <c r="X91857" i="1"/>
  <c r="X91858" i="1"/>
  <c r="X91859" i="1"/>
  <c r="X91860" i="1"/>
  <c r="X91861" i="1"/>
  <c r="X91862" i="1"/>
  <c r="X91863" i="1"/>
  <c r="X91864" i="1"/>
  <c r="X91865" i="1"/>
  <c r="X91866" i="1"/>
  <c r="X91867" i="1"/>
  <c r="X91868" i="1"/>
  <c r="X91869" i="1"/>
  <c r="X91870" i="1"/>
  <c r="X91871" i="1"/>
  <c r="X91872" i="1"/>
  <c r="X91873" i="1"/>
  <c r="X91874" i="1"/>
  <c r="X91875" i="1"/>
  <c r="X91876" i="1"/>
  <c r="X91877" i="1"/>
  <c r="X91878" i="1"/>
  <c r="X91879" i="1"/>
  <c r="X91880" i="1"/>
  <c r="X91881" i="1"/>
  <c r="X91882" i="1"/>
  <c r="X91883" i="1"/>
  <c r="X91884" i="1"/>
  <c r="X91885" i="1"/>
  <c r="X91886" i="1"/>
  <c r="X91887" i="1"/>
  <c r="X91888" i="1"/>
  <c r="X91889" i="1"/>
  <c r="X91890" i="1"/>
  <c r="X91891" i="1"/>
  <c r="X91892" i="1"/>
  <c r="X91893" i="1"/>
  <c r="X91894" i="1"/>
  <c r="X91895" i="1"/>
  <c r="X91896" i="1"/>
  <c r="X91897" i="1"/>
  <c r="X91898" i="1"/>
  <c r="X91899" i="1"/>
  <c r="X91900" i="1"/>
  <c r="X91901" i="1"/>
  <c r="X91902" i="1"/>
  <c r="X91903" i="1"/>
  <c r="X91904" i="1"/>
  <c r="X91905" i="1"/>
  <c r="X91906" i="1"/>
  <c r="X91907" i="1"/>
  <c r="X91908" i="1"/>
  <c r="X91909" i="1"/>
  <c r="X91910" i="1"/>
  <c r="X91911" i="1"/>
  <c r="X91912" i="1"/>
  <c r="X91913" i="1"/>
  <c r="X91914" i="1"/>
  <c r="X91915" i="1"/>
  <c r="X91916" i="1"/>
  <c r="X91917" i="1"/>
  <c r="X91918" i="1"/>
  <c r="X91919" i="1"/>
  <c r="X91920" i="1"/>
  <c r="X91921" i="1"/>
  <c r="X91922" i="1"/>
  <c r="X91923" i="1"/>
  <c r="X91924" i="1"/>
  <c r="X91925" i="1"/>
  <c r="X91926" i="1"/>
  <c r="X91927" i="1"/>
  <c r="X91928" i="1"/>
  <c r="X91929" i="1"/>
  <c r="X91930" i="1"/>
  <c r="X91931" i="1"/>
  <c r="X91932" i="1"/>
  <c r="X91933" i="1"/>
  <c r="X91934" i="1"/>
  <c r="X91935" i="1"/>
  <c r="X91936" i="1"/>
  <c r="X91937" i="1"/>
  <c r="X91938" i="1"/>
  <c r="X91939" i="1"/>
  <c r="X91940" i="1"/>
  <c r="X91941" i="1"/>
  <c r="X91942" i="1"/>
  <c r="X91943" i="1"/>
  <c r="X91944" i="1"/>
  <c r="X91945" i="1"/>
  <c r="X91946" i="1"/>
  <c r="X91947" i="1"/>
  <c r="X91948" i="1"/>
  <c r="X91949" i="1"/>
  <c r="X91950" i="1"/>
  <c r="X91951" i="1"/>
  <c r="X91952" i="1"/>
  <c r="X91953" i="1"/>
  <c r="X91954" i="1"/>
  <c r="X91955" i="1"/>
  <c r="X91956" i="1"/>
  <c r="X91957" i="1"/>
  <c r="X91958" i="1"/>
  <c r="X91959" i="1"/>
  <c r="X91960" i="1"/>
  <c r="X91961" i="1"/>
  <c r="X91962" i="1"/>
  <c r="X91963" i="1"/>
  <c r="X91964" i="1"/>
  <c r="X91965" i="1"/>
  <c r="X91966" i="1"/>
  <c r="X91967" i="1"/>
  <c r="X91968" i="1"/>
  <c r="X91969" i="1"/>
  <c r="X91970" i="1"/>
  <c r="X91971" i="1"/>
  <c r="X91972" i="1"/>
  <c r="X91973" i="1"/>
  <c r="X91974" i="1"/>
  <c r="X91975" i="1"/>
  <c r="X91976" i="1"/>
  <c r="X91977" i="1"/>
  <c r="X91978" i="1"/>
  <c r="X91979" i="1"/>
  <c r="X91980" i="1"/>
  <c r="X91981" i="1"/>
  <c r="X91982" i="1"/>
  <c r="X91983" i="1"/>
  <c r="X91984" i="1"/>
  <c r="X91985" i="1"/>
  <c r="X91986" i="1"/>
  <c r="X91987" i="1"/>
  <c r="X91988" i="1"/>
  <c r="X91989" i="1"/>
  <c r="X91990" i="1"/>
  <c r="X91991" i="1"/>
  <c r="X91992" i="1"/>
  <c r="X91993" i="1"/>
  <c r="X91994" i="1"/>
  <c r="X91995" i="1"/>
  <c r="X91996" i="1"/>
  <c r="X91997" i="1"/>
  <c r="X91998" i="1"/>
  <c r="X91999" i="1"/>
  <c r="X92000" i="1"/>
  <c r="X92001" i="1"/>
  <c r="X92002" i="1"/>
  <c r="X92003" i="1"/>
  <c r="X92004" i="1"/>
  <c r="X92005" i="1"/>
  <c r="X92006" i="1"/>
  <c r="X92007" i="1"/>
  <c r="X92008" i="1"/>
  <c r="X92009" i="1"/>
  <c r="X92010" i="1"/>
  <c r="X92011" i="1"/>
  <c r="X92012" i="1"/>
  <c r="X92013" i="1"/>
  <c r="X92014" i="1"/>
  <c r="X92015" i="1"/>
  <c r="X92016" i="1"/>
  <c r="X92017" i="1"/>
  <c r="X92018" i="1"/>
  <c r="X92019" i="1"/>
  <c r="X92020" i="1"/>
  <c r="X92021" i="1"/>
  <c r="X92022" i="1"/>
  <c r="X92023" i="1"/>
  <c r="X92024" i="1"/>
  <c r="X92025" i="1"/>
  <c r="X92026" i="1"/>
  <c r="X92027" i="1"/>
  <c r="X92028" i="1"/>
  <c r="X92029" i="1"/>
  <c r="X92030" i="1"/>
  <c r="X92031" i="1"/>
  <c r="X92032" i="1"/>
  <c r="X92033" i="1"/>
  <c r="X92034" i="1"/>
  <c r="X92035" i="1"/>
  <c r="X92036" i="1"/>
  <c r="X92037" i="1"/>
  <c r="X92038" i="1"/>
  <c r="X92039" i="1"/>
  <c r="X92040" i="1"/>
  <c r="X92041" i="1"/>
  <c r="X92042" i="1"/>
  <c r="X92043" i="1"/>
  <c r="X92044" i="1"/>
  <c r="X92045" i="1"/>
  <c r="X92046" i="1"/>
  <c r="X92047" i="1"/>
  <c r="X92048" i="1"/>
  <c r="X92049" i="1"/>
  <c r="X92050" i="1"/>
  <c r="X92051" i="1"/>
  <c r="X92052" i="1"/>
  <c r="X92053" i="1"/>
  <c r="X92054" i="1"/>
  <c r="X92055" i="1"/>
  <c r="X92056" i="1"/>
  <c r="X92057" i="1"/>
  <c r="X92058" i="1"/>
  <c r="X92059" i="1"/>
  <c r="X92060" i="1"/>
  <c r="X92061" i="1"/>
  <c r="X92062" i="1"/>
  <c r="X92063" i="1"/>
  <c r="X92064" i="1"/>
  <c r="X92065" i="1"/>
  <c r="X92066" i="1"/>
  <c r="X92067" i="1"/>
  <c r="X92068" i="1"/>
  <c r="X92069" i="1"/>
  <c r="X92070" i="1"/>
  <c r="X92071" i="1"/>
  <c r="X92072" i="1"/>
  <c r="X92073" i="1"/>
  <c r="X92074" i="1"/>
  <c r="X92075" i="1"/>
  <c r="X92076" i="1"/>
  <c r="X92077" i="1"/>
  <c r="X92078" i="1"/>
  <c r="X92079" i="1"/>
  <c r="X92080" i="1"/>
  <c r="X92081" i="1"/>
  <c r="X92082" i="1"/>
  <c r="X92083" i="1"/>
  <c r="X92084" i="1"/>
  <c r="X92085" i="1"/>
  <c r="X92086" i="1"/>
  <c r="X92087" i="1"/>
  <c r="X92088" i="1"/>
  <c r="X92089" i="1"/>
  <c r="X92090" i="1"/>
  <c r="X92091" i="1"/>
  <c r="X92092" i="1"/>
  <c r="X92093" i="1"/>
  <c r="X92094" i="1"/>
  <c r="X92095" i="1"/>
  <c r="X92096" i="1"/>
  <c r="X92097" i="1"/>
  <c r="X92098" i="1"/>
  <c r="X92099" i="1"/>
  <c r="X92100" i="1"/>
  <c r="X92101" i="1"/>
  <c r="X92102" i="1"/>
  <c r="X92103" i="1"/>
  <c r="X92104" i="1"/>
  <c r="X92105" i="1"/>
  <c r="X92106" i="1"/>
  <c r="X92107" i="1"/>
  <c r="X92108" i="1"/>
  <c r="X92109" i="1"/>
  <c r="X92110" i="1"/>
  <c r="X92111" i="1"/>
  <c r="X92112" i="1"/>
  <c r="X92113" i="1"/>
  <c r="X92114" i="1"/>
  <c r="X92115" i="1"/>
  <c r="X92116" i="1"/>
  <c r="X92117" i="1"/>
  <c r="X92118" i="1"/>
  <c r="X92119" i="1"/>
  <c r="X92120" i="1"/>
  <c r="X92121" i="1"/>
  <c r="X92122" i="1"/>
  <c r="X92123" i="1"/>
  <c r="X92124" i="1"/>
  <c r="X92125" i="1"/>
  <c r="X92126" i="1"/>
  <c r="X92127" i="1"/>
  <c r="X92128" i="1"/>
  <c r="X92129" i="1"/>
  <c r="X92130" i="1"/>
  <c r="X92131" i="1"/>
  <c r="X92132" i="1"/>
  <c r="X92133" i="1"/>
  <c r="X92134" i="1"/>
  <c r="X92135" i="1"/>
  <c r="X92136" i="1"/>
  <c r="X92137" i="1"/>
  <c r="X92138" i="1"/>
  <c r="X92139" i="1"/>
  <c r="X92140" i="1"/>
  <c r="X92141" i="1"/>
  <c r="X92142" i="1"/>
  <c r="X92143" i="1"/>
  <c r="X92144" i="1"/>
  <c r="X92145" i="1"/>
  <c r="X92146" i="1"/>
  <c r="X92147" i="1"/>
  <c r="X92148" i="1"/>
  <c r="X92149" i="1"/>
  <c r="X92150" i="1"/>
  <c r="X92151" i="1"/>
  <c r="X92152" i="1"/>
  <c r="X92153" i="1"/>
  <c r="X92154" i="1"/>
  <c r="X92155" i="1"/>
  <c r="X92156" i="1"/>
  <c r="X92157" i="1"/>
  <c r="X92158" i="1"/>
  <c r="X92159" i="1"/>
  <c r="X92160" i="1"/>
  <c r="X92161" i="1"/>
  <c r="X92162" i="1"/>
  <c r="X92163" i="1"/>
  <c r="X92164" i="1"/>
  <c r="X92165" i="1"/>
  <c r="X92166" i="1"/>
  <c r="X92167" i="1"/>
  <c r="X92168" i="1"/>
  <c r="X92169" i="1"/>
  <c r="X92170" i="1"/>
  <c r="X92171" i="1"/>
  <c r="X92172" i="1"/>
  <c r="X92173" i="1"/>
  <c r="X92174" i="1"/>
  <c r="X92175" i="1"/>
  <c r="X92176" i="1"/>
  <c r="X92177" i="1"/>
  <c r="X92178" i="1"/>
  <c r="X92179" i="1"/>
  <c r="X92180" i="1"/>
  <c r="X92181" i="1"/>
  <c r="X92182" i="1"/>
  <c r="X92183" i="1"/>
  <c r="X92184" i="1"/>
  <c r="X92185" i="1"/>
  <c r="X92186" i="1"/>
  <c r="X92187" i="1"/>
  <c r="X92188" i="1"/>
  <c r="X92189" i="1"/>
  <c r="X92190" i="1"/>
  <c r="X92191" i="1"/>
  <c r="X92192" i="1"/>
  <c r="X92193" i="1"/>
  <c r="X92194" i="1"/>
  <c r="X92195" i="1"/>
  <c r="X92196" i="1"/>
  <c r="X92197" i="1"/>
  <c r="X92198" i="1"/>
  <c r="X92199" i="1"/>
  <c r="X92200" i="1"/>
  <c r="X92201" i="1"/>
  <c r="X92202" i="1"/>
  <c r="X92203" i="1"/>
  <c r="X92204" i="1"/>
  <c r="X92205" i="1"/>
  <c r="X92206" i="1"/>
  <c r="X92207" i="1"/>
  <c r="X92208" i="1"/>
  <c r="X92209" i="1"/>
  <c r="X92210" i="1"/>
  <c r="X92211" i="1"/>
  <c r="X92212" i="1"/>
  <c r="X92213" i="1"/>
  <c r="X92214" i="1"/>
  <c r="X92215" i="1"/>
  <c r="X92216" i="1"/>
  <c r="X92217" i="1"/>
  <c r="X92218" i="1"/>
  <c r="X92219" i="1"/>
  <c r="X92220" i="1"/>
  <c r="X92221" i="1"/>
  <c r="X92222" i="1"/>
  <c r="X92223" i="1"/>
  <c r="X92224" i="1"/>
  <c r="X92225" i="1"/>
  <c r="X92226" i="1"/>
  <c r="X92227" i="1"/>
  <c r="X92228" i="1"/>
  <c r="X92229" i="1"/>
  <c r="X92230" i="1"/>
  <c r="X92231" i="1"/>
  <c r="X92232" i="1"/>
  <c r="X92233" i="1"/>
  <c r="X92234" i="1"/>
  <c r="X92235" i="1"/>
  <c r="X92236" i="1"/>
  <c r="X92237" i="1"/>
  <c r="X92238" i="1"/>
  <c r="X92239" i="1"/>
  <c r="X92240" i="1"/>
  <c r="X92241" i="1"/>
  <c r="X92242" i="1"/>
  <c r="X92243" i="1"/>
  <c r="X92244" i="1"/>
  <c r="X92245" i="1"/>
  <c r="X92246" i="1"/>
  <c r="X92247" i="1"/>
  <c r="X92248" i="1"/>
  <c r="X92249" i="1"/>
  <c r="X92250" i="1"/>
  <c r="X92251" i="1"/>
  <c r="X92252" i="1"/>
  <c r="X92253" i="1"/>
  <c r="X92254" i="1"/>
  <c r="X92255" i="1"/>
  <c r="X92256" i="1"/>
  <c r="X92257" i="1"/>
  <c r="X92258" i="1"/>
  <c r="X92259" i="1"/>
  <c r="X92260" i="1"/>
  <c r="X92261" i="1"/>
  <c r="X92262" i="1"/>
  <c r="X92263" i="1"/>
  <c r="X92264" i="1"/>
  <c r="X92265" i="1"/>
  <c r="X92266" i="1"/>
  <c r="X92267" i="1"/>
  <c r="X92268" i="1"/>
  <c r="X92269" i="1"/>
  <c r="X92270" i="1"/>
  <c r="X92271" i="1"/>
  <c r="X92272" i="1"/>
  <c r="X92273" i="1"/>
  <c r="X92274" i="1"/>
  <c r="X92275" i="1"/>
  <c r="X92276" i="1"/>
  <c r="X92277" i="1"/>
  <c r="X92278" i="1"/>
  <c r="X92279" i="1"/>
  <c r="X92280" i="1"/>
  <c r="X92281" i="1"/>
  <c r="X92282" i="1"/>
  <c r="X92283" i="1"/>
  <c r="X92284" i="1"/>
  <c r="X92285" i="1"/>
  <c r="X92286" i="1"/>
  <c r="X92287" i="1"/>
  <c r="X92288" i="1"/>
  <c r="X92289" i="1"/>
  <c r="X92290" i="1"/>
  <c r="X92291" i="1"/>
  <c r="X92292" i="1"/>
  <c r="X92293" i="1"/>
  <c r="X92294" i="1"/>
  <c r="X92295" i="1"/>
  <c r="X92296" i="1"/>
  <c r="X92297" i="1"/>
  <c r="X92298" i="1"/>
  <c r="X92299" i="1"/>
  <c r="X92300" i="1"/>
  <c r="X92301" i="1"/>
  <c r="X92302" i="1"/>
  <c r="X92303" i="1"/>
  <c r="X92304" i="1"/>
  <c r="X92305" i="1"/>
  <c r="X92306" i="1"/>
  <c r="X92307" i="1"/>
  <c r="X92308" i="1"/>
  <c r="X92309" i="1"/>
  <c r="X92310" i="1"/>
  <c r="X92311" i="1"/>
  <c r="X92312" i="1"/>
  <c r="X92313" i="1"/>
  <c r="X92314" i="1"/>
  <c r="X92315" i="1"/>
  <c r="X92316" i="1"/>
  <c r="X92317" i="1"/>
  <c r="X92318" i="1"/>
  <c r="X92319" i="1"/>
  <c r="X92320" i="1"/>
  <c r="X92321" i="1"/>
  <c r="X92322" i="1"/>
  <c r="X92323" i="1"/>
  <c r="X92324" i="1"/>
  <c r="X92325" i="1"/>
  <c r="X92326" i="1"/>
  <c r="X92327" i="1"/>
  <c r="X92328" i="1"/>
  <c r="X92329" i="1"/>
  <c r="X92330" i="1"/>
  <c r="X92331" i="1"/>
  <c r="X92332" i="1"/>
  <c r="X92333" i="1"/>
  <c r="X92334" i="1"/>
  <c r="X92335" i="1"/>
  <c r="X92336" i="1"/>
  <c r="X92337" i="1"/>
  <c r="X92338" i="1"/>
  <c r="X92339" i="1"/>
  <c r="X92340" i="1"/>
  <c r="X92341" i="1"/>
  <c r="X92342" i="1"/>
  <c r="X92343" i="1"/>
  <c r="X92344" i="1"/>
  <c r="X92345" i="1"/>
  <c r="X92346" i="1"/>
  <c r="X92347" i="1"/>
  <c r="X92348" i="1"/>
  <c r="X92349" i="1"/>
  <c r="X92350" i="1"/>
  <c r="X92351" i="1"/>
  <c r="X92352" i="1"/>
  <c r="X92353" i="1"/>
  <c r="X92354" i="1"/>
  <c r="X92355" i="1"/>
  <c r="X92356" i="1"/>
  <c r="X92357" i="1"/>
  <c r="X92358" i="1"/>
  <c r="X92359" i="1"/>
  <c r="X92360" i="1"/>
  <c r="X92361" i="1"/>
  <c r="X92362" i="1"/>
  <c r="X92363" i="1"/>
  <c r="X92364" i="1"/>
  <c r="X92365" i="1"/>
  <c r="X92366" i="1"/>
  <c r="X92367" i="1"/>
  <c r="X92368" i="1"/>
  <c r="X92369" i="1"/>
  <c r="X92370" i="1"/>
  <c r="X92371" i="1"/>
  <c r="X92372" i="1"/>
  <c r="X92373" i="1"/>
  <c r="X92374" i="1"/>
  <c r="X92375" i="1"/>
  <c r="X92376" i="1"/>
  <c r="X92377" i="1"/>
  <c r="X92378" i="1"/>
  <c r="X92379" i="1"/>
  <c r="X92380" i="1"/>
  <c r="X92381" i="1"/>
  <c r="X92382" i="1"/>
  <c r="X92383" i="1"/>
  <c r="X92384" i="1"/>
  <c r="X92385" i="1"/>
  <c r="X92386" i="1"/>
  <c r="X92387" i="1"/>
  <c r="X92388" i="1"/>
  <c r="X92389" i="1"/>
  <c r="X92390" i="1"/>
  <c r="X92391" i="1"/>
  <c r="X92392" i="1"/>
  <c r="X92393" i="1"/>
  <c r="X92394" i="1"/>
  <c r="X92395" i="1"/>
  <c r="X92396" i="1"/>
  <c r="X92397" i="1"/>
  <c r="X92398" i="1"/>
  <c r="X92399" i="1"/>
  <c r="X92400" i="1"/>
  <c r="X92401" i="1"/>
  <c r="X92402" i="1"/>
  <c r="X92403" i="1"/>
  <c r="X92404" i="1"/>
  <c r="X92405" i="1"/>
  <c r="X92406" i="1"/>
  <c r="X92407" i="1"/>
  <c r="X92408" i="1"/>
  <c r="X92409" i="1"/>
  <c r="X92410" i="1"/>
  <c r="X92411" i="1"/>
  <c r="X92412" i="1"/>
  <c r="X92413" i="1"/>
  <c r="X92414" i="1"/>
  <c r="X92415" i="1"/>
  <c r="X92416" i="1"/>
  <c r="X92417" i="1"/>
  <c r="X92418" i="1"/>
  <c r="X92419" i="1"/>
  <c r="X92420" i="1"/>
  <c r="X92421" i="1"/>
  <c r="X92422" i="1"/>
  <c r="X92423" i="1"/>
  <c r="X92424" i="1"/>
  <c r="X92425" i="1"/>
  <c r="X92426" i="1"/>
  <c r="X92427" i="1"/>
  <c r="X92428" i="1"/>
  <c r="X92429" i="1"/>
  <c r="X92430" i="1"/>
  <c r="X92431" i="1"/>
  <c r="X92432" i="1"/>
  <c r="X92433" i="1"/>
  <c r="X92434" i="1"/>
  <c r="X92435" i="1"/>
  <c r="X92436" i="1"/>
  <c r="X92437" i="1"/>
  <c r="X92438" i="1"/>
  <c r="X92439" i="1"/>
  <c r="X92440" i="1"/>
  <c r="X92441" i="1"/>
  <c r="X92442" i="1"/>
  <c r="X92443" i="1"/>
  <c r="X92444" i="1"/>
  <c r="X92445" i="1"/>
  <c r="X92446" i="1"/>
  <c r="X92447" i="1"/>
  <c r="X92448" i="1"/>
  <c r="X92449" i="1"/>
  <c r="X92450" i="1"/>
  <c r="X92451" i="1"/>
  <c r="X92452" i="1"/>
  <c r="X92453" i="1"/>
  <c r="X92454" i="1"/>
  <c r="X92455" i="1"/>
  <c r="X92456" i="1"/>
  <c r="X92457" i="1"/>
  <c r="X92458" i="1"/>
  <c r="X92459" i="1"/>
  <c r="X92460" i="1"/>
  <c r="X92461" i="1"/>
  <c r="X92462" i="1"/>
  <c r="X92463" i="1"/>
  <c r="X92464" i="1"/>
  <c r="X92465" i="1"/>
  <c r="X92466" i="1"/>
  <c r="X92467" i="1"/>
  <c r="X92468" i="1"/>
  <c r="X92469" i="1"/>
  <c r="X92470" i="1"/>
  <c r="X92471" i="1"/>
  <c r="X92472" i="1"/>
  <c r="X92473" i="1"/>
  <c r="X92474" i="1"/>
  <c r="X92475" i="1"/>
  <c r="X92476" i="1"/>
  <c r="X92477" i="1"/>
  <c r="X92478" i="1"/>
  <c r="X92479" i="1"/>
  <c r="X92480" i="1"/>
  <c r="X92481" i="1"/>
  <c r="X92482" i="1"/>
  <c r="X92483" i="1"/>
  <c r="X92484" i="1"/>
  <c r="X92485" i="1"/>
  <c r="X92486" i="1"/>
  <c r="X92487" i="1"/>
  <c r="X92488" i="1"/>
  <c r="X92489" i="1"/>
  <c r="X92490" i="1"/>
  <c r="X92491" i="1"/>
  <c r="X92492" i="1"/>
  <c r="X92493" i="1"/>
  <c r="X92494" i="1"/>
  <c r="X92495" i="1"/>
  <c r="X92496" i="1"/>
  <c r="X92497" i="1"/>
  <c r="X92498" i="1"/>
  <c r="X92499" i="1"/>
  <c r="X92500" i="1"/>
  <c r="X92501" i="1"/>
  <c r="X92502" i="1"/>
  <c r="X92503" i="1"/>
  <c r="X92504" i="1"/>
  <c r="X92505" i="1"/>
  <c r="X92506" i="1"/>
  <c r="X92507" i="1"/>
  <c r="X92508" i="1"/>
  <c r="X92509" i="1"/>
  <c r="X92510" i="1"/>
  <c r="X92511" i="1"/>
  <c r="X92512" i="1"/>
  <c r="X92513" i="1"/>
  <c r="X92514" i="1"/>
  <c r="X92515" i="1"/>
  <c r="X92516" i="1"/>
  <c r="X92517" i="1"/>
  <c r="X92518" i="1"/>
  <c r="X92519" i="1"/>
  <c r="X92520" i="1"/>
  <c r="X92521" i="1"/>
  <c r="X92522" i="1"/>
  <c r="X92523" i="1"/>
  <c r="X92524" i="1"/>
  <c r="X92525" i="1"/>
  <c r="X92526" i="1"/>
  <c r="X92527" i="1"/>
  <c r="X92528" i="1"/>
  <c r="X92529" i="1"/>
  <c r="X92530" i="1"/>
  <c r="X92531" i="1"/>
  <c r="X92532" i="1"/>
  <c r="X92533" i="1"/>
  <c r="X92534" i="1"/>
  <c r="X92535" i="1"/>
  <c r="X92536" i="1"/>
  <c r="X92537" i="1"/>
  <c r="X92538" i="1"/>
  <c r="X92539" i="1"/>
  <c r="X92540" i="1"/>
  <c r="X92541" i="1"/>
  <c r="X92542" i="1"/>
  <c r="X92543" i="1"/>
  <c r="X92544" i="1"/>
  <c r="X92545" i="1"/>
  <c r="X92546" i="1"/>
  <c r="X92547" i="1"/>
  <c r="X92548" i="1"/>
  <c r="X92549" i="1"/>
  <c r="X92550" i="1"/>
  <c r="X92551" i="1"/>
  <c r="X92552" i="1"/>
  <c r="X92553" i="1"/>
  <c r="X92554" i="1"/>
  <c r="X92555" i="1"/>
  <c r="X92556" i="1"/>
  <c r="X92557" i="1"/>
  <c r="X92558" i="1"/>
  <c r="X92559" i="1"/>
  <c r="X92560" i="1"/>
  <c r="X92561" i="1"/>
  <c r="X92562" i="1"/>
  <c r="X92563" i="1"/>
  <c r="X92564" i="1"/>
  <c r="X92565" i="1"/>
  <c r="X92566" i="1"/>
  <c r="X92567" i="1"/>
  <c r="X92568" i="1"/>
  <c r="X92569" i="1"/>
  <c r="X92570" i="1"/>
  <c r="X92571" i="1"/>
  <c r="X92572" i="1"/>
  <c r="X92573" i="1"/>
  <c r="X92574" i="1"/>
  <c r="X92575" i="1"/>
  <c r="X92576" i="1"/>
  <c r="X92577" i="1"/>
  <c r="X92578" i="1"/>
  <c r="X92579" i="1"/>
  <c r="X92580" i="1"/>
  <c r="X92581" i="1"/>
  <c r="X92582" i="1"/>
  <c r="X92583" i="1"/>
  <c r="X92584" i="1"/>
  <c r="X92585" i="1"/>
  <c r="X92586" i="1"/>
  <c r="X92587" i="1"/>
  <c r="X92588" i="1"/>
  <c r="X92589" i="1"/>
  <c r="X92590" i="1"/>
  <c r="X92591" i="1"/>
  <c r="X92592" i="1"/>
  <c r="X92593" i="1"/>
  <c r="X92594" i="1"/>
  <c r="X92595" i="1"/>
  <c r="X92596" i="1"/>
  <c r="X92597" i="1"/>
  <c r="X92598" i="1"/>
  <c r="X92599" i="1"/>
  <c r="X92600" i="1"/>
  <c r="X92601" i="1"/>
  <c r="X92602" i="1"/>
  <c r="X92603" i="1"/>
  <c r="X92604" i="1"/>
  <c r="X92605" i="1"/>
  <c r="X92606" i="1"/>
  <c r="X92607" i="1"/>
  <c r="X92608" i="1"/>
  <c r="X92609" i="1"/>
  <c r="X92610" i="1"/>
  <c r="X92611" i="1"/>
  <c r="X92612" i="1"/>
  <c r="X92613" i="1"/>
  <c r="X92614" i="1"/>
  <c r="X92615" i="1"/>
  <c r="X92616" i="1"/>
  <c r="X92617" i="1"/>
  <c r="X92618" i="1"/>
  <c r="X92619" i="1"/>
  <c r="X92620" i="1"/>
  <c r="X92621" i="1"/>
  <c r="X92622" i="1"/>
  <c r="X92623" i="1"/>
  <c r="X92624" i="1"/>
  <c r="X92625" i="1"/>
  <c r="X92626" i="1"/>
  <c r="X92627" i="1"/>
  <c r="X92628" i="1"/>
  <c r="X92629" i="1"/>
  <c r="X92630" i="1"/>
  <c r="X92631" i="1"/>
  <c r="X92632" i="1"/>
  <c r="X92633" i="1"/>
  <c r="X92634" i="1"/>
  <c r="X92635" i="1"/>
  <c r="X92636" i="1"/>
  <c r="X92637" i="1"/>
  <c r="X92638" i="1"/>
  <c r="X92639" i="1"/>
  <c r="X92640" i="1"/>
  <c r="X92641" i="1"/>
  <c r="X92642" i="1"/>
  <c r="X92643" i="1"/>
  <c r="X92644" i="1"/>
  <c r="X92645" i="1"/>
  <c r="X92646" i="1"/>
  <c r="X92647" i="1"/>
  <c r="X92648" i="1"/>
  <c r="X92649" i="1"/>
  <c r="X92650" i="1"/>
  <c r="X92651" i="1"/>
  <c r="X92652" i="1"/>
  <c r="X92653" i="1"/>
  <c r="X92654" i="1"/>
  <c r="X92655" i="1"/>
  <c r="X92656" i="1"/>
  <c r="X92657" i="1"/>
  <c r="X92658" i="1"/>
  <c r="X92659" i="1"/>
  <c r="X92660" i="1"/>
  <c r="X92661" i="1"/>
  <c r="X92662" i="1"/>
  <c r="X92663" i="1"/>
  <c r="X92664" i="1"/>
  <c r="X92665" i="1"/>
  <c r="X92666" i="1"/>
  <c r="X92667" i="1"/>
  <c r="X92668" i="1"/>
  <c r="X92669" i="1"/>
  <c r="X92670" i="1"/>
  <c r="X92671" i="1"/>
  <c r="X92672" i="1"/>
  <c r="X92673" i="1"/>
  <c r="X92674" i="1"/>
  <c r="X92675" i="1"/>
  <c r="X92676" i="1"/>
  <c r="X92677" i="1"/>
  <c r="X92678" i="1"/>
  <c r="X92679" i="1"/>
  <c r="X92680" i="1"/>
  <c r="X92681" i="1"/>
  <c r="X92682" i="1"/>
  <c r="X92683" i="1"/>
  <c r="X92684" i="1"/>
  <c r="X92685" i="1"/>
  <c r="X92686" i="1"/>
  <c r="X92687" i="1"/>
  <c r="X92688" i="1"/>
  <c r="X92689" i="1"/>
  <c r="X92690" i="1"/>
  <c r="X92691" i="1"/>
  <c r="X92692" i="1"/>
  <c r="X92693" i="1"/>
  <c r="X92694" i="1"/>
  <c r="X92695" i="1"/>
  <c r="X92696" i="1"/>
  <c r="X92697" i="1"/>
  <c r="X92698" i="1"/>
  <c r="X92699" i="1"/>
  <c r="X92700" i="1"/>
  <c r="X92701" i="1"/>
  <c r="X92702" i="1"/>
  <c r="X92703" i="1"/>
  <c r="X92704" i="1"/>
  <c r="X92705" i="1"/>
  <c r="X92706" i="1"/>
  <c r="X92707" i="1"/>
  <c r="X92708" i="1"/>
  <c r="X92709" i="1"/>
  <c r="X92710" i="1"/>
  <c r="X92711" i="1"/>
  <c r="X92712" i="1"/>
  <c r="X92713" i="1"/>
  <c r="X92714" i="1"/>
  <c r="X92715" i="1"/>
  <c r="X92716" i="1"/>
  <c r="X92717" i="1"/>
  <c r="X92718" i="1"/>
  <c r="X92719" i="1"/>
  <c r="X92720" i="1"/>
  <c r="X92721" i="1"/>
  <c r="X92722" i="1"/>
  <c r="X92723" i="1"/>
  <c r="X92724" i="1"/>
  <c r="X92725" i="1"/>
  <c r="X92726" i="1"/>
  <c r="X92727" i="1"/>
  <c r="X92728" i="1"/>
  <c r="X92729" i="1"/>
  <c r="X92730" i="1"/>
  <c r="X92731" i="1"/>
  <c r="X92732" i="1"/>
  <c r="X92733" i="1"/>
  <c r="X92734" i="1"/>
  <c r="X92735" i="1"/>
  <c r="X92736" i="1"/>
  <c r="X92737" i="1"/>
  <c r="X92738" i="1"/>
  <c r="X92739" i="1"/>
  <c r="X92740" i="1"/>
  <c r="X92741" i="1"/>
  <c r="X92742" i="1"/>
  <c r="X92743" i="1"/>
  <c r="X92744" i="1"/>
  <c r="X92745" i="1"/>
  <c r="X92746" i="1"/>
  <c r="X92747" i="1"/>
  <c r="X92748" i="1"/>
  <c r="X92749" i="1"/>
  <c r="X92750" i="1"/>
  <c r="X92751" i="1"/>
  <c r="X92752" i="1"/>
  <c r="X92753" i="1"/>
  <c r="X92754" i="1"/>
  <c r="X92755" i="1"/>
  <c r="X92756" i="1"/>
  <c r="X92757" i="1"/>
  <c r="X92758" i="1"/>
  <c r="X92759" i="1"/>
  <c r="X92760" i="1"/>
  <c r="X92761" i="1"/>
  <c r="X92762" i="1"/>
  <c r="X92763" i="1"/>
  <c r="X92764" i="1"/>
  <c r="X92765" i="1"/>
  <c r="X92766" i="1"/>
  <c r="X92767" i="1"/>
  <c r="X92768" i="1"/>
  <c r="X92769" i="1"/>
  <c r="X92770" i="1"/>
  <c r="X92771" i="1"/>
  <c r="X92772" i="1"/>
  <c r="X92773" i="1"/>
  <c r="X92774" i="1"/>
  <c r="X92775" i="1"/>
  <c r="X92776" i="1"/>
  <c r="X92777" i="1"/>
  <c r="X92778" i="1"/>
  <c r="X92779" i="1"/>
  <c r="X92780" i="1"/>
  <c r="X92781" i="1"/>
  <c r="X92782" i="1"/>
  <c r="X92783" i="1"/>
  <c r="X92784" i="1"/>
  <c r="X92785" i="1"/>
  <c r="X92786" i="1"/>
  <c r="X92787" i="1"/>
  <c r="X92788" i="1"/>
  <c r="X92789" i="1"/>
  <c r="X92790" i="1"/>
  <c r="X92791" i="1"/>
  <c r="X92792" i="1"/>
  <c r="X92793" i="1"/>
  <c r="X92794" i="1"/>
  <c r="X92795" i="1"/>
  <c r="X92796" i="1"/>
  <c r="X92797" i="1"/>
  <c r="X92798" i="1"/>
  <c r="X92799" i="1"/>
  <c r="X92800" i="1"/>
  <c r="X92801" i="1"/>
  <c r="X92802" i="1"/>
  <c r="X92803" i="1"/>
  <c r="X92804" i="1"/>
  <c r="X92805" i="1"/>
  <c r="X92806" i="1"/>
  <c r="X92807" i="1"/>
  <c r="X92808" i="1"/>
  <c r="X92809" i="1"/>
  <c r="X92810" i="1"/>
  <c r="X92811" i="1"/>
  <c r="X92812" i="1"/>
  <c r="X92813" i="1"/>
  <c r="X92814" i="1"/>
  <c r="X92815" i="1"/>
  <c r="X92816" i="1"/>
  <c r="X92817" i="1"/>
  <c r="X92818" i="1"/>
  <c r="X92819" i="1"/>
  <c r="X92820" i="1"/>
  <c r="X92821" i="1"/>
  <c r="X92822" i="1"/>
  <c r="X92823" i="1"/>
  <c r="X92824" i="1"/>
  <c r="X92825" i="1"/>
  <c r="X92826" i="1"/>
  <c r="X92827" i="1"/>
  <c r="X92828" i="1"/>
  <c r="X92829" i="1"/>
  <c r="X92830" i="1"/>
  <c r="X92831" i="1"/>
  <c r="X92832" i="1"/>
  <c r="X92833" i="1"/>
  <c r="X92834" i="1"/>
  <c r="X92835" i="1"/>
  <c r="X92836" i="1"/>
  <c r="X92837" i="1"/>
  <c r="X92838" i="1"/>
  <c r="X92839" i="1"/>
  <c r="X92840" i="1"/>
  <c r="X92841" i="1"/>
  <c r="X92842" i="1"/>
  <c r="X92843" i="1"/>
  <c r="X92844" i="1"/>
  <c r="X92845" i="1"/>
  <c r="X92846" i="1"/>
  <c r="X92847" i="1"/>
  <c r="X92848" i="1"/>
  <c r="X92849" i="1"/>
  <c r="X92850" i="1"/>
  <c r="X92851" i="1"/>
  <c r="X92852" i="1"/>
  <c r="X92853" i="1"/>
  <c r="X92854" i="1"/>
  <c r="X92855" i="1"/>
  <c r="X92856" i="1"/>
  <c r="X92857" i="1"/>
  <c r="X92858" i="1"/>
  <c r="X92859" i="1"/>
  <c r="X92860" i="1"/>
  <c r="X92861" i="1"/>
  <c r="X92862" i="1"/>
  <c r="X92863" i="1"/>
  <c r="X92864" i="1"/>
  <c r="X92865" i="1"/>
  <c r="X92866" i="1"/>
  <c r="X92867" i="1"/>
  <c r="X92868" i="1"/>
  <c r="X92869" i="1"/>
  <c r="X92870" i="1"/>
  <c r="X92871" i="1"/>
  <c r="X92872" i="1"/>
  <c r="X92873" i="1"/>
  <c r="X92874" i="1"/>
  <c r="X92875" i="1"/>
  <c r="X92876" i="1"/>
  <c r="X92877" i="1"/>
  <c r="X92878" i="1"/>
  <c r="X92879" i="1"/>
  <c r="X92880" i="1"/>
  <c r="X92881" i="1"/>
  <c r="X92882" i="1"/>
  <c r="X92883" i="1"/>
  <c r="X92884" i="1"/>
  <c r="X92885" i="1"/>
  <c r="X92886" i="1"/>
  <c r="X92887" i="1"/>
  <c r="X92888" i="1"/>
  <c r="X92889" i="1"/>
  <c r="X92890" i="1"/>
  <c r="X92891" i="1"/>
  <c r="X92892" i="1"/>
  <c r="X92893" i="1"/>
  <c r="X92894" i="1"/>
  <c r="X92895" i="1"/>
  <c r="X92896" i="1"/>
  <c r="X92897" i="1"/>
  <c r="X92898" i="1"/>
  <c r="X92899" i="1"/>
  <c r="X92900" i="1"/>
  <c r="X92901" i="1"/>
  <c r="X92902" i="1"/>
  <c r="X92903" i="1"/>
  <c r="X92904" i="1"/>
  <c r="X92905" i="1"/>
  <c r="X92906" i="1"/>
  <c r="X92907" i="1"/>
  <c r="X92908" i="1"/>
  <c r="X92909" i="1"/>
  <c r="X92910" i="1"/>
  <c r="X92911" i="1"/>
  <c r="X92912" i="1"/>
  <c r="X92913" i="1"/>
  <c r="X92914" i="1"/>
  <c r="X92915" i="1"/>
  <c r="X92916" i="1"/>
  <c r="X92917" i="1"/>
  <c r="X92918" i="1"/>
  <c r="X92919" i="1"/>
  <c r="X92920" i="1"/>
  <c r="X92921" i="1"/>
  <c r="X92922" i="1"/>
  <c r="X92923" i="1"/>
  <c r="X92924" i="1"/>
  <c r="X92925" i="1"/>
  <c r="X92926" i="1"/>
  <c r="X92927" i="1"/>
  <c r="X92928" i="1"/>
  <c r="X92929" i="1"/>
  <c r="X92930" i="1"/>
  <c r="X92931" i="1"/>
  <c r="X92932" i="1"/>
  <c r="X92933" i="1"/>
  <c r="X92934" i="1"/>
  <c r="X92935" i="1"/>
  <c r="X92936" i="1"/>
  <c r="X92937" i="1"/>
  <c r="X92938" i="1"/>
  <c r="X92939" i="1"/>
  <c r="X92940" i="1"/>
  <c r="X92941" i="1"/>
  <c r="X92942" i="1"/>
  <c r="X92943" i="1"/>
  <c r="X92944" i="1"/>
  <c r="X92945" i="1"/>
  <c r="X92946" i="1"/>
  <c r="X92947" i="1"/>
  <c r="X92948" i="1"/>
  <c r="X92949" i="1"/>
  <c r="X92950" i="1"/>
  <c r="X92951" i="1"/>
  <c r="X92952" i="1"/>
  <c r="X92953" i="1"/>
  <c r="X92954" i="1"/>
  <c r="X92955" i="1"/>
  <c r="X92956" i="1"/>
  <c r="X92957" i="1"/>
  <c r="X92958" i="1"/>
  <c r="X92959" i="1"/>
  <c r="X92960" i="1"/>
  <c r="X92961" i="1"/>
  <c r="X92962" i="1"/>
  <c r="X92963" i="1"/>
  <c r="X92964" i="1"/>
  <c r="X92965" i="1"/>
  <c r="X92966" i="1"/>
  <c r="X92967" i="1"/>
  <c r="X92968" i="1"/>
  <c r="X92969" i="1"/>
  <c r="X92970" i="1"/>
  <c r="X92971" i="1"/>
  <c r="X92972" i="1"/>
  <c r="X92973" i="1"/>
  <c r="X92974" i="1"/>
  <c r="X92975" i="1"/>
  <c r="X92976" i="1"/>
  <c r="X92977" i="1"/>
  <c r="X92978" i="1"/>
  <c r="X92979" i="1"/>
  <c r="X92980" i="1"/>
  <c r="X92981" i="1"/>
  <c r="X92982" i="1"/>
  <c r="X92983" i="1"/>
  <c r="X92984" i="1"/>
  <c r="X92985" i="1"/>
  <c r="X92986" i="1"/>
  <c r="X92987" i="1"/>
  <c r="X92988" i="1"/>
  <c r="X92989" i="1"/>
  <c r="X92990" i="1"/>
  <c r="X92991" i="1"/>
  <c r="X92992" i="1"/>
  <c r="X92993" i="1"/>
  <c r="X92994" i="1"/>
  <c r="X92995" i="1"/>
  <c r="X92996" i="1"/>
  <c r="X92997" i="1"/>
  <c r="X92998" i="1"/>
  <c r="X92999" i="1"/>
  <c r="X93000" i="1"/>
  <c r="X93001" i="1"/>
  <c r="X93002" i="1"/>
  <c r="X93003" i="1"/>
  <c r="X93004" i="1"/>
  <c r="X93005" i="1"/>
  <c r="X93006" i="1"/>
  <c r="X93007" i="1"/>
  <c r="X93008" i="1"/>
  <c r="X93009" i="1"/>
  <c r="X93010" i="1"/>
  <c r="X93011" i="1"/>
  <c r="X93012" i="1"/>
  <c r="X93013" i="1"/>
  <c r="X93014" i="1"/>
  <c r="X93015" i="1"/>
  <c r="X93016" i="1"/>
  <c r="X93017" i="1"/>
  <c r="X93018" i="1"/>
  <c r="X93019" i="1"/>
  <c r="X93020" i="1"/>
  <c r="X93021" i="1"/>
  <c r="X93022" i="1"/>
  <c r="X93023" i="1"/>
  <c r="X93024" i="1"/>
  <c r="X93025" i="1"/>
  <c r="X93026" i="1"/>
  <c r="X93027" i="1"/>
  <c r="X93028" i="1"/>
  <c r="X93029" i="1"/>
  <c r="X93030" i="1"/>
  <c r="X93031" i="1"/>
  <c r="X93032" i="1"/>
  <c r="X93033" i="1"/>
  <c r="X93034" i="1"/>
  <c r="X93035" i="1"/>
  <c r="X93036" i="1"/>
  <c r="X93037" i="1"/>
  <c r="X93038" i="1"/>
  <c r="X93039" i="1"/>
  <c r="X93040" i="1"/>
  <c r="X93041" i="1"/>
  <c r="X93042" i="1"/>
  <c r="X93043" i="1"/>
  <c r="X93044" i="1"/>
  <c r="X93045" i="1"/>
  <c r="X93046" i="1"/>
  <c r="X93047" i="1"/>
  <c r="X93048" i="1"/>
  <c r="X93049" i="1"/>
  <c r="X93050" i="1"/>
  <c r="X93051" i="1"/>
  <c r="X93052" i="1"/>
  <c r="X93053" i="1"/>
  <c r="X93054" i="1"/>
  <c r="X93055" i="1"/>
  <c r="X93056" i="1"/>
  <c r="X93057" i="1"/>
  <c r="X93058" i="1"/>
  <c r="X93059" i="1"/>
  <c r="X93060" i="1"/>
  <c r="X93061" i="1"/>
  <c r="X93062" i="1"/>
  <c r="X93063" i="1"/>
  <c r="X93064" i="1"/>
  <c r="X93065" i="1"/>
  <c r="X93066" i="1"/>
  <c r="X93067" i="1"/>
  <c r="X93068" i="1"/>
  <c r="X93069" i="1"/>
  <c r="X93070" i="1"/>
  <c r="X93071" i="1"/>
  <c r="X93072" i="1"/>
  <c r="X93073" i="1"/>
  <c r="X93074" i="1"/>
  <c r="X93075" i="1"/>
  <c r="X93076" i="1"/>
  <c r="X93077" i="1"/>
  <c r="X93078" i="1"/>
  <c r="X93079" i="1"/>
  <c r="X93080" i="1"/>
  <c r="X93081" i="1"/>
  <c r="X93082" i="1"/>
  <c r="X93083" i="1"/>
  <c r="X93084" i="1"/>
  <c r="X93085" i="1"/>
  <c r="X93086" i="1"/>
  <c r="X93087" i="1"/>
  <c r="X93088" i="1"/>
  <c r="X93089" i="1"/>
  <c r="X93090" i="1"/>
  <c r="X93091" i="1"/>
  <c r="X93092" i="1"/>
  <c r="X93093" i="1"/>
  <c r="X93094" i="1"/>
  <c r="X93095" i="1"/>
  <c r="X93096" i="1"/>
  <c r="X93097" i="1"/>
  <c r="X93098" i="1"/>
  <c r="X93099" i="1"/>
  <c r="X93100" i="1"/>
  <c r="X93101" i="1"/>
  <c r="X93102" i="1"/>
  <c r="X93103" i="1"/>
  <c r="X93104" i="1"/>
  <c r="X93105" i="1"/>
  <c r="X93106" i="1"/>
  <c r="X93107" i="1"/>
  <c r="X93108" i="1"/>
  <c r="X93109" i="1"/>
  <c r="X93110" i="1"/>
  <c r="X93111" i="1"/>
  <c r="X93112" i="1"/>
  <c r="X93113" i="1"/>
  <c r="X93114" i="1"/>
  <c r="X93115" i="1"/>
  <c r="X93116" i="1"/>
  <c r="X93117" i="1"/>
  <c r="X93118" i="1"/>
  <c r="X93119" i="1"/>
  <c r="X93120" i="1"/>
  <c r="X93121" i="1"/>
  <c r="X93122" i="1"/>
  <c r="X93123" i="1"/>
  <c r="X93124" i="1"/>
  <c r="X93125" i="1"/>
  <c r="X93126" i="1"/>
  <c r="X93127" i="1"/>
  <c r="X93128" i="1"/>
  <c r="X93129" i="1"/>
  <c r="X93130" i="1"/>
  <c r="X93131" i="1"/>
  <c r="X93132" i="1"/>
  <c r="X93133" i="1"/>
  <c r="X93134" i="1"/>
  <c r="X93135" i="1"/>
  <c r="X93136" i="1"/>
  <c r="X93137" i="1"/>
  <c r="X93138" i="1"/>
  <c r="X93139" i="1"/>
  <c r="X93140" i="1"/>
  <c r="X93141" i="1"/>
  <c r="X93142" i="1"/>
  <c r="X93143" i="1"/>
  <c r="X93144" i="1"/>
  <c r="X93145" i="1"/>
  <c r="X93146" i="1"/>
  <c r="X93147" i="1"/>
  <c r="X93148" i="1"/>
  <c r="X93149" i="1"/>
  <c r="X93150" i="1"/>
  <c r="X93151" i="1"/>
  <c r="X93152" i="1"/>
  <c r="X93153" i="1"/>
  <c r="X93154" i="1"/>
  <c r="X93155" i="1"/>
  <c r="X93156" i="1"/>
  <c r="X93157" i="1"/>
  <c r="X93158" i="1"/>
  <c r="X93159" i="1"/>
  <c r="X93160" i="1"/>
  <c r="X93161" i="1"/>
  <c r="X93162" i="1"/>
  <c r="X93163" i="1"/>
  <c r="X93164" i="1"/>
  <c r="X93165" i="1"/>
  <c r="X93166" i="1"/>
  <c r="X93167" i="1"/>
  <c r="X93168" i="1"/>
  <c r="X93169" i="1"/>
  <c r="X93170" i="1"/>
  <c r="X93171" i="1"/>
  <c r="X93172" i="1"/>
  <c r="X93173" i="1"/>
  <c r="X93174" i="1"/>
  <c r="X93175" i="1"/>
  <c r="X93176" i="1"/>
  <c r="X93177" i="1"/>
  <c r="X93178" i="1"/>
  <c r="X93179" i="1"/>
  <c r="X93180" i="1"/>
  <c r="X93181" i="1"/>
  <c r="X93182" i="1"/>
  <c r="X93183" i="1"/>
  <c r="X93184" i="1"/>
  <c r="X93185" i="1"/>
  <c r="X93186" i="1"/>
  <c r="X93187" i="1"/>
  <c r="X93188" i="1"/>
  <c r="X93189" i="1"/>
  <c r="X93190" i="1"/>
  <c r="X93191" i="1"/>
  <c r="X93192" i="1"/>
  <c r="X93193" i="1"/>
  <c r="X93194" i="1"/>
  <c r="X93195" i="1"/>
  <c r="X93196" i="1"/>
  <c r="X93197" i="1"/>
  <c r="X93198" i="1"/>
  <c r="X93199" i="1"/>
  <c r="X93200" i="1"/>
  <c r="X93201" i="1"/>
  <c r="X93202" i="1"/>
  <c r="X93203" i="1"/>
  <c r="X93204" i="1"/>
  <c r="X93205" i="1"/>
  <c r="X93206" i="1"/>
  <c r="X93207" i="1"/>
  <c r="X93208" i="1"/>
  <c r="X93209" i="1"/>
  <c r="X93210" i="1"/>
  <c r="X93211" i="1"/>
  <c r="X93212" i="1"/>
  <c r="X93213" i="1"/>
  <c r="X93214" i="1"/>
  <c r="X93215" i="1"/>
  <c r="X93216" i="1"/>
  <c r="X93217" i="1"/>
  <c r="X93218" i="1"/>
  <c r="X93219" i="1"/>
  <c r="X93220" i="1"/>
  <c r="X93221" i="1"/>
  <c r="X93222" i="1"/>
  <c r="X93223" i="1"/>
  <c r="X93224" i="1"/>
  <c r="X93225" i="1"/>
  <c r="X93226" i="1"/>
  <c r="X93227" i="1"/>
  <c r="X93228" i="1"/>
  <c r="X93229" i="1"/>
  <c r="X93230" i="1"/>
  <c r="X93231" i="1"/>
  <c r="X93232" i="1"/>
  <c r="X93233" i="1"/>
  <c r="X93234" i="1"/>
  <c r="X93235" i="1"/>
  <c r="X93236" i="1"/>
  <c r="X93237" i="1"/>
  <c r="X93238" i="1"/>
  <c r="X93239" i="1"/>
  <c r="X93240" i="1"/>
  <c r="X93241" i="1"/>
  <c r="X93242" i="1"/>
  <c r="X93243" i="1"/>
  <c r="X93244" i="1"/>
  <c r="X93245" i="1"/>
  <c r="X93246" i="1"/>
  <c r="X93247" i="1"/>
  <c r="X93248" i="1"/>
  <c r="X93249" i="1"/>
  <c r="X93250" i="1"/>
  <c r="X93251" i="1"/>
  <c r="X93252" i="1"/>
  <c r="X93253" i="1"/>
  <c r="X93254" i="1"/>
  <c r="X93255" i="1"/>
  <c r="X93256" i="1"/>
  <c r="X93257" i="1"/>
  <c r="X93258" i="1"/>
  <c r="X93259" i="1"/>
  <c r="X93260" i="1"/>
  <c r="X93261" i="1"/>
  <c r="X93262" i="1"/>
  <c r="X93263" i="1"/>
  <c r="X93264" i="1"/>
  <c r="X93265" i="1"/>
  <c r="X93266" i="1"/>
  <c r="X93267" i="1"/>
  <c r="X93268" i="1"/>
  <c r="X93269" i="1"/>
  <c r="X93270" i="1"/>
  <c r="X93271" i="1"/>
  <c r="X93272" i="1"/>
  <c r="X93273" i="1"/>
  <c r="X93274" i="1"/>
  <c r="X93275" i="1"/>
  <c r="X93276" i="1"/>
  <c r="X93277" i="1"/>
  <c r="X93278" i="1"/>
  <c r="X93279" i="1"/>
  <c r="X93280" i="1"/>
  <c r="X93281" i="1"/>
  <c r="X93282" i="1"/>
  <c r="X93283" i="1"/>
  <c r="X93284" i="1"/>
  <c r="X93285" i="1"/>
  <c r="X93286" i="1"/>
  <c r="X93287" i="1"/>
  <c r="X93288" i="1"/>
  <c r="X93289" i="1"/>
  <c r="X93290" i="1"/>
  <c r="X93291" i="1"/>
  <c r="X93292" i="1"/>
  <c r="X93293" i="1"/>
  <c r="X93294" i="1"/>
  <c r="X93295" i="1"/>
  <c r="X93296" i="1"/>
  <c r="X93297" i="1"/>
  <c r="X93298" i="1"/>
  <c r="X93299" i="1"/>
  <c r="X93300" i="1"/>
  <c r="X93301" i="1"/>
  <c r="X93302" i="1"/>
  <c r="X93303" i="1"/>
  <c r="X93304" i="1"/>
  <c r="X93305" i="1"/>
  <c r="X93306" i="1"/>
  <c r="X93307" i="1"/>
  <c r="X93308" i="1"/>
  <c r="X93309" i="1"/>
  <c r="X93310" i="1"/>
  <c r="X93311" i="1"/>
  <c r="X93312" i="1"/>
  <c r="X93313" i="1"/>
  <c r="X93314" i="1"/>
  <c r="X93315" i="1"/>
  <c r="X93316" i="1"/>
  <c r="X93317" i="1"/>
  <c r="X93318" i="1"/>
  <c r="X93319" i="1"/>
  <c r="X93320" i="1"/>
  <c r="X93321" i="1"/>
  <c r="X93322" i="1"/>
  <c r="X93323" i="1"/>
  <c r="X93324" i="1"/>
  <c r="X93325" i="1"/>
  <c r="X93326" i="1"/>
  <c r="X93327" i="1"/>
  <c r="X93328" i="1"/>
  <c r="X93329" i="1"/>
  <c r="X93330" i="1"/>
  <c r="X93331" i="1"/>
  <c r="X93332" i="1"/>
  <c r="X93333" i="1"/>
  <c r="X93334" i="1"/>
  <c r="X93335" i="1"/>
  <c r="X93336" i="1"/>
  <c r="X93337" i="1"/>
  <c r="X93338" i="1"/>
  <c r="X93339" i="1"/>
  <c r="X93340" i="1"/>
  <c r="X93341" i="1"/>
  <c r="X93342" i="1"/>
  <c r="X93343" i="1"/>
  <c r="X93344" i="1"/>
  <c r="X93345" i="1"/>
  <c r="X93346" i="1"/>
  <c r="X93347" i="1"/>
  <c r="X93348" i="1"/>
  <c r="X93349" i="1"/>
  <c r="X93350" i="1"/>
  <c r="X93351" i="1"/>
  <c r="X93352" i="1"/>
  <c r="X93353" i="1"/>
  <c r="X93354" i="1"/>
  <c r="X93355" i="1"/>
  <c r="X93356" i="1"/>
  <c r="X93357" i="1"/>
  <c r="X93358" i="1"/>
  <c r="X93359" i="1"/>
  <c r="X93360" i="1"/>
  <c r="X93361" i="1"/>
  <c r="X93362" i="1"/>
  <c r="X93363" i="1"/>
  <c r="X93364" i="1"/>
  <c r="X93365" i="1"/>
  <c r="X93366" i="1"/>
  <c r="X93367" i="1"/>
  <c r="X93368" i="1"/>
  <c r="X93369" i="1"/>
  <c r="X93370" i="1"/>
  <c r="X93371" i="1"/>
  <c r="X93372" i="1"/>
  <c r="X93373" i="1"/>
  <c r="X93374" i="1"/>
  <c r="X93375" i="1"/>
  <c r="X93376" i="1"/>
  <c r="X93377" i="1"/>
  <c r="X93378" i="1"/>
  <c r="X93379" i="1"/>
  <c r="X93380" i="1"/>
  <c r="X93381" i="1"/>
  <c r="X93382" i="1"/>
  <c r="X93383" i="1"/>
  <c r="X93384" i="1"/>
  <c r="X93385" i="1"/>
  <c r="X93386" i="1"/>
  <c r="X93387" i="1"/>
  <c r="X93388" i="1"/>
  <c r="X93389" i="1"/>
  <c r="X93390" i="1"/>
  <c r="X93391" i="1"/>
  <c r="X93392" i="1"/>
  <c r="X93393" i="1"/>
  <c r="X93394" i="1"/>
  <c r="X93395" i="1"/>
  <c r="X93396" i="1"/>
  <c r="X93397" i="1"/>
  <c r="X93398" i="1"/>
  <c r="X93399" i="1"/>
  <c r="X93400" i="1"/>
  <c r="X93401" i="1"/>
  <c r="X93402" i="1"/>
  <c r="X93403" i="1"/>
  <c r="X93404" i="1"/>
  <c r="X93405" i="1"/>
  <c r="X93406" i="1"/>
  <c r="X93407" i="1"/>
  <c r="X93408" i="1"/>
  <c r="X93409" i="1"/>
  <c r="X93410" i="1"/>
  <c r="X93411" i="1"/>
  <c r="X93412" i="1"/>
  <c r="X93413" i="1"/>
  <c r="X93414" i="1"/>
  <c r="X93415" i="1"/>
  <c r="X93416" i="1"/>
  <c r="X93417" i="1"/>
  <c r="X93418" i="1"/>
  <c r="X93419" i="1"/>
  <c r="X93420" i="1"/>
  <c r="X93421" i="1"/>
  <c r="X93422" i="1"/>
  <c r="X93423" i="1"/>
  <c r="X93424" i="1"/>
  <c r="X93425" i="1"/>
  <c r="X93426" i="1"/>
  <c r="X93427" i="1"/>
  <c r="X93428" i="1"/>
  <c r="X93429" i="1"/>
  <c r="X93430" i="1"/>
  <c r="X93431" i="1"/>
  <c r="X93432" i="1"/>
  <c r="X93433" i="1"/>
  <c r="X93434" i="1"/>
  <c r="X93435" i="1"/>
  <c r="X93436" i="1"/>
  <c r="X93437" i="1"/>
  <c r="X93438" i="1"/>
  <c r="X93439" i="1"/>
  <c r="X93440" i="1"/>
  <c r="X93441" i="1"/>
  <c r="X93442" i="1"/>
  <c r="X93443" i="1"/>
  <c r="X93444" i="1"/>
  <c r="X93445" i="1"/>
  <c r="X93446" i="1"/>
  <c r="X93447" i="1"/>
  <c r="X93448" i="1"/>
  <c r="X93449" i="1"/>
  <c r="X93450" i="1"/>
  <c r="X93451" i="1"/>
  <c r="X93452" i="1"/>
  <c r="X93453" i="1"/>
  <c r="X93454" i="1"/>
  <c r="X93455" i="1"/>
  <c r="X93456" i="1"/>
  <c r="X93457" i="1"/>
  <c r="X93458" i="1"/>
  <c r="X93459" i="1"/>
  <c r="X93460" i="1"/>
  <c r="X93461" i="1"/>
  <c r="X93462" i="1"/>
  <c r="X93463" i="1"/>
  <c r="X93464" i="1"/>
  <c r="X93465" i="1"/>
  <c r="X93466" i="1"/>
  <c r="X93467" i="1"/>
  <c r="X93468" i="1"/>
  <c r="X93469" i="1"/>
  <c r="X93470" i="1"/>
  <c r="X93471" i="1"/>
  <c r="X93472" i="1"/>
  <c r="X93473" i="1"/>
  <c r="X93474" i="1"/>
  <c r="X93475" i="1"/>
  <c r="X93476" i="1"/>
  <c r="X93477" i="1"/>
  <c r="X93478" i="1"/>
  <c r="X93479" i="1"/>
  <c r="X93480" i="1"/>
  <c r="X93481" i="1"/>
  <c r="X93482" i="1"/>
  <c r="X93483" i="1"/>
  <c r="X93484" i="1"/>
  <c r="X93485" i="1"/>
  <c r="X93486" i="1"/>
  <c r="X93487" i="1"/>
  <c r="X93488" i="1"/>
  <c r="X93489" i="1"/>
  <c r="X93490" i="1"/>
  <c r="X93491" i="1"/>
  <c r="X93492" i="1"/>
  <c r="X93493" i="1"/>
  <c r="X93494" i="1"/>
  <c r="X93495" i="1"/>
  <c r="X93496" i="1"/>
  <c r="X93497" i="1"/>
  <c r="X93498" i="1"/>
  <c r="X93499" i="1"/>
  <c r="X93500" i="1"/>
  <c r="X93501" i="1"/>
  <c r="X93502" i="1"/>
  <c r="X93503" i="1"/>
  <c r="X93504" i="1"/>
  <c r="X93505" i="1"/>
  <c r="X93506" i="1"/>
  <c r="X93507" i="1"/>
  <c r="X93508" i="1"/>
  <c r="X93509" i="1"/>
  <c r="X93510" i="1"/>
  <c r="X93511" i="1"/>
  <c r="X93512" i="1"/>
  <c r="X93513" i="1"/>
  <c r="X93514" i="1"/>
  <c r="X93515" i="1"/>
  <c r="X93516" i="1"/>
  <c r="X93517" i="1"/>
  <c r="X93518" i="1"/>
  <c r="X93519" i="1"/>
  <c r="X93520" i="1"/>
  <c r="X93521" i="1"/>
  <c r="X93522" i="1"/>
  <c r="X93523" i="1"/>
  <c r="X93524" i="1"/>
  <c r="X93525" i="1"/>
  <c r="X93526" i="1"/>
  <c r="X93527" i="1"/>
  <c r="X93528" i="1"/>
  <c r="X93529" i="1"/>
  <c r="X93530" i="1"/>
  <c r="X93531" i="1"/>
  <c r="X93532" i="1"/>
  <c r="X93533" i="1"/>
  <c r="X93534" i="1"/>
  <c r="X93535" i="1"/>
  <c r="X93536" i="1"/>
  <c r="X93537" i="1"/>
  <c r="X93538" i="1"/>
  <c r="X93539" i="1"/>
  <c r="X93540" i="1"/>
  <c r="X93541" i="1"/>
  <c r="X93542" i="1"/>
  <c r="X93543" i="1"/>
  <c r="X93544" i="1"/>
  <c r="X93545" i="1"/>
  <c r="X93546" i="1"/>
  <c r="X93547" i="1"/>
  <c r="X93548" i="1"/>
  <c r="X93549" i="1"/>
  <c r="X93550" i="1"/>
  <c r="X93551" i="1"/>
  <c r="X93552" i="1"/>
  <c r="X93553" i="1"/>
  <c r="X93554" i="1"/>
  <c r="X93555" i="1"/>
  <c r="X93556" i="1"/>
  <c r="X93557" i="1"/>
  <c r="X93558" i="1"/>
  <c r="X93559" i="1"/>
  <c r="X93560" i="1"/>
  <c r="X93561" i="1"/>
  <c r="X93562" i="1"/>
  <c r="X93563" i="1"/>
  <c r="X93564" i="1"/>
  <c r="X93565" i="1"/>
  <c r="X93566" i="1"/>
  <c r="X93567" i="1"/>
  <c r="X93568" i="1"/>
  <c r="X93569" i="1"/>
  <c r="X93570" i="1"/>
  <c r="X93571" i="1"/>
  <c r="X93572" i="1"/>
  <c r="X93573" i="1"/>
  <c r="X93574" i="1"/>
  <c r="X93575" i="1"/>
  <c r="X93576" i="1"/>
  <c r="X93577" i="1"/>
  <c r="X93578" i="1"/>
  <c r="X93579" i="1"/>
  <c r="X93580" i="1"/>
  <c r="X93581" i="1"/>
  <c r="X93582" i="1"/>
  <c r="X93583" i="1"/>
  <c r="X93584" i="1"/>
  <c r="X93585" i="1"/>
  <c r="X93586" i="1"/>
  <c r="X93587" i="1"/>
  <c r="X93588" i="1"/>
  <c r="X93589" i="1"/>
  <c r="X93590" i="1"/>
  <c r="X93591" i="1"/>
  <c r="X93592" i="1"/>
  <c r="X93593" i="1"/>
  <c r="X93594" i="1"/>
  <c r="X93595" i="1"/>
  <c r="X93596" i="1"/>
  <c r="X93597" i="1"/>
  <c r="X93598" i="1"/>
  <c r="X93599" i="1"/>
  <c r="X93600" i="1"/>
  <c r="X93601" i="1"/>
  <c r="X93602" i="1"/>
  <c r="X93603" i="1"/>
  <c r="X93604" i="1"/>
  <c r="X93605" i="1"/>
  <c r="X93606" i="1"/>
  <c r="X93607" i="1"/>
  <c r="X93608" i="1"/>
  <c r="X93609" i="1"/>
  <c r="X93610" i="1"/>
  <c r="X93611" i="1"/>
  <c r="X93612" i="1"/>
  <c r="X93613" i="1"/>
  <c r="X93614" i="1"/>
  <c r="X93615" i="1"/>
  <c r="X93616" i="1"/>
  <c r="X93617" i="1"/>
  <c r="X93618" i="1"/>
  <c r="X93619" i="1"/>
  <c r="X93620" i="1"/>
  <c r="X93621" i="1"/>
  <c r="X93622" i="1"/>
  <c r="X93623" i="1"/>
  <c r="X93624" i="1"/>
  <c r="X93625" i="1"/>
  <c r="X93626" i="1"/>
  <c r="X93627" i="1"/>
  <c r="X93628" i="1"/>
  <c r="X93629" i="1"/>
  <c r="X93630" i="1"/>
  <c r="X93631" i="1"/>
  <c r="X93632" i="1"/>
  <c r="X93633" i="1"/>
  <c r="X93634" i="1"/>
  <c r="X93635" i="1"/>
  <c r="X93636" i="1"/>
  <c r="X93637" i="1"/>
  <c r="X93638" i="1"/>
  <c r="X93639" i="1"/>
  <c r="X93640" i="1"/>
  <c r="X93641" i="1"/>
  <c r="X93642" i="1"/>
  <c r="X93643" i="1"/>
  <c r="X93644" i="1"/>
  <c r="X93645" i="1"/>
  <c r="X93646" i="1"/>
  <c r="X93647" i="1"/>
  <c r="X93648" i="1"/>
  <c r="X93649" i="1"/>
  <c r="X93650" i="1"/>
  <c r="X93651" i="1"/>
  <c r="X93652" i="1"/>
  <c r="X93653" i="1"/>
  <c r="X93654" i="1"/>
  <c r="X93655" i="1"/>
  <c r="X93656" i="1"/>
  <c r="X93657" i="1"/>
  <c r="X93658" i="1"/>
  <c r="X93659" i="1"/>
  <c r="X93660" i="1"/>
  <c r="X93661" i="1"/>
  <c r="X93662" i="1"/>
  <c r="X93663" i="1"/>
  <c r="X93664" i="1"/>
  <c r="X93665" i="1"/>
  <c r="X93666" i="1"/>
  <c r="X93667" i="1"/>
  <c r="X93668" i="1"/>
  <c r="X93669" i="1"/>
  <c r="X93670" i="1"/>
  <c r="X93671" i="1"/>
  <c r="X93672" i="1"/>
  <c r="X93673" i="1"/>
  <c r="X93674" i="1"/>
  <c r="X93675" i="1"/>
  <c r="X93676" i="1"/>
  <c r="X93677" i="1"/>
  <c r="X93678" i="1"/>
  <c r="X93679" i="1"/>
  <c r="X93680" i="1"/>
  <c r="X93681" i="1"/>
  <c r="X93682" i="1"/>
  <c r="X93683" i="1"/>
  <c r="X93684" i="1"/>
  <c r="X93685" i="1"/>
  <c r="X93686" i="1"/>
  <c r="X93687" i="1"/>
  <c r="X93688" i="1"/>
  <c r="X93689" i="1"/>
  <c r="X93690" i="1"/>
  <c r="X93691" i="1"/>
  <c r="X93692" i="1"/>
  <c r="X93693" i="1"/>
  <c r="X93694" i="1"/>
  <c r="X93695" i="1"/>
  <c r="X93696" i="1"/>
  <c r="X93697" i="1"/>
  <c r="X93698" i="1"/>
  <c r="X93699" i="1"/>
  <c r="X93700" i="1"/>
  <c r="X93701" i="1"/>
  <c r="X93702" i="1"/>
  <c r="X93703" i="1"/>
  <c r="X93704" i="1"/>
  <c r="X93705" i="1"/>
  <c r="X93706" i="1"/>
  <c r="X93707" i="1"/>
  <c r="X93708" i="1"/>
  <c r="X93709" i="1"/>
  <c r="X93710" i="1"/>
  <c r="X93711" i="1"/>
  <c r="X93712" i="1"/>
  <c r="X93713" i="1"/>
  <c r="X93714" i="1"/>
  <c r="X93715" i="1"/>
  <c r="X93716" i="1"/>
  <c r="X93717" i="1"/>
  <c r="X93718" i="1"/>
  <c r="X93719" i="1"/>
  <c r="X93720" i="1"/>
  <c r="X93721" i="1"/>
  <c r="X93722" i="1"/>
  <c r="X93723" i="1"/>
  <c r="X93724" i="1"/>
  <c r="X93725" i="1"/>
  <c r="X93726" i="1"/>
  <c r="X93727" i="1"/>
  <c r="X93728" i="1"/>
  <c r="X93729" i="1"/>
  <c r="X93730" i="1"/>
  <c r="X93731" i="1"/>
  <c r="X93732" i="1"/>
  <c r="X93733" i="1"/>
  <c r="X93734" i="1"/>
  <c r="X93735" i="1"/>
  <c r="X93736" i="1"/>
  <c r="X93737" i="1"/>
  <c r="X93738" i="1"/>
  <c r="X93739" i="1"/>
  <c r="X93740" i="1"/>
  <c r="X93741" i="1"/>
  <c r="X93742" i="1"/>
  <c r="X93743" i="1"/>
  <c r="X93744" i="1"/>
  <c r="X93745" i="1"/>
  <c r="X93746" i="1"/>
  <c r="X93747" i="1"/>
  <c r="X93748" i="1"/>
  <c r="X93749" i="1"/>
  <c r="X93750" i="1"/>
  <c r="X93751" i="1"/>
  <c r="X93752" i="1"/>
  <c r="X93753" i="1"/>
  <c r="X93754" i="1"/>
  <c r="X93755" i="1"/>
  <c r="X93756" i="1"/>
  <c r="X93757" i="1"/>
  <c r="X93758" i="1"/>
  <c r="X93759" i="1"/>
  <c r="X93760" i="1"/>
  <c r="X93761" i="1"/>
  <c r="X93762" i="1"/>
  <c r="X93763" i="1"/>
  <c r="X93764" i="1"/>
  <c r="X93765" i="1"/>
  <c r="X93766" i="1"/>
  <c r="X93767" i="1"/>
  <c r="X93768" i="1"/>
  <c r="X93769" i="1"/>
  <c r="X93770" i="1"/>
  <c r="X93771" i="1"/>
  <c r="X93772" i="1"/>
  <c r="X93773" i="1"/>
  <c r="X93774" i="1"/>
  <c r="X93775" i="1"/>
  <c r="X93776" i="1"/>
  <c r="X93777" i="1"/>
  <c r="X93778" i="1"/>
  <c r="X93779" i="1"/>
  <c r="X93780" i="1"/>
  <c r="X93781" i="1"/>
  <c r="X93782" i="1"/>
  <c r="X93783" i="1"/>
  <c r="X93784" i="1"/>
  <c r="X93785" i="1"/>
  <c r="X93786" i="1"/>
  <c r="X93787" i="1"/>
  <c r="X93788" i="1"/>
  <c r="X93789" i="1"/>
  <c r="X93790" i="1"/>
  <c r="X93791" i="1"/>
  <c r="X93792" i="1"/>
  <c r="X93793" i="1"/>
  <c r="X93794" i="1"/>
  <c r="X93795" i="1"/>
  <c r="X93796" i="1"/>
  <c r="X93797" i="1"/>
  <c r="X93798" i="1"/>
  <c r="X93799" i="1"/>
  <c r="X93800" i="1"/>
  <c r="X93801" i="1"/>
  <c r="X93802" i="1"/>
  <c r="X93803" i="1"/>
  <c r="X93804" i="1"/>
  <c r="X93805" i="1"/>
  <c r="X93806" i="1"/>
  <c r="X93807" i="1"/>
  <c r="X93808" i="1"/>
  <c r="X93809" i="1"/>
  <c r="X93810" i="1"/>
  <c r="X93811" i="1"/>
  <c r="X93812" i="1"/>
  <c r="X93813" i="1"/>
  <c r="X93814" i="1"/>
  <c r="X93815" i="1"/>
  <c r="X93816" i="1"/>
  <c r="X93817" i="1"/>
  <c r="X93818" i="1"/>
  <c r="X93819" i="1"/>
  <c r="X93820" i="1"/>
  <c r="X93821" i="1"/>
  <c r="X93822" i="1"/>
  <c r="X93823" i="1"/>
  <c r="X93824" i="1"/>
  <c r="X93825" i="1"/>
  <c r="X93826" i="1"/>
  <c r="X93827" i="1"/>
  <c r="X93828" i="1"/>
  <c r="X93829" i="1"/>
  <c r="X93830" i="1"/>
  <c r="X93831" i="1"/>
  <c r="X93832" i="1"/>
  <c r="X93833" i="1"/>
  <c r="X93834" i="1"/>
  <c r="X93835" i="1"/>
  <c r="X93836" i="1"/>
  <c r="X93837" i="1"/>
  <c r="X93838" i="1"/>
  <c r="X93839" i="1"/>
  <c r="X93840" i="1"/>
  <c r="X93841" i="1"/>
  <c r="X93842" i="1"/>
  <c r="X93843" i="1"/>
  <c r="X93844" i="1"/>
  <c r="X93845" i="1"/>
  <c r="X93846" i="1"/>
  <c r="X93847" i="1"/>
  <c r="X93848" i="1"/>
  <c r="X93849" i="1"/>
  <c r="X93850" i="1"/>
  <c r="X93851" i="1"/>
  <c r="X93852" i="1"/>
  <c r="X93853" i="1"/>
  <c r="X93854" i="1"/>
  <c r="X93855" i="1"/>
  <c r="X93856" i="1"/>
  <c r="X93857" i="1"/>
  <c r="X93858" i="1"/>
  <c r="X93859" i="1"/>
  <c r="X93860" i="1"/>
  <c r="X93861" i="1"/>
  <c r="X93862" i="1"/>
  <c r="X93863" i="1"/>
  <c r="X93864" i="1"/>
  <c r="X93865" i="1"/>
  <c r="X93866" i="1"/>
  <c r="X93867" i="1"/>
  <c r="X93868" i="1"/>
  <c r="X93869" i="1"/>
  <c r="X93870" i="1"/>
  <c r="X93871" i="1"/>
  <c r="X93872" i="1"/>
  <c r="X93873" i="1"/>
  <c r="X93874" i="1"/>
  <c r="X93875" i="1"/>
  <c r="X93876" i="1"/>
  <c r="X93877" i="1"/>
  <c r="X93878" i="1"/>
  <c r="X93879" i="1"/>
  <c r="X93880" i="1"/>
  <c r="X93881" i="1"/>
  <c r="X93882" i="1"/>
  <c r="X93883" i="1"/>
  <c r="X93884" i="1"/>
  <c r="X93885" i="1"/>
  <c r="X93886" i="1"/>
  <c r="X93887" i="1"/>
  <c r="X93888" i="1"/>
  <c r="X93889" i="1"/>
  <c r="X93890" i="1"/>
  <c r="X93891" i="1"/>
  <c r="X93892" i="1"/>
  <c r="X93893" i="1"/>
  <c r="X93894" i="1"/>
  <c r="X93895" i="1"/>
  <c r="X93896" i="1"/>
  <c r="X93897" i="1"/>
  <c r="X93898" i="1"/>
  <c r="X93899" i="1"/>
  <c r="X93900" i="1"/>
  <c r="X93901" i="1"/>
  <c r="X93902" i="1"/>
  <c r="X93903" i="1"/>
  <c r="X93904" i="1"/>
  <c r="X93905" i="1"/>
  <c r="X93906" i="1"/>
  <c r="X93907" i="1"/>
  <c r="X93908" i="1"/>
  <c r="X93909" i="1"/>
  <c r="X93910" i="1"/>
  <c r="X93911" i="1"/>
  <c r="X93912" i="1"/>
  <c r="X93913" i="1"/>
  <c r="X93914" i="1"/>
  <c r="X93915" i="1"/>
  <c r="X93916" i="1"/>
  <c r="X93917" i="1"/>
  <c r="X93918" i="1"/>
  <c r="X93919" i="1"/>
  <c r="X93920" i="1"/>
  <c r="X93921" i="1"/>
  <c r="X93922" i="1"/>
  <c r="X93923" i="1"/>
  <c r="X93924" i="1"/>
  <c r="X93925" i="1"/>
  <c r="X93926" i="1"/>
  <c r="X93927" i="1"/>
  <c r="X93928" i="1"/>
  <c r="X93929" i="1"/>
  <c r="X93930" i="1"/>
  <c r="X93931" i="1"/>
  <c r="X93932" i="1"/>
  <c r="X93933" i="1"/>
  <c r="X93934" i="1"/>
  <c r="X93935" i="1"/>
  <c r="X93936" i="1"/>
  <c r="X93937" i="1"/>
  <c r="X93938" i="1"/>
  <c r="X93939" i="1"/>
  <c r="X93940" i="1"/>
  <c r="X93941" i="1"/>
  <c r="X93942" i="1"/>
  <c r="X93943" i="1"/>
  <c r="X93944" i="1"/>
  <c r="X93945" i="1"/>
  <c r="X93946" i="1"/>
  <c r="X93947" i="1"/>
  <c r="X93948" i="1"/>
  <c r="X93949" i="1"/>
  <c r="X93950" i="1"/>
  <c r="X93951" i="1"/>
  <c r="X93952" i="1"/>
  <c r="X93953" i="1"/>
  <c r="X93954" i="1"/>
  <c r="X93955" i="1"/>
  <c r="X93956" i="1"/>
  <c r="X93957" i="1"/>
  <c r="X93958" i="1"/>
  <c r="X93959" i="1"/>
  <c r="X93960" i="1"/>
  <c r="X93961" i="1"/>
  <c r="X93962" i="1"/>
  <c r="X93963" i="1"/>
  <c r="X93964" i="1"/>
  <c r="X93965" i="1"/>
  <c r="X93966" i="1"/>
  <c r="X93967" i="1"/>
  <c r="X93968" i="1"/>
  <c r="X93969" i="1"/>
  <c r="X93970" i="1"/>
  <c r="X93971" i="1"/>
  <c r="X93972" i="1"/>
  <c r="X93973" i="1"/>
  <c r="X93974" i="1"/>
  <c r="X93975" i="1"/>
  <c r="X93976" i="1"/>
  <c r="X93977" i="1"/>
  <c r="X93978" i="1"/>
  <c r="X93979" i="1"/>
  <c r="X93980" i="1"/>
  <c r="X93981" i="1"/>
  <c r="X93982" i="1"/>
  <c r="X93983" i="1"/>
  <c r="X93984" i="1"/>
  <c r="X93985" i="1"/>
  <c r="X93986" i="1"/>
  <c r="X93987" i="1"/>
  <c r="X93988" i="1"/>
  <c r="X93989" i="1"/>
  <c r="X93990" i="1"/>
  <c r="X93991" i="1"/>
  <c r="X93992" i="1"/>
  <c r="X93993" i="1"/>
  <c r="X93994" i="1"/>
  <c r="X93995" i="1"/>
  <c r="X93996" i="1"/>
  <c r="X93997" i="1"/>
  <c r="X93998" i="1"/>
  <c r="X93999" i="1"/>
  <c r="X94000" i="1"/>
  <c r="X94001" i="1"/>
  <c r="X94002" i="1"/>
  <c r="X94003" i="1"/>
  <c r="X94004" i="1"/>
  <c r="X94005" i="1"/>
  <c r="X94006" i="1"/>
  <c r="X94007" i="1"/>
  <c r="X94008" i="1"/>
  <c r="X94009" i="1"/>
  <c r="X94010" i="1"/>
  <c r="X94011" i="1"/>
  <c r="X94012" i="1"/>
  <c r="X94013" i="1"/>
  <c r="X94014" i="1"/>
  <c r="X94015" i="1"/>
  <c r="X94016" i="1"/>
  <c r="X94017" i="1"/>
  <c r="X94018" i="1"/>
  <c r="X94019" i="1"/>
  <c r="X94020" i="1"/>
  <c r="X94021" i="1"/>
  <c r="X94022" i="1"/>
  <c r="X94023" i="1"/>
  <c r="X94024" i="1"/>
  <c r="X94025" i="1"/>
  <c r="X94026" i="1"/>
  <c r="X94027" i="1"/>
  <c r="X94028" i="1"/>
  <c r="X94029" i="1"/>
  <c r="X94030" i="1"/>
  <c r="X94031" i="1"/>
  <c r="X94032" i="1"/>
  <c r="X94033" i="1"/>
  <c r="X94034" i="1"/>
  <c r="X94035" i="1"/>
  <c r="X94036" i="1"/>
  <c r="X94037" i="1"/>
  <c r="X94038" i="1"/>
  <c r="X94039" i="1"/>
  <c r="X94040" i="1"/>
  <c r="X94041" i="1"/>
  <c r="X94042" i="1"/>
  <c r="X94043" i="1"/>
  <c r="X94044" i="1"/>
  <c r="X94045" i="1"/>
  <c r="X94046" i="1"/>
  <c r="X94047" i="1"/>
  <c r="X94048" i="1"/>
  <c r="X94049" i="1"/>
  <c r="X94050" i="1"/>
  <c r="X94051" i="1"/>
  <c r="X94052" i="1"/>
  <c r="X94053" i="1"/>
  <c r="X94054" i="1"/>
  <c r="X94055" i="1"/>
  <c r="X94056" i="1"/>
  <c r="X94057" i="1"/>
  <c r="X94058" i="1"/>
  <c r="X94059" i="1"/>
  <c r="X94060" i="1"/>
  <c r="X94061" i="1"/>
  <c r="X94062" i="1"/>
  <c r="X94063" i="1"/>
  <c r="X94064" i="1"/>
  <c r="X94065" i="1"/>
  <c r="X94066" i="1"/>
  <c r="X94067" i="1"/>
  <c r="X94068" i="1"/>
  <c r="X94069" i="1"/>
  <c r="X94070" i="1"/>
  <c r="X94071" i="1"/>
  <c r="X94072" i="1"/>
  <c r="X94073" i="1"/>
  <c r="X94074" i="1"/>
  <c r="X94075" i="1"/>
  <c r="X94076" i="1"/>
  <c r="X94077" i="1"/>
  <c r="X94078" i="1"/>
  <c r="X94079" i="1"/>
  <c r="X94080" i="1"/>
  <c r="X94081" i="1"/>
  <c r="X94082" i="1"/>
  <c r="X94083" i="1"/>
  <c r="X94084" i="1"/>
  <c r="X94085" i="1"/>
  <c r="X94086" i="1"/>
  <c r="X94087" i="1"/>
  <c r="X94088" i="1"/>
  <c r="X94089" i="1"/>
  <c r="X94090" i="1"/>
  <c r="X94091" i="1"/>
  <c r="X94092" i="1"/>
  <c r="X94093" i="1"/>
  <c r="X94094" i="1"/>
  <c r="X94095" i="1"/>
  <c r="X94096" i="1"/>
  <c r="X94097" i="1"/>
  <c r="X94098" i="1"/>
  <c r="X94099" i="1"/>
  <c r="X94100" i="1"/>
  <c r="X94101" i="1"/>
  <c r="X94102" i="1"/>
  <c r="X94103" i="1"/>
  <c r="X94104" i="1"/>
  <c r="X94105" i="1"/>
  <c r="X94106" i="1"/>
  <c r="X94107" i="1"/>
  <c r="X94108" i="1"/>
  <c r="X94109" i="1"/>
  <c r="X94110" i="1"/>
  <c r="X94111" i="1"/>
  <c r="X94112" i="1"/>
  <c r="X94113" i="1"/>
  <c r="X94114" i="1"/>
  <c r="X94115" i="1"/>
  <c r="X94116" i="1"/>
  <c r="X94117" i="1"/>
  <c r="X94118" i="1"/>
  <c r="X94119" i="1"/>
  <c r="X94120" i="1"/>
  <c r="X94121" i="1"/>
  <c r="X94122" i="1"/>
  <c r="X94123" i="1"/>
  <c r="X94124" i="1"/>
  <c r="X94125" i="1"/>
  <c r="X94126" i="1"/>
  <c r="X94127" i="1"/>
  <c r="X94128" i="1"/>
  <c r="X94129" i="1"/>
  <c r="X94130" i="1"/>
  <c r="X94131" i="1"/>
  <c r="X94132" i="1"/>
  <c r="X94133" i="1"/>
  <c r="X94134" i="1"/>
  <c r="X94135" i="1"/>
  <c r="X94136" i="1"/>
  <c r="X94137" i="1"/>
  <c r="X94138" i="1"/>
  <c r="X94139" i="1"/>
  <c r="X94140" i="1"/>
  <c r="X94141" i="1"/>
  <c r="X94142" i="1"/>
  <c r="X94143" i="1"/>
  <c r="X94144" i="1"/>
  <c r="X94145" i="1"/>
  <c r="X94146" i="1"/>
  <c r="X94147" i="1"/>
  <c r="X94148" i="1"/>
  <c r="X94149" i="1"/>
  <c r="X94150" i="1"/>
  <c r="X94151" i="1"/>
  <c r="X94152" i="1"/>
  <c r="X94153" i="1"/>
  <c r="X94154" i="1"/>
  <c r="X94155" i="1"/>
  <c r="X94156" i="1"/>
  <c r="X94157" i="1"/>
  <c r="X94158" i="1"/>
  <c r="X94159" i="1"/>
  <c r="X94160" i="1"/>
  <c r="X94161" i="1"/>
  <c r="X94162" i="1"/>
  <c r="X94163" i="1"/>
  <c r="X94164" i="1"/>
  <c r="X94165" i="1"/>
  <c r="X94166" i="1"/>
  <c r="X94167" i="1"/>
  <c r="X94168" i="1"/>
  <c r="X94169" i="1"/>
  <c r="X94170" i="1"/>
  <c r="X94171" i="1"/>
  <c r="X94172" i="1"/>
  <c r="X94173" i="1"/>
  <c r="X94174" i="1"/>
  <c r="X94175" i="1"/>
  <c r="X94176" i="1"/>
  <c r="X94177" i="1"/>
  <c r="X94178" i="1"/>
  <c r="X94179" i="1"/>
  <c r="X94180" i="1"/>
  <c r="X94181" i="1"/>
  <c r="X94182" i="1"/>
  <c r="X94183" i="1"/>
  <c r="X94184" i="1"/>
  <c r="X94185" i="1"/>
  <c r="X94186" i="1"/>
  <c r="X94187" i="1"/>
  <c r="X94188" i="1"/>
  <c r="X94189" i="1"/>
  <c r="X94190" i="1"/>
  <c r="X94191" i="1"/>
  <c r="X94192" i="1"/>
  <c r="X94193" i="1"/>
  <c r="X94194" i="1"/>
  <c r="X94195" i="1"/>
  <c r="X94196" i="1"/>
  <c r="X94197" i="1"/>
  <c r="X94198" i="1"/>
  <c r="X94199" i="1"/>
  <c r="X94200" i="1"/>
  <c r="X94201" i="1"/>
  <c r="X94202" i="1"/>
  <c r="X94203" i="1"/>
  <c r="X94204" i="1"/>
  <c r="X94205" i="1"/>
  <c r="X94206" i="1"/>
  <c r="X94207" i="1"/>
  <c r="X94208" i="1"/>
  <c r="X94209" i="1"/>
  <c r="X94210" i="1"/>
  <c r="X94211" i="1"/>
  <c r="X94212" i="1"/>
  <c r="X94213" i="1"/>
  <c r="X94214" i="1"/>
  <c r="X94215" i="1"/>
  <c r="X94216" i="1"/>
  <c r="X94217" i="1"/>
  <c r="X94218" i="1"/>
  <c r="X94219" i="1"/>
  <c r="X94220" i="1"/>
  <c r="X94221" i="1"/>
  <c r="X94222" i="1"/>
  <c r="X94223" i="1"/>
  <c r="X94224" i="1"/>
  <c r="X94225" i="1"/>
  <c r="X94226" i="1"/>
  <c r="X94227" i="1"/>
  <c r="X94228" i="1"/>
  <c r="X94229" i="1"/>
  <c r="X94230" i="1"/>
  <c r="X94231" i="1"/>
  <c r="X94232" i="1"/>
  <c r="X94233" i="1"/>
  <c r="X94234" i="1"/>
  <c r="X94235" i="1"/>
  <c r="X94236" i="1"/>
  <c r="X94237" i="1"/>
  <c r="X94238" i="1"/>
  <c r="X94239" i="1"/>
  <c r="X94240" i="1"/>
  <c r="X94241" i="1"/>
  <c r="X94242" i="1"/>
  <c r="X94243" i="1"/>
  <c r="X94244" i="1"/>
  <c r="X94245" i="1"/>
  <c r="X94246" i="1"/>
  <c r="X94247" i="1"/>
  <c r="X94248" i="1"/>
  <c r="X94249" i="1"/>
  <c r="X94250" i="1"/>
  <c r="X94251" i="1"/>
  <c r="X94252" i="1"/>
  <c r="X94253" i="1"/>
  <c r="X94254" i="1"/>
  <c r="X94255" i="1"/>
  <c r="X94256" i="1"/>
  <c r="X94257" i="1"/>
  <c r="X94258" i="1"/>
  <c r="X94259" i="1"/>
  <c r="X94260" i="1"/>
  <c r="X94261" i="1"/>
  <c r="X94262" i="1"/>
  <c r="X94263" i="1"/>
  <c r="X94264" i="1"/>
  <c r="X94265" i="1"/>
  <c r="X94266" i="1"/>
  <c r="X94267" i="1"/>
  <c r="X94268" i="1"/>
  <c r="X94269" i="1"/>
  <c r="X94270" i="1"/>
  <c r="X94271" i="1"/>
  <c r="X94272" i="1"/>
  <c r="X94273" i="1"/>
  <c r="X94274" i="1"/>
  <c r="X94275" i="1"/>
  <c r="X94276" i="1"/>
  <c r="X94277" i="1"/>
  <c r="X94278" i="1"/>
  <c r="X94279" i="1"/>
  <c r="X94280" i="1"/>
  <c r="X94281" i="1"/>
  <c r="X94282" i="1"/>
  <c r="X94283" i="1"/>
  <c r="X94284" i="1"/>
  <c r="X94285" i="1"/>
  <c r="X94286" i="1"/>
  <c r="X94287" i="1"/>
  <c r="X94288" i="1"/>
  <c r="X94289" i="1"/>
  <c r="X94290" i="1"/>
  <c r="X94291" i="1"/>
  <c r="X94292" i="1"/>
  <c r="X94293" i="1"/>
  <c r="X94294" i="1"/>
  <c r="X94295" i="1"/>
  <c r="X94296" i="1"/>
  <c r="X94297" i="1"/>
  <c r="X94298" i="1"/>
  <c r="X94299" i="1"/>
  <c r="X94300" i="1"/>
  <c r="X94301" i="1"/>
  <c r="X94302" i="1"/>
  <c r="X94303" i="1"/>
  <c r="X94304" i="1"/>
  <c r="X94305" i="1"/>
  <c r="X94306" i="1"/>
  <c r="X94307" i="1"/>
  <c r="X94308" i="1"/>
  <c r="X94309" i="1"/>
  <c r="X94310" i="1"/>
  <c r="X94311" i="1"/>
  <c r="X94312" i="1"/>
  <c r="X94313" i="1"/>
  <c r="X94314" i="1"/>
  <c r="X94315" i="1"/>
  <c r="X94316" i="1"/>
  <c r="X94317" i="1"/>
  <c r="X94318" i="1"/>
  <c r="X94319" i="1"/>
  <c r="X94320" i="1"/>
  <c r="X94321" i="1"/>
  <c r="X94322" i="1"/>
  <c r="X94323" i="1"/>
  <c r="X94324" i="1"/>
  <c r="X94325" i="1"/>
  <c r="X94326" i="1"/>
  <c r="X94327" i="1"/>
  <c r="X94328" i="1"/>
  <c r="X94329" i="1"/>
  <c r="X94330" i="1"/>
  <c r="X94331" i="1"/>
  <c r="X94332" i="1"/>
  <c r="X94333" i="1"/>
  <c r="X94334" i="1"/>
  <c r="X94335" i="1"/>
  <c r="X94336" i="1"/>
  <c r="X94337" i="1"/>
  <c r="X94338" i="1"/>
  <c r="X94339" i="1"/>
  <c r="X94340" i="1"/>
  <c r="X94341" i="1"/>
  <c r="X94342" i="1"/>
  <c r="X94343" i="1"/>
  <c r="X94344" i="1"/>
  <c r="X94345" i="1"/>
  <c r="X94346" i="1"/>
  <c r="X94347" i="1"/>
  <c r="X94348" i="1"/>
  <c r="X94349" i="1"/>
  <c r="X94350" i="1"/>
  <c r="X94351" i="1"/>
  <c r="X94352" i="1"/>
  <c r="X94353" i="1"/>
  <c r="X94354" i="1"/>
  <c r="X94355" i="1"/>
  <c r="X94356" i="1"/>
  <c r="X94357" i="1"/>
  <c r="X94358" i="1"/>
  <c r="X94359" i="1"/>
  <c r="X94360" i="1"/>
  <c r="X94361" i="1"/>
  <c r="X94362" i="1"/>
  <c r="X94363" i="1"/>
  <c r="X94364" i="1"/>
  <c r="X94365" i="1"/>
  <c r="X94366" i="1"/>
  <c r="X94367" i="1"/>
  <c r="X94368" i="1"/>
  <c r="X94369" i="1"/>
  <c r="X94370" i="1"/>
  <c r="X94371" i="1"/>
  <c r="X94372" i="1"/>
  <c r="X94373" i="1"/>
  <c r="X94374" i="1"/>
  <c r="X94375" i="1"/>
  <c r="X94376" i="1"/>
  <c r="X94377" i="1"/>
  <c r="X94378" i="1"/>
  <c r="X94379" i="1"/>
  <c r="X94380" i="1"/>
  <c r="X94381" i="1"/>
  <c r="X94382" i="1"/>
  <c r="X94383" i="1"/>
  <c r="X94384" i="1"/>
  <c r="X94385" i="1"/>
  <c r="X94386" i="1"/>
  <c r="X94387" i="1"/>
  <c r="X94388" i="1"/>
  <c r="X94389" i="1"/>
  <c r="X94390" i="1"/>
  <c r="X94391" i="1"/>
  <c r="X94392" i="1"/>
  <c r="X94393" i="1"/>
  <c r="X94394" i="1"/>
  <c r="X94395" i="1"/>
  <c r="X94396" i="1"/>
  <c r="X94397" i="1"/>
  <c r="X94398" i="1"/>
  <c r="X94399" i="1"/>
  <c r="X94400" i="1"/>
  <c r="X94401" i="1"/>
  <c r="X94402" i="1"/>
  <c r="X94403" i="1"/>
  <c r="X94404" i="1"/>
  <c r="X94405" i="1"/>
  <c r="X94406" i="1"/>
  <c r="X94407" i="1"/>
  <c r="X94408" i="1"/>
  <c r="X94409" i="1"/>
  <c r="X94410" i="1"/>
  <c r="X94411" i="1"/>
  <c r="X94412" i="1"/>
  <c r="X94413" i="1"/>
  <c r="X94414" i="1"/>
  <c r="X94415" i="1"/>
  <c r="X94416" i="1"/>
  <c r="X94417" i="1"/>
  <c r="X94418" i="1"/>
  <c r="X94419" i="1"/>
  <c r="X94420" i="1"/>
  <c r="X94421" i="1"/>
  <c r="X94422" i="1"/>
  <c r="X94423" i="1"/>
  <c r="X94424" i="1"/>
  <c r="X94425" i="1"/>
  <c r="X94426" i="1"/>
  <c r="X94427" i="1"/>
  <c r="X94428" i="1"/>
  <c r="X94429" i="1"/>
  <c r="X94430" i="1"/>
  <c r="X94431" i="1"/>
  <c r="X94432" i="1"/>
  <c r="X94433" i="1"/>
  <c r="X94434" i="1"/>
  <c r="X94435" i="1"/>
  <c r="X94436" i="1"/>
  <c r="X94437" i="1"/>
  <c r="X94438" i="1"/>
  <c r="X94439" i="1"/>
  <c r="X94440" i="1"/>
  <c r="X94441" i="1"/>
  <c r="X94442" i="1"/>
  <c r="X94443" i="1"/>
  <c r="X94444" i="1"/>
  <c r="X94445" i="1"/>
  <c r="X94446" i="1"/>
  <c r="X94447" i="1"/>
  <c r="X94448" i="1"/>
  <c r="X94449" i="1"/>
  <c r="X94450" i="1"/>
  <c r="X94451" i="1"/>
  <c r="X94452" i="1"/>
  <c r="X94453" i="1"/>
  <c r="X94454" i="1"/>
  <c r="X94455" i="1"/>
  <c r="X94456" i="1"/>
  <c r="X94457" i="1"/>
  <c r="X94458" i="1"/>
  <c r="X94459" i="1"/>
  <c r="X94460" i="1"/>
  <c r="X94461" i="1"/>
  <c r="X94462" i="1"/>
  <c r="X94463" i="1"/>
  <c r="X94464" i="1"/>
  <c r="X94465" i="1"/>
  <c r="X94466" i="1"/>
  <c r="X94467" i="1"/>
  <c r="X94468" i="1"/>
  <c r="X94469" i="1"/>
  <c r="X94470" i="1"/>
  <c r="X94471" i="1"/>
  <c r="X94472" i="1"/>
  <c r="X94473" i="1"/>
  <c r="X94474" i="1"/>
  <c r="X94475" i="1"/>
  <c r="X94476" i="1"/>
  <c r="X94477" i="1"/>
  <c r="X94478" i="1"/>
  <c r="X94479" i="1"/>
  <c r="X94480" i="1"/>
  <c r="X94481" i="1"/>
  <c r="X94482" i="1"/>
  <c r="X94483" i="1"/>
  <c r="X94484" i="1"/>
  <c r="X94485" i="1"/>
  <c r="X94486" i="1"/>
  <c r="X94487" i="1"/>
  <c r="X94488" i="1"/>
  <c r="X94489" i="1"/>
  <c r="X94490" i="1"/>
  <c r="X94491" i="1"/>
  <c r="X94492" i="1"/>
  <c r="X94493" i="1"/>
  <c r="X94494" i="1"/>
  <c r="X94495" i="1"/>
  <c r="X94496" i="1"/>
  <c r="X94497" i="1"/>
  <c r="X94498" i="1"/>
  <c r="X94499" i="1"/>
  <c r="X94500" i="1"/>
  <c r="X94501" i="1"/>
  <c r="X94502" i="1"/>
  <c r="X94503" i="1"/>
  <c r="X94504" i="1"/>
  <c r="X94505" i="1"/>
  <c r="X94506" i="1"/>
  <c r="X94507" i="1"/>
  <c r="X94508" i="1"/>
  <c r="X94509" i="1"/>
  <c r="X94510" i="1"/>
  <c r="X94511" i="1"/>
  <c r="X94512" i="1"/>
  <c r="X94513" i="1"/>
  <c r="X94514" i="1"/>
  <c r="X94515" i="1"/>
  <c r="X94516" i="1"/>
  <c r="X94517" i="1"/>
  <c r="X94518" i="1"/>
  <c r="X94519" i="1"/>
  <c r="X94520" i="1"/>
  <c r="X94521" i="1"/>
  <c r="X94522" i="1"/>
  <c r="X94523" i="1"/>
  <c r="X94524" i="1"/>
  <c r="X94525" i="1"/>
  <c r="X94526" i="1"/>
  <c r="X94527" i="1"/>
  <c r="X94528" i="1"/>
  <c r="X94529" i="1"/>
  <c r="X94530" i="1"/>
  <c r="X94531" i="1"/>
  <c r="X94532" i="1"/>
  <c r="X94533" i="1"/>
  <c r="X94534" i="1"/>
  <c r="X94535" i="1"/>
  <c r="X94536" i="1"/>
  <c r="X94537" i="1"/>
  <c r="X94538" i="1"/>
  <c r="X94539" i="1"/>
  <c r="X94540" i="1"/>
  <c r="X94541" i="1"/>
  <c r="X94542" i="1"/>
  <c r="X94543" i="1"/>
  <c r="X94544" i="1"/>
  <c r="X94545" i="1"/>
  <c r="X94546" i="1"/>
  <c r="X94547" i="1"/>
  <c r="X94548" i="1"/>
  <c r="X94549" i="1"/>
  <c r="X94550" i="1"/>
  <c r="X94551" i="1"/>
  <c r="X94552" i="1"/>
  <c r="X94553" i="1"/>
  <c r="X94554" i="1"/>
  <c r="X94555" i="1"/>
  <c r="X94556" i="1"/>
  <c r="X94557" i="1"/>
  <c r="X94558" i="1"/>
  <c r="X94559" i="1"/>
  <c r="X94560" i="1"/>
  <c r="X94561" i="1"/>
  <c r="X94562" i="1"/>
  <c r="X94563" i="1"/>
  <c r="X94564" i="1"/>
  <c r="X94565" i="1"/>
  <c r="X94566" i="1"/>
  <c r="X94567" i="1"/>
  <c r="X94568" i="1"/>
  <c r="X94569" i="1"/>
  <c r="X94570" i="1"/>
  <c r="X94571" i="1"/>
  <c r="X94572" i="1"/>
  <c r="X94573" i="1"/>
  <c r="X94574" i="1"/>
  <c r="X94575" i="1"/>
  <c r="X94576" i="1"/>
  <c r="X94577" i="1"/>
  <c r="X94578" i="1"/>
  <c r="X94579" i="1"/>
  <c r="X94580" i="1"/>
  <c r="X94581" i="1"/>
  <c r="X94582" i="1"/>
  <c r="X94583" i="1"/>
  <c r="X94584" i="1"/>
  <c r="X94585" i="1"/>
  <c r="X94586" i="1"/>
  <c r="X94587" i="1"/>
  <c r="X94588" i="1"/>
  <c r="X94589" i="1"/>
  <c r="X94590" i="1"/>
  <c r="X94591" i="1"/>
  <c r="X94592" i="1"/>
  <c r="X94593" i="1"/>
  <c r="X94594" i="1"/>
  <c r="X94595" i="1"/>
  <c r="X94596" i="1"/>
  <c r="X94597" i="1"/>
  <c r="X94598" i="1"/>
  <c r="X94599" i="1"/>
  <c r="X94600" i="1"/>
  <c r="X94601" i="1"/>
  <c r="X94602" i="1"/>
  <c r="X94603" i="1"/>
  <c r="X94604" i="1"/>
  <c r="X94605" i="1"/>
  <c r="X94606" i="1"/>
  <c r="X94607" i="1"/>
  <c r="X94608" i="1"/>
  <c r="X94609" i="1"/>
  <c r="X94610" i="1"/>
  <c r="X94611" i="1"/>
  <c r="X94612" i="1"/>
  <c r="X94613" i="1"/>
  <c r="X94614" i="1"/>
  <c r="X94615" i="1"/>
  <c r="X94616" i="1"/>
  <c r="X94617" i="1"/>
  <c r="X94618" i="1"/>
  <c r="X94619" i="1"/>
  <c r="X94620" i="1"/>
  <c r="X94621" i="1"/>
  <c r="X94622" i="1"/>
  <c r="X94623" i="1"/>
  <c r="X94624" i="1"/>
  <c r="X94625" i="1"/>
  <c r="X94626" i="1"/>
  <c r="X94627" i="1"/>
  <c r="X94628" i="1"/>
  <c r="X94629" i="1"/>
  <c r="X94630" i="1"/>
  <c r="X94631" i="1"/>
  <c r="X94632" i="1"/>
  <c r="X94633" i="1"/>
  <c r="X94634" i="1"/>
  <c r="X94635" i="1"/>
  <c r="X94636" i="1"/>
  <c r="X94637" i="1"/>
  <c r="X94638" i="1"/>
  <c r="X94639" i="1"/>
  <c r="X94640" i="1"/>
  <c r="X94641" i="1"/>
  <c r="X94642" i="1"/>
  <c r="X94643" i="1"/>
  <c r="X94644" i="1"/>
  <c r="X94645" i="1"/>
  <c r="X94646" i="1"/>
  <c r="X94647" i="1"/>
  <c r="X94648" i="1"/>
  <c r="X94649" i="1"/>
  <c r="X94650" i="1"/>
  <c r="X94651" i="1"/>
  <c r="X94652" i="1"/>
  <c r="X94653" i="1"/>
  <c r="X94654" i="1"/>
  <c r="X94655" i="1"/>
  <c r="X94656" i="1"/>
  <c r="X94657" i="1"/>
  <c r="X94658" i="1"/>
  <c r="X94659" i="1"/>
  <c r="X94660" i="1"/>
  <c r="X94661" i="1"/>
  <c r="X94662" i="1"/>
  <c r="X94663" i="1"/>
  <c r="X94664" i="1"/>
  <c r="X94665" i="1"/>
  <c r="X94666" i="1"/>
  <c r="X94667" i="1"/>
  <c r="X94668" i="1"/>
  <c r="X94669" i="1"/>
  <c r="X94670" i="1"/>
  <c r="X94671" i="1"/>
  <c r="X94672" i="1"/>
  <c r="X94673" i="1"/>
  <c r="X94674" i="1"/>
  <c r="X94675" i="1"/>
  <c r="X94676" i="1"/>
  <c r="X94677" i="1"/>
  <c r="X94678" i="1"/>
  <c r="X94679" i="1"/>
  <c r="X94680" i="1"/>
  <c r="X94681" i="1"/>
  <c r="X94682" i="1"/>
  <c r="X94683" i="1"/>
  <c r="X94684" i="1"/>
  <c r="X94685" i="1"/>
  <c r="X94686" i="1"/>
  <c r="X94687" i="1"/>
  <c r="X94688" i="1"/>
  <c r="X94689" i="1"/>
  <c r="X94690" i="1"/>
  <c r="X94691" i="1"/>
  <c r="X94692" i="1"/>
  <c r="X94693" i="1"/>
  <c r="X94694" i="1"/>
  <c r="X94695" i="1"/>
  <c r="X94696" i="1"/>
  <c r="X94697" i="1"/>
  <c r="X94698" i="1"/>
  <c r="X94699" i="1"/>
  <c r="X94700" i="1"/>
  <c r="X94701" i="1"/>
  <c r="X94702" i="1"/>
  <c r="X94703" i="1"/>
  <c r="X94704" i="1"/>
  <c r="X94705" i="1"/>
  <c r="X94706" i="1"/>
  <c r="X94707" i="1"/>
  <c r="X94708" i="1"/>
  <c r="X94709" i="1"/>
  <c r="X94710" i="1"/>
  <c r="X94711" i="1"/>
  <c r="X94712" i="1"/>
  <c r="X94713" i="1"/>
  <c r="X94714" i="1"/>
  <c r="X94715" i="1"/>
  <c r="X94716" i="1"/>
  <c r="X94717" i="1"/>
  <c r="X94718" i="1"/>
  <c r="X94719" i="1"/>
  <c r="X94720" i="1"/>
  <c r="X94721" i="1"/>
  <c r="X94722" i="1"/>
  <c r="X94723" i="1"/>
  <c r="X94724" i="1"/>
  <c r="X94725" i="1"/>
  <c r="X94726" i="1"/>
  <c r="X94727" i="1"/>
  <c r="X94728" i="1"/>
  <c r="X94729" i="1"/>
  <c r="X94730" i="1"/>
  <c r="X94731" i="1"/>
  <c r="X94732" i="1"/>
  <c r="X94733" i="1"/>
  <c r="X94734" i="1"/>
  <c r="X94735" i="1"/>
  <c r="X94736" i="1"/>
  <c r="X94737" i="1"/>
  <c r="X94738" i="1"/>
  <c r="X94739" i="1"/>
  <c r="X94740" i="1"/>
  <c r="X94741" i="1"/>
  <c r="X94742" i="1"/>
  <c r="X94743" i="1"/>
  <c r="X94744" i="1"/>
  <c r="X94745" i="1"/>
  <c r="X94746" i="1"/>
  <c r="X94747" i="1"/>
  <c r="X94748" i="1"/>
  <c r="X94749" i="1"/>
  <c r="X94750" i="1"/>
  <c r="X94751" i="1"/>
  <c r="X94752" i="1"/>
  <c r="X94753" i="1"/>
  <c r="X94754" i="1"/>
  <c r="X94755" i="1"/>
  <c r="X94756" i="1"/>
  <c r="X94757" i="1"/>
  <c r="X94758" i="1"/>
  <c r="X94759" i="1"/>
  <c r="X94760" i="1"/>
  <c r="X94761" i="1"/>
  <c r="X94762" i="1"/>
  <c r="X94763" i="1"/>
  <c r="X94764" i="1"/>
  <c r="X94765" i="1"/>
  <c r="X94766" i="1"/>
  <c r="X94767" i="1"/>
  <c r="X94768" i="1"/>
  <c r="X94769" i="1"/>
  <c r="X94770" i="1"/>
  <c r="X94771" i="1"/>
  <c r="X94772" i="1"/>
  <c r="X94773" i="1"/>
  <c r="X94774" i="1"/>
  <c r="X94775" i="1"/>
  <c r="X94776" i="1"/>
  <c r="X94777" i="1"/>
  <c r="X94778" i="1"/>
  <c r="X94779" i="1"/>
  <c r="X94780" i="1"/>
  <c r="X94781" i="1"/>
  <c r="X94782" i="1"/>
  <c r="X94783" i="1"/>
  <c r="X94784" i="1"/>
  <c r="X94785" i="1"/>
  <c r="X94786" i="1"/>
  <c r="X94787" i="1"/>
  <c r="X94788" i="1"/>
  <c r="X94789" i="1"/>
  <c r="X94790" i="1"/>
  <c r="X94791" i="1"/>
  <c r="X94792" i="1"/>
  <c r="X94793" i="1"/>
  <c r="X94794" i="1"/>
  <c r="X94795" i="1"/>
  <c r="X94796" i="1"/>
  <c r="X94797" i="1"/>
  <c r="X94798" i="1"/>
  <c r="X94799" i="1"/>
  <c r="X94800" i="1"/>
  <c r="X94801" i="1"/>
  <c r="X94802" i="1"/>
  <c r="X94803" i="1"/>
  <c r="X94804" i="1"/>
  <c r="X94805" i="1"/>
  <c r="X94806" i="1"/>
  <c r="X94807" i="1"/>
  <c r="X94808" i="1"/>
  <c r="X94809" i="1"/>
  <c r="X94810" i="1"/>
  <c r="X94811" i="1"/>
  <c r="X94812" i="1"/>
  <c r="X94813" i="1"/>
  <c r="X94814" i="1"/>
  <c r="X94815" i="1"/>
  <c r="X94816" i="1"/>
  <c r="X94817" i="1"/>
  <c r="X94818" i="1"/>
  <c r="X94819" i="1"/>
  <c r="X94820" i="1"/>
  <c r="X94821" i="1"/>
  <c r="X94822" i="1"/>
  <c r="X94823" i="1"/>
  <c r="X94824" i="1"/>
  <c r="X94825" i="1"/>
  <c r="X94826" i="1"/>
  <c r="X94827" i="1"/>
  <c r="X94828" i="1"/>
  <c r="X94829" i="1"/>
  <c r="X94830" i="1"/>
  <c r="X94831" i="1"/>
  <c r="X94832" i="1"/>
  <c r="X94833" i="1"/>
  <c r="X94834" i="1"/>
  <c r="X94835" i="1"/>
  <c r="X94836" i="1"/>
  <c r="X94837" i="1"/>
  <c r="X94838" i="1"/>
  <c r="X94839" i="1"/>
  <c r="X94840" i="1"/>
  <c r="X94841" i="1"/>
  <c r="X94842" i="1"/>
  <c r="X94843" i="1"/>
  <c r="X94844" i="1"/>
  <c r="X94845" i="1"/>
  <c r="X94846" i="1"/>
  <c r="X94847" i="1"/>
  <c r="X94848" i="1"/>
  <c r="X94849" i="1"/>
  <c r="X94850" i="1"/>
  <c r="X94851" i="1"/>
  <c r="X94852" i="1"/>
  <c r="X94853" i="1"/>
  <c r="X94854" i="1"/>
  <c r="X94855" i="1"/>
  <c r="X94856" i="1"/>
  <c r="X94857" i="1"/>
  <c r="X94858" i="1"/>
  <c r="X94859" i="1"/>
  <c r="X94860" i="1"/>
  <c r="X94861" i="1"/>
  <c r="X94862" i="1"/>
  <c r="X94863" i="1"/>
  <c r="X94864" i="1"/>
  <c r="X94865" i="1"/>
  <c r="X94866" i="1"/>
  <c r="X94867" i="1"/>
  <c r="X94868" i="1"/>
  <c r="X94869" i="1"/>
  <c r="X94870" i="1"/>
  <c r="X94871" i="1"/>
  <c r="X94872" i="1"/>
  <c r="X94873" i="1"/>
  <c r="X94874" i="1"/>
  <c r="X94875" i="1"/>
  <c r="X94876" i="1"/>
  <c r="X94877" i="1"/>
  <c r="X94878" i="1"/>
  <c r="X94879" i="1"/>
  <c r="X94880" i="1"/>
  <c r="X94881" i="1"/>
  <c r="X94882" i="1"/>
  <c r="X94883" i="1"/>
  <c r="X94884" i="1"/>
  <c r="X94885" i="1"/>
  <c r="X94886" i="1"/>
  <c r="X94887" i="1"/>
  <c r="X94888" i="1"/>
  <c r="X94889" i="1"/>
  <c r="X94890" i="1"/>
  <c r="X94891" i="1"/>
  <c r="X94892" i="1"/>
  <c r="X94893" i="1"/>
  <c r="X94894" i="1"/>
  <c r="X94895" i="1"/>
  <c r="X94896" i="1"/>
  <c r="X94897" i="1"/>
  <c r="X94898" i="1"/>
  <c r="X94899" i="1"/>
  <c r="X94900" i="1"/>
  <c r="X94901" i="1"/>
  <c r="X94902" i="1"/>
  <c r="X94903" i="1"/>
  <c r="X94904" i="1"/>
  <c r="X94905" i="1"/>
  <c r="X94906" i="1"/>
  <c r="X94907" i="1"/>
  <c r="X94908" i="1"/>
  <c r="X94909" i="1"/>
  <c r="X94910" i="1"/>
  <c r="X94911" i="1"/>
  <c r="X94912" i="1"/>
  <c r="X94913" i="1"/>
  <c r="X94914" i="1"/>
  <c r="X94915" i="1"/>
  <c r="X94916" i="1"/>
  <c r="X94917" i="1"/>
  <c r="X94918" i="1"/>
  <c r="X94919" i="1"/>
  <c r="X94920" i="1"/>
  <c r="X94921" i="1"/>
  <c r="X94922" i="1"/>
  <c r="X94923" i="1"/>
  <c r="X94924" i="1"/>
  <c r="X94925" i="1"/>
  <c r="X94926" i="1"/>
  <c r="X94927" i="1"/>
  <c r="X94928" i="1"/>
  <c r="X94929" i="1"/>
  <c r="X94930" i="1"/>
  <c r="X94931" i="1"/>
  <c r="X94932" i="1"/>
  <c r="X94933" i="1"/>
  <c r="X94934" i="1"/>
  <c r="X94935" i="1"/>
  <c r="X94936" i="1"/>
  <c r="X94937" i="1"/>
  <c r="X94938" i="1"/>
  <c r="X94939" i="1"/>
  <c r="X94940" i="1"/>
  <c r="X94941" i="1"/>
  <c r="X94942" i="1"/>
  <c r="X94943" i="1"/>
  <c r="X94944" i="1"/>
  <c r="X94945" i="1"/>
  <c r="X94946" i="1"/>
  <c r="X94947" i="1"/>
  <c r="X94948" i="1"/>
  <c r="X94949" i="1"/>
  <c r="X94950" i="1"/>
  <c r="X94951" i="1"/>
  <c r="X94952" i="1"/>
  <c r="X94953" i="1"/>
  <c r="X94954" i="1"/>
  <c r="X94955" i="1"/>
  <c r="X94956" i="1"/>
  <c r="X94957" i="1"/>
  <c r="X94958" i="1"/>
  <c r="X94959" i="1"/>
  <c r="X94960" i="1"/>
  <c r="X94961" i="1"/>
  <c r="X94962" i="1"/>
  <c r="X94963" i="1"/>
  <c r="X94964" i="1"/>
  <c r="X94965" i="1"/>
  <c r="X94966" i="1"/>
  <c r="X94967" i="1"/>
  <c r="X94968" i="1"/>
  <c r="X94969" i="1"/>
  <c r="X94970" i="1"/>
  <c r="X94971" i="1"/>
  <c r="X94972" i="1"/>
  <c r="X94973" i="1"/>
  <c r="X94974" i="1"/>
  <c r="X94975" i="1"/>
  <c r="X94976" i="1"/>
  <c r="X94977" i="1"/>
  <c r="X94978" i="1"/>
  <c r="X94979" i="1"/>
  <c r="X94980" i="1"/>
  <c r="X94981" i="1"/>
  <c r="X94982" i="1"/>
  <c r="X94983" i="1"/>
  <c r="X94984" i="1"/>
  <c r="X94985" i="1"/>
  <c r="X94986" i="1"/>
  <c r="X94987" i="1"/>
  <c r="X94988" i="1"/>
  <c r="X94989" i="1"/>
  <c r="X94990" i="1"/>
  <c r="X94991" i="1"/>
  <c r="X94992" i="1"/>
  <c r="X94993" i="1"/>
  <c r="X94994" i="1"/>
  <c r="X94995" i="1"/>
  <c r="X94996" i="1"/>
  <c r="X94997" i="1"/>
  <c r="X94998" i="1"/>
  <c r="X94999" i="1"/>
  <c r="X95000" i="1"/>
  <c r="X95001" i="1"/>
  <c r="X95002" i="1"/>
  <c r="X95003" i="1"/>
  <c r="X95004" i="1"/>
  <c r="X95005" i="1"/>
  <c r="X95006" i="1"/>
  <c r="X95007" i="1"/>
  <c r="X95008" i="1"/>
  <c r="X95009" i="1"/>
  <c r="X95010" i="1"/>
  <c r="X95011" i="1"/>
  <c r="X95012" i="1"/>
  <c r="X95013" i="1"/>
  <c r="X95014" i="1"/>
  <c r="X95015" i="1"/>
  <c r="X95016" i="1"/>
  <c r="X95017" i="1"/>
  <c r="X95018" i="1"/>
  <c r="X95019" i="1"/>
  <c r="X95020" i="1"/>
  <c r="X95021" i="1"/>
  <c r="X95022" i="1"/>
  <c r="X95023" i="1"/>
  <c r="X95024" i="1"/>
  <c r="X95025" i="1"/>
  <c r="X95026" i="1"/>
  <c r="X95027" i="1"/>
  <c r="X95028" i="1"/>
  <c r="X95029" i="1"/>
  <c r="X95030" i="1"/>
  <c r="X95031" i="1"/>
  <c r="X95032" i="1"/>
  <c r="X95033" i="1"/>
  <c r="X95034" i="1"/>
  <c r="X95035" i="1"/>
  <c r="X95036" i="1"/>
  <c r="X95037" i="1"/>
  <c r="X95038" i="1"/>
  <c r="X95039" i="1"/>
  <c r="X95040" i="1"/>
  <c r="X95041" i="1"/>
  <c r="X95042" i="1"/>
  <c r="X95043" i="1"/>
  <c r="X95044" i="1"/>
  <c r="X95045" i="1"/>
  <c r="X95046" i="1"/>
  <c r="X95047" i="1"/>
  <c r="X95048" i="1"/>
  <c r="X95049" i="1"/>
  <c r="X95050" i="1"/>
  <c r="X95051" i="1"/>
  <c r="X95052" i="1"/>
  <c r="X95053" i="1"/>
  <c r="X95054" i="1"/>
  <c r="X95055" i="1"/>
  <c r="X95056" i="1"/>
  <c r="X95057" i="1"/>
  <c r="X95058" i="1"/>
  <c r="X95059" i="1"/>
  <c r="X95060" i="1"/>
  <c r="X95061" i="1"/>
  <c r="X95062" i="1"/>
  <c r="X95063" i="1"/>
  <c r="X95064" i="1"/>
  <c r="X95065" i="1"/>
  <c r="X95066" i="1"/>
  <c r="X95067" i="1"/>
  <c r="X95068" i="1"/>
  <c r="X95069" i="1"/>
  <c r="X95070" i="1"/>
  <c r="X95071" i="1"/>
  <c r="X95072" i="1"/>
  <c r="X95073" i="1"/>
  <c r="X95074" i="1"/>
  <c r="X95075" i="1"/>
  <c r="X95076" i="1"/>
  <c r="X95077" i="1"/>
  <c r="X95078" i="1"/>
  <c r="X95079" i="1"/>
  <c r="X95080" i="1"/>
  <c r="X95081" i="1"/>
  <c r="X95082" i="1"/>
  <c r="X95083" i="1"/>
  <c r="X95084" i="1"/>
  <c r="X95085" i="1"/>
  <c r="X95086" i="1"/>
  <c r="X95087" i="1"/>
  <c r="X95088" i="1"/>
  <c r="X95089" i="1"/>
  <c r="X95090" i="1"/>
  <c r="X95091" i="1"/>
  <c r="X95092" i="1"/>
  <c r="X95093" i="1"/>
  <c r="X95094" i="1"/>
  <c r="X95095" i="1"/>
  <c r="X95096" i="1"/>
  <c r="X95097" i="1"/>
  <c r="X95098" i="1"/>
  <c r="X95099" i="1"/>
  <c r="X95100" i="1"/>
  <c r="X95101" i="1"/>
  <c r="X95102" i="1"/>
  <c r="X95103" i="1"/>
  <c r="X95104" i="1"/>
  <c r="X95105" i="1"/>
  <c r="X95106" i="1"/>
  <c r="X95107" i="1"/>
  <c r="X95108" i="1"/>
  <c r="X95109" i="1"/>
  <c r="X95110" i="1"/>
  <c r="X95111" i="1"/>
  <c r="X95112" i="1"/>
  <c r="X95113" i="1"/>
  <c r="X95114" i="1"/>
  <c r="X95115" i="1"/>
  <c r="X95116" i="1"/>
  <c r="X95117" i="1"/>
  <c r="X95118" i="1"/>
  <c r="X95119" i="1"/>
  <c r="X95120" i="1"/>
  <c r="X95121" i="1"/>
  <c r="X95122" i="1"/>
  <c r="X95123" i="1"/>
  <c r="X95124" i="1"/>
  <c r="X95125" i="1"/>
  <c r="X95126" i="1"/>
  <c r="X95127" i="1"/>
  <c r="X95128" i="1"/>
  <c r="X95129" i="1"/>
  <c r="X95130" i="1"/>
  <c r="X95131" i="1"/>
  <c r="X95132" i="1"/>
  <c r="X95133" i="1"/>
  <c r="X95134" i="1"/>
  <c r="X95135" i="1"/>
  <c r="X95136" i="1"/>
  <c r="X95137" i="1"/>
  <c r="X95138" i="1"/>
  <c r="X95139" i="1"/>
  <c r="X95140" i="1"/>
  <c r="X95141" i="1"/>
  <c r="X95142" i="1"/>
  <c r="X95143" i="1"/>
  <c r="X95144" i="1"/>
  <c r="X95145" i="1"/>
  <c r="X95146" i="1"/>
  <c r="X95147" i="1"/>
  <c r="X95148" i="1"/>
  <c r="X95149" i="1"/>
  <c r="X95150" i="1"/>
  <c r="X95151" i="1"/>
  <c r="X95152" i="1"/>
  <c r="X95153" i="1"/>
  <c r="X95154" i="1"/>
  <c r="X95155" i="1"/>
  <c r="X95156" i="1"/>
  <c r="X95157" i="1"/>
  <c r="X95158" i="1"/>
  <c r="X95159" i="1"/>
  <c r="X95160" i="1"/>
  <c r="X95161" i="1"/>
  <c r="X95162" i="1"/>
  <c r="X95163" i="1"/>
  <c r="X95164" i="1"/>
  <c r="X95165" i="1"/>
  <c r="X95166" i="1"/>
  <c r="X95167" i="1"/>
  <c r="X95168" i="1"/>
  <c r="X95169" i="1"/>
  <c r="X95170" i="1"/>
  <c r="X95171" i="1"/>
  <c r="X95172" i="1"/>
  <c r="X95173" i="1"/>
  <c r="X95174" i="1"/>
  <c r="X95175" i="1"/>
  <c r="X95176" i="1"/>
  <c r="X95177" i="1"/>
  <c r="X95178" i="1"/>
  <c r="X95179" i="1"/>
  <c r="X95180" i="1"/>
  <c r="X95181" i="1"/>
  <c r="X95182" i="1"/>
  <c r="X95183" i="1"/>
  <c r="X95184" i="1"/>
  <c r="X95185" i="1"/>
  <c r="X95186" i="1"/>
  <c r="X95187" i="1"/>
  <c r="X95188" i="1"/>
  <c r="X95189" i="1"/>
  <c r="X95190" i="1"/>
  <c r="X95191" i="1"/>
  <c r="X95192" i="1"/>
  <c r="X95193" i="1"/>
  <c r="X95194" i="1"/>
  <c r="X95195" i="1"/>
  <c r="X95196" i="1"/>
  <c r="X95197" i="1"/>
  <c r="X95198" i="1"/>
  <c r="X95199" i="1"/>
  <c r="X95200" i="1"/>
  <c r="X95201" i="1"/>
  <c r="X95202" i="1"/>
  <c r="X95203" i="1"/>
  <c r="X95204" i="1"/>
  <c r="X95205" i="1"/>
  <c r="X95206" i="1"/>
  <c r="X95207" i="1"/>
  <c r="X95208" i="1"/>
  <c r="X95209" i="1"/>
  <c r="X95210" i="1"/>
  <c r="X95211" i="1"/>
  <c r="X95212" i="1"/>
  <c r="X95213" i="1"/>
  <c r="X95214" i="1"/>
  <c r="X95215" i="1"/>
  <c r="X95216" i="1"/>
  <c r="X95217" i="1"/>
  <c r="X95218" i="1"/>
  <c r="X95219" i="1"/>
  <c r="X95220" i="1"/>
  <c r="X95221" i="1"/>
  <c r="X95222" i="1"/>
  <c r="X95223" i="1"/>
  <c r="X95224" i="1"/>
  <c r="X95225" i="1"/>
  <c r="X95226" i="1"/>
  <c r="X95227" i="1"/>
  <c r="X95228" i="1"/>
  <c r="X95229" i="1"/>
  <c r="X95230" i="1"/>
  <c r="X95231" i="1"/>
  <c r="X95232" i="1"/>
  <c r="X95233" i="1"/>
  <c r="X95234" i="1"/>
  <c r="X95235" i="1"/>
  <c r="X95236" i="1"/>
  <c r="X95237" i="1"/>
  <c r="X95238" i="1"/>
  <c r="X95239" i="1"/>
  <c r="X95240" i="1"/>
  <c r="X95241" i="1"/>
  <c r="X95242" i="1"/>
  <c r="X95243" i="1"/>
  <c r="X95244" i="1"/>
  <c r="X95245" i="1"/>
  <c r="X95246" i="1"/>
  <c r="X95247" i="1"/>
  <c r="X95248" i="1"/>
  <c r="X95249" i="1"/>
  <c r="X95250" i="1"/>
  <c r="X95251" i="1"/>
  <c r="X95252" i="1"/>
  <c r="X95253" i="1"/>
  <c r="X95254" i="1"/>
  <c r="X95255" i="1"/>
  <c r="X95256" i="1"/>
  <c r="X95257" i="1"/>
  <c r="X95258" i="1"/>
  <c r="X95259" i="1"/>
  <c r="X95260" i="1"/>
  <c r="X95261" i="1"/>
  <c r="X95262" i="1"/>
  <c r="X95263" i="1"/>
  <c r="X95264" i="1"/>
  <c r="X95265" i="1"/>
  <c r="X95266" i="1"/>
  <c r="X95267" i="1"/>
  <c r="X95268" i="1"/>
  <c r="X95269" i="1"/>
  <c r="X95270" i="1"/>
  <c r="X95271" i="1"/>
  <c r="X95272" i="1"/>
  <c r="X95273" i="1"/>
  <c r="X95274" i="1"/>
  <c r="X95275" i="1"/>
  <c r="X95276" i="1"/>
  <c r="X95277" i="1"/>
  <c r="X95278" i="1"/>
  <c r="X95279" i="1"/>
  <c r="X95280" i="1"/>
  <c r="X95281" i="1"/>
  <c r="X95282" i="1"/>
  <c r="X95283" i="1"/>
  <c r="X95284" i="1"/>
  <c r="X95285" i="1"/>
  <c r="X95286" i="1"/>
  <c r="X95287" i="1"/>
  <c r="X95288" i="1"/>
  <c r="X95289" i="1"/>
  <c r="X95290" i="1"/>
  <c r="X95291" i="1"/>
  <c r="X95292" i="1"/>
  <c r="X95293" i="1"/>
  <c r="X95294" i="1"/>
  <c r="X95295" i="1"/>
  <c r="X95296" i="1"/>
  <c r="X95297" i="1"/>
  <c r="X95298" i="1"/>
  <c r="X95299" i="1"/>
  <c r="X95300" i="1"/>
  <c r="X95301" i="1"/>
  <c r="X95302" i="1"/>
  <c r="X95303" i="1"/>
  <c r="X95304" i="1"/>
  <c r="X95305" i="1"/>
  <c r="X95306" i="1"/>
  <c r="X95307" i="1"/>
  <c r="X95308" i="1"/>
  <c r="X95309" i="1"/>
  <c r="X95310" i="1"/>
  <c r="X95311" i="1"/>
  <c r="X95312" i="1"/>
  <c r="X95313" i="1"/>
  <c r="X95314" i="1"/>
  <c r="X95315" i="1"/>
  <c r="X95316" i="1"/>
  <c r="X95317" i="1"/>
  <c r="X95318" i="1"/>
  <c r="X95319" i="1"/>
  <c r="X95320" i="1"/>
  <c r="X95321" i="1"/>
  <c r="X95322" i="1"/>
  <c r="X95323" i="1"/>
  <c r="X95324" i="1"/>
  <c r="X95325" i="1"/>
  <c r="X95326" i="1"/>
  <c r="X95327" i="1"/>
  <c r="X95328" i="1"/>
  <c r="X95329" i="1"/>
  <c r="X95330" i="1"/>
  <c r="X95331" i="1"/>
  <c r="X95332" i="1"/>
  <c r="X95333" i="1"/>
  <c r="X95334" i="1"/>
  <c r="X95335" i="1"/>
  <c r="X95336" i="1"/>
  <c r="X95337" i="1"/>
  <c r="X95338" i="1"/>
  <c r="X95339" i="1"/>
  <c r="X95340" i="1"/>
  <c r="X95341" i="1"/>
  <c r="X95342" i="1"/>
  <c r="X95343" i="1"/>
  <c r="X95344" i="1"/>
  <c r="X95345" i="1"/>
  <c r="X95346" i="1"/>
  <c r="X95347" i="1"/>
  <c r="X95348" i="1"/>
  <c r="X95349" i="1"/>
  <c r="X95350" i="1"/>
  <c r="X95351" i="1"/>
  <c r="X95352" i="1"/>
  <c r="X95353" i="1"/>
  <c r="X95354" i="1"/>
  <c r="X95355" i="1"/>
  <c r="X95356" i="1"/>
  <c r="X95357" i="1"/>
  <c r="X95358" i="1"/>
  <c r="X95359" i="1"/>
  <c r="X95360" i="1"/>
  <c r="X95361" i="1"/>
  <c r="X95362" i="1"/>
  <c r="X95363" i="1"/>
  <c r="X95364" i="1"/>
  <c r="X95365" i="1"/>
  <c r="X95366" i="1"/>
  <c r="X95367" i="1"/>
  <c r="X95368" i="1"/>
  <c r="X95369" i="1"/>
  <c r="X95370" i="1"/>
  <c r="X95371" i="1"/>
  <c r="X95372" i="1"/>
  <c r="X95373" i="1"/>
  <c r="X95374" i="1"/>
  <c r="X95375" i="1"/>
  <c r="X95376" i="1"/>
  <c r="X95377" i="1"/>
  <c r="X95378" i="1"/>
  <c r="X95379" i="1"/>
  <c r="X95380" i="1"/>
  <c r="X95381" i="1"/>
  <c r="X95382" i="1"/>
  <c r="X95383" i="1"/>
  <c r="X95384" i="1"/>
  <c r="X95385" i="1"/>
  <c r="X95386" i="1"/>
  <c r="X95387" i="1"/>
  <c r="X95388" i="1"/>
  <c r="X95389" i="1"/>
  <c r="X95390" i="1"/>
  <c r="X95391" i="1"/>
  <c r="X95392" i="1"/>
  <c r="X95393" i="1"/>
  <c r="X95394" i="1"/>
  <c r="X95395" i="1"/>
  <c r="X95396" i="1"/>
  <c r="X95397" i="1"/>
  <c r="X95398" i="1"/>
  <c r="X95399" i="1"/>
  <c r="X95400" i="1"/>
  <c r="X95401" i="1"/>
  <c r="X95402" i="1"/>
  <c r="X95403" i="1"/>
  <c r="X95404" i="1"/>
  <c r="X95405" i="1"/>
  <c r="X95406" i="1"/>
  <c r="X95407" i="1"/>
  <c r="X95408" i="1"/>
  <c r="X95409" i="1"/>
  <c r="X95410" i="1"/>
  <c r="X95411" i="1"/>
  <c r="X95412" i="1"/>
  <c r="X95413" i="1"/>
  <c r="X95414" i="1"/>
  <c r="X95415" i="1"/>
  <c r="X95416" i="1"/>
  <c r="X95417" i="1"/>
  <c r="X95418" i="1"/>
  <c r="X95419" i="1"/>
  <c r="X95420" i="1"/>
  <c r="X95421" i="1"/>
  <c r="X95422" i="1"/>
  <c r="X95423" i="1"/>
  <c r="X95424" i="1"/>
  <c r="X95425" i="1"/>
  <c r="X95426" i="1"/>
  <c r="X95427" i="1"/>
  <c r="X95428" i="1"/>
  <c r="X95429" i="1"/>
  <c r="X95430" i="1"/>
  <c r="X95431" i="1"/>
  <c r="X95432" i="1"/>
  <c r="X95433" i="1"/>
  <c r="X95434" i="1"/>
  <c r="X95435" i="1"/>
  <c r="X95436" i="1"/>
  <c r="X95437" i="1"/>
  <c r="X95438" i="1"/>
  <c r="X95439" i="1"/>
  <c r="X95440" i="1"/>
  <c r="X95441" i="1"/>
  <c r="X95442" i="1"/>
  <c r="X95443" i="1"/>
  <c r="X95444" i="1"/>
  <c r="X95445" i="1"/>
  <c r="X95446" i="1"/>
  <c r="X95447" i="1"/>
  <c r="X95448" i="1"/>
  <c r="X95449" i="1"/>
  <c r="X95450" i="1"/>
  <c r="X95451" i="1"/>
  <c r="X95452" i="1"/>
  <c r="X95453" i="1"/>
  <c r="X95454" i="1"/>
  <c r="X95455" i="1"/>
  <c r="X95456" i="1"/>
  <c r="X95457" i="1"/>
  <c r="X95458" i="1"/>
  <c r="X95459" i="1"/>
  <c r="X95460" i="1"/>
  <c r="X95461" i="1"/>
  <c r="X95462" i="1"/>
  <c r="X95463" i="1"/>
  <c r="X95464" i="1"/>
  <c r="X95465" i="1"/>
  <c r="X95466" i="1"/>
  <c r="X95467" i="1"/>
  <c r="X95468" i="1"/>
  <c r="X95469" i="1"/>
  <c r="X95470" i="1"/>
  <c r="X95471" i="1"/>
  <c r="X95472" i="1"/>
  <c r="X95473" i="1"/>
  <c r="X95474" i="1"/>
  <c r="X95475" i="1"/>
  <c r="X95476" i="1"/>
  <c r="X95477" i="1"/>
  <c r="X95478" i="1"/>
  <c r="X95479" i="1"/>
  <c r="X95480" i="1"/>
  <c r="X95481" i="1"/>
  <c r="X95482" i="1"/>
  <c r="X95483" i="1"/>
  <c r="X95484" i="1"/>
  <c r="X95485" i="1"/>
  <c r="X95486" i="1"/>
  <c r="X95487" i="1"/>
  <c r="X95488" i="1"/>
  <c r="X95489" i="1"/>
  <c r="X95490" i="1"/>
  <c r="X95491" i="1"/>
  <c r="X95492" i="1"/>
  <c r="X95493" i="1"/>
  <c r="X95494" i="1"/>
  <c r="X95495" i="1"/>
  <c r="X95496" i="1"/>
  <c r="X95497" i="1"/>
  <c r="X95498" i="1"/>
  <c r="X95499" i="1"/>
  <c r="X95500" i="1"/>
  <c r="X95501" i="1"/>
  <c r="X95502" i="1"/>
  <c r="X95503" i="1"/>
  <c r="X95504" i="1"/>
  <c r="X95505" i="1"/>
  <c r="X95506" i="1"/>
  <c r="X95507" i="1"/>
  <c r="X95508" i="1"/>
  <c r="X95509" i="1"/>
  <c r="X95510" i="1"/>
  <c r="X95511" i="1"/>
  <c r="X95512" i="1"/>
  <c r="X95513" i="1"/>
  <c r="X95514" i="1"/>
  <c r="X95515" i="1"/>
  <c r="X95516" i="1"/>
  <c r="X95517" i="1"/>
  <c r="X95518" i="1"/>
  <c r="X95519" i="1"/>
  <c r="X95520" i="1"/>
  <c r="X95521" i="1"/>
  <c r="X95522" i="1"/>
  <c r="X95523" i="1"/>
  <c r="X95524" i="1"/>
  <c r="X95525" i="1"/>
  <c r="X95526" i="1"/>
  <c r="X95527" i="1"/>
  <c r="X95528" i="1"/>
  <c r="X95529" i="1"/>
  <c r="X95530" i="1"/>
  <c r="X95531" i="1"/>
  <c r="X95532" i="1"/>
  <c r="X95533" i="1"/>
  <c r="X95534" i="1"/>
  <c r="X95535" i="1"/>
  <c r="X95536" i="1"/>
  <c r="X95537" i="1"/>
  <c r="X95538" i="1"/>
  <c r="X95539" i="1"/>
  <c r="X95540" i="1"/>
  <c r="X95541" i="1"/>
  <c r="X95542" i="1"/>
  <c r="X95543" i="1"/>
  <c r="X95544" i="1"/>
  <c r="X95545" i="1"/>
  <c r="X95546" i="1"/>
  <c r="X95547" i="1"/>
  <c r="X95548" i="1"/>
  <c r="X95549" i="1"/>
  <c r="X95550" i="1"/>
  <c r="X95551" i="1"/>
  <c r="X95552" i="1"/>
  <c r="X95553" i="1"/>
  <c r="X95554" i="1"/>
  <c r="X95555" i="1"/>
  <c r="X95556" i="1"/>
  <c r="X95557" i="1"/>
  <c r="X95558" i="1"/>
  <c r="X95559" i="1"/>
  <c r="X95560" i="1"/>
  <c r="X95561" i="1"/>
  <c r="X95562" i="1"/>
  <c r="X95563" i="1"/>
  <c r="X95564" i="1"/>
  <c r="X95565" i="1"/>
  <c r="X95566" i="1"/>
  <c r="X95567" i="1"/>
  <c r="X95568" i="1"/>
  <c r="X95569" i="1"/>
  <c r="X95570" i="1"/>
  <c r="X95571" i="1"/>
  <c r="X95572" i="1"/>
  <c r="X95573" i="1"/>
  <c r="X95574" i="1"/>
  <c r="X95575" i="1"/>
  <c r="X95576" i="1"/>
  <c r="X95577" i="1"/>
  <c r="X95578" i="1"/>
  <c r="X95579" i="1"/>
  <c r="X95580" i="1"/>
  <c r="X95581" i="1"/>
  <c r="X95582" i="1"/>
  <c r="X95583" i="1"/>
  <c r="X95584" i="1"/>
  <c r="X95585" i="1"/>
  <c r="X95586" i="1"/>
  <c r="X95587" i="1"/>
  <c r="X95588" i="1"/>
  <c r="X95589" i="1"/>
  <c r="X95590" i="1"/>
  <c r="X95591" i="1"/>
  <c r="X95592" i="1"/>
  <c r="X95593" i="1"/>
  <c r="X95594" i="1"/>
  <c r="X95595" i="1"/>
  <c r="X95596" i="1"/>
  <c r="X95597" i="1"/>
  <c r="X95598" i="1"/>
  <c r="X95599" i="1"/>
  <c r="X95600" i="1"/>
  <c r="X95601" i="1"/>
  <c r="X95602" i="1"/>
  <c r="X95603" i="1"/>
  <c r="X95604" i="1"/>
  <c r="X95605" i="1"/>
  <c r="X95606" i="1"/>
  <c r="X95607" i="1"/>
  <c r="X95608" i="1"/>
  <c r="X95609" i="1"/>
  <c r="X95610" i="1"/>
  <c r="X95611" i="1"/>
  <c r="X95612" i="1"/>
  <c r="X95613" i="1"/>
  <c r="X95614" i="1"/>
  <c r="X95615" i="1"/>
  <c r="X95616" i="1"/>
  <c r="X95617" i="1"/>
  <c r="X95618" i="1"/>
  <c r="X95619" i="1"/>
  <c r="X95620" i="1"/>
  <c r="X95621" i="1"/>
  <c r="X95622" i="1"/>
  <c r="X95623" i="1"/>
  <c r="X95624" i="1"/>
  <c r="X95625" i="1"/>
  <c r="X95626" i="1"/>
  <c r="X95627" i="1"/>
  <c r="X95628" i="1"/>
  <c r="X95629" i="1"/>
  <c r="X95630" i="1"/>
  <c r="X95631" i="1"/>
  <c r="X95632" i="1"/>
  <c r="X95633" i="1"/>
  <c r="X95634" i="1"/>
  <c r="X95635" i="1"/>
  <c r="X95636" i="1"/>
  <c r="X95637" i="1"/>
  <c r="X95638" i="1"/>
  <c r="X95639" i="1"/>
  <c r="X95640" i="1"/>
  <c r="X95641" i="1"/>
  <c r="X95642" i="1"/>
  <c r="X95643" i="1"/>
  <c r="X95644" i="1"/>
  <c r="X95645" i="1"/>
  <c r="X95646" i="1"/>
  <c r="X95647" i="1"/>
  <c r="X95648" i="1"/>
  <c r="X95649" i="1"/>
  <c r="X95650" i="1"/>
  <c r="X95651" i="1"/>
  <c r="X95652" i="1"/>
  <c r="X95653" i="1"/>
  <c r="X95654" i="1"/>
  <c r="X95655" i="1"/>
  <c r="X95656" i="1"/>
  <c r="X95657" i="1"/>
  <c r="X95658" i="1"/>
  <c r="X95659" i="1"/>
  <c r="X95660" i="1"/>
  <c r="X95661" i="1"/>
  <c r="X95662" i="1"/>
  <c r="X95663" i="1"/>
  <c r="X95664" i="1"/>
  <c r="X95665" i="1"/>
  <c r="X95666" i="1"/>
  <c r="X95667" i="1"/>
  <c r="X95668" i="1"/>
  <c r="X95669" i="1"/>
  <c r="X95670" i="1"/>
  <c r="X95671" i="1"/>
  <c r="X95672" i="1"/>
  <c r="X95673" i="1"/>
  <c r="X95674" i="1"/>
  <c r="X95675" i="1"/>
  <c r="X95676" i="1"/>
  <c r="X95677" i="1"/>
  <c r="X95678" i="1"/>
  <c r="X95679" i="1"/>
  <c r="X95680" i="1"/>
  <c r="X95681" i="1"/>
  <c r="X95682" i="1"/>
  <c r="X95683" i="1"/>
  <c r="X95684" i="1"/>
  <c r="X95685" i="1"/>
  <c r="X95686" i="1"/>
  <c r="X95687" i="1"/>
  <c r="X95688" i="1"/>
  <c r="X95689" i="1"/>
  <c r="X95690" i="1"/>
  <c r="X95691" i="1"/>
  <c r="X95692" i="1"/>
  <c r="X95693" i="1"/>
  <c r="X95694" i="1"/>
  <c r="X95695" i="1"/>
  <c r="X95696" i="1"/>
  <c r="X95697" i="1"/>
  <c r="X95698" i="1"/>
  <c r="X95699" i="1"/>
  <c r="X95700" i="1"/>
  <c r="X95701" i="1"/>
  <c r="X95702" i="1"/>
  <c r="X95703" i="1"/>
  <c r="X95704" i="1"/>
  <c r="X95705" i="1"/>
  <c r="X95706" i="1"/>
  <c r="X95707" i="1"/>
  <c r="X95708" i="1"/>
  <c r="X95709" i="1"/>
  <c r="X95710" i="1"/>
  <c r="X95711" i="1"/>
  <c r="X95712" i="1"/>
  <c r="X95713" i="1"/>
  <c r="X95714" i="1"/>
  <c r="X95715" i="1"/>
  <c r="X95716" i="1"/>
  <c r="X95717" i="1"/>
  <c r="X95718" i="1"/>
  <c r="X95719" i="1"/>
  <c r="X95720" i="1"/>
  <c r="X95721" i="1"/>
  <c r="X95722" i="1"/>
  <c r="X95723" i="1"/>
  <c r="X95724" i="1"/>
  <c r="X95725" i="1"/>
  <c r="X95726" i="1"/>
  <c r="X95727" i="1"/>
  <c r="X95728" i="1"/>
  <c r="X95729" i="1"/>
  <c r="X95730" i="1"/>
  <c r="X95731" i="1"/>
  <c r="X95732" i="1"/>
  <c r="X95733" i="1"/>
  <c r="X95734" i="1"/>
  <c r="X95735" i="1"/>
  <c r="X95736" i="1"/>
  <c r="X95737" i="1"/>
  <c r="X95738" i="1"/>
  <c r="X95739" i="1"/>
  <c r="X95740" i="1"/>
  <c r="X95741" i="1"/>
  <c r="X95742" i="1"/>
  <c r="X95743" i="1"/>
  <c r="X95744" i="1"/>
  <c r="X95745" i="1"/>
  <c r="X95746" i="1"/>
  <c r="X95747" i="1"/>
  <c r="X95748" i="1"/>
  <c r="X95749" i="1"/>
  <c r="X95750" i="1"/>
  <c r="X95751" i="1"/>
  <c r="X95752" i="1"/>
  <c r="X95753" i="1"/>
  <c r="X95754" i="1"/>
  <c r="X95755" i="1"/>
  <c r="X95756" i="1"/>
  <c r="X95757" i="1"/>
  <c r="X95758" i="1"/>
  <c r="X95759" i="1"/>
  <c r="X95760" i="1"/>
  <c r="X95761" i="1"/>
  <c r="X95762" i="1"/>
  <c r="X95763" i="1"/>
  <c r="X95764" i="1"/>
  <c r="X95765" i="1"/>
  <c r="X95766" i="1"/>
  <c r="X95767" i="1"/>
  <c r="X95768" i="1"/>
  <c r="X95769" i="1"/>
  <c r="X95770" i="1"/>
  <c r="X95771" i="1"/>
  <c r="X95772" i="1"/>
  <c r="X95773" i="1"/>
  <c r="X95774" i="1"/>
  <c r="X95775" i="1"/>
  <c r="X95776" i="1"/>
  <c r="X95777" i="1"/>
  <c r="X95778" i="1"/>
  <c r="X95779" i="1"/>
  <c r="X95780" i="1"/>
  <c r="X95781" i="1"/>
  <c r="X95782" i="1"/>
  <c r="X95783" i="1"/>
  <c r="X95784" i="1"/>
  <c r="X95785" i="1"/>
  <c r="X95786" i="1"/>
  <c r="X95787" i="1"/>
  <c r="X95788" i="1"/>
  <c r="X95789" i="1"/>
  <c r="X95790" i="1"/>
  <c r="X95791" i="1"/>
  <c r="X95792" i="1"/>
  <c r="X95793" i="1"/>
  <c r="X95794" i="1"/>
  <c r="X95795" i="1"/>
  <c r="X95796" i="1"/>
  <c r="X95797" i="1"/>
  <c r="X95798" i="1"/>
  <c r="X95799" i="1"/>
  <c r="X95800" i="1"/>
  <c r="X95801" i="1"/>
  <c r="X95802" i="1"/>
  <c r="X95803" i="1"/>
  <c r="X95804" i="1"/>
  <c r="X95805" i="1"/>
  <c r="X95806" i="1"/>
  <c r="X95807" i="1"/>
  <c r="X95808" i="1"/>
  <c r="X95809" i="1"/>
  <c r="X95810" i="1"/>
  <c r="X95811" i="1"/>
  <c r="X95812" i="1"/>
  <c r="X95813" i="1"/>
  <c r="X95814" i="1"/>
  <c r="X95815" i="1"/>
  <c r="X95816" i="1"/>
  <c r="X95817" i="1"/>
  <c r="X95818" i="1"/>
  <c r="X95819" i="1"/>
  <c r="X95820" i="1"/>
  <c r="X95821" i="1"/>
  <c r="X95822" i="1"/>
  <c r="X95823" i="1"/>
  <c r="X95824" i="1"/>
  <c r="X95825" i="1"/>
  <c r="X95826" i="1"/>
  <c r="X95827" i="1"/>
  <c r="X95828" i="1"/>
  <c r="X95829" i="1"/>
  <c r="X95830" i="1"/>
  <c r="X95831" i="1"/>
  <c r="X95832" i="1"/>
  <c r="X95833" i="1"/>
  <c r="X95834" i="1"/>
  <c r="X95835" i="1"/>
  <c r="X95836" i="1"/>
  <c r="X95837" i="1"/>
  <c r="X95838" i="1"/>
  <c r="X95839" i="1"/>
  <c r="X95840" i="1"/>
  <c r="X95841" i="1"/>
  <c r="X95842" i="1"/>
  <c r="X95843" i="1"/>
  <c r="X95844" i="1"/>
  <c r="X95845" i="1"/>
  <c r="X95846" i="1"/>
  <c r="X95847" i="1"/>
  <c r="X95848" i="1"/>
  <c r="X95849" i="1"/>
  <c r="X95850" i="1"/>
  <c r="X95851" i="1"/>
  <c r="X95852" i="1"/>
  <c r="X95853" i="1"/>
  <c r="X95854" i="1"/>
  <c r="X95855" i="1"/>
  <c r="X95856" i="1"/>
  <c r="X95857" i="1"/>
  <c r="X95858" i="1"/>
  <c r="X95859" i="1"/>
  <c r="X95860" i="1"/>
  <c r="X95861" i="1"/>
  <c r="X95862" i="1"/>
  <c r="X95863" i="1"/>
  <c r="X95864" i="1"/>
  <c r="X95865" i="1"/>
  <c r="X95866" i="1"/>
  <c r="X95867" i="1"/>
  <c r="X95868" i="1"/>
  <c r="X95869" i="1"/>
  <c r="X95870" i="1"/>
  <c r="X95871" i="1"/>
  <c r="X95872" i="1"/>
  <c r="X95873" i="1"/>
  <c r="X95874" i="1"/>
  <c r="X95875" i="1"/>
  <c r="X95876" i="1"/>
  <c r="X95877" i="1"/>
  <c r="X95878" i="1"/>
  <c r="X95879" i="1"/>
  <c r="X95880" i="1"/>
  <c r="X95881" i="1"/>
  <c r="X95882" i="1"/>
  <c r="X95883" i="1"/>
  <c r="X95884" i="1"/>
  <c r="X95885" i="1"/>
  <c r="X95886" i="1"/>
  <c r="X95887" i="1"/>
  <c r="X95888" i="1"/>
  <c r="X95889" i="1"/>
  <c r="X95890" i="1"/>
  <c r="X95891" i="1"/>
  <c r="X95892" i="1"/>
  <c r="X95893" i="1"/>
  <c r="X95894" i="1"/>
  <c r="X95895" i="1"/>
  <c r="X95896" i="1"/>
  <c r="X95897" i="1"/>
  <c r="X95898" i="1"/>
  <c r="X95899" i="1"/>
  <c r="X95900" i="1"/>
  <c r="X95901" i="1"/>
  <c r="X95902" i="1"/>
  <c r="X95903" i="1"/>
  <c r="X95904" i="1"/>
  <c r="X95905" i="1"/>
  <c r="X95906" i="1"/>
  <c r="X95907" i="1"/>
  <c r="X95908" i="1"/>
  <c r="X95909" i="1"/>
  <c r="X95910" i="1"/>
  <c r="X95911" i="1"/>
  <c r="X95912" i="1"/>
  <c r="X95913" i="1"/>
  <c r="X95914" i="1"/>
  <c r="X95915" i="1"/>
  <c r="X95916" i="1"/>
  <c r="X95917" i="1"/>
  <c r="X95918" i="1"/>
  <c r="X95919" i="1"/>
  <c r="X95920" i="1"/>
  <c r="X95921" i="1"/>
  <c r="X95922" i="1"/>
  <c r="X95923" i="1"/>
  <c r="X95924" i="1"/>
  <c r="X95925" i="1"/>
  <c r="X95926" i="1"/>
  <c r="X95927" i="1"/>
  <c r="X95928" i="1"/>
  <c r="X95929" i="1"/>
  <c r="X95930" i="1"/>
  <c r="X95931" i="1"/>
  <c r="X95932" i="1"/>
  <c r="X95933" i="1"/>
  <c r="X95934" i="1"/>
  <c r="X95935" i="1"/>
  <c r="X95936" i="1"/>
  <c r="X95937" i="1"/>
  <c r="X95938" i="1"/>
  <c r="X95939" i="1"/>
  <c r="X95940" i="1"/>
  <c r="X95941" i="1"/>
  <c r="X95942" i="1"/>
  <c r="X95943" i="1"/>
  <c r="X95944" i="1"/>
  <c r="X95945" i="1"/>
  <c r="X95946" i="1"/>
  <c r="X95947" i="1"/>
  <c r="X95948" i="1"/>
  <c r="X95949" i="1"/>
  <c r="X95950" i="1"/>
  <c r="X95951" i="1"/>
  <c r="X95952" i="1"/>
  <c r="X95953" i="1"/>
  <c r="X95954" i="1"/>
  <c r="X95955" i="1"/>
  <c r="X95956" i="1"/>
  <c r="X95957" i="1"/>
  <c r="X95958" i="1"/>
  <c r="X95959" i="1"/>
  <c r="X95960" i="1"/>
  <c r="X95961" i="1"/>
  <c r="X95962" i="1"/>
  <c r="X95963" i="1"/>
  <c r="X95964" i="1"/>
  <c r="X95965" i="1"/>
  <c r="X95966" i="1"/>
  <c r="X95967" i="1"/>
  <c r="X95968" i="1"/>
  <c r="X95969" i="1"/>
  <c r="X95970" i="1"/>
  <c r="X95971" i="1"/>
  <c r="X95972" i="1"/>
  <c r="X95973" i="1"/>
  <c r="X95974" i="1"/>
  <c r="X95975" i="1"/>
  <c r="X95976" i="1"/>
  <c r="X95977" i="1"/>
  <c r="X95978" i="1"/>
  <c r="X95979" i="1"/>
  <c r="X95980" i="1"/>
  <c r="X95981" i="1"/>
  <c r="X95982" i="1"/>
  <c r="X95983" i="1"/>
  <c r="X95984" i="1"/>
  <c r="X95985" i="1"/>
  <c r="X95986" i="1"/>
  <c r="X95987" i="1"/>
  <c r="X95988" i="1"/>
  <c r="X95989" i="1"/>
  <c r="X95990" i="1"/>
  <c r="X95991" i="1"/>
  <c r="X95992" i="1"/>
  <c r="X95993" i="1"/>
  <c r="X95994" i="1"/>
  <c r="X95995" i="1"/>
  <c r="X95996" i="1"/>
  <c r="X95997" i="1"/>
  <c r="X95998" i="1"/>
  <c r="X95999" i="1"/>
  <c r="X96000" i="1"/>
  <c r="X4245" i="1"/>
  <c r="V2711" i="1"/>
  <c r="V2712" i="1"/>
  <c r="V2713" i="1"/>
  <c r="V2714" i="1"/>
  <c r="V2715" i="1"/>
  <c r="V2716" i="1"/>
  <c r="V2717" i="1"/>
  <c r="V2718" i="1"/>
  <c r="V2719" i="1"/>
  <c r="V2720" i="1"/>
  <c r="V2721" i="1"/>
  <c r="V2722" i="1"/>
  <c r="V2723" i="1"/>
  <c r="V2724" i="1"/>
  <c r="V2725" i="1"/>
  <c r="V2726" i="1"/>
  <c r="V2727" i="1"/>
  <c r="V2728" i="1"/>
  <c r="V2729" i="1"/>
  <c r="V2730" i="1"/>
  <c r="V2731" i="1"/>
  <c r="V2732" i="1"/>
  <c r="V2733" i="1"/>
  <c r="V2734" i="1"/>
  <c r="V2735" i="1"/>
  <c r="V2736" i="1"/>
  <c r="V2737" i="1"/>
  <c r="V2738" i="1"/>
  <c r="V2739" i="1"/>
  <c r="V2740" i="1"/>
  <c r="V2741" i="1"/>
  <c r="V2742" i="1"/>
  <c r="V2743" i="1"/>
  <c r="V2744" i="1"/>
  <c r="V2745" i="1"/>
  <c r="V2746" i="1"/>
  <c r="V2747" i="1"/>
  <c r="V2748" i="1"/>
  <c r="V2749" i="1"/>
  <c r="V2750" i="1"/>
  <c r="V2751" i="1"/>
  <c r="V2752" i="1"/>
  <c r="V2753" i="1"/>
  <c r="V2754" i="1"/>
  <c r="V2755" i="1"/>
  <c r="V2756" i="1"/>
  <c r="V2757" i="1"/>
  <c r="V2758" i="1"/>
  <c r="V2759" i="1"/>
  <c r="V2760" i="1"/>
  <c r="V2761" i="1"/>
  <c r="V2762" i="1"/>
  <c r="V2763" i="1"/>
  <c r="V2764" i="1"/>
  <c r="V2765" i="1"/>
  <c r="V2766" i="1"/>
  <c r="V2767" i="1"/>
  <c r="V2768" i="1"/>
  <c r="V2769" i="1"/>
  <c r="V2770" i="1"/>
  <c r="V2771" i="1"/>
  <c r="V2772" i="1"/>
  <c r="V2773" i="1"/>
  <c r="V2774" i="1"/>
  <c r="V2775" i="1"/>
  <c r="V2776" i="1"/>
  <c r="V2777" i="1"/>
  <c r="V2778" i="1"/>
  <c r="V2779" i="1"/>
  <c r="V2780" i="1"/>
  <c r="V2781" i="1"/>
  <c r="V2782" i="1"/>
  <c r="V2783" i="1"/>
  <c r="V2784" i="1"/>
  <c r="V2785" i="1"/>
  <c r="V2786" i="1"/>
  <c r="V2787" i="1"/>
  <c r="V2788" i="1"/>
  <c r="V2789" i="1"/>
  <c r="V2790" i="1"/>
  <c r="V2791" i="1"/>
  <c r="V2792" i="1"/>
  <c r="V2793" i="1"/>
  <c r="V2794" i="1"/>
  <c r="V2795" i="1"/>
  <c r="V2796" i="1"/>
  <c r="V2797" i="1"/>
  <c r="V2798" i="1"/>
  <c r="V2799" i="1"/>
  <c r="V2800" i="1"/>
  <c r="V2801" i="1"/>
  <c r="V2802" i="1"/>
  <c r="V2803" i="1"/>
  <c r="V2804" i="1"/>
  <c r="V2805" i="1"/>
  <c r="V2806" i="1"/>
  <c r="V2807" i="1"/>
  <c r="V2808" i="1"/>
  <c r="V2809" i="1"/>
  <c r="V2810" i="1"/>
  <c r="V2811" i="1"/>
  <c r="V2812" i="1"/>
  <c r="V2813" i="1"/>
  <c r="V2814" i="1"/>
  <c r="V2815" i="1"/>
  <c r="V2816" i="1"/>
  <c r="V2817" i="1"/>
  <c r="V2818" i="1"/>
  <c r="V2819" i="1"/>
  <c r="V2820" i="1"/>
  <c r="V2821" i="1"/>
  <c r="V2822" i="1"/>
  <c r="V2823" i="1"/>
  <c r="V2824" i="1"/>
  <c r="V2825" i="1"/>
  <c r="V2826" i="1"/>
  <c r="V2827" i="1"/>
  <c r="V2828" i="1"/>
  <c r="V2829" i="1"/>
  <c r="V2830" i="1"/>
  <c r="V2831" i="1"/>
  <c r="V2832" i="1"/>
  <c r="V2833" i="1"/>
  <c r="V2834" i="1"/>
  <c r="V2835" i="1"/>
  <c r="V2836" i="1"/>
  <c r="V2837" i="1"/>
  <c r="V2838" i="1"/>
  <c r="V2839" i="1"/>
  <c r="V2840" i="1"/>
  <c r="V2841" i="1"/>
  <c r="V2842" i="1"/>
  <c r="V2843" i="1"/>
  <c r="V2844" i="1"/>
  <c r="V2845" i="1"/>
  <c r="V2846" i="1"/>
  <c r="V2847" i="1"/>
  <c r="V2848" i="1"/>
  <c r="V2849" i="1"/>
  <c r="V2850" i="1"/>
  <c r="V2851" i="1"/>
  <c r="V2852" i="1"/>
  <c r="V2853" i="1"/>
  <c r="V2854" i="1"/>
  <c r="V2855" i="1"/>
  <c r="V2856" i="1"/>
  <c r="V2857" i="1"/>
  <c r="V2858" i="1"/>
  <c r="V2859" i="1"/>
  <c r="V2860" i="1"/>
  <c r="V2861" i="1"/>
  <c r="V2862" i="1"/>
  <c r="V2863" i="1"/>
  <c r="V2864" i="1"/>
  <c r="V2865" i="1"/>
  <c r="V2866" i="1"/>
  <c r="V2867" i="1"/>
  <c r="V2868" i="1"/>
  <c r="V2869" i="1"/>
  <c r="V2870" i="1"/>
  <c r="V2871" i="1"/>
  <c r="V2872" i="1"/>
  <c r="V2873" i="1"/>
  <c r="V2874" i="1"/>
  <c r="V2875" i="1"/>
  <c r="V2876" i="1"/>
  <c r="V2877" i="1"/>
  <c r="V2878" i="1"/>
  <c r="V2879" i="1"/>
  <c r="V2880" i="1"/>
  <c r="V2881" i="1"/>
  <c r="V2882" i="1"/>
  <c r="V2883" i="1"/>
  <c r="V2884" i="1"/>
  <c r="V2885" i="1"/>
  <c r="V2886" i="1"/>
  <c r="V2887" i="1"/>
  <c r="V2888" i="1"/>
  <c r="V2889" i="1"/>
  <c r="V2890" i="1"/>
  <c r="V2891" i="1"/>
  <c r="V2892" i="1"/>
  <c r="V2893" i="1"/>
  <c r="V2894" i="1"/>
  <c r="V2895" i="1"/>
  <c r="V2896" i="1"/>
  <c r="V2897" i="1"/>
  <c r="V2898" i="1"/>
  <c r="V2899" i="1"/>
  <c r="V2900" i="1"/>
  <c r="V2901" i="1"/>
  <c r="V2902" i="1"/>
  <c r="V2903" i="1"/>
  <c r="V2904" i="1"/>
  <c r="V2905" i="1"/>
  <c r="V2906" i="1"/>
  <c r="V2907" i="1"/>
  <c r="V2908" i="1"/>
  <c r="V2909" i="1"/>
  <c r="V2910" i="1"/>
  <c r="V2911" i="1"/>
  <c r="V2912" i="1"/>
  <c r="V2913" i="1"/>
  <c r="V2914" i="1"/>
  <c r="V2915" i="1"/>
  <c r="V2916" i="1"/>
  <c r="V2917" i="1"/>
  <c r="V2918" i="1"/>
  <c r="V2919" i="1"/>
  <c r="V2920" i="1"/>
  <c r="V2921" i="1"/>
  <c r="V2922" i="1"/>
  <c r="V2923" i="1"/>
  <c r="V2924" i="1"/>
  <c r="V2925" i="1"/>
  <c r="V2926" i="1"/>
  <c r="V2927" i="1"/>
  <c r="V2928" i="1"/>
  <c r="V2929" i="1"/>
  <c r="V2930" i="1"/>
  <c r="V2931" i="1"/>
  <c r="V2932" i="1"/>
  <c r="V2933" i="1"/>
  <c r="V2934" i="1"/>
  <c r="V2935" i="1"/>
  <c r="V2936" i="1"/>
  <c r="V2937" i="1"/>
  <c r="V2938" i="1"/>
  <c r="V2939" i="1"/>
  <c r="V2940" i="1"/>
  <c r="V2941" i="1"/>
  <c r="V2942" i="1"/>
  <c r="V2943" i="1"/>
  <c r="V2944" i="1"/>
  <c r="V2945" i="1"/>
  <c r="V2946" i="1"/>
  <c r="V2947" i="1"/>
  <c r="V2948" i="1"/>
  <c r="V2949" i="1"/>
  <c r="V2950" i="1"/>
  <c r="V2951" i="1"/>
  <c r="V2952" i="1"/>
  <c r="V2953" i="1"/>
  <c r="V2954" i="1"/>
  <c r="V2955" i="1"/>
  <c r="V2956" i="1"/>
  <c r="V2957" i="1"/>
  <c r="V2958" i="1"/>
  <c r="V2959" i="1"/>
  <c r="V2960" i="1"/>
  <c r="V2961" i="1"/>
  <c r="V2962" i="1"/>
  <c r="V2963" i="1"/>
  <c r="V2964" i="1"/>
  <c r="V2965" i="1"/>
  <c r="V2966" i="1"/>
  <c r="V2967" i="1"/>
  <c r="V2968" i="1"/>
  <c r="V2969" i="1"/>
  <c r="V2970" i="1"/>
  <c r="V2971" i="1"/>
  <c r="V2972" i="1"/>
  <c r="V2973" i="1"/>
  <c r="V2974" i="1"/>
  <c r="V2975" i="1"/>
  <c r="V2976" i="1"/>
  <c r="V2977" i="1"/>
  <c r="V2978" i="1"/>
  <c r="V2979" i="1"/>
  <c r="V2980" i="1"/>
  <c r="V2981" i="1"/>
  <c r="V2982" i="1"/>
  <c r="V2983" i="1"/>
  <c r="V2984" i="1"/>
  <c r="V2985" i="1"/>
  <c r="V2986" i="1"/>
  <c r="V2987" i="1"/>
  <c r="V2988" i="1"/>
  <c r="V2989" i="1"/>
  <c r="V2990" i="1"/>
  <c r="V2991" i="1"/>
  <c r="V2992" i="1"/>
  <c r="V2993" i="1"/>
  <c r="V2994" i="1"/>
  <c r="V2995" i="1"/>
  <c r="V2996" i="1"/>
  <c r="V2997" i="1"/>
  <c r="V2998" i="1"/>
  <c r="V2999" i="1"/>
  <c r="V3000" i="1"/>
  <c r="V3001" i="1"/>
  <c r="V3002" i="1"/>
  <c r="V3003" i="1"/>
  <c r="V3004" i="1"/>
  <c r="V3005" i="1"/>
  <c r="V3006" i="1"/>
  <c r="V3007" i="1"/>
  <c r="V3008" i="1"/>
  <c r="V3009" i="1"/>
  <c r="V3010" i="1"/>
  <c r="V3011" i="1"/>
  <c r="V3012" i="1"/>
  <c r="V3013" i="1"/>
  <c r="V3014" i="1"/>
  <c r="V3015" i="1"/>
  <c r="V3016" i="1"/>
  <c r="V3017" i="1"/>
  <c r="V3018" i="1"/>
  <c r="V3019" i="1"/>
  <c r="V3020" i="1"/>
  <c r="V3021" i="1"/>
  <c r="V3022" i="1"/>
  <c r="V3023" i="1"/>
  <c r="V3024" i="1"/>
  <c r="V3025" i="1"/>
  <c r="V3026" i="1"/>
  <c r="V3027" i="1"/>
  <c r="V3028" i="1"/>
  <c r="V3029" i="1"/>
  <c r="V3030" i="1"/>
  <c r="V3031" i="1"/>
  <c r="V3032" i="1"/>
  <c r="V3033" i="1"/>
  <c r="V3034" i="1"/>
  <c r="V3035" i="1"/>
  <c r="V3036" i="1"/>
  <c r="V3037" i="1"/>
  <c r="V3038" i="1"/>
  <c r="V3039" i="1"/>
  <c r="V3040" i="1"/>
  <c r="V3041" i="1"/>
  <c r="V3042" i="1"/>
  <c r="V3043" i="1"/>
  <c r="V3044" i="1"/>
  <c r="V3045" i="1"/>
  <c r="V3046" i="1"/>
  <c r="V3047" i="1"/>
  <c r="V3048" i="1"/>
  <c r="V3049" i="1"/>
  <c r="V3050" i="1"/>
  <c r="V3051" i="1"/>
  <c r="V3052" i="1"/>
  <c r="V3053" i="1"/>
  <c r="V3054" i="1"/>
  <c r="V3055" i="1"/>
  <c r="V3056" i="1"/>
  <c r="V3057" i="1"/>
  <c r="V3058" i="1"/>
  <c r="V3059" i="1"/>
  <c r="V3060" i="1"/>
  <c r="V3061" i="1"/>
  <c r="V3062" i="1"/>
  <c r="V3063" i="1"/>
  <c r="V3064" i="1"/>
  <c r="V3065" i="1"/>
  <c r="V3066" i="1"/>
  <c r="V3067" i="1"/>
  <c r="V3068" i="1"/>
  <c r="V3069" i="1"/>
  <c r="V3070" i="1"/>
  <c r="V3071" i="1"/>
  <c r="V3072" i="1"/>
  <c r="V3073" i="1"/>
  <c r="V3074" i="1"/>
  <c r="V3075" i="1"/>
  <c r="V3076" i="1"/>
  <c r="V3077" i="1"/>
  <c r="V3078" i="1"/>
  <c r="V3079" i="1"/>
  <c r="V3080" i="1"/>
  <c r="V3081" i="1"/>
  <c r="V3082" i="1"/>
  <c r="V3083" i="1"/>
  <c r="V3084" i="1"/>
  <c r="V3085" i="1"/>
  <c r="V3086" i="1"/>
  <c r="V3087" i="1"/>
  <c r="V3088" i="1"/>
  <c r="V3089" i="1"/>
  <c r="V3090" i="1"/>
  <c r="V3091" i="1"/>
  <c r="V3092" i="1"/>
  <c r="V3093" i="1"/>
  <c r="V3094" i="1"/>
  <c r="V3095" i="1"/>
  <c r="V3096" i="1"/>
  <c r="V3097" i="1"/>
  <c r="V3098" i="1"/>
  <c r="V3099" i="1"/>
  <c r="V3100" i="1"/>
  <c r="V3101" i="1"/>
  <c r="V3102" i="1"/>
  <c r="V3103" i="1"/>
  <c r="V3104" i="1"/>
  <c r="V3105" i="1"/>
  <c r="V3106" i="1"/>
  <c r="V3107" i="1"/>
  <c r="V3108" i="1"/>
  <c r="V3109" i="1"/>
  <c r="V3110" i="1"/>
  <c r="V3111" i="1"/>
  <c r="V3112" i="1"/>
  <c r="V3113" i="1"/>
  <c r="V3114" i="1"/>
  <c r="V3115" i="1"/>
  <c r="V3116" i="1"/>
  <c r="V3117" i="1"/>
  <c r="V3118" i="1"/>
  <c r="V3119" i="1"/>
  <c r="V3120" i="1"/>
  <c r="V3121" i="1"/>
  <c r="V3122" i="1"/>
  <c r="V3123" i="1"/>
  <c r="V3124" i="1"/>
  <c r="V3125" i="1"/>
  <c r="V3126" i="1"/>
  <c r="V3127" i="1"/>
  <c r="V3128" i="1"/>
  <c r="V3129" i="1"/>
  <c r="V3130" i="1"/>
  <c r="V3131" i="1"/>
  <c r="V3132" i="1"/>
  <c r="V3133" i="1"/>
  <c r="V3134" i="1"/>
  <c r="V3135" i="1"/>
  <c r="V3136" i="1"/>
  <c r="V3137" i="1"/>
  <c r="V3138" i="1"/>
  <c r="V3139" i="1"/>
  <c r="V3140" i="1"/>
  <c r="V3141" i="1"/>
  <c r="V3142" i="1"/>
  <c r="V3143" i="1"/>
  <c r="V3144" i="1"/>
  <c r="V3145" i="1"/>
  <c r="V3146" i="1"/>
  <c r="V3147" i="1"/>
  <c r="V3148" i="1"/>
  <c r="V3149" i="1"/>
  <c r="V3150" i="1"/>
  <c r="V3151" i="1"/>
  <c r="V3152" i="1"/>
  <c r="V3153" i="1"/>
  <c r="V3154" i="1"/>
  <c r="V3155" i="1"/>
  <c r="V3156" i="1"/>
  <c r="V3157" i="1"/>
  <c r="V3158" i="1"/>
  <c r="V3159" i="1"/>
  <c r="V3160" i="1"/>
  <c r="V3161" i="1"/>
  <c r="V3162" i="1"/>
  <c r="V3163" i="1"/>
  <c r="V3164" i="1"/>
  <c r="V3165" i="1"/>
  <c r="V3166" i="1"/>
  <c r="V3167" i="1"/>
  <c r="V3168" i="1"/>
  <c r="V3169" i="1"/>
  <c r="V3170" i="1"/>
  <c r="V3171" i="1"/>
  <c r="V3172" i="1"/>
  <c r="V3173" i="1"/>
  <c r="V3174" i="1"/>
  <c r="V3175" i="1"/>
  <c r="V3176" i="1"/>
  <c r="V3177" i="1"/>
  <c r="V3178" i="1"/>
  <c r="V3179" i="1"/>
  <c r="V3180" i="1"/>
  <c r="V3181" i="1"/>
  <c r="V3182" i="1"/>
  <c r="V3183" i="1"/>
  <c r="V3184" i="1"/>
  <c r="V3185" i="1"/>
  <c r="V3186" i="1"/>
  <c r="V3187" i="1"/>
  <c r="V3188" i="1"/>
  <c r="V3189" i="1"/>
  <c r="V3190" i="1"/>
  <c r="V3191" i="1"/>
  <c r="V3192" i="1"/>
  <c r="V3193" i="1"/>
  <c r="V3194" i="1"/>
  <c r="V3195" i="1"/>
  <c r="V3196" i="1"/>
  <c r="V3197" i="1"/>
  <c r="V3198" i="1"/>
  <c r="V3199" i="1"/>
  <c r="V3200" i="1"/>
  <c r="V3201" i="1"/>
  <c r="V3202" i="1"/>
  <c r="V3203" i="1"/>
  <c r="V3204" i="1"/>
  <c r="V3205" i="1"/>
  <c r="V3206" i="1"/>
  <c r="V3207" i="1"/>
  <c r="V3208" i="1"/>
  <c r="V3209" i="1"/>
  <c r="V3210" i="1"/>
  <c r="V3211" i="1"/>
  <c r="V3212" i="1"/>
  <c r="V3213" i="1"/>
  <c r="V3214" i="1"/>
  <c r="V3215" i="1"/>
  <c r="V3216" i="1"/>
  <c r="V3217" i="1"/>
  <c r="V3218" i="1"/>
  <c r="V3219" i="1"/>
  <c r="V3220" i="1"/>
  <c r="V3221" i="1"/>
  <c r="V3222" i="1"/>
  <c r="V3223" i="1"/>
  <c r="V3224" i="1"/>
  <c r="V3225" i="1"/>
  <c r="V3226" i="1"/>
  <c r="V3227" i="1"/>
  <c r="V3228" i="1"/>
  <c r="V3229" i="1"/>
  <c r="V3230" i="1"/>
  <c r="V3231" i="1"/>
  <c r="V3232" i="1"/>
  <c r="V3233" i="1"/>
  <c r="V3234" i="1"/>
  <c r="V3235" i="1"/>
  <c r="V3236" i="1"/>
  <c r="V3237" i="1"/>
  <c r="V3238" i="1"/>
  <c r="V3239" i="1"/>
  <c r="V3240" i="1"/>
  <c r="V3241" i="1"/>
  <c r="V3242" i="1"/>
  <c r="V3243" i="1"/>
  <c r="V3244" i="1"/>
  <c r="V3245" i="1"/>
  <c r="V3246" i="1"/>
  <c r="V3247" i="1"/>
  <c r="V3248" i="1"/>
  <c r="V3249" i="1"/>
  <c r="V3250" i="1"/>
  <c r="V3251" i="1"/>
  <c r="V3252" i="1"/>
  <c r="V3253" i="1"/>
  <c r="V3254" i="1"/>
  <c r="V3255" i="1"/>
  <c r="V3256" i="1"/>
  <c r="V3257" i="1"/>
  <c r="V3258" i="1"/>
  <c r="V3259" i="1"/>
  <c r="V3260" i="1"/>
  <c r="V3261" i="1"/>
  <c r="V3262" i="1"/>
  <c r="V3263" i="1"/>
  <c r="V3264" i="1"/>
  <c r="V3265" i="1"/>
  <c r="V3266" i="1"/>
  <c r="V3267" i="1"/>
  <c r="V3268" i="1"/>
  <c r="V3269" i="1"/>
  <c r="V3270" i="1"/>
  <c r="V3271" i="1"/>
  <c r="V3272" i="1"/>
  <c r="V3273" i="1"/>
  <c r="V3274" i="1"/>
  <c r="V3275" i="1"/>
  <c r="V3276" i="1"/>
  <c r="V3277" i="1"/>
  <c r="V3278" i="1"/>
  <c r="V3279" i="1"/>
  <c r="V3280" i="1"/>
  <c r="V3281" i="1"/>
  <c r="V3282" i="1"/>
  <c r="V3283" i="1"/>
  <c r="V3284" i="1"/>
  <c r="V3285" i="1"/>
  <c r="V3286" i="1"/>
  <c r="V3287" i="1"/>
  <c r="V3288" i="1"/>
  <c r="V3289" i="1"/>
  <c r="V3290" i="1"/>
  <c r="V3291" i="1"/>
  <c r="V3292" i="1"/>
  <c r="V3293" i="1"/>
  <c r="V3294" i="1"/>
  <c r="V3295" i="1"/>
  <c r="V3296" i="1"/>
  <c r="V3297" i="1"/>
  <c r="V3298" i="1"/>
  <c r="V3299" i="1"/>
  <c r="V3300" i="1"/>
  <c r="V3301" i="1"/>
  <c r="V3302" i="1"/>
  <c r="V3303" i="1"/>
  <c r="V3304" i="1"/>
  <c r="V3305" i="1"/>
  <c r="V3306" i="1"/>
  <c r="V3307" i="1"/>
  <c r="V3308" i="1"/>
  <c r="V3309" i="1"/>
  <c r="V3310" i="1"/>
  <c r="V3311" i="1"/>
  <c r="V3312" i="1"/>
  <c r="V3313" i="1"/>
  <c r="V3314" i="1"/>
  <c r="V3315" i="1"/>
  <c r="V3316" i="1"/>
  <c r="V3317" i="1"/>
  <c r="V3318" i="1"/>
  <c r="V3319" i="1"/>
  <c r="V3320" i="1"/>
  <c r="V3321" i="1"/>
  <c r="V3322" i="1"/>
  <c r="V3323" i="1"/>
  <c r="V3324" i="1"/>
  <c r="V3325" i="1"/>
  <c r="V3326" i="1"/>
  <c r="V3327" i="1"/>
  <c r="V3328" i="1"/>
  <c r="V3329" i="1"/>
  <c r="V3330" i="1"/>
  <c r="V3331" i="1"/>
  <c r="V3332" i="1"/>
  <c r="V3333" i="1"/>
  <c r="V3334" i="1"/>
  <c r="V3335" i="1"/>
  <c r="V3336" i="1"/>
  <c r="V3337" i="1"/>
  <c r="V3338" i="1"/>
  <c r="V3339" i="1"/>
  <c r="V3340" i="1"/>
  <c r="V3341" i="1"/>
  <c r="V3342" i="1"/>
  <c r="V3343" i="1"/>
  <c r="V3344" i="1"/>
  <c r="V3345" i="1"/>
  <c r="V3346" i="1"/>
  <c r="V3347" i="1"/>
  <c r="V3348" i="1"/>
  <c r="V3349" i="1"/>
  <c r="V3350" i="1"/>
  <c r="V3351" i="1"/>
  <c r="V3352" i="1"/>
  <c r="V3353" i="1"/>
  <c r="V3354" i="1"/>
  <c r="V3355" i="1"/>
  <c r="V3356" i="1"/>
  <c r="V3357" i="1"/>
  <c r="V3358" i="1"/>
  <c r="V3359" i="1"/>
  <c r="V3360" i="1"/>
  <c r="V3361" i="1"/>
  <c r="V3362" i="1"/>
  <c r="V3363" i="1"/>
  <c r="V3364" i="1"/>
  <c r="V3365" i="1"/>
  <c r="V3366" i="1"/>
  <c r="V3367" i="1"/>
  <c r="V3368" i="1"/>
  <c r="V3369" i="1"/>
  <c r="V3370" i="1"/>
  <c r="V3371" i="1"/>
  <c r="V3372" i="1"/>
  <c r="V3373" i="1"/>
  <c r="V3374" i="1"/>
  <c r="V3375" i="1"/>
  <c r="V3376" i="1"/>
  <c r="V3377" i="1"/>
  <c r="V3378" i="1"/>
  <c r="V3379" i="1"/>
  <c r="V3380" i="1"/>
  <c r="V3381" i="1"/>
  <c r="V3382" i="1"/>
  <c r="V3383" i="1"/>
  <c r="V3384" i="1"/>
  <c r="V3385" i="1"/>
  <c r="V3386" i="1"/>
  <c r="V3387" i="1"/>
  <c r="V3388" i="1"/>
  <c r="V3389" i="1"/>
  <c r="V3390" i="1"/>
  <c r="V3391" i="1"/>
  <c r="V3392" i="1"/>
  <c r="V3393" i="1"/>
  <c r="V3394" i="1"/>
  <c r="V3395" i="1"/>
  <c r="V3396" i="1"/>
  <c r="V3397" i="1"/>
  <c r="V3398" i="1"/>
  <c r="V3399" i="1"/>
  <c r="V3400" i="1"/>
  <c r="V3401" i="1"/>
  <c r="V3402" i="1"/>
  <c r="V3403" i="1"/>
  <c r="V3404" i="1"/>
  <c r="V3405" i="1"/>
  <c r="V3406" i="1"/>
  <c r="V3407" i="1"/>
  <c r="V3408" i="1"/>
  <c r="V3409" i="1"/>
  <c r="V3410" i="1"/>
  <c r="V3411" i="1"/>
  <c r="V3412" i="1"/>
  <c r="V3413" i="1"/>
  <c r="V3414" i="1"/>
  <c r="V3415" i="1"/>
  <c r="V3416" i="1"/>
  <c r="V3417" i="1"/>
  <c r="V3418" i="1"/>
  <c r="V3419" i="1"/>
  <c r="V3420" i="1"/>
  <c r="V3421" i="1"/>
  <c r="V3422" i="1"/>
  <c r="V3423" i="1"/>
  <c r="V3424" i="1"/>
  <c r="V3425" i="1"/>
  <c r="V3426" i="1"/>
  <c r="V3427" i="1"/>
  <c r="V3428" i="1"/>
  <c r="V3429" i="1"/>
  <c r="V3430" i="1"/>
  <c r="V3431" i="1"/>
  <c r="V3432" i="1"/>
  <c r="V3433" i="1"/>
  <c r="V3434" i="1"/>
  <c r="V3435" i="1"/>
  <c r="V3436" i="1"/>
  <c r="V3437" i="1"/>
  <c r="V3438" i="1"/>
  <c r="V3439" i="1"/>
  <c r="V3440" i="1"/>
  <c r="V3441" i="1"/>
  <c r="V3442" i="1"/>
  <c r="V3443" i="1"/>
  <c r="V3444" i="1"/>
  <c r="V3445" i="1"/>
  <c r="V3446" i="1"/>
  <c r="V3447" i="1"/>
  <c r="V3448" i="1"/>
  <c r="V3449" i="1"/>
  <c r="V3450" i="1"/>
  <c r="V3451" i="1"/>
  <c r="V3452" i="1"/>
  <c r="V3453" i="1"/>
  <c r="V3454" i="1"/>
  <c r="V3455" i="1"/>
  <c r="V3456" i="1"/>
  <c r="V3457" i="1"/>
  <c r="V3458" i="1"/>
  <c r="V3459" i="1"/>
  <c r="V3460" i="1"/>
  <c r="V3461" i="1"/>
  <c r="V3462" i="1"/>
  <c r="V3463" i="1"/>
  <c r="V3464" i="1"/>
  <c r="V3465" i="1"/>
  <c r="V3466" i="1"/>
  <c r="V3467" i="1"/>
  <c r="V3468" i="1"/>
  <c r="V3469" i="1"/>
  <c r="V3470" i="1"/>
  <c r="V3471" i="1"/>
  <c r="V3472" i="1"/>
  <c r="V3473" i="1"/>
  <c r="V3474" i="1"/>
  <c r="V3475" i="1"/>
  <c r="V3476" i="1"/>
  <c r="V3477" i="1"/>
  <c r="V3478" i="1"/>
  <c r="V3479" i="1"/>
  <c r="V3480" i="1"/>
  <c r="V3481" i="1"/>
  <c r="V3482" i="1"/>
  <c r="V3483" i="1"/>
  <c r="V3484" i="1"/>
  <c r="V3485" i="1"/>
  <c r="V3486" i="1"/>
  <c r="V3487" i="1"/>
  <c r="V3488" i="1"/>
  <c r="V3489" i="1"/>
  <c r="V3490" i="1"/>
  <c r="V3491" i="1"/>
  <c r="V3492" i="1"/>
  <c r="V3493" i="1"/>
  <c r="V3494" i="1"/>
  <c r="V3495" i="1"/>
  <c r="V3496" i="1"/>
  <c r="V3497" i="1"/>
  <c r="V3498" i="1"/>
  <c r="V3499" i="1"/>
  <c r="V3500" i="1"/>
  <c r="V3501" i="1"/>
  <c r="V3502" i="1"/>
  <c r="V3503" i="1"/>
  <c r="V3504" i="1"/>
  <c r="V3505" i="1"/>
  <c r="V3506" i="1"/>
  <c r="V3507" i="1"/>
  <c r="V3508" i="1"/>
  <c r="V3509" i="1"/>
  <c r="V3510" i="1"/>
  <c r="V3511" i="1"/>
  <c r="V3512" i="1"/>
  <c r="V3513" i="1"/>
  <c r="V3514" i="1"/>
  <c r="V3515" i="1"/>
  <c r="V3516" i="1"/>
  <c r="V3517" i="1"/>
  <c r="V3518" i="1"/>
  <c r="V3519" i="1"/>
  <c r="V3520" i="1"/>
  <c r="V3521" i="1"/>
  <c r="V3522" i="1"/>
  <c r="V3523" i="1"/>
  <c r="V3524" i="1"/>
  <c r="V3525" i="1"/>
  <c r="V3526" i="1"/>
  <c r="V3527" i="1"/>
  <c r="V3528" i="1"/>
  <c r="V3529" i="1"/>
  <c r="V3530" i="1"/>
  <c r="V3531" i="1"/>
  <c r="V3532" i="1"/>
  <c r="V3533" i="1"/>
  <c r="V3534" i="1"/>
  <c r="V3535" i="1"/>
  <c r="V3536" i="1"/>
  <c r="V3537" i="1"/>
  <c r="V3538" i="1"/>
  <c r="V3539" i="1"/>
  <c r="V3540" i="1"/>
  <c r="V3541" i="1"/>
  <c r="V3542" i="1"/>
  <c r="V3543" i="1"/>
  <c r="V3544" i="1"/>
  <c r="V3545" i="1"/>
  <c r="V3546" i="1"/>
  <c r="V3547" i="1"/>
  <c r="V3548" i="1"/>
  <c r="V3549" i="1"/>
  <c r="V3550" i="1"/>
  <c r="V3551" i="1"/>
  <c r="V3552" i="1"/>
  <c r="V3553" i="1"/>
  <c r="V3554" i="1"/>
  <c r="V3555" i="1"/>
  <c r="V3556" i="1"/>
  <c r="V3557" i="1"/>
  <c r="V3558" i="1"/>
  <c r="V3559" i="1"/>
  <c r="V3560" i="1"/>
  <c r="V3561" i="1"/>
  <c r="V3562" i="1"/>
  <c r="V3563" i="1"/>
  <c r="V3564" i="1"/>
  <c r="V3565" i="1"/>
  <c r="V3566" i="1"/>
  <c r="V3567" i="1"/>
  <c r="V3568" i="1"/>
  <c r="V3569" i="1"/>
  <c r="V3570" i="1"/>
  <c r="V3571" i="1"/>
  <c r="V3572" i="1"/>
  <c r="V3573" i="1"/>
  <c r="V3574" i="1"/>
  <c r="V3575" i="1"/>
  <c r="V3576" i="1"/>
  <c r="V3577" i="1"/>
  <c r="V3578" i="1"/>
  <c r="V3579" i="1"/>
  <c r="V3580" i="1"/>
  <c r="V3581" i="1"/>
  <c r="V3582" i="1"/>
  <c r="V3583" i="1"/>
  <c r="V3584" i="1"/>
  <c r="V3585" i="1"/>
  <c r="V3586" i="1"/>
  <c r="V3587" i="1"/>
  <c r="V3588" i="1"/>
  <c r="V3589" i="1"/>
  <c r="V3590" i="1"/>
  <c r="V3591" i="1"/>
  <c r="V3592" i="1"/>
  <c r="V3593" i="1"/>
  <c r="V3594" i="1"/>
  <c r="V3595" i="1"/>
  <c r="V3596" i="1"/>
  <c r="V3597" i="1"/>
  <c r="V3598" i="1"/>
  <c r="V3599" i="1"/>
  <c r="V3600" i="1"/>
  <c r="V3601" i="1"/>
  <c r="V3602" i="1"/>
  <c r="V3603" i="1"/>
  <c r="V3604" i="1"/>
  <c r="V3605" i="1"/>
  <c r="V3606" i="1"/>
  <c r="V3607" i="1"/>
  <c r="V3608" i="1"/>
  <c r="V3609" i="1"/>
  <c r="V3610" i="1"/>
  <c r="V3611" i="1"/>
  <c r="V3612" i="1"/>
  <c r="V3613" i="1"/>
  <c r="V3614" i="1"/>
  <c r="V3615" i="1"/>
  <c r="V3616" i="1"/>
  <c r="V3617" i="1"/>
  <c r="V3618" i="1"/>
  <c r="V3619" i="1"/>
  <c r="V3620" i="1"/>
  <c r="V3621" i="1"/>
  <c r="V3622" i="1"/>
  <c r="V3623" i="1"/>
  <c r="V3624" i="1"/>
  <c r="V3625" i="1"/>
  <c r="V3626" i="1"/>
  <c r="V3627" i="1"/>
  <c r="V3628" i="1"/>
  <c r="V3629" i="1"/>
  <c r="V3630" i="1"/>
  <c r="V3631" i="1"/>
  <c r="V3632" i="1"/>
  <c r="V3633" i="1"/>
  <c r="V3634" i="1"/>
  <c r="V3635" i="1"/>
  <c r="V3636" i="1"/>
  <c r="V3637" i="1"/>
  <c r="V3638" i="1"/>
  <c r="V3639" i="1"/>
  <c r="V3640" i="1"/>
  <c r="V3641" i="1"/>
  <c r="V3642" i="1"/>
  <c r="V3643" i="1"/>
  <c r="V3644" i="1"/>
  <c r="V3645" i="1"/>
  <c r="V3646" i="1"/>
  <c r="V3647" i="1"/>
  <c r="V3648" i="1"/>
  <c r="V3649" i="1"/>
  <c r="V3650" i="1"/>
  <c r="V3651" i="1"/>
  <c r="V3652" i="1"/>
  <c r="V3653" i="1"/>
  <c r="V3654" i="1"/>
  <c r="V3655" i="1"/>
  <c r="V3656" i="1"/>
  <c r="V3657" i="1"/>
  <c r="V3658" i="1"/>
  <c r="V3659" i="1"/>
  <c r="V3660" i="1"/>
  <c r="V3661" i="1"/>
  <c r="V3662" i="1"/>
  <c r="V3663" i="1"/>
  <c r="V3664" i="1"/>
  <c r="V3665" i="1"/>
  <c r="V3666" i="1"/>
  <c r="V3667" i="1"/>
  <c r="V3668" i="1"/>
  <c r="V3669" i="1"/>
  <c r="V3670" i="1"/>
  <c r="V3671" i="1"/>
  <c r="V3672" i="1"/>
  <c r="V3673" i="1"/>
  <c r="V3674" i="1"/>
  <c r="V3675" i="1"/>
  <c r="V3676" i="1"/>
  <c r="V3677" i="1"/>
  <c r="V3678" i="1"/>
  <c r="V3679" i="1"/>
  <c r="V3680" i="1"/>
  <c r="V3681" i="1"/>
  <c r="V3682" i="1"/>
  <c r="V3683" i="1"/>
  <c r="V3684" i="1"/>
  <c r="V3685" i="1"/>
  <c r="V3686" i="1"/>
  <c r="V3687" i="1"/>
  <c r="V3688" i="1"/>
  <c r="V3689" i="1"/>
  <c r="V3690" i="1"/>
  <c r="V3691" i="1"/>
  <c r="V3692" i="1"/>
  <c r="V3693" i="1"/>
  <c r="V3694" i="1"/>
  <c r="V3695" i="1"/>
  <c r="V3696" i="1"/>
  <c r="V3697" i="1"/>
  <c r="V3698" i="1"/>
  <c r="V3699" i="1"/>
  <c r="V3700" i="1"/>
  <c r="V3701" i="1"/>
  <c r="V3702" i="1"/>
  <c r="V3703" i="1"/>
  <c r="V3704" i="1"/>
  <c r="V3705" i="1"/>
  <c r="V3706" i="1"/>
  <c r="V3707" i="1"/>
  <c r="V3708" i="1"/>
  <c r="V3709" i="1"/>
  <c r="V3710" i="1"/>
  <c r="V3711" i="1"/>
  <c r="V3712" i="1"/>
  <c r="V3713" i="1"/>
  <c r="V3714" i="1"/>
  <c r="V3715" i="1"/>
  <c r="V3716" i="1"/>
  <c r="V3717" i="1"/>
  <c r="V3718" i="1"/>
  <c r="V3719" i="1"/>
  <c r="V3720" i="1"/>
  <c r="V3721" i="1"/>
  <c r="V3722" i="1"/>
  <c r="V3723" i="1"/>
  <c r="V3724" i="1"/>
  <c r="V3725" i="1"/>
  <c r="V3726" i="1"/>
  <c r="V3727" i="1"/>
  <c r="V3728" i="1"/>
  <c r="V3729" i="1"/>
  <c r="V3730" i="1"/>
  <c r="V3731" i="1"/>
  <c r="V3732" i="1"/>
  <c r="V3733" i="1"/>
  <c r="V3734" i="1"/>
  <c r="V3735" i="1"/>
  <c r="V3736" i="1"/>
  <c r="V3737" i="1"/>
  <c r="V3738" i="1"/>
  <c r="V3739" i="1"/>
  <c r="V3740" i="1"/>
  <c r="V3741" i="1"/>
  <c r="V3742" i="1"/>
  <c r="V3743" i="1"/>
  <c r="V3744" i="1"/>
  <c r="V3745" i="1"/>
  <c r="V3746" i="1"/>
  <c r="V3747" i="1"/>
  <c r="V3748" i="1"/>
  <c r="V3749" i="1"/>
  <c r="V3750" i="1"/>
  <c r="V3751" i="1"/>
  <c r="V3752" i="1"/>
  <c r="V3753" i="1"/>
  <c r="V3754" i="1"/>
  <c r="V3755" i="1"/>
  <c r="V3756" i="1"/>
  <c r="V3757" i="1"/>
  <c r="V3758" i="1"/>
  <c r="V3759" i="1"/>
  <c r="V3760" i="1"/>
  <c r="V3761" i="1"/>
  <c r="V3762" i="1"/>
  <c r="V3763" i="1"/>
  <c r="V3764" i="1"/>
  <c r="V3765" i="1"/>
  <c r="V3766" i="1"/>
  <c r="V3767" i="1"/>
  <c r="V3768" i="1"/>
  <c r="V3769" i="1"/>
  <c r="V3770" i="1"/>
  <c r="V3771" i="1"/>
  <c r="V3772" i="1"/>
  <c r="V3773" i="1"/>
  <c r="V3774" i="1"/>
  <c r="V3775" i="1"/>
  <c r="V3776" i="1"/>
  <c r="V3777" i="1"/>
  <c r="V3778" i="1"/>
  <c r="V3779" i="1"/>
  <c r="V3780" i="1"/>
  <c r="V3781" i="1"/>
  <c r="V3782" i="1"/>
  <c r="V3783" i="1"/>
  <c r="V3784" i="1"/>
  <c r="V3785" i="1"/>
  <c r="V3786" i="1"/>
  <c r="V3787" i="1"/>
  <c r="V3788" i="1"/>
  <c r="V3789" i="1"/>
  <c r="V3790" i="1"/>
  <c r="V3791" i="1"/>
  <c r="V3792" i="1"/>
  <c r="V3793" i="1"/>
  <c r="V3794" i="1"/>
  <c r="V3795" i="1"/>
  <c r="V3796" i="1"/>
  <c r="V3797" i="1"/>
  <c r="V3798" i="1"/>
  <c r="V3799" i="1"/>
  <c r="V3800" i="1"/>
  <c r="V3801" i="1"/>
  <c r="V3802" i="1"/>
  <c r="V3803" i="1"/>
  <c r="V3804" i="1"/>
  <c r="V3805" i="1"/>
  <c r="V3806" i="1"/>
  <c r="V3807" i="1"/>
  <c r="V3808" i="1"/>
  <c r="V3809" i="1"/>
  <c r="V3810" i="1"/>
  <c r="V3811" i="1"/>
  <c r="V3812" i="1"/>
  <c r="V3813" i="1"/>
  <c r="V3814" i="1"/>
  <c r="V3815" i="1"/>
  <c r="V3816" i="1"/>
  <c r="V3817" i="1"/>
  <c r="V3818" i="1"/>
  <c r="V3819" i="1"/>
  <c r="V3820" i="1"/>
  <c r="V3821" i="1"/>
  <c r="V3822" i="1"/>
  <c r="V3823" i="1"/>
  <c r="V3824" i="1"/>
  <c r="V3825" i="1"/>
  <c r="V3826" i="1"/>
  <c r="V3827" i="1"/>
  <c r="V3828" i="1"/>
  <c r="V3829" i="1"/>
  <c r="V3830" i="1"/>
  <c r="V3831" i="1"/>
  <c r="V3832" i="1"/>
  <c r="V3833" i="1"/>
  <c r="V3834" i="1"/>
  <c r="V3835" i="1"/>
  <c r="V3836" i="1"/>
  <c r="V3837" i="1"/>
  <c r="V3838" i="1"/>
  <c r="V3839" i="1"/>
  <c r="V3840" i="1"/>
  <c r="V3841" i="1"/>
  <c r="V3842" i="1"/>
  <c r="V3843" i="1"/>
  <c r="V3844" i="1"/>
  <c r="V3845" i="1"/>
  <c r="V3846" i="1"/>
  <c r="V3847" i="1"/>
  <c r="V3848" i="1"/>
  <c r="V3849" i="1"/>
  <c r="V3850" i="1"/>
  <c r="V3851" i="1"/>
  <c r="V3852" i="1"/>
  <c r="V3853" i="1"/>
  <c r="V3854" i="1"/>
  <c r="V3855" i="1"/>
  <c r="V3856" i="1"/>
  <c r="V3857" i="1"/>
  <c r="V3858" i="1"/>
  <c r="V3859" i="1"/>
  <c r="V3860" i="1"/>
  <c r="V3861" i="1"/>
  <c r="V3862" i="1"/>
  <c r="V3863" i="1"/>
  <c r="V3864" i="1"/>
  <c r="V3865" i="1"/>
  <c r="V3866" i="1"/>
  <c r="V3867" i="1"/>
  <c r="V3868" i="1"/>
  <c r="V3869" i="1"/>
  <c r="V3870" i="1"/>
  <c r="V3871" i="1"/>
  <c r="V3872" i="1"/>
  <c r="V3873" i="1"/>
  <c r="V3874" i="1"/>
  <c r="V3875" i="1"/>
  <c r="V3876" i="1"/>
  <c r="V3877" i="1"/>
  <c r="V3878" i="1"/>
  <c r="V3879" i="1"/>
  <c r="V3880" i="1"/>
  <c r="V3881" i="1"/>
  <c r="V3882" i="1"/>
  <c r="V3883" i="1"/>
  <c r="V3884" i="1"/>
  <c r="V3885" i="1"/>
  <c r="V3886" i="1"/>
  <c r="V3887" i="1"/>
  <c r="V3888" i="1"/>
  <c r="V3889" i="1"/>
  <c r="V3890" i="1"/>
  <c r="V3891" i="1"/>
  <c r="V3892" i="1"/>
  <c r="V3893" i="1"/>
  <c r="V3894" i="1"/>
  <c r="V3895" i="1"/>
  <c r="V3896" i="1"/>
  <c r="V3897" i="1"/>
  <c r="V3898" i="1"/>
  <c r="V3899" i="1"/>
  <c r="V3900" i="1"/>
  <c r="V3901" i="1"/>
  <c r="V3902" i="1"/>
  <c r="V3903" i="1"/>
  <c r="V3904" i="1"/>
  <c r="V3905" i="1"/>
  <c r="V3906" i="1"/>
  <c r="V3907" i="1"/>
  <c r="V3908" i="1"/>
  <c r="V3909" i="1"/>
  <c r="V3910" i="1"/>
  <c r="V3911" i="1"/>
  <c r="V3912" i="1"/>
  <c r="V3913" i="1"/>
  <c r="V3914" i="1"/>
  <c r="V3915" i="1"/>
  <c r="V3916" i="1"/>
  <c r="V3917" i="1"/>
  <c r="V3918" i="1"/>
  <c r="V3919" i="1"/>
  <c r="V3920" i="1"/>
  <c r="V3921" i="1"/>
  <c r="V3922" i="1"/>
  <c r="V3923" i="1"/>
  <c r="V3924" i="1"/>
  <c r="V3925" i="1"/>
  <c r="V3926" i="1"/>
  <c r="V3927" i="1"/>
  <c r="V3928" i="1"/>
  <c r="V3929" i="1"/>
  <c r="V3930" i="1"/>
  <c r="V3931" i="1"/>
  <c r="V3932" i="1"/>
  <c r="V3933" i="1"/>
  <c r="V3934" i="1"/>
  <c r="V3935" i="1"/>
  <c r="V3936" i="1"/>
  <c r="V3937" i="1"/>
  <c r="V3938" i="1"/>
  <c r="V3939" i="1"/>
  <c r="V3940" i="1"/>
  <c r="V3941" i="1"/>
  <c r="V3942" i="1"/>
  <c r="V3943" i="1"/>
  <c r="V3944" i="1"/>
  <c r="V3945" i="1"/>
  <c r="V3946" i="1"/>
  <c r="V3947" i="1"/>
  <c r="V3948" i="1"/>
  <c r="V3949" i="1"/>
  <c r="V3950" i="1"/>
  <c r="V3951" i="1"/>
  <c r="V3952" i="1"/>
  <c r="V3953" i="1"/>
  <c r="V3954" i="1"/>
  <c r="V3955" i="1"/>
  <c r="V3956" i="1"/>
  <c r="V3957" i="1"/>
  <c r="V3958" i="1"/>
  <c r="V3959" i="1"/>
  <c r="V3960" i="1"/>
  <c r="V3961" i="1"/>
  <c r="V3962" i="1"/>
  <c r="V3963" i="1"/>
  <c r="V3964" i="1"/>
  <c r="V3965" i="1"/>
  <c r="V3966" i="1"/>
  <c r="V3967" i="1"/>
  <c r="V3968" i="1"/>
  <c r="V3969" i="1"/>
  <c r="V3970" i="1"/>
  <c r="V3971" i="1"/>
  <c r="V3972" i="1"/>
  <c r="V3973" i="1"/>
  <c r="V3974" i="1"/>
  <c r="V3975" i="1"/>
  <c r="V3976" i="1"/>
  <c r="V3977" i="1"/>
  <c r="V3978" i="1"/>
  <c r="V3979" i="1"/>
  <c r="V3980" i="1"/>
  <c r="V3981" i="1"/>
  <c r="V3982" i="1"/>
  <c r="V3983" i="1"/>
  <c r="V3984" i="1"/>
  <c r="V3985" i="1"/>
  <c r="V3986" i="1"/>
  <c r="V3987" i="1"/>
  <c r="V3988" i="1"/>
  <c r="V3989" i="1"/>
  <c r="V3990" i="1"/>
  <c r="V3991" i="1"/>
  <c r="V3992" i="1"/>
  <c r="V3993" i="1"/>
  <c r="V3994" i="1"/>
  <c r="V3995" i="1"/>
  <c r="V3996" i="1"/>
  <c r="V3997" i="1"/>
  <c r="V3998" i="1"/>
  <c r="V3999" i="1"/>
  <c r="V4000" i="1"/>
  <c r="V4001" i="1"/>
  <c r="V4002" i="1"/>
  <c r="V4003" i="1"/>
  <c r="V4004" i="1"/>
  <c r="V4005" i="1"/>
  <c r="V4006" i="1"/>
  <c r="V4007" i="1"/>
  <c r="V4008" i="1"/>
  <c r="V4009" i="1"/>
  <c r="V4010" i="1"/>
  <c r="V4011" i="1"/>
  <c r="V4012" i="1"/>
  <c r="V4013" i="1"/>
  <c r="V4014" i="1"/>
  <c r="V4015" i="1"/>
  <c r="V4016" i="1"/>
  <c r="V4017" i="1"/>
  <c r="V4018" i="1"/>
  <c r="V4019" i="1"/>
  <c r="V4020" i="1"/>
  <c r="V4021" i="1"/>
  <c r="V4022" i="1"/>
  <c r="V4023" i="1"/>
  <c r="V4024" i="1"/>
  <c r="V4025" i="1"/>
  <c r="V4026" i="1"/>
  <c r="V4027" i="1"/>
  <c r="V4028" i="1"/>
  <c r="V4029" i="1"/>
  <c r="V4030" i="1"/>
  <c r="V4031" i="1"/>
  <c r="V4032" i="1"/>
  <c r="V4033" i="1"/>
  <c r="V4034" i="1"/>
  <c r="V4035" i="1"/>
  <c r="V4036" i="1"/>
  <c r="V4037" i="1"/>
  <c r="V4038" i="1"/>
  <c r="V4039" i="1"/>
  <c r="V4040" i="1"/>
  <c r="V4041" i="1"/>
  <c r="V4042" i="1"/>
  <c r="V4043" i="1"/>
  <c r="V4044" i="1"/>
  <c r="V4045" i="1"/>
  <c r="V4046" i="1"/>
  <c r="V4047" i="1"/>
  <c r="V4048" i="1"/>
  <c r="V4049" i="1"/>
  <c r="V4050" i="1"/>
  <c r="V4051" i="1"/>
  <c r="V4052" i="1"/>
  <c r="V4053" i="1"/>
  <c r="V4054" i="1"/>
  <c r="V4055" i="1"/>
  <c r="V4056" i="1"/>
  <c r="V4057" i="1"/>
  <c r="V4058" i="1"/>
  <c r="V4059" i="1"/>
  <c r="V4060" i="1"/>
  <c r="V4061" i="1"/>
  <c r="V4062" i="1"/>
  <c r="V4063" i="1"/>
  <c r="V4064" i="1"/>
  <c r="V4065" i="1"/>
  <c r="V4066" i="1"/>
  <c r="V4067" i="1"/>
  <c r="V4068" i="1"/>
  <c r="V4069" i="1"/>
  <c r="V4070" i="1"/>
  <c r="V4071" i="1"/>
  <c r="V4072" i="1"/>
  <c r="V4073" i="1"/>
  <c r="V4074" i="1"/>
  <c r="V4075" i="1"/>
  <c r="V4076" i="1"/>
  <c r="V4077" i="1"/>
  <c r="V4078" i="1"/>
  <c r="V4079" i="1"/>
  <c r="V4080" i="1"/>
  <c r="V4081" i="1"/>
  <c r="V4082" i="1"/>
  <c r="V4083" i="1"/>
  <c r="V4084" i="1"/>
  <c r="V4085" i="1"/>
  <c r="V4086" i="1"/>
  <c r="V4087" i="1"/>
  <c r="V4088" i="1"/>
  <c r="V4089" i="1"/>
  <c r="V4090" i="1"/>
  <c r="V4091" i="1"/>
  <c r="V4092" i="1"/>
  <c r="V4093" i="1"/>
  <c r="V4094" i="1"/>
  <c r="V4095" i="1"/>
  <c r="V4096" i="1"/>
  <c r="V4097" i="1"/>
  <c r="V4098" i="1"/>
  <c r="V4099" i="1"/>
  <c r="V4100" i="1"/>
  <c r="V4101" i="1"/>
  <c r="V4102" i="1"/>
  <c r="V4103" i="1"/>
  <c r="V4104" i="1"/>
  <c r="V4105" i="1"/>
  <c r="V4106" i="1"/>
  <c r="V4107" i="1"/>
  <c r="V4108" i="1"/>
  <c r="V4109" i="1"/>
  <c r="V4110" i="1"/>
  <c r="V4111" i="1"/>
  <c r="V4112" i="1"/>
  <c r="V4113" i="1"/>
  <c r="V4114" i="1"/>
  <c r="V4115" i="1"/>
  <c r="V4116" i="1"/>
  <c r="V4117" i="1"/>
  <c r="V4118" i="1"/>
  <c r="V4119" i="1"/>
  <c r="V4120" i="1"/>
  <c r="V4121" i="1"/>
  <c r="V4122" i="1"/>
  <c r="V4123" i="1"/>
  <c r="V4124" i="1"/>
  <c r="V4125" i="1"/>
  <c r="V4126" i="1"/>
  <c r="V4127" i="1"/>
  <c r="V4128" i="1"/>
  <c r="V4129" i="1"/>
  <c r="V4130" i="1"/>
  <c r="V4131" i="1"/>
  <c r="V4132" i="1"/>
  <c r="V4133" i="1"/>
  <c r="V4134" i="1"/>
  <c r="V4135" i="1"/>
  <c r="V4136" i="1"/>
  <c r="V4137" i="1"/>
  <c r="V4138" i="1"/>
  <c r="V4139" i="1"/>
  <c r="V4140" i="1"/>
  <c r="V4141" i="1"/>
  <c r="V4142" i="1"/>
  <c r="V4143" i="1"/>
  <c r="V4144" i="1"/>
  <c r="V4145" i="1"/>
  <c r="V4146" i="1"/>
  <c r="V4147" i="1"/>
  <c r="V4148" i="1"/>
  <c r="V4149" i="1"/>
  <c r="V4150" i="1"/>
  <c r="V4151" i="1"/>
  <c r="V4152" i="1"/>
  <c r="V4153" i="1"/>
  <c r="V4154" i="1"/>
  <c r="V4155" i="1"/>
  <c r="V4156" i="1"/>
  <c r="V4157" i="1"/>
  <c r="V4158" i="1"/>
  <c r="V4159" i="1"/>
  <c r="V4160" i="1"/>
  <c r="V4161" i="1"/>
  <c r="V4162" i="1"/>
  <c r="V4163" i="1"/>
  <c r="V4164" i="1"/>
  <c r="V4165" i="1"/>
  <c r="V4166" i="1"/>
  <c r="V4167" i="1"/>
  <c r="V4168" i="1"/>
  <c r="V4169" i="1"/>
  <c r="V4170" i="1"/>
  <c r="V4171" i="1"/>
  <c r="V4172" i="1"/>
  <c r="V4173" i="1"/>
  <c r="V4174" i="1"/>
  <c r="V4175" i="1"/>
  <c r="V4176" i="1"/>
  <c r="V4177" i="1"/>
  <c r="V4178" i="1"/>
  <c r="V4179" i="1"/>
  <c r="V4180" i="1"/>
  <c r="V4181" i="1"/>
  <c r="V4182" i="1"/>
  <c r="V4183" i="1"/>
  <c r="V4184" i="1"/>
  <c r="V4185" i="1"/>
  <c r="V4186" i="1"/>
  <c r="V4187" i="1"/>
  <c r="V4188" i="1"/>
  <c r="V4189" i="1"/>
  <c r="V4190" i="1"/>
  <c r="V4191" i="1"/>
  <c r="V4192" i="1"/>
  <c r="V4193" i="1"/>
  <c r="V4194" i="1"/>
  <c r="V4195" i="1"/>
  <c r="V4196" i="1"/>
  <c r="V4197" i="1"/>
  <c r="V4198" i="1"/>
  <c r="V4199" i="1"/>
  <c r="V4200" i="1"/>
  <c r="V4201" i="1"/>
  <c r="V4202" i="1"/>
  <c r="V4203" i="1"/>
  <c r="V4204" i="1"/>
  <c r="V4205" i="1"/>
  <c r="V4206" i="1"/>
  <c r="V4207" i="1"/>
  <c r="V4208" i="1"/>
  <c r="V4209" i="1"/>
  <c r="V4210" i="1"/>
  <c r="V4211" i="1"/>
  <c r="V4212" i="1"/>
  <c r="V4213" i="1"/>
  <c r="V4214" i="1"/>
  <c r="V4215" i="1"/>
  <c r="V4216" i="1"/>
  <c r="V4217" i="1"/>
  <c r="V4218" i="1"/>
  <c r="V4219" i="1"/>
  <c r="V4220" i="1"/>
  <c r="V4221" i="1"/>
  <c r="V4222" i="1"/>
  <c r="V4223" i="1"/>
  <c r="V4224" i="1"/>
  <c r="V4225" i="1"/>
  <c r="V4226" i="1"/>
  <c r="V4227" i="1"/>
  <c r="V4228" i="1"/>
  <c r="V4229" i="1"/>
  <c r="V4230" i="1"/>
  <c r="V4231" i="1"/>
  <c r="V4232" i="1"/>
  <c r="V4233" i="1"/>
  <c r="V4234" i="1"/>
  <c r="V4235" i="1"/>
  <c r="V4236" i="1"/>
  <c r="V4237" i="1"/>
  <c r="V4238" i="1"/>
  <c r="V4239" i="1"/>
  <c r="V4240" i="1"/>
  <c r="V4241" i="1"/>
  <c r="V4242" i="1"/>
  <c r="V4243" i="1"/>
  <c r="V4244" i="1"/>
  <c r="V4245" i="1"/>
  <c r="V4246" i="1"/>
  <c r="V4247" i="1"/>
  <c r="V4248" i="1"/>
  <c r="V4249" i="1"/>
  <c r="V4250" i="1"/>
  <c r="V4251" i="1"/>
  <c r="V4252" i="1"/>
  <c r="V4253" i="1"/>
  <c r="V4254" i="1"/>
  <c r="V4255" i="1"/>
  <c r="V4256" i="1"/>
  <c r="V4257" i="1"/>
  <c r="V4258" i="1"/>
  <c r="V4259" i="1"/>
  <c r="V4260" i="1"/>
  <c r="V4261" i="1"/>
  <c r="V4262" i="1"/>
  <c r="V4263" i="1"/>
  <c r="V4264" i="1"/>
  <c r="V4265" i="1"/>
  <c r="V4266" i="1"/>
  <c r="V4267" i="1"/>
  <c r="V4268" i="1"/>
  <c r="V4269" i="1"/>
  <c r="V4270" i="1"/>
  <c r="V4271" i="1"/>
  <c r="V4272" i="1"/>
  <c r="V4273" i="1"/>
  <c r="V4274" i="1"/>
  <c r="V4275" i="1"/>
  <c r="V4276" i="1"/>
  <c r="V4277" i="1"/>
  <c r="V4278" i="1"/>
  <c r="V4279" i="1"/>
  <c r="V4280" i="1"/>
  <c r="V4281" i="1"/>
  <c r="V4282" i="1"/>
  <c r="V4283" i="1"/>
  <c r="V4284" i="1"/>
  <c r="V4285" i="1"/>
  <c r="V4286" i="1"/>
  <c r="V4287" i="1"/>
  <c r="V4288" i="1"/>
  <c r="V4289" i="1"/>
  <c r="V4290" i="1"/>
  <c r="V4291" i="1"/>
  <c r="V4292" i="1"/>
  <c r="V4293" i="1"/>
  <c r="V4294" i="1"/>
  <c r="V4295" i="1"/>
  <c r="V4296" i="1"/>
  <c r="V4297" i="1"/>
  <c r="V4298" i="1"/>
  <c r="V4299" i="1"/>
  <c r="V4300" i="1"/>
  <c r="V4301" i="1"/>
  <c r="V4302" i="1"/>
  <c r="V4303" i="1"/>
  <c r="V4304" i="1"/>
  <c r="V4305" i="1"/>
  <c r="V4306" i="1"/>
  <c r="V4307" i="1"/>
  <c r="V4308" i="1"/>
  <c r="V4309" i="1"/>
  <c r="V4310" i="1"/>
  <c r="V4311" i="1"/>
  <c r="V4312" i="1"/>
  <c r="V4313" i="1"/>
  <c r="V4314" i="1"/>
  <c r="V4315" i="1"/>
  <c r="V4316" i="1"/>
  <c r="V4317" i="1"/>
  <c r="V4318" i="1"/>
  <c r="V4319" i="1"/>
  <c r="V4320" i="1"/>
  <c r="V4321" i="1"/>
  <c r="V4322" i="1"/>
  <c r="V4323" i="1"/>
  <c r="V4324" i="1"/>
  <c r="V4325" i="1"/>
  <c r="V4326" i="1"/>
  <c r="V4327" i="1"/>
  <c r="V4328" i="1"/>
  <c r="V4329" i="1"/>
  <c r="V4330" i="1"/>
  <c r="V4331" i="1"/>
  <c r="V4332" i="1"/>
  <c r="V4333" i="1"/>
  <c r="V4334" i="1"/>
  <c r="V4335" i="1"/>
  <c r="V4336" i="1"/>
  <c r="V4337" i="1"/>
  <c r="V4338" i="1"/>
  <c r="V4339" i="1"/>
  <c r="V4340" i="1"/>
  <c r="V4341" i="1"/>
  <c r="V4342" i="1"/>
  <c r="V4343" i="1"/>
  <c r="V4344" i="1"/>
  <c r="V4345" i="1"/>
  <c r="V4346" i="1"/>
  <c r="V4347" i="1"/>
  <c r="V4348" i="1"/>
  <c r="V4349" i="1"/>
  <c r="V4350" i="1"/>
  <c r="V4351" i="1"/>
  <c r="V4352" i="1"/>
  <c r="V4353" i="1"/>
  <c r="V4354" i="1"/>
  <c r="V4355" i="1"/>
  <c r="V4356" i="1"/>
  <c r="V4357" i="1"/>
  <c r="V4358" i="1"/>
  <c r="V4359" i="1"/>
  <c r="V4360" i="1"/>
  <c r="V4361" i="1"/>
  <c r="V4362" i="1"/>
  <c r="V4363" i="1"/>
  <c r="V4364" i="1"/>
  <c r="V4365" i="1"/>
  <c r="V4366" i="1"/>
  <c r="V4367" i="1"/>
  <c r="V4368" i="1"/>
  <c r="V4369" i="1"/>
  <c r="V4370" i="1"/>
  <c r="V4371" i="1"/>
  <c r="V4372" i="1"/>
  <c r="V4373" i="1"/>
  <c r="V4374" i="1"/>
  <c r="V4375" i="1"/>
  <c r="V4376" i="1"/>
  <c r="V4377" i="1"/>
  <c r="V4378" i="1"/>
  <c r="V4379" i="1"/>
  <c r="V4380" i="1"/>
  <c r="V4381" i="1"/>
  <c r="V4382" i="1"/>
  <c r="V4383" i="1"/>
  <c r="V4384" i="1"/>
  <c r="V4385" i="1"/>
  <c r="V4386" i="1"/>
  <c r="V4387" i="1"/>
  <c r="V4388" i="1"/>
  <c r="V4389" i="1"/>
  <c r="V4390" i="1"/>
  <c r="V4391" i="1"/>
  <c r="V4392" i="1"/>
  <c r="V4393" i="1"/>
  <c r="V4394" i="1"/>
  <c r="V4395" i="1"/>
  <c r="V4396" i="1"/>
  <c r="V4397" i="1"/>
  <c r="V4398" i="1"/>
  <c r="V4399" i="1"/>
  <c r="V4400" i="1"/>
  <c r="V4401" i="1"/>
  <c r="V4402" i="1"/>
  <c r="V4403" i="1"/>
  <c r="V4404" i="1"/>
  <c r="V4405" i="1"/>
  <c r="V4406" i="1"/>
  <c r="V4407" i="1"/>
  <c r="V4408" i="1"/>
  <c r="V4409" i="1"/>
  <c r="V4410" i="1"/>
  <c r="V4411" i="1"/>
  <c r="V4412" i="1"/>
  <c r="V4413" i="1"/>
  <c r="V4414" i="1"/>
  <c r="V4415" i="1"/>
  <c r="V4416" i="1"/>
  <c r="V4417" i="1"/>
  <c r="V4418" i="1"/>
  <c r="V4419" i="1"/>
  <c r="V4420" i="1"/>
  <c r="V4421" i="1"/>
  <c r="V4422" i="1"/>
  <c r="V4423" i="1"/>
  <c r="V4424" i="1"/>
  <c r="V4425" i="1"/>
  <c r="V4426" i="1"/>
  <c r="V4427" i="1"/>
  <c r="V4428" i="1"/>
  <c r="V4429" i="1"/>
  <c r="V4430" i="1"/>
  <c r="V4431" i="1"/>
  <c r="V4432" i="1"/>
  <c r="V4433" i="1"/>
  <c r="V4434" i="1"/>
  <c r="V4435" i="1"/>
  <c r="V4436" i="1"/>
  <c r="V4437" i="1"/>
  <c r="V4438" i="1"/>
  <c r="V4439" i="1"/>
  <c r="V4440" i="1"/>
  <c r="V4441" i="1"/>
  <c r="V4442" i="1"/>
  <c r="V4443" i="1"/>
  <c r="V4444" i="1"/>
  <c r="V4445" i="1"/>
  <c r="V4446" i="1"/>
  <c r="V4447" i="1"/>
  <c r="V4448" i="1"/>
  <c r="V4449" i="1"/>
  <c r="V4450" i="1"/>
  <c r="V4451" i="1"/>
  <c r="V4452" i="1"/>
  <c r="V4453" i="1"/>
  <c r="V4454" i="1"/>
  <c r="V4455" i="1"/>
  <c r="V4456" i="1"/>
  <c r="V4457" i="1"/>
  <c r="V4458" i="1"/>
  <c r="V4459" i="1"/>
  <c r="V4460" i="1"/>
  <c r="V4461" i="1"/>
  <c r="V4462" i="1"/>
  <c r="V4463" i="1"/>
  <c r="V4464" i="1"/>
  <c r="V4465" i="1"/>
  <c r="V4466" i="1"/>
  <c r="V4467" i="1"/>
  <c r="V4468" i="1"/>
  <c r="V4469" i="1"/>
  <c r="V4470" i="1"/>
  <c r="V4471" i="1"/>
  <c r="V4472" i="1"/>
  <c r="V4473" i="1"/>
  <c r="V4474" i="1"/>
  <c r="V4475" i="1"/>
  <c r="V4476" i="1"/>
  <c r="V4477" i="1"/>
  <c r="V4478" i="1"/>
  <c r="V4479" i="1"/>
  <c r="V4480" i="1"/>
  <c r="V4481" i="1"/>
  <c r="V4482" i="1"/>
  <c r="V4483" i="1"/>
  <c r="V4484" i="1"/>
  <c r="V4485" i="1"/>
  <c r="V4486" i="1"/>
  <c r="V4487" i="1"/>
  <c r="V4488" i="1"/>
  <c r="V4489" i="1"/>
  <c r="V4490" i="1"/>
  <c r="V4491" i="1"/>
  <c r="V4492" i="1"/>
  <c r="V4493" i="1"/>
  <c r="V4494" i="1"/>
  <c r="V4495" i="1"/>
  <c r="V4496" i="1"/>
  <c r="V4497" i="1"/>
  <c r="V4498" i="1"/>
  <c r="V4499" i="1"/>
  <c r="V4500" i="1"/>
  <c r="V4501" i="1"/>
  <c r="V4502" i="1"/>
  <c r="V4503" i="1"/>
  <c r="V4504" i="1"/>
  <c r="V4505" i="1"/>
  <c r="V4506" i="1"/>
  <c r="V4507" i="1"/>
  <c r="V4508" i="1"/>
  <c r="V4509" i="1"/>
  <c r="V4510" i="1"/>
  <c r="V4511" i="1"/>
  <c r="V4512" i="1"/>
  <c r="V4513" i="1"/>
  <c r="V4514" i="1"/>
  <c r="V4515" i="1"/>
  <c r="V4516" i="1"/>
  <c r="V4517" i="1"/>
  <c r="V4518" i="1"/>
  <c r="V4519" i="1"/>
  <c r="V4520" i="1"/>
  <c r="V4521" i="1"/>
  <c r="V4522" i="1"/>
  <c r="V4523" i="1"/>
  <c r="V4524" i="1"/>
  <c r="V4525" i="1"/>
  <c r="V4526" i="1"/>
  <c r="V4527" i="1"/>
  <c r="V4528" i="1"/>
  <c r="V4529" i="1"/>
  <c r="V4530" i="1"/>
  <c r="V4531" i="1"/>
  <c r="V4532" i="1"/>
  <c r="V4533" i="1"/>
  <c r="V4534" i="1"/>
  <c r="V4535" i="1"/>
  <c r="V4536" i="1"/>
  <c r="V4537" i="1"/>
  <c r="V4538" i="1"/>
  <c r="V4539" i="1"/>
  <c r="V4540" i="1"/>
  <c r="V4541" i="1"/>
  <c r="V4542" i="1"/>
  <c r="V4543" i="1"/>
  <c r="V4544" i="1"/>
  <c r="V4545" i="1"/>
  <c r="V4546" i="1"/>
  <c r="V4547" i="1"/>
  <c r="V4548" i="1"/>
  <c r="V4549" i="1"/>
  <c r="V4550" i="1"/>
  <c r="V4551" i="1"/>
  <c r="V4552" i="1"/>
  <c r="V4553" i="1"/>
  <c r="V4554" i="1"/>
  <c r="V4555" i="1"/>
  <c r="V4556" i="1"/>
  <c r="V4557" i="1"/>
  <c r="V4558" i="1"/>
  <c r="V4559" i="1"/>
  <c r="V4560" i="1"/>
  <c r="V4561" i="1"/>
  <c r="V4562" i="1"/>
  <c r="V4563" i="1"/>
  <c r="V4564" i="1"/>
  <c r="V4565" i="1"/>
  <c r="V4566" i="1"/>
  <c r="V4567" i="1"/>
  <c r="V4568" i="1"/>
  <c r="V4569" i="1"/>
  <c r="V4570" i="1"/>
  <c r="V4571" i="1"/>
  <c r="V4572" i="1"/>
  <c r="V4573" i="1"/>
  <c r="V4574" i="1"/>
  <c r="V4575" i="1"/>
  <c r="V4576" i="1"/>
  <c r="V4577" i="1"/>
  <c r="V4578" i="1"/>
  <c r="V4579" i="1"/>
  <c r="V4580" i="1"/>
  <c r="V4581" i="1"/>
  <c r="V4582" i="1"/>
  <c r="V4583" i="1"/>
  <c r="V4584" i="1"/>
  <c r="V4585" i="1"/>
  <c r="V4586" i="1"/>
  <c r="V4587" i="1"/>
  <c r="V4588" i="1"/>
  <c r="V4589" i="1"/>
  <c r="V4590" i="1"/>
  <c r="V4591" i="1"/>
  <c r="V4592" i="1"/>
  <c r="V4593" i="1"/>
  <c r="V4594" i="1"/>
  <c r="V4595" i="1"/>
  <c r="V4596" i="1"/>
  <c r="V4597" i="1"/>
  <c r="V4598" i="1"/>
  <c r="V4599" i="1"/>
  <c r="V4600" i="1"/>
  <c r="V4601" i="1"/>
  <c r="V4602" i="1"/>
  <c r="V4603" i="1"/>
  <c r="V4604" i="1"/>
  <c r="V4605" i="1"/>
  <c r="V4606" i="1"/>
  <c r="V4607" i="1"/>
  <c r="V4608" i="1"/>
  <c r="V4609" i="1"/>
  <c r="V4610" i="1"/>
  <c r="V4611" i="1"/>
  <c r="V4612" i="1"/>
  <c r="V4613" i="1"/>
  <c r="V4614" i="1"/>
  <c r="V4615" i="1"/>
  <c r="V4616" i="1"/>
  <c r="V4617" i="1"/>
  <c r="V4618" i="1"/>
  <c r="V4619" i="1"/>
  <c r="V4620" i="1"/>
  <c r="V4621" i="1"/>
  <c r="V4622" i="1"/>
  <c r="V4623" i="1"/>
  <c r="V4624" i="1"/>
  <c r="V4625" i="1"/>
  <c r="V4626" i="1"/>
  <c r="V4627" i="1"/>
  <c r="V4628" i="1"/>
  <c r="V4629" i="1"/>
  <c r="V4630" i="1"/>
  <c r="V4631" i="1"/>
  <c r="V4632" i="1"/>
  <c r="V4633" i="1"/>
  <c r="V4634" i="1"/>
  <c r="V4635" i="1"/>
  <c r="V4636" i="1"/>
  <c r="V4637" i="1"/>
  <c r="V4638" i="1"/>
  <c r="V4639" i="1"/>
  <c r="V4640" i="1"/>
  <c r="V4641" i="1"/>
  <c r="V4642" i="1"/>
  <c r="V4643" i="1"/>
  <c r="V4644" i="1"/>
  <c r="V4645" i="1"/>
  <c r="V4646" i="1"/>
  <c r="V4647" i="1"/>
  <c r="V4648" i="1"/>
  <c r="V4649" i="1"/>
  <c r="V4650" i="1"/>
  <c r="V4651" i="1"/>
  <c r="V4652" i="1"/>
  <c r="V4653" i="1"/>
  <c r="V4654" i="1"/>
  <c r="V4655" i="1"/>
  <c r="V4656" i="1"/>
  <c r="V4657" i="1"/>
  <c r="V4658" i="1"/>
  <c r="V4659" i="1"/>
  <c r="V4660" i="1"/>
  <c r="V4661" i="1"/>
  <c r="V4662" i="1"/>
  <c r="V4663" i="1"/>
  <c r="V4664" i="1"/>
  <c r="V4665" i="1"/>
  <c r="V4666" i="1"/>
  <c r="V4667" i="1"/>
  <c r="V4668" i="1"/>
  <c r="V4669" i="1"/>
  <c r="V4670" i="1"/>
  <c r="V4671" i="1"/>
  <c r="V4672" i="1"/>
  <c r="V4673" i="1"/>
  <c r="V4674" i="1"/>
  <c r="V4675" i="1"/>
  <c r="V4676" i="1"/>
  <c r="V4677" i="1"/>
  <c r="V4678" i="1"/>
  <c r="V4679" i="1"/>
  <c r="V4680" i="1"/>
  <c r="V4681" i="1"/>
  <c r="V4682" i="1"/>
  <c r="V4683" i="1"/>
  <c r="V4684" i="1"/>
  <c r="V4685" i="1"/>
  <c r="V4686" i="1"/>
  <c r="V4687" i="1"/>
  <c r="V4688" i="1"/>
  <c r="V4689" i="1"/>
  <c r="V4690" i="1"/>
  <c r="V4691" i="1"/>
  <c r="V4692" i="1"/>
  <c r="V4693" i="1"/>
  <c r="V4694" i="1"/>
  <c r="V4695" i="1"/>
  <c r="V4696" i="1"/>
  <c r="V4697" i="1"/>
  <c r="V4698" i="1"/>
  <c r="V4699" i="1"/>
  <c r="V4700" i="1"/>
  <c r="V4701" i="1"/>
  <c r="V4702" i="1"/>
  <c r="V4703" i="1"/>
  <c r="V4704" i="1"/>
  <c r="V4705" i="1"/>
  <c r="V4706" i="1"/>
  <c r="V4707" i="1"/>
  <c r="V4708" i="1"/>
  <c r="V4709" i="1"/>
  <c r="V4710" i="1"/>
  <c r="V4711" i="1"/>
  <c r="V4712" i="1"/>
  <c r="V4713" i="1"/>
  <c r="V4714" i="1"/>
  <c r="V4715" i="1"/>
  <c r="V4716" i="1"/>
  <c r="V4717" i="1"/>
  <c r="V4718" i="1"/>
  <c r="V4719" i="1"/>
  <c r="V4720" i="1"/>
  <c r="V4721" i="1"/>
  <c r="V4722" i="1"/>
  <c r="V4723" i="1"/>
  <c r="V4724" i="1"/>
  <c r="V4725" i="1"/>
  <c r="V4726" i="1"/>
  <c r="V4727" i="1"/>
  <c r="V4728" i="1"/>
  <c r="V4729" i="1"/>
  <c r="V4730" i="1"/>
  <c r="V4731" i="1"/>
  <c r="V4732" i="1"/>
  <c r="V4733" i="1"/>
  <c r="V4734" i="1"/>
  <c r="V4735" i="1"/>
  <c r="V4736" i="1"/>
  <c r="V4737" i="1"/>
  <c r="V4738" i="1"/>
  <c r="V4739" i="1"/>
  <c r="V4740" i="1"/>
  <c r="V4741" i="1"/>
  <c r="V4742" i="1"/>
  <c r="V4743" i="1"/>
  <c r="V4744" i="1"/>
  <c r="V4745" i="1"/>
  <c r="V4746" i="1"/>
  <c r="V4747" i="1"/>
  <c r="V4748" i="1"/>
  <c r="V4749" i="1"/>
  <c r="V4750" i="1"/>
  <c r="V4751" i="1"/>
  <c r="V4752" i="1"/>
  <c r="V4753" i="1"/>
  <c r="V4754" i="1"/>
  <c r="V4755" i="1"/>
  <c r="V4756" i="1"/>
  <c r="V4757" i="1"/>
  <c r="V4758" i="1"/>
  <c r="V4759" i="1"/>
  <c r="V4760" i="1"/>
  <c r="V4761" i="1"/>
  <c r="V4762" i="1"/>
  <c r="V4763" i="1"/>
  <c r="V4764" i="1"/>
  <c r="V4765" i="1"/>
  <c r="V4766" i="1"/>
  <c r="V4767" i="1"/>
  <c r="V4768" i="1"/>
  <c r="V4769" i="1"/>
  <c r="V4770" i="1"/>
  <c r="V4771" i="1"/>
  <c r="V4772" i="1"/>
  <c r="V4773" i="1"/>
  <c r="V4774" i="1"/>
  <c r="V4775" i="1"/>
  <c r="V4776" i="1"/>
  <c r="V4777" i="1"/>
  <c r="V4778" i="1"/>
  <c r="V4779" i="1"/>
  <c r="V4780" i="1"/>
  <c r="V4781" i="1"/>
  <c r="V4782" i="1"/>
  <c r="V4783" i="1"/>
  <c r="V4784" i="1"/>
  <c r="V4785" i="1"/>
  <c r="V4786" i="1"/>
  <c r="V4787" i="1"/>
  <c r="V4788" i="1"/>
  <c r="V4789" i="1"/>
  <c r="V4790" i="1"/>
  <c r="V4791" i="1"/>
  <c r="V4792" i="1"/>
  <c r="V4793" i="1"/>
  <c r="V4794" i="1"/>
  <c r="V4795" i="1"/>
  <c r="V4796" i="1"/>
  <c r="V4797" i="1"/>
  <c r="V4798" i="1"/>
  <c r="V4799" i="1"/>
  <c r="V4800" i="1"/>
  <c r="V4801" i="1"/>
  <c r="V4802" i="1"/>
  <c r="V4803" i="1"/>
  <c r="V4804" i="1"/>
  <c r="V4805" i="1"/>
  <c r="V4806" i="1"/>
  <c r="V4807" i="1"/>
  <c r="V4808" i="1"/>
  <c r="V4809" i="1"/>
  <c r="V4810" i="1"/>
  <c r="V4811" i="1"/>
  <c r="V4812" i="1"/>
  <c r="V4813" i="1"/>
  <c r="V4814" i="1"/>
  <c r="V4815" i="1"/>
  <c r="V4816" i="1"/>
  <c r="V4817" i="1"/>
  <c r="V4818" i="1"/>
  <c r="V4819" i="1"/>
  <c r="V4820" i="1"/>
  <c r="V4821" i="1"/>
  <c r="V4822" i="1"/>
  <c r="V4823" i="1"/>
  <c r="V4824" i="1"/>
  <c r="V4825" i="1"/>
  <c r="V4826" i="1"/>
  <c r="V4827" i="1"/>
  <c r="V4828" i="1"/>
  <c r="V4829" i="1"/>
  <c r="V4830" i="1"/>
  <c r="V4831" i="1"/>
  <c r="V4832" i="1"/>
  <c r="V4833" i="1"/>
  <c r="V4834" i="1"/>
  <c r="V4835" i="1"/>
  <c r="V4836" i="1"/>
  <c r="V4837" i="1"/>
  <c r="V4838" i="1"/>
  <c r="V4839" i="1"/>
  <c r="V4840" i="1"/>
  <c r="V4841" i="1"/>
  <c r="V4842" i="1"/>
  <c r="V4843" i="1"/>
  <c r="V4844" i="1"/>
  <c r="V4845" i="1"/>
  <c r="V4846" i="1"/>
  <c r="V4847" i="1"/>
  <c r="V4848" i="1"/>
  <c r="V4849" i="1"/>
  <c r="V4850" i="1"/>
  <c r="V4851" i="1"/>
  <c r="V4852" i="1"/>
  <c r="V4853" i="1"/>
  <c r="V4854" i="1"/>
  <c r="V4855" i="1"/>
  <c r="V4856" i="1"/>
  <c r="V4857" i="1"/>
  <c r="V4858" i="1"/>
  <c r="V4859" i="1"/>
  <c r="V4860" i="1"/>
  <c r="V4861" i="1"/>
  <c r="V4862" i="1"/>
  <c r="V4863" i="1"/>
  <c r="V4864" i="1"/>
  <c r="V4865" i="1"/>
  <c r="V4866" i="1"/>
  <c r="V4867" i="1"/>
  <c r="V4868" i="1"/>
  <c r="V4869" i="1"/>
  <c r="V4870" i="1"/>
  <c r="V4871" i="1"/>
  <c r="V4872" i="1"/>
  <c r="V4873" i="1"/>
  <c r="V4874" i="1"/>
  <c r="V4875" i="1"/>
  <c r="V4876" i="1"/>
  <c r="V4877" i="1"/>
  <c r="V4878" i="1"/>
  <c r="V4879" i="1"/>
  <c r="V4880" i="1"/>
  <c r="V4881" i="1"/>
  <c r="V4882" i="1"/>
  <c r="V4883" i="1"/>
  <c r="V4884" i="1"/>
  <c r="V4885" i="1"/>
  <c r="V4886" i="1"/>
  <c r="V4887" i="1"/>
  <c r="V4888" i="1"/>
  <c r="V4889" i="1"/>
  <c r="V4890" i="1"/>
  <c r="V4891" i="1"/>
  <c r="V4892" i="1"/>
  <c r="V4893" i="1"/>
  <c r="V4894" i="1"/>
  <c r="V4895" i="1"/>
  <c r="V4896" i="1"/>
  <c r="V4897" i="1"/>
  <c r="V4898" i="1"/>
  <c r="V4899" i="1"/>
  <c r="V4900" i="1"/>
  <c r="V4901" i="1"/>
  <c r="V4902" i="1"/>
  <c r="V4903" i="1"/>
  <c r="V4904" i="1"/>
  <c r="V4905" i="1"/>
  <c r="V4906" i="1"/>
  <c r="V4907" i="1"/>
  <c r="V4908" i="1"/>
  <c r="V4909" i="1"/>
  <c r="V4910" i="1"/>
  <c r="V4911" i="1"/>
  <c r="V4912" i="1"/>
  <c r="V4913" i="1"/>
  <c r="V4914" i="1"/>
  <c r="V4915" i="1"/>
  <c r="V4916" i="1"/>
  <c r="V4917" i="1"/>
  <c r="V4918" i="1"/>
  <c r="V4919" i="1"/>
  <c r="V4920" i="1"/>
  <c r="V4921" i="1"/>
  <c r="V4922" i="1"/>
  <c r="V4923" i="1"/>
  <c r="V4924" i="1"/>
  <c r="V4925" i="1"/>
  <c r="V4926" i="1"/>
  <c r="V4927" i="1"/>
  <c r="V4928" i="1"/>
  <c r="V4929" i="1"/>
  <c r="V4930" i="1"/>
  <c r="V4931" i="1"/>
  <c r="V4932" i="1"/>
  <c r="V4933" i="1"/>
  <c r="V4934" i="1"/>
  <c r="V4935" i="1"/>
  <c r="V4936" i="1"/>
  <c r="V4937" i="1"/>
  <c r="V4938" i="1"/>
  <c r="V4939" i="1"/>
  <c r="V4940" i="1"/>
  <c r="V4941" i="1"/>
  <c r="V4942" i="1"/>
  <c r="V4943" i="1"/>
  <c r="V4944" i="1"/>
  <c r="V4945" i="1"/>
  <c r="V4946" i="1"/>
  <c r="V4947" i="1"/>
  <c r="V4948" i="1"/>
  <c r="V4949" i="1"/>
  <c r="V4950" i="1"/>
  <c r="V4951" i="1"/>
  <c r="V4952" i="1"/>
  <c r="V4953" i="1"/>
  <c r="V4954" i="1"/>
  <c r="V4955" i="1"/>
  <c r="V4956" i="1"/>
  <c r="V4957" i="1"/>
  <c r="V4958" i="1"/>
  <c r="V4959" i="1"/>
  <c r="V4960" i="1"/>
  <c r="V4961" i="1"/>
  <c r="V4962" i="1"/>
  <c r="V4963" i="1"/>
  <c r="V4964" i="1"/>
  <c r="V4965" i="1"/>
  <c r="V4966" i="1"/>
  <c r="V4967" i="1"/>
  <c r="V4968" i="1"/>
  <c r="V4969" i="1"/>
  <c r="V4970" i="1"/>
  <c r="V4971" i="1"/>
  <c r="V4972" i="1"/>
  <c r="V4973" i="1"/>
  <c r="V4974" i="1"/>
  <c r="V4975" i="1"/>
  <c r="V4976" i="1"/>
  <c r="V4977" i="1"/>
  <c r="V4978" i="1"/>
  <c r="V4979" i="1"/>
  <c r="V4980" i="1"/>
  <c r="V4981" i="1"/>
  <c r="V4982" i="1"/>
  <c r="V4983" i="1"/>
  <c r="V4984" i="1"/>
  <c r="V4985" i="1"/>
  <c r="V4986" i="1"/>
  <c r="V4987" i="1"/>
  <c r="V4988" i="1"/>
  <c r="V4989" i="1"/>
  <c r="V4990" i="1"/>
  <c r="V4991" i="1"/>
  <c r="V4992" i="1"/>
  <c r="V4993" i="1"/>
  <c r="V4994" i="1"/>
  <c r="V4995" i="1"/>
  <c r="V4996" i="1"/>
  <c r="V4997" i="1"/>
  <c r="V4998" i="1"/>
  <c r="V4999" i="1"/>
  <c r="V5000" i="1"/>
  <c r="V5001" i="1"/>
  <c r="V5002" i="1"/>
  <c r="V5003" i="1"/>
  <c r="V5004" i="1"/>
  <c r="V5005" i="1"/>
  <c r="V5006" i="1"/>
  <c r="V5007" i="1"/>
  <c r="V5008" i="1"/>
  <c r="V5009" i="1"/>
  <c r="V5010" i="1"/>
  <c r="V5011" i="1"/>
  <c r="V5012" i="1"/>
  <c r="V5013" i="1"/>
  <c r="V5014" i="1"/>
  <c r="V5015" i="1"/>
  <c r="V5016" i="1"/>
  <c r="V5017" i="1"/>
  <c r="V5018" i="1"/>
  <c r="V5019" i="1"/>
  <c r="V5020" i="1"/>
  <c r="V5021" i="1"/>
  <c r="V5022" i="1"/>
  <c r="V5023" i="1"/>
  <c r="V5024" i="1"/>
  <c r="V5025" i="1"/>
  <c r="V5026" i="1"/>
  <c r="V5027" i="1"/>
  <c r="V5028" i="1"/>
  <c r="V5029" i="1"/>
  <c r="V5030" i="1"/>
  <c r="V5031" i="1"/>
  <c r="V5032" i="1"/>
  <c r="V5033" i="1"/>
  <c r="V5034" i="1"/>
  <c r="V5035" i="1"/>
  <c r="V5036" i="1"/>
  <c r="V5037" i="1"/>
  <c r="V5038" i="1"/>
  <c r="V5039" i="1"/>
  <c r="V5040" i="1"/>
  <c r="V5041" i="1"/>
  <c r="V5042" i="1"/>
  <c r="V5043" i="1"/>
  <c r="V5044" i="1"/>
  <c r="V5045" i="1"/>
  <c r="V5046" i="1"/>
  <c r="V5047" i="1"/>
  <c r="V5048" i="1"/>
  <c r="V5049" i="1"/>
  <c r="V5050" i="1"/>
  <c r="V5051" i="1"/>
  <c r="V5052" i="1"/>
  <c r="V5053" i="1"/>
  <c r="V5054" i="1"/>
  <c r="V5055" i="1"/>
  <c r="V5056" i="1"/>
  <c r="V5057" i="1"/>
  <c r="V5058" i="1"/>
  <c r="V5059" i="1"/>
  <c r="V5060" i="1"/>
  <c r="V5061" i="1"/>
  <c r="V5062" i="1"/>
  <c r="V5063" i="1"/>
  <c r="V5064" i="1"/>
  <c r="V5065" i="1"/>
  <c r="V5066" i="1"/>
  <c r="V5067" i="1"/>
  <c r="V5068" i="1"/>
  <c r="V5069" i="1"/>
  <c r="V5070" i="1"/>
  <c r="V5071" i="1"/>
  <c r="V5072" i="1"/>
  <c r="V5073" i="1"/>
  <c r="V5074" i="1"/>
  <c r="V5075" i="1"/>
  <c r="V5076" i="1"/>
  <c r="V5077" i="1"/>
  <c r="V5078" i="1"/>
  <c r="V5079" i="1"/>
  <c r="V5080" i="1"/>
  <c r="V5081" i="1"/>
  <c r="V5082" i="1"/>
  <c r="V5083" i="1"/>
  <c r="V5084" i="1"/>
  <c r="V5085" i="1"/>
  <c r="V5086" i="1"/>
  <c r="V5087" i="1"/>
  <c r="V5088" i="1"/>
  <c r="V5089" i="1"/>
  <c r="V5090" i="1"/>
  <c r="V5091" i="1"/>
  <c r="V5092" i="1"/>
  <c r="V5093" i="1"/>
  <c r="V5094" i="1"/>
  <c r="V5095" i="1"/>
  <c r="V5096" i="1"/>
  <c r="V5097" i="1"/>
  <c r="V5098" i="1"/>
  <c r="V5099" i="1"/>
  <c r="V5100" i="1"/>
  <c r="V5101" i="1"/>
  <c r="V5102" i="1"/>
  <c r="V5103" i="1"/>
  <c r="V5104" i="1"/>
  <c r="V5105" i="1"/>
  <c r="V5106" i="1"/>
  <c r="V5107" i="1"/>
  <c r="V5108" i="1"/>
  <c r="V5109" i="1"/>
  <c r="V5110" i="1"/>
  <c r="V5111" i="1"/>
  <c r="V5112" i="1"/>
  <c r="V5113" i="1"/>
  <c r="V5114" i="1"/>
  <c r="V5115" i="1"/>
  <c r="V5116" i="1"/>
  <c r="V5117" i="1"/>
  <c r="V5118" i="1"/>
  <c r="V5119" i="1"/>
  <c r="V5120" i="1"/>
  <c r="V5121" i="1"/>
  <c r="V5122" i="1"/>
  <c r="V5123" i="1"/>
  <c r="V5124" i="1"/>
  <c r="V5125" i="1"/>
  <c r="V5126" i="1"/>
  <c r="V5127" i="1"/>
  <c r="V5128" i="1"/>
  <c r="V5129" i="1"/>
  <c r="V5130" i="1"/>
  <c r="V5131" i="1"/>
  <c r="V5132" i="1"/>
  <c r="V5133" i="1"/>
  <c r="V5134" i="1"/>
  <c r="V5135" i="1"/>
  <c r="V5136" i="1"/>
  <c r="V5137" i="1"/>
  <c r="V5138" i="1"/>
  <c r="V5139" i="1"/>
  <c r="V5140" i="1"/>
  <c r="V5141" i="1"/>
  <c r="V5142" i="1"/>
  <c r="V5143" i="1"/>
  <c r="V5144" i="1"/>
  <c r="V5145" i="1"/>
  <c r="V5146" i="1"/>
  <c r="V5147" i="1"/>
  <c r="V5148" i="1"/>
  <c r="V5149" i="1"/>
  <c r="V5150" i="1"/>
  <c r="V5151" i="1"/>
  <c r="V5152" i="1"/>
  <c r="V5153" i="1"/>
  <c r="V5154" i="1"/>
  <c r="V5155" i="1"/>
  <c r="V5156" i="1"/>
  <c r="V5157" i="1"/>
  <c r="V5158" i="1"/>
  <c r="V5159" i="1"/>
  <c r="V5160" i="1"/>
  <c r="V5161" i="1"/>
  <c r="V5162" i="1"/>
  <c r="V5163" i="1"/>
  <c r="V5164" i="1"/>
  <c r="V5165" i="1"/>
  <c r="V5166" i="1"/>
  <c r="V5167" i="1"/>
  <c r="V5168" i="1"/>
  <c r="V5169" i="1"/>
  <c r="V5170" i="1"/>
  <c r="V5171" i="1"/>
  <c r="V5172" i="1"/>
  <c r="V5173" i="1"/>
  <c r="V5174" i="1"/>
  <c r="V5175" i="1"/>
  <c r="V5176" i="1"/>
  <c r="V5177" i="1"/>
  <c r="V5178" i="1"/>
  <c r="V5179" i="1"/>
  <c r="V5180" i="1"/>
  <c r="V5181" i="1"/>
  <c r="V5182" i="1"/>
  <c r="V5183" i="1"/>
  <c r="V5184" i="1"/>
  <c r="V5185" i="1"/>
  <c r="V5186" i="1"/>
  <c r="V5187" i="1"/>
  <c r="V5188" i="1"/>
  <c r="V5189" i="1"/>
  <c r="V5190" i="1"/>
  <c r="V5191" i="1"/>
  <c r="V5192" i="1"/>
  <c r="V5193" i="1"/>
  <c r="V5194" i="1"/>
  <c r="V5195" i="1"/>
  <c r="V5196" i="1"/>
  <c r="V5197" i="1"/>
  <c r="V5198" i="1"/>
  <c r="V5199" i="1"/>
  <c r="V5200" i="1"/>
  <c r="V5201" i="1"/>
  <c r="V5202" i="1"/>
  <c r="V5203" i="1"/>
  <c r="V5204" i="1"/>
  <c r="V5205" i="1"/>
  <c r="V5206" i="1"/>
  <c r="V5207" i="1"/>
  <c r="V5208" i="1"/>
  <c r="V5209" i="1"/>
  <c r="V5210" i="1"/>
  <c r="V5211" i="1"/>
  <c r="V5212" i="1"/>
  <c r="V5213" i="1"/>
  <c r="V5214" i="1"/>
  <c r="V5215" i="1"/>
  <c r="V5216" i="1"/>
  <c r="V5217" i="1"/>
  <c r="V5218" i="1"/>
  <c r="V5219" i="1"/>
  <c r="V5220" i="1"/>
  <c r="V5221" i="1"/>
  <c r="V5222" i="1"/>
  <c r="V5223" i="1"/>
  <c r="V5224" i="1"/>
  <c r="V5225" i="1"/>
  <c r="V5226" i="1"/>
  <c r="V5227" i="1"/>
  <c r="V5228" i="1"/>
  <c r="V5229" i="1"/>
  <c r="V5230" i="1"/>
  <c r="V5231" i="1"/>
  <c r="V5232" i="1"/>
  <c r="V5233" i="1"/>
  <c r="V5234" i="1"/>
  <c r="V5235" i="1"/>
  <c r="V5236" i="1"/>
  <c r="V5237" i="1"/>
  <c r="V5238" i="1"/>
  <c r="V5239" i="1"/>
  <c r="V5240" i="1"/>
  <c r="V5241" i="1"/>
  <c r="V5242" i="1"/>
  <c r="V5243" i="1"/>
  <c r="V5244" i="1"/>
  <c r="V5245" i="1"/>
  <c r="V5246" i="1"/>
  <c r="V5247" i="1"/>
  <c r="V5248" i="1"/>
  <c r="V5249" i="1"/>
  <c r="V5250" i="1"/>
  <c r="V5251" i="1"/>
  <c r="V5252" i="1"/>
  <c r="V5253" i="1"/>
  <c r="V5254" i="1"/>
  <c r="V5255" i="1"/>
  <c r="V5256" i="1"/>
  <c r="V5257" i="1"/>
  <c r="V5258" i="1"/>
  <c r="V5259" i="1"/>
  <c r="V5260" i="1"/>
  <c r="V5261" i="1"/>
  <c r="V5262" i="1"/>
  <c r="V5263" i="1"/>
  <c r="V5264" i="1"/>
  <c r="V5265" i="1"/>
  <c r="V5266" i="1"/>
  <c r="V5267" i="1"/>
  <c r="V5268" i="1"/>
  <c r="V5269" i="1"/>
  <c r="V5270" i="1"/>
  <c r="V5271" i="1"/>
  <c r="V5272" i="1"/>
  <c r="V5273" i="1"/>
  <c r="V5274" i="1"/>
  <c r="V5275" i="1"/>
  <c r="V5276" i="1"/>
  <c r="V5277" i="1"/>
  <c r="V5278" i="1"/>
  <c r="V5279" i="1"/>
  <c r="V5280" i="1"/>
  <c r="V5281" i="1"/>
  <c r="V5282" i="1"/>
  <c r="V5283" i="1"/>
  <c r="V5284" i="1"/>
  <c r="V5285" i="1"/>
  <c r="V5286" i="1"/>
  <c r="V5287" i="1"/>
  <c r="V5288" i="1"/>
  <c r="V5289" i="1"/>
  <c r="V5290" i="1"/>
  <c r="V5291" i="1"/>
  <c r="V5292" i="1"/>
  <c r="V5293" i="1"/>
  <c r="V5294" i="1"/>
  <c r="V5295" i="1"/>
  <c r="V5296" i="1"/>
  <c r="V5297" i="1"/>
  <c r="V5298" i="1"/>
  <c r="V5299" i="1"/>
  <c r="V5300" i="1"/>
  <c r="V5301" i="1"/>
  <c r="V5302" i="1"/>
  <c r="V5303" i="1"/>
  <c r="V5304" i="1"/>
  <c r="V5305" i="1"/>
  <c r="V5306" i="1"/>
  <c r="V5307" i="1"/>
  <c r="V5308" i="1"/>
  <c r="V5309" i="1"/>
  <c r="V5310" i="1"/>
  <c r="V5311" i="1"/>
  <c r="V5312" i="1"/>
  <c r="V5313" i="1"/>
  <c r="V5314" i="1"/>
  <c r="V5315" i="1"/>
  <c r="V5316" i="1"/>
  <c r="V5317" i="1"/>
  <c r="V5318" i="1"/>
  <c r="V5319" i="1"/>
  <c r="V5320" i="1"/>
  <c r="V5321" i="1"/>
  <c r="V5322" i="1"/>
  <c r="V5323" i="1"/>
  <c r="V5324" i="1"/>
  <c r="V5325" i="1"/>
  <c r="V5326" i="1"/>
  <c r="V5327" i="1"/>
  <c r="V5328" i="1"/>
  <c r="V5329" i="1"/>
  <c r="V5330" i="1"/>
  <c r="V5331" i="1"/>
  <c r="V5332" i="1"/>
  <c r="V5333" i="1"/>
  <c r="V5334" i="1"/>
  <c r="V5335" i="1"/>
  <c r="V5336" i="1"/>
  <c r="V5337" i="1"/>
  <c r="V5338" i="1"/>
  <c r="V5339" i="1"/>
  <c r="V5340" i="1"/>
  <c r="V5341" i="1"/>
  <c r="V5342" i="1"/>
  <c r="V5343" i="1"/>
  <c r="V5344" i="1"/>
  <c r="V5345" i="1"/>
  <c r="V5346" i="1"/>
  <c r="V5347" i="1"/>
  <c r="V5348" i="1"/>
  <c r="V5349" i="1"/>
  <c r="V5350" i="1"/>
  <c r="V5351" i="1"/>
  <c r="V5352" i="1"/>
  <c r="V5353" i="1"/>
  <c r="V5354" i="1"/>
  <c r="V5355" i="1"/>
  <c r="V5356" i="1"/>
  <c r="V5357" i="1"/>
  <c r="V5358" i="1"/>
  <c r="V5359" i="1"/>
  <c r="V5360" i="1"/>
  <c r="V5361" i="1"/>
  <c r="V5362" i="1"/>
  <c r="V5363" i="1"/>
  <c r="V5364" i="1"/>
  <c r="V5365" i="1"/>
  <c r="V5366" i="1"/>
  <c r="V5367" i="1"/>
  <c r="V5368" i="1"/>
  <c r="V5369" i="1"/>
  <c r="V5370" i="1"/>
  <c r="V5371" i="1"/>
  <c r="V5372" i="1"/>
  <c r="V5373" i="1"/>
  <c r="V5374" i="1"/>
  <c r="V5375" i="1"/>
  <c r="V5376" i="1"/>
  <c r="V5377" i="1"/>
  <c r="V5378" i="1"/>
  <c r="V5379" i="1"/>
  <c r="V5380" i="1"/>
  <c r="V5381" i="1"/>
  <c r="V5382" i="1"/>
  <c r="V5383" i="1"/>
  <c r="V5384" i="1"/>
  <c r="V5385" i="1"/>
  <c r="V5386" i="1"/>
  <c r="V5387" i="1"/>
  <c r="V5388" i="1"/>
  <c r="V5389" i="1"/>
  <c r="V5390" i="1"/>
  <c r="V5391" i="1"/>
  <c r="V5392" i="1"/>
  <c r="V5393" i="1"/>
  <c r="V5394" i="1"/>
  <c r="V5395" i="1"/>
  <c r="V5396" i="1"/>
  <c r="V5397" i="1"/>
  <c r="V5398" i="1"/>
  <c r="V5399" i="1"/>
  <c r="V5400" i="1"/>
  <c r="V5401" i="1"/>
  <c r="V5402" i="1"/>
  <c r="V5403" i="1"/>
  <c r="V5404" i="1"/>
  <c r="V5405" i="1"/>
  <c r="V5406" i="1"/>
  <c r="V5407" i="1"/>
  <c r="V5408" i="1"/>
  <c r="V5409" i="1"/>
  <c r="V5410" i="1"/>
  <c r="V5411" i="1"/>
  <c r="V5412" i="1"/>
  <c r="V5413" i="1"/>
  <c r="V5414" i="1"/>
  <c r="V5415" i="1"/>
  <c r="V5416" i="1"/>
  <c r="V5417" i="1"/>
  <c r="V5418" i="1"/>
  <c r="V5419" i="1"/>
  <c r="V5420" i="1"/>
  <c r="V5421" i="1"/>
  <c r="V5422" i="1"/>
  <c r="V5423" i="1"/>
  <c r="V5424" i="1"/>
  <c r="V5425" i="1"/>
  <c r="V5426" i="1"/>
  <c r="V5427" i="1"/>
  <c r="V5428" i="1"/>
  <c r="V5429" i="1"/>
  <c r="V5430" i="1"/>
  <c r="V5431" i="1"/>
  <c r="V5432" i="1"/>
  <c r="V5433" i="1"/>
  <c r="V5434" i="1"/>
  <c r="V5435" i="1"/>
  <c r="V5436" i="1"/>
  <c r="V5437" i="1"/>
  <c r="V5438" i="1"/>
  <c r="V5439" i="1"/>
  <c r="V5440" i="1"/>
  <c r="V5441" i="1"/>
  <c r="V5442" i="1"/>
  <c r="V5443" i="1"/>
  <c r="V5444" i="1"/>
  <c r="V5445" i="1"/>
  <c r="V5446" i="1"/>
  <c r="V5447" i="1"/>
  <c r="V5448" i="1"/>
  <c r="V5449" i="1"/>
  <c r="V5450" i="1"/>
  <c r="V5451" i="1"/>
  <c r="V5452" i="1"/>
  <c r="V5453" i="1"/>
  <c r="V5454" i="1"/>
  <c r="V5455" i="1"/>
  <c r="V5456" i="1"/>
  <c r="V5457" i="1"/>
  <c r="V5458" i="1"/>
  <c r="V5459" i="1"/>
  <c r="V5460" i="1"/>
  <c r="V5461" i="1"/>
  <c r="V5462" i="1"/>
  <c r="V5463" i="1"/>
  <c r="V5464" i="1"/>
  <c r="V5465" i="1"/>
  <c r="V5466" i="1"/>
  <c r="V5467" i="1"/>
  <c r="V5468" i="1"/>
  <c r="V5469" i="1"/>
  <c r="V5470" i="1"/>
  <c r="V5471" i="1"/>
  <c r="V5472" i="1"/>
  <c r="V5473" i="1"/>
  <c r="V5474" i="1"/>
  <c r="V5475" i="1"/>
  <c r="V5476" i="1"/>
  <c r="V5477" i="1"/>
  <c r="V5478" i="1"/>
  <c r="V5479" i="1"/>
  <c r="V5480" i="1"/>
  <c r="V5481" i="1"/>
  <c r="V5482" i="1"/>
  <c r="V5483" i="1"/>
  <c r="V5484" i="1"/>
  <c r="V5485" i="1"/>
  <c r="V5486" i="1"/>
  <c r="V5487" i="1"/>
  <c r="V5488" i="1"/>
  <c r="V5489" i="1"/>
  <c r="V5490" i="1"/>
  <c r="V5491" i="1"/>
  <c r="V5492" i="1"/>
  <c r="V5493" i="1"/>
  <c r="V5494" i="1"/>
  <c r="V5495" i="1"/>
  <c r="V5496" i="1"/>
  <c r="V5497" i="1"/>
  <c r="V5498" i="1"/>
  <c r="V5499" i="1"/>
  <c r="V5500" i="1"/>
  <c r="V5501" i="1"/>
  <c r="V5502" i="1"/>
  <c r="V5503" i="1"/>
  <c r="V5504" i="1"/>
  <c r="V5505" i="1"/>
  <c r="V5506" i="1"/>
  <c r="V5507" i="1"/>
  <c r="V5508" i="1"/>
  <c r="V5509" i="1"/>
  <c r="V5510" i="1"/>
  <c r="V5511" i="1"/>
  <c r="V5512" i="1"/>
  <c r="V5513" i="1"/>
  <c r="V5514" i="1"/>
  <c r="V5515" i="1"/>
  <c r="V5516" i="1"/>
  <c r="V5517" i="1"/>
  <c r="V5518" i="1"/>
  <c r="V5519" i="1"/>
  <c r="V5520" i="1"/>
  <c r="V5521" i="1"/>
  <c r="V5522" i="1"/>
  <c r="V5523" i="1"/>
  <c r="V5524" i="1"/>
  <c r="V5525" i="1"/>
  <c r="V5526" i="1"/>
  <c r="V5527" i="1"/>
  <c r="V5528" i="1"/>
  <c r="V5529" i="1"/>
  <c r="V5530" i="1"/>
  <c r="V5531" i="1"/>
  <c r="V5532" i="1"/>
  <c r="V5533" i="1"/>
  <c r="V5534" i="1"/>
  <c r="V5535" i="1"/>
  <c r="V5536" i="1"/>
  <c r="V5537" i="1"/>
  <c r="V5538" i="1"/>
  <c r="V5539" i="1"/>
  <c r="V5540" i="1"/>
  <c r="V5541" i="1"/>
  <c r="V5542" i="1"/>
  <c r="V5543" i="1"/>
  <c r="V5544" i="1"/>
  <c r="V5545" i="1"/>
  <c r="V5546" i="1"/>
  <c r="V5547" i="1"/>
  <c r="V5548" i="1"/>
  <c r="V5549" i="1"/>
  <c r="V5550" i="1"/>
  <c r="V5551" i="1"/>
  <c r="V5552" i="1"/>
  <c r="V5553" i="1"/>
  <c r="V5554" i="1"/>
  <c r="V5555" i="1"/>
  <c r="V5556" i="1"/>
  <c r="V5557" i="1"/>
  <c r="V5558" i="1"/>
  <c r="V5559" i="1"/>
  <c r="V5560" i="1"/>
  <c r="V5561" i="1"/>
  <c r="V5562" i="1"/>
  <c r="V5563" i="1"/>
  <c r="V5564" i="1"/>
  <c r="V5565" i="1"/>
  <c r="V5566" i="1"/>
  <c r="V5567" i="1"/>
  <c r="V5568" i="1"/>
  <c r="V5569" i="1"/>
  <c r="V5570" i="1"/>
  <c r="V5571" i="1"/>
  <c r="V5572" i="1"/>
  <c r="V5573" i="1"/>
  <c r="V5574" i="1"/>
  <c r="V5575" i="1"/>
  <c r="V5576" i="1"/>
  <c r="V5577" i="1"/>
  <c r="V5578" i="1"/>
  <c r="V5579" i="1"/>
  <c r="V5580" i="1"/>
  <c r="V5581" i="1"/>
  <c r="V5582" i="1"/>
  <c r="V5583" i="1"/>
  <c r="V5584" i="1"/>
  <c r="V5585" i="1"/>
  <c r="V5586" i="1"/>
  <c r="V5587" i="1"/>
  <c r="V5588" i="1"/>
  <c r="V5589" i="1"/>
  <c r="V5590" i="1"/>
  <c r="V5591" i="1"/>
  <c r="V5592" i="1"/>
  <c r="V5593" i="1"/>
  <c r="V5594" i="1"/>
  <c r="V5595" i="1"/>
  <c r="V5596" i="1"/>
  <c r="V5597" i="1"/>
  <c r="V5598" i="1"/>
  <c r="V5599" i="1"/>
  <c r="V5600" i="1"/>
  <c r="V5601" i="1"/>
  <c r="V5602" i="1"/>
  <c r="V5603" i="1"/>
  <c r="V5604" i="1"/>
  <c r="V5605" i="1"/>
  <c r="V5606" i="1"/>
  <c r="V5607" i="1"/>
  <c r="V5608" i="1"/>
  <c r="V5609" i="1"/>
  <c r="V5610" i="1"/>
  <c r="V5611" i="1"/>
  <c r="V5612" i="1"/>
  <c r="V5613" i="1"/>
  <c r="V5614" i="1"/>
  <c r="V5615" i="1"/>
  <c r="V5616" i="1"/>
  <c r="V5617" i="1"/>
  <c r="V5618" i="1"/>
  <c r="V5619" i="1"/>
  <c r="V5620" i="1"/>
  <c r="V5621" i="1"/>
  <c r="V5622" i="1"/>
  <c r="V5623" i="1"/>
  <c r="V5624" i="1"/>
  <c r="V5625" i="1"/>
  <c r="V5626" i="1"/>
  <c r="V5627" i="1"/>
  <c r="V5628" i="1"/>
  <c r="V5629" i="1"/>
  <c r="V5630" i="1"/>
  <c r="V5631" i="1"/>
  <c r="V5632" i="1"/>
  <c r="V5633" i="1"/>
  <c r="V5634" i="1"/>
  <c r="V5635" i="1"/>
  <c r="V5636" i="1"/>
  <c r="V5637" i="1"/>
  <c r="V5638" i="1"/>
  <c r="V5639" i="1"/>
  <c r="V5640" i="1"/>
  <c r="V5641" i="1"/>
  <c r="V5642" i="1"/>
  <c r="V5643" i="1"/>
  <c r="V5644" i="1"/>
  <c r="V5645" i="1"/>
  <c r="V5646" i="1"/>
  <c r="V5647" i="1"/>
  <c r="V5648" i="1"/>
  <c r="V5649" i="1"/>
  <c r="V5650" i="1"/>
  <c r="V5651" i="1"/>
  <c r="V5652" i="1"/>
  <c r="V5653" i="1"/>
  <c r="V5654" i="1"/>
  <c r="V5655" i="1"/>
  <c r="V5656" i="1"/>
  <c r="V5657" i="1"/>
  <c r="V5658" i="1"/>
  <c r="V5659" i="1"/>
  <c r="V5660" i="1"/>
  <c r="V5661" i="1"/>
  <c r="V5662" i="1"/>
  <c r="V5663" i="1"/>
  <c r="V5664" i="1"/>
  <c r="V5665" i="1"/>
  <c r="V5666" i="1"/>
  <c r="V5667" i="1"/>
  <c r="V5668" i="1"/>
  <c r="V5669" i="1"/>
  <c r="V5670" i="1"/>
  <c r="V5671" i="1"/>
  <c r="V5672" i="1"/>
  <c r="V5673" i="1"/>
  <c r="V5674" i="1"/>
  <c r="V5675" i="1"/>
  <c r="V5676" i="1"/>
  <c r="V5677" i="1"/>
  <c r="V5678" i="1"/>
  <c r="V5679" i="1"/>
  <c r="V5680" i="1"/>
  <c r="V5681" i="1"/>
  <c r="V5682" i="1"/>
  <c r="V5683" i="1"/>
  <c r="V5684" i="1"/>
  <c r="V5685" i="1"/>
  <c r="V5686" i="1"/>
  <c r="V5687" i="1"/>
  <c r="V5688" i="1"/>
  <c r="V5689" i="1"/>
  <c r="V5690" i="1"/>
  <c r="V5691" i="1"/>
  <c r="V5692" i="1"/>
  <c r="V5693" i="1"/>
  <c r="V5694" i="1"/>
  <c r="V5695" i="1"/>
  <c r="V5696" i="1"/>
  <c r="V5697" i="1"/>
  <c r="V5698" i="1"/>
  <c r="V5699" i="1"/>
  <c r="V5700" i="1"/>
  <c r="V5701" i="1"/>
  <c r="V5702" i="1"/>
  <c r="V5703" i="1"/>
  <c r="V5704" i="1"/>
  <c r="V5705" i="1"/>
  <c r="V5706" i="1"/>
  <c r="V5707" i="1"/>
  <c r="V5708" i="1"/>
  <c r="V5709" i="1"/>
  <c r="V5710" i="1"/>
  <c r="V5711" i="1"/>
  <c r="V5712" i="1"/>
  <c r="V5713" i="1"/>
  <c r="V5714" i="1"/>
  <c r="V5715" i="1"/>
  <c r="V5716" i="1"/>
  <c r="V5717" i="1"/>
  <c r="V5718" i="1"/>
  <c r="V5719" i="1"/>
  <c r="V5720" i="1"/>
  <c r="V5721" i="1"/>
  <c r="V5722" i="1"/>
  <c r="V5723" i="1"/>
  <c r="V5724" i="1"/>
  <c r="V5725" i="1"/>
  <c r="V5726" i="1"/>
  <c r="V5727" i="1"/>
  <c r="V5728" i="1"/>
  <c r="V5729" i="1"/>
  <c r="V5730" i="1"/>
  <c r="V5731" i="1"/>
  <c r="V5732" i="1"/>
  <c r="V5733" i="1"/>
  <c r="V5734" i="1"/>
  <c r="V5735" i="1"/>
  <c r="V5736" i="1"/>
  <c r="V5737" i="1"/>
  <c r="V5738" i="1"/>
  <c r="V5739" i="1"/>
  <c r="V5740" i="1"/>
  <c r="V5741" i="1"/>
  <c r="V5742" i="1"/>
  <c r="V5743" i="1"/>
  <c r="V5744" i="1"/>
  <c r="V5745" i="1"/>
  <c r="V5746" i="1"/>
  <c r="V5747" i="1"/>
  <c r="V5748" i="1"/>
  <c r="V5749" i="1"/>
  <c r="V5750" i="1"/>
  <c r="V5751" i="1"/>
  <c r="V5752" i="1"/>
  <c r="V5753" i="1"/>
  <c r="V5754" i="1"/>
  <c r="V5755" i="1"/>
  <c r="V5756" i="1"/>
  <c r="V5757" i="1"/>
  <c r="V5758" i="1"/>
  <c r="V5759" i="1"/>
  <c r="V5760" i="1"/>
  <c r="V5761" i="1"/>
  <c r="V5762" i="1"/>
  <c r="V5763" i="1"/>
  <c r="V5764" i="1"/>
  <c r="V5765" i="1"/>
  <c r="V5766" i="1"/>
  <c r="V5767" i="1"/>
  <c r="V5768" i="1"/>
  <c r="V5769" i="1"/>
  <c r="V5770" i="1"/>
  <c r="V5771" i="1"/>
  <c r="V5772" i="1"/>
  <c r="V5773" i="1"/>
  <c r="V5774" i="1"/>
  <c r="V5775" i="1"/>
  <c r="V5776" i="1"/>
  <c r="V5777" i="1"/>
  <c r="V5778" i="1"/>
  <c r="V5779" i="1"/>
  <c r="V5780" i="1"/>
  <c r="V5781" i="1"/>
  <c r="V5782" i="1"/>
  <c r="V5783" i="1"/>
  <c r="V5784" i="1"/>
  <c r="V5785" i="1"/>
  <c r="V5786" i="1"/>
  <c r="V5787" i="1"/>
  <c r="V5788" i="1"/>
  <c r="V5789" i="1"/>
  <c r="V5790" i="1"/>
  <c r="V5791" i="1"/>
  <c r="V5792" i="1"/>
  <c r="V5793" i="1"/>
  <c r="V5794" i="1"/>
  <c r="V5795" i="1"/>
  <c r="V5796" i="1"/>
  <c r="V5797" i="1"/>
  <c r="V5798" i="1"/>
  <c r="V5799" i="1"/>
  <c r="V5800" i="1"/>
  <c r="V5801" i="1"/>
  <c r="V5802" i="1"/>
  <c r="V5803" i="1"/>
  <c r="V5804" i="1"/>
  <c r="V5805" i="1"/>
  <c r="V5806" i="1"/>
  <c r="V5807" i="1"/>
  <c r="V5808" i="1"/>
  <c r="V5809" i="1"/>
  <c r="V5810" i="1"/>
  <c r="V5811" i="1"/>
  <c r="V5812" i="1"/>
  <c r="V5813" i="1"/>
  <c r="V5814" i="1"/>
  <c r="V5815" i="1"/>
  <c r="V5816" i="1"/>
  <c r="V5817" i="1"/>
  <c r="V5818" i="1"/>
  <c r="V5819" i="1"/>
  <c r="V5820" i="1"/>
  <c r="V5821" i="1"/>
  <c r="V5822" i="1"/>
  <c r="V5823" i="1"/>
  <c r="V5824" i="1"/>
  <c r="V5825" i="1"/>
  <c r="V5826" i="1"/>
  <c r="V5827" i="1"/>
  <c r="V5828" i="1"/>
  <c r="V5829" i="1"/>
  <c r="V5830" i="1"/>
  <c r="V5831" i="1"/>
  <c r="V5832" i="1"/>
  <c r="V5833" i="1"/>
  <c r="V5834" i="1"/>
  <c r="V5835" i="1"/>
  <c r="V5836" i="1"/>
  <c r="V5837" i="1"/>
  <c r="V5838" i="1"/>
  <c r="V5839" i="1"/>
  <c r="V5840" i="1"/>
  <c r="V5841" i="1"/>
  <c r="V5842" i="1"/>
  <c r="V5843" i="1"/>
  <c r="V5844" i="1"/>
  <c r="V5845" i="1"/>
  <c r="V5846" i="1"/>
  <c r="V5847" i="1"/>
  <c r="V5848" i="1"/>
  <c r="V5849" i="1"/>
  <c r="V5850" i="1"/>
  <c r="V5851" i="1"/>
  <c r="V5852" i="1"/>
  <c r="V5853" i="1"/>
  <c r="V5854" i="1"/>
  <c r="V5855" i="1"/>
  <c r="V5856" i="1"/>
  <c r="V5857" i="1"/>
  <c r="V5858" i="1"/>
  <c r="V5859" i="1"/>
  <c r="V5860" i="1"/>
  <c r="V5861" i="1"/>
  <c r="V5862" i="1"/>
  <c r="V5863" i="1"/>
  <c r="V5864" i="1"/>
  <c r="V5865" i="1"/>
  <c r="V5866" i="1"/>
  <c r="V5867" i="1"/>
  <c r="V5868" i="1"/>
  <c r="V5869" i="1"/>
  <c r="V5870" i="1"/>
  <c r="V5871" i="1"/>
  <c r="V5872" i="1"/>
  <c r="V5873" i="1"/>
  <c r="V5874" i="1"/>
  <c r="V5875" i="1"/>
  <c r="V5876" i="1"/>
  <c r="V5877" i="1"/>
  <c r="V5878" i="1"/>
  <c r="V5879" i="1"/>
  <c r="V5880" i="1"/>
  <c r="V5881" i="1"/>
  <c r="V5882" i="1"/>
  <c r="V5883" i="1"/>
  <c r="V5884" i="1"/>
  <c r="V5885" i="1"/>
  <c r="V5886" i="1"/>
  <c r="V5887" i="1"/>
  <c r="V5888" i="1"/>
  <c r="V5889" i="1"/>
  <c r="V5890" i="1"/>
  <c r="V5891" i="1"/>
  <c r="V5892" i="1"/>
  <c r="V5893" i="1"/>
  <c r="V5894" i="1"/>
  <c r="V5895" i="1"/>
  <c r="V5896" i="1"/>
  <c r="V5897" i="1"/>
  <c r="V5898" i="1"/>
  <c r="V5899" i="1"/>
  <c r="V5900" i="1"/>
  <c r="V5901" i="1"/>
  <c r="V5902" i="1"/>
  <c r="V5903" i="1"/>
  <c r="V5904" i="1"/>
  <c r="V5905" i="1"/>
  <c r="V5906" i="1"/>
  <c r="V5907" i="1"/>
  <c r="V5908" i="1"/>
  <c r="V5909" i="1"/>
  <c r="V5910" i="1"/>
  <c r="V5911" i="1"/>
  <c r="V5912" i="1"/>
  <c r="V5913" i="1"/>
  <c r="V5914" i="1"/>
  <c r="V5915" i="1"/>
  <c r="V5916" i="1"/>
  <c r="V5917" i="1"/>
  <c r="V5918" i="1"/>
  <c r="V5919" i="1"/>
  <c r="V5920" i="1"/>
  <c r="V5921" i="1"/>
  <c r="V5922" i="1"/>
  <c r="V5923" i="1"/>
  <c r="V5924" i="1"/>
  <c r="V5925" i="1"/>
  <c r="V5926" i="1"/>
  <c r="V5927" i="1"/>
  <c r="V5928" i="1"/>
  <c r="V5929" i="1"/>
  <c r="V5930" i="1"/>
  <c r="V5931" i="1"/>
  <c r="V5932" i="1"/>
  <c r="V5933" i="1"/>
  <c r="V5934" i="1"/>
  <c r="V5935" i="1"/>
  <c r="V5936" i="1"/>
  <c r="V5937" i="1"/>
  <c r="V5938" i="1"/>
  <c r="V5939" i="1"/>
  <c r="V5940" i="1"/>
  <c r="V5941" i="1"/>
  <c r="V5942" i="1"/>
  <c r="V5943" i="1"/>
  <c r="V5944" i="1"/>
  <c r="V5945" i="1"/>
  <c r="V5946" i="1"/>
  <c r="V5947" i="1"/>
  <c r="V5948" i="1"/>
  <c r="V5949" i="1"/>
  <c r="V5950" i="1"/>
  <c r="V5951" i="1"/>
  <c r="V5952" i="1"/>
  <c r="V5953" i="1"/>
  <c r="V5954" i="1"/>
  <c r="V5955" i="1"/>
  <c r="V5956" i="1"/>
  <c r="V5957" i="1"/>
  <c r="V5958" i="1"/>
  <c r="V5959" i="1"/>
  <c r="V5960" i="1"/>
  <c r="V5961" i="1"/>
  <c r="V5962" i="1"/>
  <c r="V5963" i="1"/>
  <c r="V5964" i="1"/>
  <c r="V5965" i="1"/>
  <c r="V5966" i="1"/>
  <c r="V5967" i="1"/>
  <c r="V5968" i="1"/>
  <c r="V5969" i="1"/>
  <c r="V5970" i="1"/>
  <c r="V5971" i="1"/>
  <c r="V5972" i="1"/>
  <c r="V5973" i="1"/>
  <c r="V5974" i="1"/>
  <c r="V5975" i="1"/>
  <c r="V5976" i="1"/>
  <c r="V5977" i="1"/>
  <c r="V5978" i="1"/>
  <c r="V5979" i="1"/>
  <c r="V5980" i="1"/>
  <c r="V5981" i="1"/>
  <c r="V5982" i="1"/>
  <c r="V5983" i="1"/>
  <c r="V5984" i="1"/>
  <c r="V5985" i="1"/>
  <c r="V5986" i="1"/>
  <c r="V5987" i="1"/>
  <c r="V5988" i="1"/>
  <c r="V5989" i="1"/>
  <c r="V5990" i="1"/>
  <c r="V5991" i="1"/>
  <c r="V5992" i="1"/>
  <c r="V5993" i="1"/>
  <c r="V5994" i="1"/>
  <c r="V5995" i="1"/>
  <c r="V5996" i="1"/>
  <c r="V5997" i="1"/>
  <c r="V5998" i="1"/>
  <c r="V5999" i="1"/>
  <c r="V6000" i="1"/>
  <c r="V6001" i="1"/>
  <c r="V6002" i="1"/>
  <c r="V6003" i="1"/>
  <c r="V6004" i="1"/>
  <c r="V6005" i="1"/>
  <c r="V6006" i="1"/>
  <c r="V6007" i="1"/>
  <c r="V6008" i="1"/>
  <c r="V6009" i="1"/>
  <c r="V6010" i="1"/>
  <c r="V6011" i="1"/>
  <c r="V6012" i="1"/>
  <c r="V6013" i="1"/>
  <c r="V6014" i="1"/>
  <c r="V6015" i="1"/>
  <c r="V6016" i="1"/>
  <c r="V6017" i="1"/>
  <c r="V6018" i="1"/>
  <c r="V6019" i="1"/>
  <c r="V6020" i="1"/>
  <c r="V6021" i="1"/>
  <c r="V6022" i="1"/>
  <c r="V6023" i="1"/>
  <c r="V6024" i="1"/>
  <c r="V6025" i="1"/>
  <c r="V6026" i="1"/>
  <c r="V6027" i="1"/>
  <c r="V6028" i="1"/>
  <c r="V6029" i="1"/>
  <c r="V6030" i="1"/>
  <c r="V6031" i="1"/>
  <c r="V6032" i="1"/>
  <c r="V6033" i="1"/>
  <c r="V6034" i="1"/>
  <c r="V6035" i="1"/>
  <c r="V6036" i="1"/>
  <c r="V6037" i="1"/>
  <c r="V6038" i="1"/>
  <c r="V6039" i="1"/>
  <c r="V6040" i="1"/>
  <c r="V6041" i="1"/>
  <c r="V6042" i="1"/>
  <c r="V6043" i="1"/>
  <c r="V6044" i="1"/>
  <c r="V6045" i="1"/>
  <c r="V6046" i="1"/>
  <c r="V6047" i="1"/>
  <c r="V6048" i="1"/>
  <c r="V6049" i="1"/>
  <c r="V6050" i="1"/>
  <c r="V6051" i="1"/>
  <c r="V6052" i="1"/>
  <c r="V6053" i="1"/>
  <c r="V6054" i="1"/>
  <c r="V6055" i="1"/>
  <c r="V6056" i="1"/>
  <c r="V6057" i="1"/>
  <c r="V6058" i="1"/>
  <c r="V6059" i="1"/>
  <c r="V6060" i="1"/>
  <c r="V6061" i="1"/>
  <c r="V6062" i="1"/>
  <c r="V6063" i="1"/>
  <c r="V6064" i="1"/>
  <c r="V6065" i="1"/>
  <c r="V6066" i="1"/>
  <c r="V6067" i="1"/>
  <c r="V6068" i="1"/>
  <c r="V6069" i="1"/>
  <c r="V6070" i="1"/>
  <c r="V6071" i="1"/>
  <c r="V6072" i="1"/>
  <c r="V6073" i="1"/>
  <c r="V6074" i="1"/>
  <c r="V6075" i="1"/>
  <c r="V6076" i="1"/>
  <c r="V6077" i="1"/>
  <c r="V6078" i="1"/>
  <c r="V6079" i="1"/>
  <c r="V6080" i="1"/>
  <c r="V6081" i="1"/>
  <c r="V6082" i="1"/>
  <c r="V6083" i="1"/>
  <c r="V6084" i="1"/>
  <c r="V6085" i="1"/>
  <c r="V6086" i="1"/>
  <c r="V6087" i="1"/>
  <c r="V6088" i="1"/>
  <c r="V6089" i="1"/>
  <c r="V6090" i="1"/>
  <c r="V6091" i="1"/>
  <c r="V6092" i="1"/>
  <c r="V6093" i="1"/>
  <c r="V6094" i="1"/>
  <c r="V6095" i="1"/>
  <c r="V6096" i="1"/>
  <c r="V6097" i="1"/>
  <c r="V6098" i="1"/>
  <c r="V6099" i="1"/>
  <c r="V6100" i="1"/>
  <c r="V6101" i="1"/>
  <c r="V6102" i="1"/>
  <c r="V6103" i="1"/>
  <c r="V6104" i="1"/>
  <c r="V6105" i="1"/>
  <c r="V6106" i="1"/>
  <c r="V6107" i="1"/>
  <c r="V6108" i="1"/>
  <c r="V6109" i="1"/>
  <c r="V6110" i="1"/>
  <c r="V6111" i="1"/>
  <c r="V6112" i="1"/>
  <c r="V6113" i="1"/>
  <c r="V6114" i="1"/>
  <c r="V6115" i="1"/>
  <c r="V6116" i="1"/>
  <c r="V6117" i="1"/>
  <c r="V6118" i="1"/>
  <c r="V6119" i="1"/>
  <c r="V6120" i="1"/>
  <c r="V6121" i="1"/>
  <c r="V6122" i="1"/>
  <c r="V6123" i="1"/>
  <c r="V6124" i="1"/>
  <c r="V6125" i="1"/>
  <c r="V6126" i="1"/>
  <c r="V6127" i="1"/>
  <c r="V6128" i="1"/>
  <c r="V6129" i="1"/>
  <c r="V6130" i="1"/>
  <c r="V6131" i="1"/>
  <c r="V6132" i="1"/>
  <c r="V6133" i="1"/>
  <c r="V6134" i="1"/>
  <c r="V6135" i="1"/>
  <c r="V6136" i="1"/>
  <c r="V6137" i="1"/>
  <c r="V6138" i="1"/>
  <c r="V6139" i="1"/>
  <c r="V6140" i="1"/>
  <c r="V6141" i="1"/>
  <c r="V6142" i="1"/>
  <c r="V6143" i="1"/>
  <c r="V6144" i="1"/>
  <c r="V6145" i="1"/>
  <c r="V6146" i="1"/>
  <c r="V6147" i="1"/>
  <c r="V6148" i="1"/>
  <c r="V6149" i="1"/>
  <c r="V6150" i="1"/>
  <c r="V6151" i="1"/>
  <c r="V6152" i="1"/>
  <c r="V6153" i="1"/>
  <c r="V6154" i="1"/>
  <c r="V6155" i="1"/>
  <c r="V6156" i="1"/>
  <c r="V6157" i="1"/>
  <c r="V6158" i="1"/>
  <c r="V6159" i="1"/>
  <c r="V6160" i="1"/>
  <c r="V6161" i="1"/>
  <c r="V6162" i="1"/>
  <c r="V6163" i="1"/>
  <c r="V6164" i="1"/>
  <c r="V6165" i="1"/>
  <c r="V6166" i="1"/>
  <c r="V6167" i="1"/>
  <c r="V6168" i="1"/>
  <c r="V6169" i="1"/>
  <c r="V6170" i="1"/>
  <c r="V6171" i="1"/>
  <c r="V6172" i="1"/>
  <c r="V6173" i="1"/>
  <c r="V6174" i="1"/>
  <c r="V6175" i="1"/>
  <c r="V6176" i="1"/>
  <c r="V6177" i="1"/>
  <c r="V6178" i="1"/>
  <c r="V6179" i="1"/>
  <c r="V6180" i="1"/>
  <c r="V6181" i="1"/>
  <c r="V6182" i="1"/>
  <c r="V6183" i="1"/>
  <c r="V6184" i="1"/>
  <c r="V6185" i="1"/>
  <c r="V6186" i="1"/>
  <c r="V6187" i="1"/>
  <c r="V6188" i="1"/>
  <c r="V6189" i="1"/>
  <c r="V6190" i="1"/>
  <c r="V6191" i="1"/>
  <c r="V6192" i="1"/>
  <c r="V6193" i="1"/>
  <c r="V6194" i="1"/>
  <c r="V6195" i="1"/>
  <c r="V6196" i="1"/>
  <c r="V6197" i="1"/>
  <c r="V6198" i="1"/>
  <c r="V6199" i="1"/>
  <c r="V6200" i="1"/>
  <c r="V6201" i="1"/>
  <c r="V6202" i="1"/>
  <c r="V6203" i="1"/>
  <c r="V6204" i="1"/>
  <c r="V6205" i="1"/>
  <c r="V6206" i="1"/>
  <c r="V6207" i="1"/>
  <c r="V6208" i="1"/>
  <c r="V6209" i="1"/>
  <c r="V6210" i="1"/>
  <c r="V6211" i="1"/>
  <c r="V6212" i="1"/>
  <c r="V6213" i="1"/>
  <c r="V6214" i="1"/>
  <c r="V6215" i="1"/>
  <c r="V6216" i="1"/>
  <c r="V6217" i="1"/>
  <c r="V6218" i="1"/>
  <c r="V6219" i="1"/>
  <c r="V6220" i="1"/>
  <c r="V6221" i="1"/>
  <c r="V6222" i="1"/>
  <c r="V6223" i="1"/>
  <c r="V6224" i="1"/>
  <c r="V6225" i="1"/>
  <c r="V6226" i="1"/>
  <c r="V6227" i="1"/>
  <c r="V6228" i="1"/>
  <c r="V6229" i="1"/>
  <c r="V6230" i="1"/>
  <c r="V6231" i="1"/>
  <c r="V6232" i="1"/>
  <c r="V6233" i="1"/>
  <c r="V6234" i="1"/>
  <c r="V6235" i="1"/>
  <c r="V6236" i="1"/>
  <c r="V6237" i="1"/>
  <c r="V6238" i="1"/>
  <c r="V6239" i="1"/>
  <c r="V6240" i="1"/>
  <c r="V6241" i="1"/>
  <c r="V6242" i="1"/>
  <c r="V6243" i="1"/>
  <c r="V6244" i="1"/>
  <c r="V6245" i="1"/>
  <c r="V6246" i="1"/>
  <c r="V6247" i="1"/>
  <c r="V6248" i="1"/>
  <c r="V6249" i="1"/>
  <c r="V6250" i="1"/>
  <c r="V6251" i="1"/>
  <c r="V6252" i="1"/>
  <c r="V6253" i="1"/>
  <c r="V6254" i="1"/>
  <c r="V6255" i="1"/>
  <c r="V6256" i="1"/>
  <c r="V6257" i="1"/>
  <c r="V6258" i="1"/>
  <c r="V6259" i="1"/>
  <c r="V6260" i="1"/>
  <c r="V6261" i="1"/>
  <c r="V6262" i="1"/>
  <c r="V6263" i="1"/>
  <c r="V6264" i="1"/>
  <c r="V6265" i="1"/>
  <c r="V6266" i="1"/>
  <c r="V6267" i="1"/>
  <c r="V6268" i="1"/>
  <c r="V6269" i="1"/>
  <c r="V6270" i="1"/>
  <c r="V6271" i="1"/>
  <c r="V6272" i="1"/>
  <c r="V6273" i="1"/>
  <c r="V6274" i="1"/>
  <c r="V6275" i="1"/>
  <c r="V6276" i="1"/>
  <c r="V6277" i="1"/>
  <c r="V6278" i="1"/>
  <c r="V6279" i="1"/>
  <c r="V6280" i="1"/>
  <c r="V6281" i="1"/>
  <c r="V6282" i="1"/>
  <c r="V6283" i="1"/>
  <c r="V6284" i="1"/>
  <c r="V6285" i="1"/>
  <c r="V6286" i="1"/>
  <c r="V6287" i="1"/>
  <c r="V6288" i="1"/>
  <c r="V6289" i="1"/>
  <c r="V6290" i="1"/>
  <c r="V6291" i="1"/>
  <c r="V6292" i="1"/>
  <c r="V6293" i="1"/>
  <c r="V6294" i="1"/>
  <c r="V6295" i="1"/>
  <c r="V6296" i="1"/>
  <c r="V6297" i="1"/>
  <c r="V6298" i="1"/>
  <c r="V6299" i="1"/>
  <c r="V6300" i="1"/>
  <c r="V6301" i="1"/>
  <c r="V6302" i="1"/>
  <c r="V6303" i="1"/>
  <c r="V6304" i="1"/>
  <c r="V6305" i="1"/>
  <c r="V6306" i="1"/>
  <c r="V6307" i="1"/>
  <c r="V6308" i="1"/>
  <c r="V6309" i="1"/>
  <c r="V6310" i="1"/>
  <c r="V6311" i="1"/>
  <c r="V6312" i="1"/>
  <c r="V6313" i="1"/>
  <c r="V6314" i="1"/>
  <c r="V6315" i="1"/>
  <c r="V6316" i="1"/>
  <c r="V6317" i="1"/>
  <c r="V6318" i="1"/>
  <c r="V6319" i="1"/>
  <c r="V6320" i="1"/>
  <c r="V6321" i="1"/>
  <c r="V6322" i="1"/>
  <c r="V6323" i="1"/>
  <c r="V6324" i="1"/>
  <c r="V6325" i="1"/>
  <c r="V6326" i="1"/>
  <c r="V6327" i="1"/>
  <c r="V6328" i="1"/>
  <c r="V6329" i="1"/>
  <c r="V6330" i="1"/>
  <c r="V6331" i="1"/>
  <c r="V6332" i="1"/>
  <c r="V6333" i="1"/>
  <c r="V6334" i="1"/>
  <c r="V6335" i="1"/>
  <c r="V6336" i="1"/>
  <c r="V6337" i="1"/>
  <c r="V6338" i="1"/>
  <c r="V6339" i="1"/>
  <c r="V6340" i="1"/>
  <c r="V6341" i="1"/>
  <c r="V6342" i="1"/>
  <c r="V6343" i="1"/>
  <c r="V6344" i="1"/>
  <c r="V6345" i="1"/>
  <c r="V6346" i="1"/>
  <c r="V6347" i="1"/>
  <c r="V6348" i="1"/>
  <c r="V6349" i="1"/>
  <c r="V6350" i="1"/>
  <c r="V6351" i="1"/>
  <c r="V6352" i="1"/>
  <c r="V6353" i="1"/>
  <c r="V6354" i="1"/>
  <c r="V6355" i="1"/>
  <c r="V6356" i="1"/>
  <c r="V6357" i="1"/>
  <c r="V6358" i="1"/>
  <c r="V6359" i="1"/>
  <c r="V6360" i="1"/>
  <c r="V6361" i="1"/>
  <c r="V6362" i="1"/>
  <c r="V6363" i="1"/>
  <c r="V6364" i="1"/>
  <c r="V6365" i="1"/>
  <c r="V6366" i="1"/>
  <c r="V6367" i="1"/>
  <c r="V6368" i="1"/>
  <c r="V6369" i="1"/>
  <c r="V6370" i="1"/>
  <c r="V6371" i="1"/>
  <c r="V6372" i="1"/>
  <c r="V6373" i="1"/>
  <c r="V6374" i="1"/>
  <c r="V6375" i="1"/>
  <c r="V6376" i="1"/>
  <c r="V6377" i="1"/>
  <c r="V6378" i="1"/>
  <c r="V6379" i="1"/>
  <c r="V6380" i="1"/>
  <c r="V6381" i="1"/>
  <c r="V6382" i="1"/>
  <c r="V6383" i="1"/>
  <c r="V6384" i="1"/>
  <c r="V6385" i="1"/>
  <c r="V6386" i="1"/>
  <c r="V6387" i="1"/>
  <c r="V6388" i="1"/>
  <c r="V6389" i="1"/>
  <c r="V6390" i="1"/>
  <c r="V6391" i="1"/>
  <c r="V6392" i="1"/>
  <c r="V6393" i="1"/>
  <c r="V6394" i="1"/>
  <c r="V6395" i="1"/>
  <c r="V6396" i="1"/>
  <c r="V6397" i="1"/>
  <c r="V6398" i="1"/>
  <c r="V6399" i="1"/>
  <c r="V6400" i="1"/>
  <c r="V6401" i="1"/>
  <c r="V6402" i="1"/>
  <c r="V6403" i="1"/>
  <c r="V6404" i="1"/>
  <c r="V6405" i="1"/>
  <c r="V6406" i="1"/>
  <c r="V6407" i="1"/>
  <c r="V6408" i="1"/>
  <c r="V6409" i="1"/>
  <c r="V6410" i="1"/>
  <c r="V6411" i="1"/>
  <c r="V6412" i="1"/>
  <c r="V6413" i="1"/>
  <c r="V6414" i="1"/>
  <c r="V6415" i="1"/>
  <c r="V6416" i="1"/>
  <c r="V6417" i="1"/>
  <c r="V6418" i="1"/>
  <c r="V6419" i="1"/>
  <c r="V6420" i="1"/>
  <c r="V6421" i="1"/>
  <c r="V6422" i="1"/>
  <c r="V6423" i="1"/>
  <c r="V6424" i="1"/>
  <c r="V6425" i="1"/>
  <c r="V6426" i="1"/>
  <c r="V6427" i="1"/>
  <c r="V6428" i="1"/>
  <c r="V6429" i="1"/>
  <c r="V6430" i="1"/>
  <c r="V6431" i="1"/>
  <c r="V6432" i="1"/>
  <c r="V6433" i="1"/>
  <c r="V6434" i="1"/>
  <c r="V6435" i="1"/>
  <c r="V6436" i="1"/>
  <c r="V6437" i="1"/>
  <c r="V6438" i="1"/>
  <c r="V6439" i="1"/>
  <c r="V6440" i="1"/>
  <c r="V6441" i="1"/>
  <c r="V6442" i="1"/>
  <c r="V6443" i="1"/>
  <c r="V6444" i="1"/>
  <c r="V6445" i="1"/>
  <c r="V6446" i="1"/>
  <c r="V6447" i="1"/>
  <c r="V6448" i="1"/>
  <c r="V6449" i="1"/>
  <c r="V6450" i="1"/>
  <c r="V6451" i="1"/>
  <c r="V6452" i="1"/>
  <c r="V6453" i="1"/>
  <c r="V6454" i="1"/>
  <c r="V6455" i="1"/>
  <c r="V6456" i="1"/>
  <c r="V6457" i="1"/>
  <c r="V6458" i="1"/>
  <c r="V6459" i="1"/>
  <c r="V6460" i="1"/>
  <c r="V6461" i="1"/>
  <c r="V6462" i="1"/>
  <c r="V6463" i="1"/>
  <c r="V6464" i="1"/>
  <c r="V6465" i="1"/>
  <c r="V6466" i="1"/>
  <c r="V6467" i="1"/>
  <c r="V6468" i="1"/>
  <c r="V6469" i="1"/>
  <c r="V6470" i="1"/>
  <c r="V6471" i="1"/>
  <c r="V6472" i="1"/>
  <c r="V6473" i="1"/>
  <c r="V6474" i="1"/>
  <c r="V6475" i="1"/>
  <c r="V6476" i="1"/>
  <c r="V6477" i="1"/>
  <c r="V6478" i="1"/>
  <c r="V6479" i="1"/>
  <c r="V6480" i="1"/>
  <c r="V6481" i="1"/>
  <c r="V6482" i="1"/>
  <c r="V6483" i="1"/>
  <c r="V6484" i="1"/>
  <c r="V6485" i="1"/>
  <c r="V6486" i="1"/>
  <c r="V6487" i="1"/>
  <c r="V6488" i="1"/>
  <c r="V6489" i="1"/>
  <c r="V6490" i="1"/>
  <c r="V6491" i="1"/>
  <c r="V6492" i="1"/>
  <c r="V6493" i="1"/>
  <c r="V6494" i="1"/>
  <c r="V6495" i="1"/>
  <c r="V6496" i="1"/>
  <c r="V6497" i="1"/>
  <c r="V6498" i="1"/>
  <c r="V6499" i="1"/>
  <c r="V6500" i="1"/>
  <c r="V6501" i="1"/>
  <c r="V6502" i="1"/>
  <c r="V6503" i="1"/>
  <c r="V6504" i="1"/>
  <c r="V6505" i="1"/>
  <c r="V6506" i="1"/>
  <c r="V6507" i="1"/>
  <c r="V6508" i="1"/>
  <c r="V6509" i="1"/>
  <c r="V6510" i="1"/>
  <c r="V6511" i="1"/>
  <c r="V6512" i="1"/>
  <c r="V6513" i="1"/>
  <c r="V6514" i="1"/>
  <c r="V6515" i="1"/>
  <c r="V6516" i="1"/>
  <c r="V6517" i="1"/>
  <c r="V6518" i="1"/>
  <c r="V6519" i="1"/>
  <c r="V6520" i="1"/>
  <c r="V6521" i="1"/>
  <c r="V6522" i="1"/>
  <c r="V6523" i="1"/>
  <c r="V6524" i="1"/>
  <c r="V6525" i="1"/>
  <c r="V6526" i="1"/>
  <c r="V6527" i="1"/>
  <c r="V6528" i="1"/>
  <c r="V6529" i="1"/>
  <c r="V6530" i="1"/>
  <c r="V6531" i="1"/>
  <c r="V6532" i="1"/>
  <c r="V6533" i="1"/>
  <c r="V6534" i="1"/>
  <c r="V6535" i="1"/>
  <c r="V6536" i="1"/>
  <c r="V6537" i="1"/>
  <c r="V6538" i="1"/>
  <c r="V6539" i="1"/>
  <c r="V6540" i="1"/>
  <c r="V6541" i="1"/>
  <c r="V6542" i="1"/>
  <c r="V6543" i="1"/>
  <c r="V6544" i="1"/>
  <c r="V6545" i="1"/>
  <c r="V6546" i="1"/>
  <c r="V6547" i="1"/>
  <c r="V6548" i="1"/>
  <c r="V6549" i="1"/>
  <c r="V6550" i="1"/>
  <c r="V6551" i="1"/>
  <c r="V6552" i="1"/>
  <c r="V6553" i="1"/>
  <c r="V6554" i="1"/>
  <c r="V6555" i="1"/>
  <c r="V6556" i="1"/>
  <c r="V6557" i="1"/>
  <c r="V6558" i="1"/>
  <c r="V6559" i="1"/>
  <c r="V6560" i="1"/>
  <c r="V6561" i="1"/>
  <c r="V6562" i="1"/>
  <c r="V6563" i="1"/>
  <c r="V6564" i="1"/>
  <c r="V6565" i="1"/>
  <c r="V6566" i="1"/>
  <c r="V6567" i="1"/>
  <c r="V6568" i="1"/>
  <c r="V6569" i="1"/>
  <c r="V6570" i="1"/>
  <c r="V6571" i="1"/>
  <c r="V6572" i="1"/>
  <c r="V6573" i="1"/>
  <c r="V6574" i="1"/>
  <c r="V6575" i="1"/>
  <c r="V6576" i="1"/>
  <c r="V6577" i="1"/>
  <c r="V6578" i="1"/>
  <c r="V6579" i="1"/>
  <c r="V6580" i="1"/>
  <c r="V6581" i="1"/>
  <c r="V6582" i="1"/>
  <c r="V6583" i="1"/>
  <c r="V6584" i="1"/>
  <c r="V6585" i="1"/>
  <c r="V6586" i="1"/>
  <c r="V6587" i="1"/>
  <c r="V6588" i="1"/>
  <c r="V6589" i="1"/>
  <c r="V6590" i="1"/>
  <c r="V6591" i="1"/>
  <c r="V6592" i="1"/>
  <c r="V6593" i="1"/>
  <c r="V6594" i="1"/>
  <c r="V6595" i="1"/>
  <c r="V6596" i="1"/>
  <c r="V6597" i="1"/>
  <c r="V6598" i="1"/>
  <c r="V6599" i="1"/>
  <c r="V6600" i="1"/>
  <c r="V6601" i="1"/>
  <c r="V6602" i="1"/>
  <c r="V6603" i="1"/>
  <c r="V6604" i="1"/>
  <c r="V6605" i="1"/>
  <c r="V6606" i="1"/>
  <c r="V6607" i="1"/>
  <c r="V6608" i="1"/>
  <c r="V6609" i="1"/>
  <c r="V6610" i="1"/>
  <c r="V6611" i="1"/>
  <c r="V6612" i="1"/>
  <c r="V6613" i="1"/>
  <c r="V6614" i="1"/>
  <c r="V6615" i="1"/>
  <c r="V6616" i="1"/>
  <c r="V6617" i="1"/>
  <c r="V6618" i="1"/>
  <c r="V6619" i="1"/>
  <c r="V6620" i="1"/>
  <c r="V6621" i="1"/>
  <c r="V6622" i="1"/>
  <c r="V6623" i="1"/>
  <c r="V6624" i="1"/>
  <c r="V6625" i="1"/>
  <c r="V6626" i="1"/>
  <c r="V6627" i="1"/>
  <c r="V6628" i="1"/>
  <c r="V6629" i="1"/>
  <c r="V6630" i="1"/>
  <c r="V6631" i="1"/>
  <c r="V6632" i="1"/>
  <c r="V6633" i="1"/>
  <c r="V6634" i="1"/>
  <c r="V6635" i="1"/>
  <c r="V6636" i="1"/>
  <c r="V6637" i="1"/>
  <c r="V6638" i="1"/>
  <c r="V6639" i="1"/>
  <c r="V6640" i="1"/>
  <c r="V6641" i="1"/>
  <c r="V6642" i="1"/>
  <c r="V6643" i="1"/>
  <c r="V6644" i="1"/>
  <c r="V6645" i="1"/>
  <c r="V6646" i="1"/>
  <c r="V6647" i="1"/>
  <c r="V6648" i="1"/>
  <c r="V6649" i="1"/>
  <c r="V6650" i="1"/>
  <c r="V6651" i="1"/>
  <c r="V6652" i="1"/>
  <c r="V6653" i="1"/>
  <c r="V6654" i="1"/>
  <c r="V6655" i="1"/>
  <c r="V6656" i="1"/>
  <c r="V6657" i="1"/>
  <c r="V6658" i="1"/>
  <c r="V6659" i="1"/>
  <c r="V6660" i="1"/>
  <c r="V6661" i="1"/>
  <c r="V6662" i="1"/>
  <c r="V6663" i="1"/>
  <c r="V6664" i="1"/>
  <c r="V6665" i="1"/>
  <c r="V6666" i="1"/>
  <c r="V6667" i="1"/>
  <c r="V6668" i="1"/>
  <c r="V6669" i="1"/>
  <c r="V6670" i="1"/>
  <c r="V6671" i="1"/>
  <c r="V6672" i="1"/>
  <c r="V6673" i="1"/>
  <c r="V6674" i="1"/>
  <c r="V6675" i="1"/>
  <c r="V6676" i="1"/>
  <c r="V6677" i="1"/>
  <c r="V6678" i="1"/>
  <c r="V6679" i="1"/>
  <c r="V6680" i="1"/>
  <c r="V6681" i="1"/>
  <c r="V6682" i="1"/>
  <c r="V6683" i="1"/>
  <c r="V6684" i="1"/>
  <c r="V6685" i="1"/>
  <c r="V6686" i="1"/>
  <c r="V6687" i="1"/>
  <c r="V6688" i="1"/>
  <c r="V6689" i="1"/>
  <c r="V6690" i="1"/>
  <c r="V6691" i="1"/>
  <c r="V6692" i="1"/>
  <c r="V6693" i="1"/>
  <c r="V6694" i="1"/>
  <c r="V6695" i="1"/>
  <c r="V6696" i="1"/>
  <c r="V6697" i="1"/>
  <c r="V6698" i="1"/>
  <c r="V6699" i="1"/>
  <c r="V6700" i="1"/>
  <c r="V6701" i="1"/>
  <c r="V6702" i="1"/>
  <c r="V6703" i="1"/>
  <c r="V6704" i="1"/>
  <c r="V6705" i="1"/>
  <c r="V6706" i="1"/>
  <c r="V6707" i="1"/>
  <c r="V6708" i="1"/>
  <c r="V6709" i="1"/>
  <c r="V6710" i="1"/>
  <c r="V6711" i="1"/>
  <c r="V6712" i="1"/>
  <c r="V6713" i="1"/>
  <c r="V6714" i="1"/>
  <c r="V6715" i="1"/>
  <c r="V6716" i="1"/>
  <c r="V6717" i="1"/>
  <c r="V6718" i="1"/>
  <c r="V6719" i="1"/>
  <c r="V6720" i="1"/>
  <c r="V6721" i="1"/>
  <c r="V6722" i="1"/>
  <c r="V6723" i="1"/>
  <c r="V6724" i="1"/>
  <c r="V6725" i="1"/>
  <c r="V6726" i="1"/>
  <c r="V6727" i="1"/>
  <c r="V6728" i="1"/>
  <c r="V6729" i="1"/>
  <c r="V6730" i="1"/>
  <c r="V6731" i="1"/>
  <c r="V6732" i="1"/>
  <c r="V6733" i="1"/>
  <c r="V6734" i="1"/>
  <c r="V6735" i="1"/>
  <c r="V6736" i="1"/>
  <c r="V6737" i="1"/>
  <c r="V6738" i="1"/>
  <c r="V6739" i="1"/>
  <c r="V6740" i="1"/>
  <c r="V6741" i="1"/>
  <c r="V6742" i="1"/>
  <c r="V6743" i="1"/>
  <c r="V6744" i="1"/>
  <c r="V6745" i="1"/>
  <c r="V6746" i="1"/>
  <c r="V6747" i="1"/>
  <c r="V6748" i="1"/>
  <c r="V6749" i="1"/>
  <c r="V6750" i="1"/>
  <c r="V6751" i="1"/>
  <c r="V6752" i="1"/>
  <c r="V6753" i="1"/>
  <c r="V6754" i="1"/>
  <c r="V6755" i="1"/>
  <c r="V6756" i="1"/>
  <c r="V6757" i="1"/>
  <c r="V6758" i="1"/>
  <c r="V6759" i="1"/>
  <c r="V6760" i="1"/>
  <c r="V6761" i="1"/>
  <c r="V6762" i="1"/>
  <c r="V6763" i="1"/>
  <c r="V6764" i="1"/>
  <c r="V6765" i="1"/>
  <c r="V6766" i="1"/>
  <c r="V6767" i="1"/>
  <c r="V6768" i="1"/>
  <c r="V6769" i="1"/>
  <c r="V6770" i="1"/>
  <c r="V6771" i="1"/>
  <c r="V6772" i="1"/>
  <c r="V6773" i="1"/>
  <c r="V6774" i="1"/>
  <c r="V6775" i="1"/>
  <c r="V6776" i="1"/>
  <c r="V6777" i="1"/>
  <c r="V6778" i="1"/>
  <c r="V6779" i="1"/>
  <c r="V6780" i="1"/>
  <c r="V6781" i="1"/>
  <c r="V6782" i="1"/>
  <c r="V6783" i="1"/>
  <c r="V6784" i="1"/>
  <c r="V6785" i="1"/>
  <c r="V6786" i="1"/>
  <c r="V6787" i="1"/>
  <c r="V6788" i="1"/>
  <c r="V6789" i="1"/>
  <c r="V6790" i="1"/>
  <c r="V6791" i="1"/>
  <c r="V6792" i="1"/>
  <c r="V6793" i="1"/>
  <c r="V6794" i="1"/>
  <c r="V6795" i="1"/>
  <c r="V6796" i="1"/>
  <c r="V6797" i="1"/>
  <c r="V6798" i="1"/>
  <c r="V6799" i="1"/>
  <c r="V6800" i="1"/>
  <c r="V6801" i="1"/>
  <c r="V6802" i="1"/>
  <c r="V6803" i="1"/>
  <c r="V6804" i="1"/>
  <c r="V6805" i="1"/>
  <c r="V6806" i="1"/>
  <c r="V6807" i="1"/>
  <c r="V6808" i="1"/>
  <c r="V6809" i="1"/>
  <c r="V6810" i="1"/>
  <c r="V6811" i="1"/>
  <c r="V6812" i="1"/>
  <c r="V6813" i="1"/>
  <c r="V6814" i="1"/>
  <c r="V6815" i="1"/>
  <c r="V6816" i="1"/>
  <c r="V6817" i="1"/>
  <c r="V6818" i="1"/>
  <c r="V6819" i="1"/>
  <c r="V6820" i="1"/>
  <c r="V6821" i="1"/>
  <c r="V6822" i="1"/>
  <c r="V6823" i="1"/>
  <c r="V6824" i="1"/>
  <c r="V6825" i="1"/>
  <c r="V6826" i="1"/>
  <c r="V6827" i="1"/>
  <c r="V6828" i="1"/>
  <c r="V6829" i="1"/>
  <c r="V6830" i="1"/>
  <c r="V6831" i="1"/>
  <c r="V6832" i="1"/>
  <c r="V6833" i="1"/>
  <c r="V6834" i="1"/>
  <c r="V6835" i="1"/>
  <c r="V6836" i="1"/>
  <c r="V6837" i="1"/>
  <c r="V6838" i="1"/>
  <c r="V6839" i="1"/>
  <c r="V6840" i="1"/>
  <c r="V6841" i="1"/>
  <c r="V6842" i="1"/>
  <c r="V6843" i="1"/>
  <c r="V6844" i="1"/>
  <c r="V6845" i="1"/>
  <c r="V6846" i="1"/>
  <c r="V6847" i="1"/>
  <c r="V6848" i="1"/>
  <c r="V6849" i="1"/>
  <c r="V6850" i="1"/>
  <c r="V6851" i="1"/>
  <c r="V6852" i="1"/>
  <c r="V6853" i="1"/>
  <c r="V6854" i="1"/>
  <c r="V6855" i="1"/>
  <c r="V6856" i="1"/>
  <c r="V6857" i="1"/>
  <c r="V6858" i="1"/>
  <c r="V6859" i="1"/>
  <c r="V6860" i="1"/>
  <c r="V6861" i="1"/>
  <c r="V6862" i="1"/>
  <c r="V6863" i="1"/>
  <c r="V6864" i="1"/>
  <c r="V6865" i="1"/>
  <c r="V6866" i="1"/>
  <c r="V6867" i="1"/>
  <c r="V6868" i="1"/>
  <c r="V6869" i="1"/>
  <c r="V6870" i="1"/>
  <c r="V6871" i="1"/>
  <c r="V6872" i="1"/>
  <c r="V6873" i="1"/>
  <c r="V6874" i="1"/>
  <c r="V6875" i="1"/>
  <c r="V6876" i="1"/>
  <c r="V6877" i="1"/>
  <c r="V6878" i="1"/>
  <c r="V6879" i="1"/>
  <c r="V6880" i="1"/>
  <c r="V6881" i="1"/>
  <c r="V6882" i="1"/>
  <c r="V6883" i="1"/>
  <c r="V6884" i="1"/>
  <c r="V6885" i="1"/>
  <c r="V6886" i="1"/>
  <c r="V6887" i="1"/>
  <c r="V6888" i="1"/>
  <c r="V6889" i="1"/>
  <c r="V6890" i="1"/>
  <c r="V6891" i="1"/>
  <c r="V6892" i="1"/>
  <c r="V6893" i="1"/>
  <c r="V6894" i="1"/>
  <c r="V6895" i="1"/>
  <c r="V6896" i="1"/>
  <c r="V6897" i="1"/>
  <c r="V6898" i="1"/>
  <c r="V6899" i="1"/>
  <c r="V6900" i="1"/>
  <c r="V6901" i="1"/>
  <c r="V6902" i="1"/>
  <c r="V6903" i="1"/>
  <c r="V6904" i="1"/>
  <c r="V6905" i="1"/>
  <c r="V6906" i="1"/>
  <c r="V6907" i="1"/>
  <c r="V6908" i="1"/>
  <c r="V6909" i="1"/>
  <c r="V6910" i="1"/>
  <c r="V6911" i="1"/>
  <c r="V6912" i="1"/>
  <c r="V6913" i="1"/>
  <c r="V6914" i="1"/>
  <c r="V6915" i="1"/>
  <c r="V6916" i="1"/>
  <c r="V6917" i="1"/>
  <c r="V6918" i="1"/>
  <c r="V6919" i="1"/>
  <c r="V6920" i="1"/>
  <c r="V6921" i="1"/>
  <c r="V6922" i="1"/>
  <c r="V6923" i="1"/>
  <c r="V6924" i="1"/>
  <c r="V6925" i="1"/>
  <c r="V6926" i="1"/>
  <c r="V6927" i="1"/>
  <c r="V6928" i="1"/>
  <c r="V6929" i="1"/>
  <c r="V6930" i="1"/>
  <c r="V6931" i="1"/>
  <c r="V6932" i="1"/>
  <c r="V6933" i="1"/>
  <c r="V6934" i="1"/>
  <c r="V6935" i="1"/>
  <c r="V6936" i="1"/>
  <c r="V6937" i="1"/>
  <c r="V6938" i="1"/>
  <c r="V6939" i="1"/>
  <c r="V6940" i="1"/>
  <c r="V6941" i="1"/>
  <c r="V6942" i="1"/>
  <c r="V6943" i="1"/>
  <c r="V6944" i="1"/>
  <c r="V6945" i="1"/>
  <c r="V6946" i="1"/>
  <c r="V6947" i="1"/>
  <c r="V6948" i="1"/>
  <c r="V6949" i="1"/>
  <c r="V6950" i="1"/>
  <c r="V6951" i="1"/>
  <c r="V6952" i="1"/>
  <c r="V6953" i="1"/>
  <c r="V6954" i="1"/>
  <c r="V6955" i="1"/>
  <c r="V6956" i="1"/>
  <c r="V6957" i="1"/>
  <c r="V6958" i="1"/>
  <c r="V6959" i="1"/>
  <c r="V6960" i="1"/>
  <c r="V6961" i="1"/>
  <c r="V6962" i="1"/>
  <c r="V6963" i="1"/>
  <c r="V6964" i="1"/>
  <c r="V6965" i="1"/>
  <c r="V6966" i="1"/>
  <c r="V6967" i="1"/>
  <c r="V6968" i="1"/>
  <c r="V6969" i="1"/>
  <c r="V6970" i="1"/>
  <c r="V6971" i="1"/>
  <c r="V6972" i="1"/>
  <c r="V6973" i="1"/>
  <c r="V6974" i="1"/>
  <c r="V6975" i="1"/>
  <c r="V6976" i="1"/>
  <c r="V6977" i="1"/>
  <c r="V6978" i="1"/>
  <c r="V6979" i="1"/>
  <c r="V6980" i="1"/>
  <c r="V6981" i="1"/>
  <c r="V6982" i="1"/>
  <c r="V6983" i="1"/>
  <c r="V6984" i="1"/>
  <c r="V6985" i="1"/>
  <c r="V6986" i="1"/>
  <c r="V6987" i="1"/>
  <c r="V6988" i="1"/>
  <c r="V6989" i="1"/>
  <c r="V6990" i="1"/>
  <c r="V6991" i="1"/>
  <c r="V6992" i="1"/>
  <c r="V6993" i="1"/>
  <c r="V6994" i="1"/>
  <c r="V6995" i="1"/>
  <c r="V6996" i="1"/>
  <c r="V6997" i="1"/>
  <c r="V6998" i="1"/>
  <c r="V6999" i="1"/>
  <c r="V7000" i="1"/>
  <c r="V7001" i="1"/>
  <c r="V7002" i="1"/>
  <c r="V7003" i="1"/>
  <c r="V7004" i="1"/>
  <c r="V7005" i="1"/>
  <c r="V7006" i="1"/>
  <c r="V7007" i="1"/>
  <c r="V7008" i="1"/>
  <c r="V7009" i="1"/>
  <c r="V7010" i="1"/>
  <c r="V7011" i="1"/>
  <c r="V7012" i="1"/>
  <c r="V7013" i="1"/>
  <c r="V7014" i="1"/>
  <c r="V7015" i="1"/>
  <c r="V7016" i="1"/>
  <c r="V7017" i="1"/>
  <c r="V7018" i="1"/>
  <c r="V7019" i="1"/>
  <c r="V7020" i="1"/>
  <c r="V7021" i="1"/>
  <c r="V7022" i="1"/>
  <c r="V7023" i="1"/>
  <c r="V7024" i="1"/>
  <c r="V7025" i="1"/>
  <c r="V7026" i="1"/>
  <c r="V7027" i="1"/>
  <c r="V7028" i="1"/>
  <c r="V7029" i="1"/>
  <c r="V7030" i="1"/>
  <c r="V7031" i="1"/>
  <c r="V7032" i="1"/>
  <c r="V7033" i="1"/>
  <c r="V7034" i="1"/>
  <c r="V7035" i="1"/>
  <c r="V7036" i="1"/>
  <c r="V7037" i="1"/>
  <c r="V7038" i="1"/>
  <c r="V7039" i="1"/>
  <c r="V7040" i="1"/>
  <c r="V7041" i="1"/>
  <c r="V7042" i="1"/>
  <c r="V7043" i="1"/>
  <c r="V7044" i="1"/>
  <c r="V7045" i="1"/>
  <c r="V7046" i="1"/>
  <c r="V7047" i="1"/>
  <c r="V7048" i="1"/>
  <c r="V7049" i="1"/>
  <c r="V7050" i="1"/>
  <c r="V7051" i="1"/>
  <c r="V7052" i="1"/>
  <c r="V7053" i="1"/>
  <c r="V7054" i="1"/>
  <c r="V7055" i="1"/>
  <c r="V7056" i="1"/>
  <c r="V7057" i="1"/>
  <c r="V7058" i="1"/>
  <c r="V7059" i="1"/>
  <c r="V7060" i="1"/>
  <c r="V7061" i="1"/>
  <c r="V7062" i="1"/>
  <c r="V7063" i="1"/>
  <c r="V7064" i="1"/>
  <c r="V7065" i="1"/>
  <c r="V7066" i="1"/>
  <c r="V7067" i="1"/>
  <c r="V7068" i="1"/>
  <c r="V7069" i="1"/>
  <c r="V7070" i="1"/>
  <c r="V7071" i="1"/>
  <c r="V7072" i="1"/>
  <c r="V7073" i="1"/>
  <c r="V7074" i="1"/>
  <c r="V7075" i="1"/>
  <c r="V7076" i="1"/>
  <c r="V7077" i="1"/>
  <c r="V7078" i="1"/>
  <c r="V7079" i="1"/>
  <c r="V7080" i="1"/>
  <c r="V7081" i="1"/>
  <c r="V7082" i="1"/>
  <c r="V7083" i="1"/>
  <c r="V7084" i="1"/>
  <c r="V7085" i="1"/>
  <c r="V7086" i="1"/>
  <c r="V7087" i="1"/>
  <c r="V7088" i="1"/>
  <c r="V7089" i="1"/>
  <c r="V7090" i="1"/>
  <c r="V7091" i="1"/>
  <c r="V7092" i="1"/>
  <c r="V7093" i="1"/>
  <c r="V7094" i="1"/>
  <c r="V7095" i="1"/>
  <c r="V7096" i="1"/>
  <c r="V7097" i="1"/>
  <c r="V7098" i="1"/>
  <c r="V7099" i="1"/>
  <c r="V7100" i="1"/>
  <c r="V7101" i="1"/>
  <c r="V7102" i="1"/>
  <c r="V7103" i="1"/>
  <c r="V7104" i="1"/>
  <c r="V7105" i="1"/>
  <c r="V7106" i="1"/>
  <c r="V7107" i="1"/>
  <c r="V7108" i="1"/>
  <c r="V7109" i="1"/>
  <c r="V7110" i="1"/>
  <c r="V7111" i="1"/>
  <c r="V7112" i="1"/>
  <c r="V7113" i="1"/>
  <c r="V7114" i="1"/>
  <c r="V7115" i="1"/>
  <c r="V7116" i="1"/>
  <c r="V7117" i="1"/>
  <c r="V7118" i="1"/>
  <c r="V7119" i="1"/>
  <c r="V7120" i="1"/>
  <c r="V7121" i="1"/>
  <c r="V7122" i="1"/>
  <c r="V7123" i="1"/>
  <c r="V7124" i="1"/>
  <c r="V7125" i="1"/>
  <c r="V7126" i="1"/>
  <c r="V7127" i="1"/>
  <c r="V7128" i="1"/>
  <c r="V7129" i="1"/>
  <c r="V7130" i="1"/>
  <c r="V7131" i="1"/>
  <c r="V7132" i="1"/>
  <c r="V7133" i="1"/>
  <c r="V7134" i="1"/>
  <c r="V7135" i="1"/>
  <c r="V7136" i="1"/>
  <c r="V7137" i="1"/>
  <c r="V7138" i="1"/>
  <c r="V7139" i="1"/>
  <c r="V7140" i="1"/>
  <c r="V7141" i="1"/>
  <c r="V7142" i="1"/>
  <c r="V7143" i="1"/>
  <c r="V7144" i="1"/>
  <c r="V7145" i="1"/>
  <c r="V7146" i="1"/>
  <c r="V7147" i="1"/>
  <c r="V7148" i="1"/>
  <c r="V7149" i="1"/>
  <c r="V7150" i="1"/>
  <c r="V7151" i="1"/>
  <c r="V7152" i="1"/>
  <c r="V7153" i="1"/>
  <c r="V7154" i="1"/>
  <c r="V7155" i="1"/>
  <c r="V7156" i="1"/>
  <c r="V7157" i="1"/>
  <c r="V7158" i="1"/>
  <c r="V7159" i="1"/>
  <c r="V7160" i="1"/>
  <c r="V7161" i="1"/>
  <c r="V7162" i="1"/>
  <c r="V7163" i="1"/>
  <c r="V7164" i="1"/>
  <c r="V7165" i="1"/>
  <c r="V7166" i="1"/>
  <c r="V7167" i="1"/>
  <c r="V7168" i="1"/>
  <c r="V7169" i="1"/>
  <c r="V7170" i="1"/>
  <c r="V7171" i="1"/>
  <c r="V7172" i="1"/>
  <c r="V7173" i="1"/>
  <c r="V7174" i="1"/>
  <c r="V7175" i="1"/>
  <c r="V7176" i="1"/>
  <c r="V7177" i="1"/>
  <c r="V7178" i="1"/>
  <c r="V7179" i="1"/>
  <c r="V7180" i="1"/>
  <c r="V7181" i="1"/>
  <c r="V7182" i="1"/>
  <c r="V7183" i="1"/>
  <c r="V7184" i="1"/>
  <c r="V7185" i="1"/>
  <c r="V7186" i="1"/>
  <c r="V7187" i="1"/>
  <c r="V7188" i="1"/>
  <c r="V7189" i="1"/>
  <c r="V7190" i="1"/>
  <c r="V7191" i="1"/>
  <c r="V7192" i="1"/>
  <c r="V7193" i="1"/>
  <c r="V7194" i="1"/>
  <c r="V7195" i="1"/>
  <c r="V7196" i="1"/>
  <c r="V7197" i="1"/>
  <c r="V7198" i="1"/>
  <c r="V7199" i="1"/>
  <c r="V7200" i="1"/>
  <c r="V7201" i="1"/>
  <c r="V7202" i="1"/>
  <c r="V7203" i="1"/>
  <c r="V7204" i="1"/>
  <c r="V7205" i="1"/>
  <c r="V7206" i="1"/>
  <c r="V7207" i="1"/>
  <c r="V7208" i="1"/>
  <c r="V7209" i="1"/>
  <c r="V7210" i="1"/>
  <c r="V7211" i="1"/>
  <c r="V7212" i="1"/>
  <c r="V7213" i="1"/>
  <c r="V7214" i="1"/>
  <c r="V7215" i="1"/>
  <c r="V7216" i="1"/>
  <c r="V7217" i="1"/>
  <c r="V7218" i="1"/>
  <c r="V7219" i="1"/>
  <c r="V7220" i="1"/>
  <c r="V7221" i="1"/>
  <c r="V7222" i="1"/>
  <c r="V7223" i="1"/>
  <c r="V7224" i="1"/>
  <c r="V7225" i="1"/>
  <c r="V7226" i="1"/>
  <c r="V7227" i="1"/>
  <c r="V7228" i="1"/>
  <c r="V7229" i="1"/>
  <c r="V7230" i="1"/>
  <c r="V7231" i="1"/>
  <c r="V7232" i="1"/>
  <c r="V7233" i="1"/>
  <c r="V7234" i="1"/>
  <c r="V7235" i="1"/>
  <c r="V7236" i="1"/>
  <c r="V7237" i="1"/>
  <c r="V7238" i="1"/>
  <c r="V7239" i="1"/>
  <c r="V7240" i="1"/>
  <c r="V7241" i="1"/>
  <c r="V7242" i="1"/>
  <c r="V7243" i="1"/>
  <c r="V7244" i="1"/>
  <c r="V7245" i="1"/>
  <c r="V7246" i="1"/>
  <c r="V7247" i="1"/>
  <c r="V7248" i="1"/>
  <c r="V7249" i="1"/>
  <c r="V7250" i="1"/>
  <c r="V7251" i="1"/>
  <c r="V7252" i="1"/>
  <c r="V7253" i="1"/>
  <c r="V7254" i="1"/>
  <c r="V7255" i="1"/>
  <c r="V7256" i="1"/>
  <c r="V7257" i="1"/>
  <c r="V7258" i="1"/>
  <c r="V7259" i="1"/>
  <c r="V7260" i="1"/>
  <c r="V7261" i="1"/>
  <c r="V7262" i="1"/>
  <c r="V7263" i="1"/>
  <c r="V7264" i="1"/>
  <c r="V7265" i="1"/>
  <c r="V7266" i="1"/>
  <c r="V7267" i="1"/>
  <c r="V7268" i="1"/>
  <c r="V7269" i="1"/>
  <c r="V7270" i="1"/>
  <c r="V7271" i="1"/>
  <c r="V7272" i="1"/>
  <c r="V7273" i="1"/>
  <c r="V7274" i="1"/>
  <c r="V7275" i="1"/>
  <c r="V7276" i="1"/>
  <c r="V7277" i="1"/>
  <c r="V7278" i="1"/>
  <c r="V7279" i="1"/>
  <c r="V7280" i="1"/>
  <c r="V7281" i="1"/>
  <c r="V7282" i="1"/>
  <c r="V7283" i="1"/>
  <c r="V7284" i="1"/>
  <c r="V7285" i="1"/>
  <c r="V7286" i="1"/>
  <c r="V7287" i="1"/>
  <c r="V7288" i="1"/>
  <c r="V7289" i="1"/>
  <c r="V7290" i="1"/>
  <c r="V7291" i="1"/>
  <c r="V7292" i="1"/>
  <c r="V7293" i="1"/>
  <c r="V7294" i="1"/>
  <c r="V7295" i="1"/>
  <c r="V7296" i="1"/>
  <c r="V7297" i="1"/>
  <c r="V7298" i="1"/>
  <c r="V7299" i="1"/>
  <c r="V7300" i="1"/>
  <c r="V7301" i="1"/>
  <c r="V7302" i="1"/>
  <c r="V7303" i="1"/>
  <c r="V7304" i="1"/>
  <c r="V7305" i="1"/>
  <c r="V7306" i="1"/>
  <c r="V7307" i="1"/>
  <c r="V7308" i="1"/>
  <c r="V7309" i="1"/>
  <c r="V7310" i="1"/>
  <c r="V7311" i="1"/>
  <c r="V7312" i="1"/>
  <c r="V7313" i="1"/>
  <c r="V7314" i="1"/>
  <c r="V7315" i="1"/>
  <c r="V7316" i="1"/>
  <c r="V7317" i="1"/>
  <c r="V7318" i="1"/>
  <c r="V7319" i="1"/>
  <c r="V7320" i="1"/>
  <c r="V7321" i="1"/>
  <c r="V7322" i="1"/>
  <c r="V7323" i="1"/>
  <c r="V7324" i="1"/>
  <c r="V7325" i="1"/>
  <c r="V7326" i="1"/>
  <c r="V7327" i="1"/>
  <c r="V7328" i="1"/>
  <c r="V7329" i="1"/>
  <c r="V7330" i="1"/>
  <c r="V7331" i="1"/>
  <c r="V7332" i="1"/>
  <c r="V7333" i="1"/>
  <c r="V7334" i="1"/>
  <c r="V7335" i="1"/>
  <c r="V7336" i="1"/>
  <c r="V7337" i="1"/>
  <c r="V7338" i="1"/>
  <c r="V7339" i="1"/>
  <c r="V7340" i="1"/>
  <c r="V7341" i="1"/>
  <c r="V7342" i="1"/>
  <c r="V7343" i="1"/>
  <c r="V7344" i="1"/>
  <c r="V7345" i="1"/>
  <c r="V7346" i="1"/>
  <c r="V7347" i="1"/>
  <c r="V7348" i="1"/>
  <c r="V7349" i="1"/>
  <c r="V7350" i="1"/>
  <c r="V7351" i="1"/>
  <c r="V7352" i="1"/>
  <c r="V7353" i="1"/>
  <c r="V7354" i="1"/>
  <c r="V7355" i="1"/>
  <c r="V7356" i="1"/>
  <c r="V7357" i="1"/>
  <c r="V7358" i="1"/>
  <c r="V7359" i="1"/>
  <c r="V7360" i="1"/>
  <c r="V7361" i="1"/>
  <c r="V7362" i="1"/>
  <c r="V7363" i="1"/>
  <c r="V7364" i="1"/>
  <c r="V7365" i="1"/>
  <c r="V7366" i="1"/>
  <c r="V7367" i="1"/>
  <c r="V7368" i="1"/>
  <c r="V7369" i="1"/>
  <c r="V7370" i="1"/>
  <c r="V7371" i="1"/>
  <c r="V7372" i="1"/>
  <c r="V7373" i="1"/>
  <c r="V7374" i="1"/>
  <c r="V7375" i="1"/>
  <c r="V7376" i="1"/>
  <c r="V7377" i="1"/>
  <c r="V7378" i="1"/>
  <c r="V7379" i="1"/>
  <c r="V7380" i="1"/>
  <c r="V7381" i="1"/>
  <c r="V7382" i="1"/>
  <c r="V7383" i="1"/>
  <c r="V7384" i="1"/>
  <c r="V7385" i="1"/>
  <c r="V7386" i="1"/>
  <c r="V7387" i="1"/>
  <c r="V7388" i="1"/>
  <c r="V7389" i="1"/>
  <c r="V7390" i="1"/>
  <c r="V7391" i="1"/>
  <c r="V7392" i="1"/>
  <c r="V7393" i="1"/>
  <c r="V7394" i="1"/>
  <c r="V7395" i="1"/>
  <c r="V7396" i="1"/>
  <c r="V7397" i="1"/>
  <c r="V7398" i="1"/>
  <c r="V7399" i="1"/>
  <c r="V7400" i="1"/>
  <c r="V7401" i="1"/>
  <c r="V7402" i="1"/>
  <c r="V7403" i="1"/>
  <c r="V7404" i="1"/>
  <c r="V7405" i="1"/>
  <c r="V7406" i="1"/>
  <c r="V7407" i="1"/>
  <c r="V7408" i="1"/>
  <c r="V7409" i="1"/>
  <c r="V7410" i="1"/>
  <c r="V7411" i="1"/>
  <c r="V7412" i="1"/>
  <c r="V7413" i="1"/>
  <c r="V7414" i="1"/>
  <c r="V7415" i="1"/>
  <c r="V7416" i="1"/>
  <c r="V7417" i="1"/>
  <c r="V7418" i="1"/>
  <c r="V7419" i="1"/>
  <c r="V7420" i="1"/>
  <c r="V7421" i="1"/>
  <c r="V7422" i="1"/>
  <c r="V7423" i="1"/>
  <c r="V7424" i="1"/>
  <c r="V7425" i="1"/>
  <c r="V7426" i="1"/>
  <c r="V7427" i="1"/>
  <c r="V7428" i="1"/>
  <c r="V7429" i="1"/>
  <c r="V7430" i="1"/>
  <c r="V7431" i="1"/>
  <c r="V7432" i="1"/>
  <c r="V7433" i="1"/>
  <c r="V7434" i="1"/>
  <c r="V7435" i="1"/>
  <c r="V7436" i="1"/>
  <c r="V7437" i="1"/>
  <c r="V7438" i="1"/>
  <c r="V7439" i="1"/>
  <c r="V7440" i="1"/>
  <c r="V7441" i="1"/>
  <c r="V7442" i="1"/>
  <c r="V7443" i="1"/>
  <c r="V7444" i="1"/>
  <c r="V7445" i="1"/>
  <c r="V7446" i="1"/>
  <c r="V7447" i="1"/>
  <c r="V7448" i="1"/>
  <c r="V7449" i="1"/>
  <c r="V7450" i="1"/>
  <c r="V7451" i="1"/>
  <c r="V7452" i="1"/>
  <c r="V7453" i="1"/>
  <c r="V7454" i="1"/>
  <c r="V7455" i="1"/>
  <c r="V7456" i="1"/>
  <c r="V7457" i="1"/>
  <c r="V7458" i="1"/>
  <c r="V7459" i="1"/>
  <c r="V7460" i="1"/>
  <c r="V7461" i="1"/>
  <c r="V7462" i="1"/>
  <c r="V7463" i="1"/>
  <c r="V7464" i="1"/>
  <c r="V7465" i="1"/>
  <c r="V7466" i="1"/>
  <c r="V7467" i="1"/>
  <c r="V7468" i="1"/>
  <c r="V7469" i="1"/>
  <c r="V7470" i="1"/>
  <c r="V7471" i="1"/>
  <c r="V7472" i="1"/>
  <c r="V7473" i="1"/>
  <c r="V7474" i="1"/>
  <c r="V7475" i="1"/>
  <c r="V7476" i="1"/>
  <c r="V7477" i="1"/>
  <c r="V7478" i="1"/>
  <c r="V7479" i="1"/>
  <c r="V7480" i="1"/>
  <c r="V7481" i="1"/>
  <c r="V7482" i="1"/>
  <c r="V7483" i="1"/>
  <c r="V7484" i="1"/>
  <c r="V7485" i="1"/>
  <c r="V7486" i="1"/>
  <c r="V7487" i="1"/>
  <c r="V7488" i="1"/>
  <c r="V7489" i="1"/>
  <c r="V7490" i="1"/>
  <c r="V7491" i="1"/>
  <c r="V7492" i="1"/>
  <c r="V7493" i="1"/>
  <c r="V7494" i="1"/>
  <c r="V7495" i="1"/>
  <c r="V7496" i="1"/>
  <c r="V7497" i="1"/>
  <c r="V7498" i="1"/>
  <c r="V7499" i="1"/>
  <c r="V7500" i="1"/>
  <c r="V7501" i="1"/>
  <c r="V7502" i="1"/>
  <c r="V7503" i="1"/>
  <c r="V7504" i="1"/>
  <c r="V7505" i="1"/>
  <c r="V7506" i="1"/>
  <c r="V7507" i="1"/>
  <c r="V7508" i="1"/>
  <c r="V7509" i="1"/>
  <c r="V7510" i="1"/>
  <c r="V7511" i="1"/>
  <c r="V7512" i="1"/>
  <c r="V7513" i="1"/>
  <c r="V7514" i="1"/>
  <c r="V7515" i="1"/>
  <c r="V7516" i="1"/>
  <c r="V7517" i="1"/>
  <c r="V7518" i="1"/>
  <c r="V7519" i="1"/>
  <c r="V7520" i="1"/>
  <c r="V7521" i="1"/>
  <c r="V7522" i="1"/>
  <c r="V7523" i="1"/>
  <c r="V7524" i="1"/>
  <c r="V7525" i="1"/>
  <c r="V7526" i="1"/>
  <c r="V7527" i="1"/>
  <c r="V7528" i="1"/>
  <c r="V7529" i="1"/>
  <c r="V7530" i="1"/>
  <c r="V7531" i="1"/>
  <c r="V7532" i="1"/>
  <c r="V7533" i="1"/>
  <c r="V7534" i="1"/>
  <c r="V7535" i="1"/>
  <c r="V7536" i="1"/>
  <c r="V7537" i="1"/>
  <c r="V7538" i="1"/>
  <c r="V7539" i="1"/>
  <c r="V7540" i="1"/>
  <c r="V7541" i="1"/>
  <c r="V7542" i="1"/>
  <c r="V7543" i="1"/>
  <c r="V7544" i="1"/>
  <c r="V7545" i="1"/>
  <c r="V7546" i="1"/>
  <c r="V7547" i="1"/>
  <c r="V7548" i="1"/>
  <c r="V7549" i="1"/>
  <c r="V7550" i="1"/>
  <c r="V7551" i="1"/>
  <c r="V7552" i="1"/>
  <c r="V7553" i="1"/>
  <c r="V7554" i="1"/>
  <c r="V7555" i="1"/>
  <c r="V7556" i="1"/>
  <c r="V7557" i="1"/>
  <c r="V7558" i="1"/>
  <c r="V7559" i="1"/>
  <c r="V7560" i="1"/>
  <c r="V7561" i="1"/>
  <c r="V7562" i="1"/>
  <c r="V7563" i="1"/>
  <c r="V7564" i="1"/>
  <c r="V7565" i="1"/>
  <c r="V7566" i="1"/>
  <c r="V7567" i="1"/>
  <c r="V7568" i="1"/>
  <c r="V7569" i="1"/>
  <c r="V7570" i="1"/>
  <c r="V7571" i="1"/>
  <c r="V7572" i="1"/>
  <c r="V7573" i="1"/>
  <c r="V7574" i="1"/>
  <c r="V7575" i="1"/>
  <c r="V7576" i="1"/>
  <c r="V7577" i="1"/>
  <c r="V7578" i="1"/>
  <c r="V7579" i="1"/>
  <c r="V7580" i="1"/>
  <c r="V7581" i="1"/>
  <c r="V7582" i="1"/>
  <c r="V7583" i="1"/>
  <c r="V7584" i="1"/>
  <c r="V7585" i="1"/>
  <c r="V7586" i="1"/>
  <c r="V7587" i="1"/>
  <c r="V7588" i="1"/>
  <c r="V7589" i="1"/>
  <c r="V7590" i="1"/>
  <c r="V7591" i="1"/>
  <c r="V7592" i="1"/>
  <c r="V7593" i="1"/>
  <c r="V7594" i="1"/>
  <c r="V7595" i="1"/>
  <c r="V7596" i="1"/>
  <c r="V7597" i="1"/>
  <c r="V7598" i="1"/>
  <c r="V7599" i="1"/>
  <c r="V7600" i="1"/>
  <c r="V7601" i="1"/>
  <c r="V7602" i="1"/>
  <c r="V7603" i="1"/>
  <c r="V7604" i="1"/>
  <c r="V7605" i="1"/>
  <c r="V7606" i="1"/>
  <c r="V7607" i="1"/>
  <c r="V7608" i="1"/>
  <c r="V7609" i="1"/>
  <c r="V7610" i="1"/>
  <c r="V7611" i="1"/>
  <c r="V7612" i="1"/>
  <c r="V7613" i="1"/>
  <c r="V7614" i="1"/>
  <c r="V7615" i="1"/>
  <c r="V7616" i="1"/>
  <c r="V7617" i="1"/>
  <c r="V7618" i="1"/>
  <c r="V7619" i="1"/>
  <c r="V7620" i="1"/>
  <c r="V7621" i="1"/>
  <c r="V7622" i="1"/>
  <c r="V7623" i="1"/>
  <c r="V7624" i="1"/>
  <c r="V7625" i="1"/>
  <c r="V7626" i="1"/>
  <c r="V7627" i="1"/>
  <c r="V7628" i="1"/>
  <c r="V7629" i="1"/>
  <c r="V7630" i="1"/>
  <c r="V7631" i="1"/>
  <c r="V7632" i="1"/>
  <c r="V7633" i="1"/>
  <c r="V7634" i="1"/>
  <c r="V7635" i="1"/>
  <c r="V7636" i="1"/>
  <c r="V7637" i="1"/>
  <c r="V7638" i="1"/>
  <c r="V7639" i="1"/>
  <c r="V7640" i="1"/>
  <c r="V7641" i="1"/>
  <c r="V7642" i="1"/>
  <c r="V7643" i="1"/>
  <c r="V7644" i="1"/>
  <c r="V7645" i="1"/>
  <c r="V7646" i="1"/>
  <c r="V7647" i="1"/>
  <c r="V7648" i="1"/>
  <c r="V7649" i="1"/>
  <c r="V7650" i="1"/>
  <c r="V7651" i="1"/>
  <c r="V7652" i="1"/>
  <c r="V7653" i="1"/>
  <c r="V7654" i="1"/>
  <c r="V7655" i="1"/>
  <c r="V7656" i="1"/>
  <c r="V7657" i="1"/>
  <c r="V7658" i="1"/>
  <c r="V7659" i="1"/>
  <c r="V7660" i="1"/>
  <c r="V7661" i="1"/>
  <c r="V7662" i="1"/>
  <c r="V7663" i="1"/>
  <c r="V7664" i="1"/>
  <c r="V7665" i="1"/>
  <c r="V7666" i="1"/>
  <c r="V7667" i="1"/>
  <c r="V7668" i="1"/>
  <c r="V7669" i="1"/>
  <c r="V7670" i="1"/>
  <c r="V7671" i="1"/>
  <c r="V7672" i="1"/>
  <c r="V7673" i="1"/>
  <c r="V7674" i="1"/>
  <c r="V7675" i="1"/>
  <c r="V7676" i="1"/>
  <c r="V7677" i="1"/>
  <c r="V7678" i="1"/>
  <c r="V7679" i="1"/>
  <c r="V7680" i="1"/>
  <c r="V7681" i="1"/>
  <c r="V7682" i="1"/>
  <c r="V7683" i="1"/>
  <c r="V7684" i="1"/>
  <c r="V7685" i="1"/>
  <c r="V7686" i="1"/>
  <c r="V7687" i="1"/>
  <c r="V7688" i="1"/>
  <c r="V7689" i="1"/>
  <c r="V7690" i="1"/>
  <c r="V7691" i="1"/>
  <c r="V7692" i="1"/>
  <c r="V7693" i="1"/>
  <c r="V7694" i="1"/>
  <c r="V7695" i="1"/>
  <c r="V7696" i="1"/>
  <c r="V7697" i="1"/>
  <c r="V7698" i="1"/>
  <c r="V7699" i="1"/>
  <c r="V7700" i="1"/>
  <c r="V7701" i="1"/>
  <c r="V7702" i="1"/>
  <c r="V7703" i="1"/>
  <c r="V7704" i="1"/>
  <c r="V7705" i="1"/>
  <c r="V7706" i="1"/>
  <c r="V7707" i="1"/>
  <c r="V7708" i="1"/>
  <c r="V7709" i="1"/>
  <c r="V7710" i="1"/>
  <c r="V7711" i="1"/>
  <c r="V7712" i="1"/>
  <c r="V7713" i="1"/>
  <c r="V7714" i="1"/>
  <c r="V7715" i="1"/>
  <c r="V7716" i="1"/>
  <c r="V7717" i="1"/>
  <c r="V7718" i="1"/>
  <c r="V7719" i="1"/>
  <c r="V7720" i="1"/>
  <c r="V7721" i="1"/>
  <c r="V7722" i="1"/>
  <c r="V7723" i="1"/>
  <c r="V7724" i="1"/>
  <c r="V7725" i="1"/>
  <c r="V7726" i="1"/>
  <c r="V7727" i="1"/>
  <c r="V7728" i="1"/>
  <c r="V7729" i="1"/>
  <c r="V7730" i="1"/>
  <c r="V7731" i="1"/>
  <c r="V7732" i="1"/>
  <c r="V7733" i="1"/>
  <c r="V7734" i="1"/>
  <c r="V7735" i="1"/>
  <c r="V7736" i="1"/>
  <c r="V7737" i="1"/>
  <c r="V7738" i="1"/>
  <c r="V7739" i="1"/>
  <c r="V7740" i="1"/>
  <c r="V7741" i="1"/>
  <c r="V7742" i="1"/>
  <c r="V7743" i="1"/>
  <c r="V7744" i="1"/>
  <c r="V7745" i="1"/>
  <c r="V7746" i="1"/>
  <c r="V7747" i="1"/>
  <c r="V7748" i="1"/>
  <c r="V7749" i="1"/>
  <c r="V7750" i="1"/>
  <c r="V7751" i="1"/>
  <c r="V7752" i="1"/>
  <c r="V7753" i="1"/>
  <c r="V7754" i="1"/>
  <c r="V7755" i="1"/>
  <c r="V7756" i="1"/>
  <c r="V7757" i="1"/>
  <c r="V7758" i="1"/>
  <c r="V7759" i="1"/>
  <c r="V7760" i="1"/>
  <c r="V7761" i="1"/>
  <c r="V7762" i="1"/>
  <c r="V7763" i="1"/>
  <c r="V7764" i="1"/>
  <c r="V7765" i="1"/>
  <c r="V7766" i="1"/>
  <c r="V7767" i="1"/>
  <c r="V7768" i="1"/>
  <c r="V7769" i="1"/>
  <c r="V7770" i="1"/>
  <c r="V7771" i="1"/>
  <c r="V7772" i="1"/>
  <c r="V7773" i="1"/>
  <c r="V7774" i="1"/>
  <c r="V7775" i="1"/>
  <c r="V7776" i="1"/>
  <c r="V7777" i="1"/>
  <c r="V7778" i="1"/>
  <c r="V7779" i="1"/>
  <c r="V7780" i="1"/>
  <c r="V7781" i="1"/>
  <c r="V7782" i="1"/>
  <c r="V7783" i="1"/>
  <c r="V7784" i="1"/>
  <c r="V7785" i="1"/>
  <c r="V7786" i="1"/>
  <c r="V7787" i="1"/>
  <c r="V7788" i="1"/>
  <c r="V7789" i="1"/>
  <c r="V7790" i="1"/>
  <c r="V7791" i="1"/>
  <c r="V7792" i="1"/>
  <c r="V7793" i="1"/>
  <c r="V7794" i="1"/>
  <c r="V7795" i="1"/>
  <c r="V7796" i="1"/>
  <c r="V7797" i="1"/>
  <c r="V7798" i="1"/>
  <c r="V7799" i="1"/>
  <c r="V7800" i="1"/>
  <c r="V7801" i="1"/>
  <c r="V7802" i="1"/>
  <c r="V7803" i="1"/>
  <c r="V7804" i="1"/>
  <c r="V7805" i="1"/>
  <c r="V7806" i="1"/>
  <c r="V7807" i="1"/>
  <c r="V7808" i="1"/>
  <c r="V7809" i="1"/>
  <c r="V7810" i="1"/>
  <c r="V7811" i="1"/>
  <c r="V7812" i="1"/>
  <c r="V7813" i="1"/>
  <c r="V7814" i="1"/>
  <c r="V7815" i="1"/>
  <c r="V7816" i="1"/>
  <c r="V7817" i="1"/>
  <c r="V7818" i="1"/>
  <c r="V7819" i="1"/>
  <c r="V7820" i="1"/>
  <c r="V7821" i="1"/>
  <c r="V7822" i="1"/>
  <c r="V7823" i="1"/>
  <c r="V7824" i="1"/>
  <c r="V7825" i="1"/>
  <c r="V7826" i="1"/>
  <c r="V7827" i="1"/>
  <c r="V7828" i="1"/>
  <c r="V7829" i="1"/>
  <c r="V7830" i="1"/>
  <c r="V7831" i="1"/>
  <c r="V7832" i="1"/>
  <c r="V7833" i="1"/>
  <c r="V7834" i="1"/>
  <c r="V7835" i="1"/>
  <c r="V7836" i="1"/>
  <c r="V7837" i="1"/>
  <c r="V7838" i="1"/>
  <c r="V7839" i="1"/>
  <c r="V7840" i="1"/>
  <c r="V7841" i="1"/>
  <c r="V7842" i="1"/>
  <c r="V7843" i="1"/>
  <c r="V7844" i="1"/>
  <c r="V7845" i="1"/>
  <c r="V7846" i="1"/>
  <c r="V7847" i="1"/>
  <c r="V7848" i="1"/>
  <c r="V7849" i="1"/>
  <c r="V7850" i="1"/>
  <c r="V7851" i="1"/>
  <c r="V7852" i="1"/>
  <c r="V7853" i="1"/>
  <c r="V7854" i="1"/>
  <c r="V7855" i="1"/>
  <c r="V7856" i="1"/>
  <c r="V7857" i="1"/>
  <c r="V7858" i="1"/>
  <c r="V7859" i="1"/>
  <c r="V7860" i="1"/>
  <c r="V7861" i="1"/>
  <c r="V7862" i="1"/>
  <c r="V7863" i="1"/>
  <c r="V7864" i="1"/>
  <c r="V7865" i="1"/>
  <c r="V7866" i="1"/>
  <c r="V7867" i="1"/>
  <c r="V7868" i="1"/>
  <c r="V7869" i="1"/>
  <c r="V7870" i="1"/>
  <c r="V7871" i="1"/>
  <c r="V7872" i="1"/>
  <c r="V7873" i="1"/>
  <c r="V7874" i="1"/>
  <c r="V7875" i="1"/>
  <c r="V7876" i="1"/>
  <c r="V7877" i="1"/>
  <c r="V7878" i="1"/>
  <c r="V7879" i="1"/>
  <c r="V7880" i="1"/>
  <c r="V7881" i="1"/>
  <c r="V7882" i="1"/>
  <c r="V7883" i="1"/>
  <c r="V7884" i="1"/>
  <c r="V7885" i="1"/>
  <c r="V7886" i="1"/>
  <c r="V7887" i="1"/>
  <c r="V7888" i="1"/>
  <c r="V7889" i="1"/>
  <c r="V7890" i="1"/>
  <c r="V7891" i="1"/>
  <c r="V7892" i="1"/>
  <c r="V7893" i="1"/>
  <c r="V7894" i="1"/>
  <c r="V7895" i="1"/>
  <c r="V7896" i="1"/>
  <c r="V7897" i="1"/>
  <c r="V7898" i="1"/>
  <c r="V7899" i="1"/>
  <c r="V7900" i="1"/>
  <c r="V7901" i="1"/>
  <c r="V7902" i="1"/>
  <c r="V7903" i="1"/>
  <c r="V7904" i="1"/>
  <c r="V7905" i="1"/>
  <c r="V7906" i="1"/>
  <c r="V7907" i="1"/>
  <c r="V7908" i="1"/>
  <c r="V7909" i="1"/>
  <c r="V7910" i="1"/>
  <c r="V7911" i="1"/>
  <c r="V7912" i="1"/>
  <c r="V7913" i="1"/>
  <c r="V7914" i="1"/>
  <c r="V7915" i="1"/>
  <c r="V7916" i="1"/>
  <c r="V7917" i="1"/>
  <c r="V7918" i="1"/>
  <c r="V7919" i="1"/>
  <c r="V7920" i="1"/>
  <c r="V7921" i="1"/>
  <c r="V7922" i="1"/>
  <c r="V7923" i="1"/>
  <c r="V7924" i="1"/>
  <c r="V7925" i="1"/>
  <c r="V7926" i="1"/>
  <c r="V7927" i="1"/>
  <c r="V7928" i="1"/>
  <c r="V7929" i="1"/>
  <c r="V7930" i="1"/>
  <c r="V7931" i="1"/>
  <c r="V7932" i="1"/>
  <c r="V7933" i="1"/>
  <c r="V7934" i="1"/>
  <c r="V7935" i="1"/>
  <c r="V7936" i="1"/>
  <c r="V7937" i="1"/>
  <c r="V7938" i="1"/>
  <c r="V7939" i="1"/>
  <c r="V7940" i="1"/>
  <c r="V7941" i="1"/>
  <c r="V7942" i="1"/>
  <c r="V7943" i="1"/>
  <c r="V7944" i="1"/>
  <c r="V7945" i="1"/>
  <c r="V7946" i="1"/>
  <c r="V7947" i="1"/>
  <c r="V7948" i="1"/>
  <c r="V7949" i="1"/>
  <c r="V7950" i="1"/>
  <c r="V7951" i="1"/>
  <c r="V7952" i="1"/>
  <c r="V7953" i="1"/>
  <c r="V7954" i="1"/>
  <c r="V7955" i="1"/>
  <c r="V7956" i="1"/>
  <c r="V7957" i="1"/>
  <c r="V7958" i="1"/>
  <c r="V7959" i="1"/>
  <c r="V7960" i="1"/>
  <c r="V7961" i="1"/>
  <c r="V7962" i="1"/>
  <c r="V7963" i="1"/>
  <c r="V7964" i="1"/>
  <c r="V7965" i="1"/>
  <c r="V7966" i="1"/>
  <c r="V7967" i="1"/>
  <c r="V7968" i="1"/>
  <c r="V7969" i="1"/>
  <c r="V7970" i="1"/>
  <c r="V7971" i="1"/>
  <c r="V7972" i="1"/>
  <c r="V7973" i="1"/>
  <c r="V7974" i="1"/>
  <c r="V7975" i="1"/>
  <c r="V7976" i="1"/>
  <c r="V7977" i="1"/>
  <c r="V7978" i="1"/>
  <c r="V7979" i="1"/>
  <c r="V7980" i="1"/>
  <c r="V7981" i="1"/>
  <c r="V7982" i="1"/>
  <c r="V7983" i="1"/>
  <c r="V7984" i="1"/>
  <c r="V7985" i="1"/>
  <c r="V7986" i="1"/>
  <c r="V7987" i="1"/>
  <c r="V7988" i="1"/>
  <c r="V7989" i="1"/>
  <c r="V7990" i="1"/>
  <c r="V7991" i="1"/>
  <c r="V7992" i="1"/>
  <c r="V7993" i="1"/>
  <c r="V7994" i="1"/>
  <c r="V7995" i="1"/>
  <c r="V7996" i="1"/>
  <c r="V7997" i="1"/>
  <c r="V7998" i="1"/>
  <c r="V7999" i="1"/>
  <c r="V8000" i="1"/>
  <c r="V8001" i="1"/>
  <c r="V8002" i="1"/>
  <c r="V8003" i="1"/>
  <c r="V8004" i="1"/>
  <c r="V8005" i="1"/>
  <c r="V8006" i="1"/>
  <c r="V8007" i="1"/>
  <c r="V8008" i="1"/>
  <c r="V8009" i="1"/>
  <c r="V8010" i="1"/>
  <c r="V8011" i="1"/>
  <c r="V8012" i="1"/>
  <c r="V8013" i="1"/>
  <c r="V8014" i="1"/>
  <c r="V8015" i="1"/>
  <c r="V8016" i="1"/>
  <c r="V8017" i="1"/>
  <c r="V8018" i="1"/>
  <c r="V8019" i="1"/>
  <c r="V8020" i="1"/>
  <c r="V8021" i="1"/>
  <c r="V8022" i="1"/>
  <c r="V8023" i="1"/>
  <c r="V8024" i="1"/>
  <c r="V8025" i="1"/>
  <c r="V8026" i="1"/>
  <c r="V8027" i="1"/>
  <c r="V8028" i="1"/>
  <c r="V8029" i="1"/>
  <c r="V8030" i="1"/>
  <c r="V8031" i="1"/>
  <c r="V8032" i="1"/>
  <c r="V8033" i="1"/>
  <c r="V8034" i="1"/>
  <c r="V8035" i="1"/>
  <c r="V8036" i="1"/>
  <c r="V8037" i="1"/>
  <c r="V8038" i="1"/>
  <c r="V8039" i="1"/>
  <c r="V8040" i="1"/>
  <c r="V8041" i="1"/>
  <c r="V8042" i="1"/>
  <c r="V8043" i="1"/>
  <c r="V8044" i="1"/>
  <c r="V8045" i="1"/>
  <c r="V8046" i="1"/>
  <c r="V8047" i="1"/>
  <c r="V8048" i="1"/>
  <c r="V8049" i="1"/>
  <c r="V8050" i="1"/>
  <c r="V8051" i="1"/>
  <c r="V8052" i="1"/>
  <c r="V8053" i="1"/>
  <c r="V8054" i="1"/>
  <c r="V8055" i="1"/>
  <c r="V8056" i="1"/>
  <c r="V8057" i="1"/>
  <c r="V8058" i="1"/>
  <c r="V8059" i="1"/>
  <c r="V8060" i="1"/>
  <c r="V8061" i="1"/>
  <c r="V8062" i="1"/>
  <c r="V8063" i="1"/>
  <c r="V8064" i="1"/>
  <c r="V8065" i="1"/>
  <c r="V8066" i="1"/>
  <c r="V8067" i="1"/>
  <c r="V8068" i="1"/>
  <c r="V8069" i="1"/>
  <c r="V8070" i="1"/>
  <c r="V8071" i="1"/>
  <c r="V8072" i="1"/>
  <c r="V8073" i="1"/>
  <c r="V8074" i="1"/>
  <c r="V8075" i="1"/>
  <c r="V8076" i="1"/>
  <c r="V8077" i="1"/>
  <c r="V8078" i="1"/>
  <c r="V8079" i="1"/>
  <c r="V8080" i="1"/>
  <c r="V8081" i="1"/>
  <c r="V8082" i="1"/>
  <c r="V8083" i="1"/>
  <c r="V8084" i="1"/>
  <c r="V8085" i="1"/>
  <c r="V8086" i="1"/>
  <c r="V8087" i="1"/>
  <c r="V8088" i="1"/>
  <c r="V8089" i="1"/>
  <c r="V8090" i="1"/>
  <c r="V8091" i="1"/>
  <c r="V8092" i="1"/>
  <c r="V8093" i="1"/>
  <c r="V8094" i="1"/>
  <c r="V8095" i="1"/>
  <c r="V8096" i="1"/>
  <c r="V8097" i="1"/>
  <c r="V8098" i="1"/>
  <c r="V8099" i="1"/>
  <c r="V8100" i="1"/>
  <c r="V8101" i="1"/>
  <c r="V8102" i="1"/>
  <c r="V8103" i="1"/>
  <c r="V8104" i="1"/>
  <c r="V8105" i="1"/>
  <c r="V8106" i="1"/>
  <c r="V8107" i="1"/>
  <c r="V8108" i="1"/>
  <c r="V8109" i="1"/>
  <c r="V8110" i="1"/>
  <c r="V8111" i="1"/>
  <c r="V8112" i="1"/>
  <c r="V8113" i="1"/>
  <c r="V8114" i="1"/>
  <c r="V8115" i="1"/>
  <c r="V8116" i="1"/>
  <c r="V8117" i="1"/>
  <c r="V8118" i="1"/>
  <c r="V8119" i="1"/>
  <c r="V8120" i="1"/>
  <c r="V8121" i="1"/>
  <c r="V8122" i="1"/>
  <c r="V8123" i="1"/>
  <c r="V8124" i="1"/>
  <c r="V8125" i="1"/>
  <c r="V8126" i="1"/>
  <c r="V8127" i="1"/>
  <c r="V8128" i="1"/>
  <c r="V8129" i="1"/>
  <c r="V8130" i="1"/>
  <c r="V8131" i="1"/>
  <c r="V8132" i="1"/>
  <c r="V8133" i="1"/>
  <c r="V8134" i="1"/>
  <c r="V8135" i="1"/>
  <c r="V8136" i="1"/>
  <c r="V8137" i="1"/>
  <c r="V8138" i="1"/>
  <c r="V8139" i="1"/>
  <c r="V8140" i="1"/>
  <c r="V8141" i="1"/>
  <c r="V8142" i="1"/>
  <c r="V8143" i="1"/>
  <c r="V8144" i="1"/>
  <c r="V8145" i="1"/>
  <c r="V8146" i="1"/>
  <c r="V8147" i="1"/>
  <c r="V8148" i="1"/>
  <c r="V8149" i="1"/>
  <c r="V8150" i="1"/>
  <c r="V8151" i="1"/>
  <c r="V8152" i="1"/>
  <c r="V8153" i="1"/>
  <c r="V8154" i="1"/>
  <c r="V8155" i="1"/>
  <c r="V8156" i="1"/>
  <c r="V8157" i="1"/>
  <c r="V8158" i="1"/>
  <c r="V8159" i="1"/>
  <c r="V8160" i="1"/>
  <c r="V8161" i="1"/>
  <c r="V8162" i="1"/>
  <c r="V8163" i="1"/>
  <c r="V8164" i="1"/>
  <c r="V8165" i="1"/>
  <c r="V8166" i="1"/>
  <c r="V8167" i="1"/>
  <c r="V8168" i="1"/>
  <c r="V8169" i="1"/>
  <c r="V8170" i="1"/>
  <c r="V8171" i="1"/>
  <c r="V8172" i="1"/>
  <c r="V8173" i="1"/>
  <c r="V8174" i="1"/>
  <c r="V8175" i="1"/>
  <c r="V8176" i="1"/>
  <c r="V8177" i="1"/>
  <c r="V8178" i="1"/>
  <c r="V8179" i="1"/>
  <c r="V8180" i="1"/>
  <c r="V8181" i="1"/>
  <c r="V8182" i="1"/>
  <c r="V8183" i="1"/>
  <c r="V8184" i="1"/>
  <c r="V8185" i="1"/>
  <c r="V8186" i="1"/>
  <c r="V8187" i="1"/>
  <c r="V8188" i="1"/>
  <c r="V8189" i="1"/>
  <c r="V8190" i="1"/>
  <c r="V8191" i="1"/>
  <c r="V8192" i="1"/>
  <c r="V8193" i="1"/>
  <c r="V8194" i="1"/>
  <c r="V8195" i="1"/>
  <c r="V8196" i="1"/>
  <c r="V8197" i="1"/>
  <c r="V8198" i="1"/>
  <c r="V8199" i="1"/>
  <c r="V8200" i="1"/>
  <c r="V8201" i="1"/>
  <c r="V8202" i="1"/>
  <c r="V8203" i="1"/>
  <c r="V8204" i="1"/>
  <c r="V8205" i="1"/>
  <c r="V8206" i="1"/>
  <c r="V8207" i="1"/>
  <c r="V8208" i="1"/>
  <c r="V8209" i="1"/>
  <c r="V8210" i="1"/>
  <c r="V8211" i="1"/>
  <c r="V8212" i="1"/>
  <c r="V8213" i="1"/>
  <c r="V8214" i="1"/>
  <c r="V8215" i="1"/>
  <c r="V8216" i="1"/>
  <c r="V8217" i="1"/>
  <c r="V8218" i="1"/>
  <c r="V8219" i="1"/>
  <c r="V8220" i="1"/>
  <c r="V8221" i="1"/>
  <c r="V8222" i="1"/>
  <c r="V8223" i="1"/>
  <c r="V8224" i="1"/>
  <c r="V8225" i="1"/>
  <c r="V8226" i="1"/>
  <c r="V8227" i="1"/>
  <c r="V8228" i="1"/>
  <c r="V8229" i="1"/>
  <c r="V8230" i="1"/>
  <c r="V8231" i="1"/>
  <c r="V8232" i="1"/>
  <c r="V8233" i="1"/>
  <c r="V8234" i="1"/>
  <c r="V8235" i="1"/>
  <c r="V8236" i="1"/>
  <c r="V8237" i="1"/>
  <c r="V8238" i="1"/>
  <c r="V8239" i="1"/>
  <c r="V8240" i="1"/>
  <c r="V8241" i="1"/>
  <c r="V8242" i="1"/>
  <c r="V8243" i="1"/>
  <c r="V8244" i="1"/>
  <c r="V8245" i="1"/>
  <c r="V8246" i="1"/>
  <c r="V8247" i="1"/>
  <c r="V8248" i="1"/>
  <c r="V8249" i="1"/>
  <c r="V8250" i="1"/>
  <c r="V8251" i="1"/>
  <c r="V8252" i="1"/>
  <c r="V8253" i="1"/>
  <c r="V8254" i="1"/>
  <c r="V8255" i="1"/>
  <c r="V8256" i="1"/>
  <c r="V8257" i="1"/>
  <c r="V8258" i="1"/>
  <c r="V8259" i="1"/>
  <c r="V8260" i="1"/>
  <c r="V8261" i="1"/>
  <c r="V8262" i="1"/>
  <c r="V8263" i="1"/>
  <c r="V8264" i="1"/>
  <c r="V8265" i="1"/>
  <c r="V8266" i="1"/>
  <c r="V8267" i="1"/>
  <c r="V8268" i="1"/>
  <c r="V8269" i="1"/>
  <c r="V8270" i="1"/>
  <c r="V8271" i="1"/>
  <c r="V8272" i="1"/>
  <c r="V8273" i="1"/>
  <c r="V8274" i="1"/>
  <c r="V8275" i="1"/>
  <c r="V8276" i="1"/>
  <c r="V8277" i="1"/>
  <c r="V8278" i="1"/>
  <c r="V8279" i="1"/>
  <c r="V8280" i="1"/>
  <c r="V8281" i="1"/>
  <c r="V8282" i="1"/>
  <c r="V8283" i="1"/>
  <c r="V8284" i="1"/>
  <c r="V8285" i="1"/>
  <c r="V8286" i="1"/>
  <c r="V8287" i="1"/>
  <c r="V8288" i="1"/>
  <c r="V8289" i="1"/>
  <c r="V8290" i="1"/>
  <c r="V8291" i="1"/>
  <c r="V8292" i="1"/>
  <c r="V8293" i="1"/>
  <c r="V8294" i="1"/>
  <c r="V8295" i="1"/>
  <c r="V8296" i="1"/>
  <c r="V8297" i="1"/>
  <c r="V8298" i="1"/>
  <c r="V8299" i="1"/>
  <c r="V8300" i="1"/>
  <c r="V8301" i="1"/>
  <c r="V8302" i="1"/>
  <c r="V8303" i="1"/>
  <c r="V8304" i="1"/>
  <c r="V8305" i="1"/>
  <c r="V8306" i="1"/>
  <c r="V8307" i="1"/>
  <c r="V8308" i="1"/>
  <c r="V8309" i="1"/>
  <c r="V8310" i="1"/>
  <c r="V8311" i="1"/>
  <c r="V8312" i="1"/>
  <c r="V8313" i="1"/>
  <c r="V8314" i="1"/>
  <c r="V8315" i="1"/>
  <c r="V8316" i="1"/>
  <c r="V8317" i="1"/>
  <c r="V8318" i="1"/>
  <c r="V8319" i="1"/>
  <c r="V8320" i="1"/>
  <c r="V8321" i="1"/>
  <c r="V8322" i="1"/>
  <c r="V8323" i="1"/>
  <c r="V8324" i="1"/>
  <c r="V8325" i="1"/>
  <c r="V8326" i="1"/>
  <c r="V8327" i="1"/>
  <c r="V8328" i="1"/>
  <c r="V8329" i="1"/>
  <c r="V8330" i="1"/>
  <c r="V8331" i="1"/>
  <c r="V8332" i="1"/>
  <c r="V8333" i="1"/>
  <c r="V8334" i="1"/>
  <c r="V8335" i="1"/>
  <c r="V8336" i="1"/>
  <c r="V8337" i="1"/>
  <c r="V8338" i="1"/>
  <c r="V8339" i="1"/>
  <c r="V8340" i="1"/>
  <c r="V8341" i="1"/>
  <c r="V8342" i="1"/>
  <c r="V8343" i="1"/>
  <c r="V8344" i="1"/>
  <c r="V8345" i="1"/>
  <c r="V8346" i="1"/>
  <c r="V8347" i="1"/>
  <c r="V8348" i="1"/>
  <c r="V8349" i="1"/>
  <c r="V8350" i="1"/>
  <c r="V8351" i="1"/>
  <c r="V8352" i="1"/>
  <c r="V8353" i="1"/>
  <c r="V8354" i="1"/>
  <c r="V8355" i="1"/>
  <c r="V8356" i="1"/>
  <c r="V8357" i="1"/>
  <c r="V8358" i="1"/>
  <c r="V8359" i="1"/>
  <c r="V8360" i="1"/>
  <c r="V8361" i="1"/>
  <c r="V8362" i="1"/>
  <c r="V8363" i="1"/>
  <c r="V8364" i="1"/>
  <c r="V8365" i="1"/>
  <c r="V8366" i="1"/>
  <c r="V8367" i="1"/>
  <c r="V8368" i="1"/>
  <c r="V8369" i="1"/>
  <c r="V8370" i="1"/>
  <c r="V8371" i="1"/>
  <c r="V8372" i="1"/>
  <c r="V8373" i="1"/>
  <c r="V8374" i="1"/>
  <c r="V8375" i="1"/>
  <c r="V8376" i="1"/>
  <c r="V8377" i="1"/>
  <c r="V8378" i="1"/>
  <c r="V8379" i="1"/>
  <c r="V8380" i="1"/>
  <c r="V8381" i="1"/>
  <c r="V8382" i="1"/>
  <c r="V8383" i="1"/>
  <c r="V8384" i="1"/>
  <c r="V8385" i="1"/>
  <c r="V8386" i="1"/>
  <c r="V8387" i="1"/>
  <c r="V8388" i="1"/>
  <c r="V8389" i="1"/>
  <c r="V8390" i="1"/>
  <c r="V8391" i="1"/>
  <c r="V8392" i="1"/>
  <c r="V8393" i="1"/>
  <c r="V8394" i="1"/>
  <c r="V8395" i="1"/>
  <c r="V8396" i="1"/>
  <c r="V8397" i="1"/>
  <c r="V8398" i="1"/>
  <c r="V8399" i="1"/>
  <c r="V8400" i="1"/>
  <c r="V8401" i="1"/>
  <c r="V8402" i="1"/>
  <c r="V8403" i="1"/>
  <c r="V8404" i="1"/>
  <c r="V8405" i="1"/>
  <c r="V8406" i="1"/>
  <c r="V8407" i="1"/>
  <c r="V8408" i="1"/>
  <c r="V8409" i="1"/>
  <c r="V8410" i="1"/>
  <c r="V8411" i="1"/>
  <c r="V8412" i="1"/>
  <c r="V8413" i="1"/>
  <c r="V8414" i="1"/>
  <c r="V8415" i="1"/>
  <c r="V8416" i="1"/>
  <c r="V8417" i="1"/>
  <c r="V8418" i="1"/>
  <c r="V8419" i="1"/>
  <c r="V8420" i="1"/>
  <c r="V8421" i="1"/>
  <c r="V8422" i="1"/>
  <c r="V8423" i="1"/>
  <c r="V8424" i="1"/>
  <c r="V8425" i="1"/>
  <c r="V8426" i="1"/>
  <c r="V8427" i="1"/>
  <c r="V8428" i="1"/>
  <c r="V8429" i="1"/>
  <c r="V8430" i="1"/>
  <c r="V8431" i="1"/>
  <c r="V8432" i="1"/>
  <c r="V8433" i="1"/>
  <c r="V8434" i="1"/>
  <c r="V8435" i="1"/>
  <c r="V8436" i="1"/>
  <c r="V8437" i="1"/>
  <c r="V8438" i="1"/>
  <c r="V8439" i="1"/>
  <c r="V8440" i="1"/>
  <c r="V8441" i="1"/>
  <c r="V8442" i="1"/>
  <c r="V8443" i="1"/>
  <c r="V8444" i="1"/>
  <c r="V8445" i="1"/>
  <c r="V8446" i="1"/>
  <c r="V8447" i="1"/>
  <c r="V8448" i="1"/>
  <c r="V8449" i="1"/>
  <c r="V8450" i="1"/>
  <c r="V8451" i="1"/>
  <c r="V8452" i="1"/>
  <c r="V8453" i="1"/>
  <c r="V8454" i="1"/>
  <c r="V8455" i="1"/>
  <c r="V8456" i="1"/>
  <c r="V8457" i="1"/>
  <c r="V8458" i="1"/>
  <c r="V8459" i="1"/>
  <c r="V8460" i="1"/>
  <c r="V8461" i="1"/>
  <c r="V8462" i="1"/>
  <c r="V8463" i="1"/>
  <c r="V8464" i="1"/>
  <c r="V8465" i="1"/>
  <c r="V8466" i="1"/>
  <c r="V8467" i="1"/>
  <c r="V8468" i="1"/>
  <c r="V8469" i="1"/>
  <c r="V8470" i="1"/>
  <c r="V8471" i="1"/>
  <c r="V8472" i="1"/>
  <c r="V8473" i="1"/>
  <c r="V8474" i="1"/>
  <c r="V8475" i="1"/>
  <c r="V8476" i="1"/>
  <c r="V8477" i="1"/>
  <c r="V8478" i="1"/>
  <c r="V8479" i="1"/>
  <c r="V8480" i="1"/>
  <c r="V8481" i="1"/>
  <c r="V8482" i="1"/>
  <c r="V8483" i="1"/>
  <c r="V8484" i="1"/>
  <c r="V8485" i="1"/>
  <c r="V8486" i="1"/>
  <c r="V8487" i="1"/>
  <c r="V8488" i="1"/>
  <c r="V8489" i="1"/>
  <c r="V8490" i="1"/>
  <c r="V8491" i="1"/>
  <c r="V8492" i="1"/>
  <c r="V8493" i="1"/>
  <c r="V8494" i="1"/>
  <c r="V8495" i="1"/>
  <c r="V8496" i="1"/>
  <c r="V8497" i="1"/>
  <c r="V8498" i="1"/>
  <c r="V8499" i="1"/>
  <c r="V8500" i="1"/>
  <c r="V8501" i="1"/>
  <c r="V8502" i="1"/>
  <c r="V8503" i="1"/>
  <c r="V8504" i="1"/>
  <c r="V8505" i="1"/>
  <c r="V8506" i="1"/>
  <c r="V8507" i="1"/>
  <c r="V8508" i="1"/>
  <c r="V8509" i="1"/>
  <c r="V8510" i="1"/>
  <c r="V8511" i="1"/>
  <c r="V8512" i="1"/>
  <c r="V8513" i="1"/>
  <c r="V8514" i="1"/>
  <c r="V8515" i="1"/>
  <c r="V8516" i="1"/>
  <c r="V8517" i="1"/>
  <c r="V8518" i="1"/>
  <c r="V8519" i="1"/>
  <c r="V8520" i="1"/>
  <c r="V8521" i="1"/>
  <c r="V8522" i="1"/>
  <c r="V8523" i="1"/>
  <c r="V8524" i="1"/>
  <c r="V8525" i="1"/>
  <c r="V8526" i="1"/>
  <c r="V8527" i="1"/>
  <c r="V8528" i="1"/>
  <c r="V8529" i="1"/>
  <c r="V8530" i="1"/>
  <c r="V8531" i="1"/>
  <c r="V8532" i="1"/>
  <c r="V8533" i="1"/>
  <c r="V8534" i="1"/>
  <c r="V8535" i="1"/>
  <c r="V8536" i="1"/>
  <c r="V8537" i="1"/>
  <c r="V8538" i="1"/>
  <c r="V8539" i="1"/>
  <c r="V8540" i="1"/>
  <c r="V8541" i="1"/>
  <c r="V8542" i="1"/>
  <c r="V8543" i="1"/>
  <c r="V8544" i="1"/>
  <c r="V8545" i="1"/>
  <c r="V8546" i="1"/>
  <c r="V8547" i="1"/>
  <c r="V8548" i="1"/>
  <c r="V8549" i="1"/>
  <c r="V8550" i="1"/>
  <c r="V8551" i="1"/>
  <c r="V8552" i="1"/>
  <c r="V8553" i="1"/>
  <c r="V8554" i="1"/>
  <c r="V8555" i="1"/>
  <c r="V8556" i="1"/>
  <c r="V8557" i="1"/>
  <c r="V8558" i="1"/>
  <c r="V8559" i="1"/>
  <c r="V8560" i="1"/>
  <c r="V8561" i="1"/>
  <c r="V8562" i="1"/>
  <c r="V8563" i="1"/>
  <c r="V8564" i="1"/>
  <c r="V8565" i="1"/>
  <c r="V8566" i="1"/>
  <c r="V8567" i="1"/>
  <c r="V8568" i="1"/>
  <c r="V8569" i="1"/>
  <c r="V8570" i="1"/>
  <c r="V8571" i="1"/>
  <c r="V8572" i="1"/>
  <c r="V8573" i="1"/>
  <c r="V8574" i="1"/>
  <c r="V8575" i="1"/>
  <c r="V8576" i="1"/>
  <c r="V8577" i="1"/>
  <c r="V8578" i="1"/>
  <c r="V8579" i="1"/>
  <c r="V8580" i="1"/>
  <c r="V8581" i="1"/>
  <c r="V8582" i="1"/>
  <c r="V8583" i="1"/>
  <c r="V8584" i="1"/>
  <c r="V8585" i="1"/>
  <c r="V8586" i="1"/>
  <c r="V8587" i="1"/>
  <c r="V8588" i="1"/>
  <c r="V8589" i="1"/>
  <c r="V8590" i="1"/>
  <c r="V8591" i="1"/>
  <c r="V8592" i="1"/>
  <c r="V8593" i="1"/>
  <c r="V8594" i="1"/>
  <c r="V8595" i="1"/>
  <c r="V8596" i="1"/>
  <c r="V8597" i="1"/>
  <c r="V8598" i="1"/>
  <c r="V8599" i="1"/>
  <c r="V8600" i="1"/>
  <c r="V8601" i="1"/>
  <c r="V8602" i="1"/>
  <c r="V8603" i="1"/>
  <c r="V8604" i="1"/>
  <c r="V8605" i="1"/>
  <c r="V8606" i="1"/>
  <c r="V8607" i="1"/>
  <c r="V8608" i="1"/>
  <c r="V8609" i="1"/>
  <c r="V8610" i="1"/>
  <c r="V8611" i="1"/>
  <c r="V8612" i="1"/>
  <c r="V8613" i="1"/>
  <c r="V8614" i="1"/>
  <c r="V8615" i="1"/>
  <c r="V8616" i="1"/>
  <c r="V8617" i="1"/>
  <c r="V8618" i="1"/>
  <c r="V8619" i="1"/>
  <c r="V8620" i="1"/>
  <c r="V8621" i="1"/>
  <c r="V8622" i="1"/>
  <c r="V8623" i="1"/>
  <c r="V8624" i="1"/>
  <c r="V8625" i="1"/>
  <c r="V8626" i="1"/>
  <c r="V8627" i="1"/>
  <c r="V8628" i="1"/>
  <c r="V8629" i="1"/>
  <c r="V8630" i="1"/>
  <c r="V8631" i="1"/>
  <c r="V8632" i="1"/>
  <c r="V8633" i="1"/>
  <c r="V8634" i="1"/>
  <c r="V8635" i="1"/>
  <c r="V8636" i="1"/>
  <c r="V8637" i="1"/>
  <c r="V8638" i="1"/>
  <c r="V8639" i="1"/>
  <c r="V8640" i="1"/>
  <c r="V8641" i="1"/>
  <c r="V8642" i="1"/>
  <c r="V8643" i="1"/>
  <c r="V8644" i="1"/>
  <c r="V8645" i="1"/>
  <c r="V8646" i="1"/>
  <c r="V8647" i="1"/>
  <c r="V8648" i="1"/>
  <c r="V8649" i="1"/>
  <c r="V8650" i="1"/>
  <c r="V8651" i="1"/>
  <c r="V8652" i="1"/>
  <c r="V8653" i="1"/>
  <c r="V8654" i="1"/>
  <c r="V8655" i="1"/>
  <c r="V8656" i="1"/>
  <c r="V8657" i="1"/>
  <c r="V8658" i="1"/>
  <c r="V8659" i="1"/>
  <c r="V8660" i="1"/>
  <c r="V8661" i="1"/>
  <c r="V8662" i="1"/>
  <c r="V8663" i="1"/>
  <c r="V8664" i="1"/>
  <c r="V8665" i="1"/>
  <c r="V8666" i="1"/>
  <c r="V8667" i="1"/>
  <c r="V8668" i="1"/>
  <c r="V8669" i="1"/>
  <c r="V8670" i="1"/>
  <c r="V8671" i="1"/>
  <c r="V8672" i="1"/>
  <c r="V8673" i="1"/>
  <c r="V8674" i="1"/>
  <c r="V8675" i="1"/>
  <c r="V8676" i="1"/>
  <c r="V8677" i="1"/>
  <c r="V8678" i="1"/>
  <c r="V8679" i="1"/>
  <c r="V8680" i="1"/>
  <c r="V8681" i="1"/>
  <c r="V8682" i="1"/>
  <c r="V8683" i="1"/>
  <c r="V8684" i="1"/>
  <c r="V8685" i="1"/>
  <c r="V8686" i="1"/>
  <c r="V8687" i="1"/>
  <c r="V8688" i="1"/>
  <c r="V8689" i="1"/>
  <c r="V8690" i="1"/>
  <c r="V8691" i="1"/>
  <c r="V8692" i="1"/>
  <c r="V8693" i="1"/>
  <c r="V8694" i="1"/>
  <c r="V8695" i="1"/>
  <c r="V8696" i="1"/>
  <c r="V8697" i="1"/>
  <c r="V8698" i="1"/>
  <c r="V8699" i="1"/>
  <c r="V8700" i="1"/>
  <c r="V8701" i="1"/>
  <c r="V8702" i="1"/>
  <c r="V8703" i="1"/>
  <c r="V8704" i="1"/>
  <c r="V8705" i="1"/>
  <c r="V8706" i="1"/>
  <c r="V8707" i="1"/>
  <c r="V8708" i="1"/>
  <c r="V8709" i="1"/>
  <c r="V8710" i="1"/>
  <c r="V8711" i="1"/>
  <c r="V8712" i="1"/>
  <c r="V8713" i="1"/>
  <c r="V8714" i="1"/>
  <c r="V8715" i="1"/>
  <c r="V8716" i="1"/>
  <c r="V8717" i="1"/>
  <c r="V8718" i="1"/>
  <c r="V8719" i="1"/>
  <c r="V8720" i="1"/>
  <c r="V8721" i="1"/>
  <c r="V8722" i="1"/>
  <c r="V8723" i="1"/>
  <c r="V8724" i="1"/>
  <c r="V8725" i="1"/>
  <c r="V8726" i="1"/>
  <c r="V8727" i="1"/>
  <c r="V8728" i="1"/>
  <c r="V8729" i="1"/>
  <c r="V8730" i="1"/>
  <c r="V8731" i="1"/>
  <c r="V8732" i="1"/>
  <c r="V8733" i="1"/>
  <c r="V8734" i="1"/>
  <c r="V8735" i="1"/>
  <c r="V8736" i="1"/>
  <c r="V8737" i="1"/>
  <c r="V8738" i="1"/>
  <c r="V8739" i="1"/>
  <c r="V8740" i="1"/>
  <c r="V8741" i="1"/>
  <c r="V8742" i="1"/>
  <c r="V8743" i="1"/>
  <c r="V8744" i="1"/>
  <c r="V8745" i="1"/>
  <c r="V8746" i="1"/>
  <c r="V8747" i="1"/>
  <c r="V8748" i="1"/>
  <c r="V8749" i="1"/>
  <c r="V8750" i="1"/>
  <c r="V8751" i="1"/>
  <c r="V8752" i="1"/>
  <c r="V8753" i="1"/>
  <c r="V8754" i="1"/>
  <c r="V8755" i="1"/>
  <c r="V8756" i="1"/>
  <c r="V8757" i="1"/>
  <c r="V8758" i="1"/>
  <c r="V8759" i="1"/>
  <c r="V8760" i="1"/>
  <c r="V8761" i="1"/>
  <c r="V8762" i="1"/>
  <c r="V8763" i="1"/>
  <c r="V8764" i="1"/>
  <c r="V8765" i="1"/>
  <c r="V8766" i="1"/>
  <c r="V8767" i="1"/>
  <c r="V8768" i="1"/>
  <c r="V8769" i="1"/>
  <c r="V8770" i="1"/>
  <c r="V8771" i="1"/>
  <c r="V8772" i="1"/>
  <c r="V8773" i="1"/>
  <c r="V8774" i="1"/>
  <c r="V8775" i="1"/>
  <c r="V8776" i="1"/>
  <c r="V8777" i="1"/>
  <c r="V8778" i="1"/>
  <c r="V8779" i="1"/>
  <c r="V8780" i="1"/>
  <c r="V8781" i="1"/>
  <c r="V8782" i="1"/>
  <c r="V8783" i="1"/>
  <c r="V8784" i="1"/>
  <c r="V8785" i="1"/>
  <c r="V8786" i="1"/>
  <c r="V8787" i="1"/>
  <c r="V8788" i="1"/>
  <c r="V8789" i="1"/>
  <c r="V8790" i="1"/>
  <c r="V8791" i="1"/>
  <c r="V8792" i="1"/>
  <c r="V8793" i="1"/>
  <c r="V8794" i="1"/>
  <c r="V8795" i="1"/>
  <c r="V8796" i="1"/>
  <c r="V8797" i="1"/>
  <c r="V8798" i="1"/>
  <c r="V8799" i="1"/>
  <c r="V8800" i="1"/>
  <c r="V8801" i="1"/>
  <c r="V8802" i="1"/>
  <c r="V8803" i="1"/>
  <c r="V8804" i="1"/>
  <c r="V8805" i="1"/>
  <c r="V8806" i="1"/>
  <c r="V8807" i="1"/>
  <c r="V8808" i="1"/>
  <c r="V8809" i="1"/>
  <c r="V8810" i="1"/>
  <c r="V8811" i="1"/>
  <c r="V8812" i="1"/>
  <c r="V8813" i="1"/>
  <c r="V8814" i="1"/>
  <c r="V8815" i="1"/>
  <c r="V8816" i="1"/>
  <c r="V8817" i="1"/>
  <c r="V8818" i="1"/>
  <c r="V8819" i="1"/>
  <c r="V8820" i="1"/>
  <c r="V8821" i="1"/>
  <c r="V8822" i="1"/>
  <c r="V8823" i="1"/>
  <c r="V8824" i="1"/>
  <c r="V8825" i="1"/>
  <c r="V8826" i="1"/>
  <c r="V8827" i="1"/>
  <c r="V8828" i="1"/>
  <c r="V8829" i="1"/>
  <c r="V8830" i="1"/>
  <c r="V8831" i="1"/>
  <c r="V8832" i="1"/>
  <c r="V8833" i="1"/>
  <c r="V8834" i="1"/>
  <c r="V8835" i="1"/>
  <c r="V8836" i="1"/>
  <c r="V8837" i="1"/>
  <c r="V8838" i="1"/>
  <c r="V8839" i="1"/>
  <c r="V8840" i="1"/>
  <c r="V8841" i="1"/>
  <c r="V8842" i="1"/>
  <c r="V8843" i="1"/>
  <c r="V8844" i="1"/>
  <c r="V8845" i="1"/>
  <c r="V8846" i="1"/>
  <c r="V8847" i="1"/>
  <c r="V8848" i="1"/>
  <c r="V8849" i="1"/>
  <c r="V8850" i="1"/>
  <c r="V8851" i="1"/>
  <c r="V8852" i="1"/>
  <c r="V8853" i="1"/>
  <c r="V8854" i="1"/>
  <c r="V8855" i="1"/>
  <c r="V8856" i="1"/>
  <c r="V8857" i="1"/>
  <c r="V8858" i="1"/>
  <c r="V8859" i="1"/>
  <c r="V8860" i="1"/>
  <c r="V8861" i="1"/>
  <c r="V8862" i="1"/>
  <c r="V8863" i="1"/>
  <c r="V8864" i="1"/>
  <c r="V8865" i="1"/>
  <c r="V8866" i="1"/>
  <c r="V8867" i="1"/>
  <c r="V8868" i="1"/>
  <c r="V8869" i="1"/>
  <c r="V8870" i="1"/>
  <c r="V8871" i="1"/>
  <c r="V8872" i="1"/>
  <c r="V8873" i="1"/>
  <c r="V8874" i="1"/>
  <c r="V8875" i="1"/>
  <c r="V8876" i="1"/>
  <c r="V8877" i="1"/>
  <c r="V8878" i="1"/>
  <c r="V8879" i="1"/>
  <c r="V8880" i="1"/>
  <c r="V8881" i="1"/>
  <c r="V8882" i="1"/>
  <c r="V8883" i="1"/>
  <c r="V8884" i="1"/>
  <c r="V8885" i="1"/>
  <c r="V8886" i="1"/>
  <c r="V8887" i="1"/>
  <c r="V8888" i="1"/>
  <c r="V8889" i="1"/>
  <c r="V8890" i="1"/>
  <c r="V8891" i="1"/>
  <c r="V8892" i="1"/>
  <c r="V8893" i="1"/>
  <c r="V8894" i="1"/>
  <c r="V8895" i="1"/>
  <c r="V8896" i="1"/>
  <c r="V8897" i="1"/>
  <c r="V8898" i="1"/>
  <c r="V8899" i="1"/>
  <c r="V8900" i="1"/>
  <c r="V8901" i="1"/>
  <c r="V8902" i="1"/>
  <c r="V8903" i="1"/>
  <c r="V8904" i="1"/>
  <c r="V8905" i="1"/>
  <c r="V8906" i="1"/>
  <c r="V8907" i="1"/>
  <c r="V8908" i="1"/>
  <c r="V8909" i="1"/>
  <c r="V8910" i="1"/>
  <c r="V8911" i="1"/>
  <c r="V8912" i="1"/>
  <c r="V8913" i="1"/>
  <c r="V8914" i="1"/>
  <c r="V8915" i="1"/>
  <c r="V8916" i="1"/>
  <c r="V8917" i="1"/>
  <c r="V8918" i="1"/>
  <c r="V8919" i="1"/>
  <c r="V8920" i="1"/>
  <c r="V8921" i="1"/>
  <c r="V8922" i="1"/>
  <c r="V8923" i="1"/>
  <c r="V8924" i="1"/>
  <c r="V8925" i="1"/>
  <c r="V8926" i="1"/>
  <c r="V8927" i="1"/>
  <c r="V8928" i="1"/>
  <c r="V8929" i="1"/>
  <c r="V8930" i="1"/>
  <c r="V8931" i="1"/>
  <c r="V8932" i="1"/>
  <c r="V8933" i="1"/>
  <c r="V8934" i="1"/>
  <c r="V8935" i="1"/>
  <c r="V8936" i="1"/>
  <c r="V8937" i="1"/>
  <c r="V8938" i="1"/>
  <c r="V8939" i="1"/>
  <c r="V8940" i="1"/>
  <c r="V8941" i="1"/>
  <c r="V8942" i="1"/>
  <c r="V8943" i="1"/>
  <c r="V8944" i="1"/>
  <c r="V8945" i="1"/>
  <c r="V8946" i="1"/>
  <c r="V8947" i="1"/>
  <c r="V8948" i="1"/>
  <c r="V8949" i="1"/>
  <c r="V8950" i="1"/>
  <c r="V8951" i="1"/>
  <c r="V8952" i="1"/>
  <c r="V8953" i="1"/>
  <c r="V8954" i="1"/>
  <c r="V8955" i="1"/>
  <c r="V8956" i="1"/>
  <c r="V8957" i="1"/>
  <c r="V8958" i="1"/>
  <c r="V8959" i="1"/>
  <c r="V8960" i="1"/>
  <c r="V8961" i="1"/>
  <c r="V8962" i="1"/>
  <c r="V8963" i="1"/>
  <c r="V8964" i="1"/>
  <c r="V8965" i="1"/>
  <c r="V8966" i="1"/>
  <c r="V8967" i="1"/>
  <c r="V8968" i="1"/>
  <c r="V8969" i="1"/>
  <c r="V8970" i="1"/>
  <c r="V8971" i="1"/>
  <c r="V8972" i="1"/>
  <c r="V8973" i="1"/>
  <c r="V8974" i="1"/>
  <c r="V8975" i="1"/>
  <c r="V8976" i="1"/>
  <c r="V8977" i="1"/>
  <c r="V8978" i="1"/>
  <c r="V8979" i="1"/>
  <c r="V8980" i="1"/>
  <c r="V8981" i="1"/>
  <c r="V8982" i="1"/>
  <c r="V8983" i="1"/>
  <c r="V8984" i="1"/>
  <c r="V8985" i="1"/>
  <c r="V8986" i="1"/>
  <c r="V8987" i="1"/>
  <c r="V8988" i="1"/>
  <c r="V8989" i="1"/>
  <c r="V8990" i="1"/>
  <c r="V8991" i="1"/>
  <c r="V8992" i="1"/>
  <c r="V8993" i="1"/>
  <c r="V8994" i="1"/>
  <c r="V8995" i="1"/>
  <c r="V8996" i="1"/>
  <c r="V8997" i="1"/>
  <c r="V8998" i="1"/>
  <c r="V8999" i="1"/>
  <c r="V9000" i="1"/>
  <c r="V9001" i="1"/>
  <c r="V9002" i="1"/>
  <c r="V9003" i="1"/>
  <c r="V9004" i="1"/>
  <c r="V9005" i="1"/>
  <c r="V9006" i="1"/>
  <c r="V9007" i="1"/>
  <c r="V9008" i="1"/>
  <c r="V9009" i="1"/>
  <c r="V9010" i="1"/>
  <c r="V9011" i="1"/>
  <c r="V9012" i="1"/>
  <c r="V9013" i="1"/>
  <c r="V9014" i="1"/>
  <c r="V9015" i="1"/>
  <c r="V9016" i="1"/>
  <c r="V9017" i="1"/>
  <c r="V9018" i="1"/>
  <c r="V9019" i="1"/>
  <c r="V9020" i="1"/>
  <c r="V9021" i="1"/>
  <c r="V9022" i="1"/>
  <c r="V9023" i="1"/>
  <c r="V9024" i="1"/>
  <c r="V9025" i="1"/>
  <c r="V9026" i="1"/>
  <c r="V9027" i="1"/>
  <c r="V9028" i="1"/>
  <c r="V9029" i="1"/>
  <c r="V9030" i="1"/>
  <c r="V9031" i="1"/>
  <c r="V9032" i="1"/>
  <c r="V9033" i="1"/>
  <c r="V9034" i="1"/>
  <c r="V9035" i="1"/>
  <c r="V9036" i="1"/>
  <c r="V9037" i="1"/>
  <c r="V9038" i="1"/>
  <c r="V9039" i="1"/>
  <c r="V9040" i="1"/>
  <c r="V9041" i="1"/>
  <c r="V9042" i="1"/>
  <c r="V9043" i="1"/>
  <c r="V9044" i="1"/>
  <c r="V9045" i="1"/>
  <c r="V9046" i="1"/>
  <c r="V9047" i="1"/>
  <c r="V9048" i="1"/>
  <c r="V9049" i="1"/>
  <c r="V9050" i="1"/>
  <c r="V9051" i="1"/>
  <c r="V9052" i="1"/>
  <c r="V9053" i="1"/>
  <c r="V9054" i="1"/>
  <c r="V9055" i="1"/>
  <c r="V9056" i="1"/>
  <c r="V9057" i="1"/>
  <c r="V9058" i="1"/>
  <c r="V9059" i="1"/>
  <c r="V9060" i="1"/>
  <c r="V9061" i="1"/>
  <c r="V9062" i="1"/>
  <c r="V9063" i="1"/>
  <c r="V9064" i="1"/>
  <c r="V9065" i="1"/>
  <c r="V9066" i="1"/>
  <c r="V9067" i="1"/>
  <c r="V9068" i="1"/>
  <c r="V9069" i="1"/>
  <c r="V9070" i="1"/>
  <c r="V9071" i="1"/>
  <c r="V9072" i="1"/>
  <c r="V9073" i="1"/>
  <c r="V9074" i="1"/>
  <c r="V9075" i="1"/>
  <c r="V9076" i="1"/>
  <c r="V9077" i="1"/>
  <c r="V9078" i="1"/>
  <c r="V9079" i="1"/>
  <c r="V9080" i="1"/>
  <c r="V9081" i="1"/>
  <c r="V9082" i="1"/>
  <c r="V9083" i="1"/>
  <c r="V9084" i="1"/>
  <c r="V9085" i="1"/>
  <c r="V9086" i="1"/>
  <c r="V9087" i="1"/>
  <c r="V9088" i="1"/>
  <c r="V9089" i="1"/>
  <c r="V9090" i="1"/>
  <c r="V9091" i="1"/>
  <c r="V9092" i="1"/>
  <c r="V9093" i="1"/>
  <c r="V9094" i="1"/>
  <c r="V9095" i="1"/>
  <c r="V9096" i="1"/>
  <c r="V9097" i="1"/>
  <c r="V9098" i="1"/>
  <c r="V9099" i="1"/>
  <c r="V9100" i="1"/>
  <c r="V9101" i="1"/>
  <c r="V9102" i="1"/>
  <c r="V9103" i="1"/>
  <c r="V9104" i="1"/>
  <c r="V9105" i="1"/>
  <c r="V9106" i="1"/>
  <c r="V9107" i="1"/>
  <c r="V9108" i="1"/>
  <c r="V9109" i="1"/>
  <c r="V9110" i="1"/>
  <c r="V9111" i="1"/>
  <c r="V9112" i="1"/>
  <c r="V9113" i="1"/>
  <c r="V9114" i="1"/>
  <c r="V9115" i="1"/>
  <c r="V9116" i="1"/>
  <c r="V9117" i="1"/>
  <c r="V9118" i="1"/>
  <c r="V9119" i="1"/>
  <c r="V9120" i="1"/>
  <c r="V9121" i="1"/>
  <c r="V9122" i="1"/>
  <c r="V9123" i="1"/>
  <c r="V9124" i="1"/>
  <c r="V9125" i="1"/>
  <c r="V9126" i="1"/>
  <c r="V9127" i="1"/>
  <c r="V9128" i="1"/>
  <c r="V9129" i="1"/>
  <c r="V9130" i="1"/>
  <c r="V9131" i="1"/>
  <c r="V9132" i="1"/>
  <c r="V9133" i="1"/>
  <c r="V9134" i="1"/>
  <c r="V9135" i="1"/>
  <c r="V9136" i="1"/>
  <c r="V9137" i="1"/>
  <c r="V9138" i="1"/>
  <c r="V9139" i="1"/>
  <c r="V9140" i="1"/>
  <c r="V9141" i="1"/>
  <c r="V9142" i="1"/>
  <c r="V9143" i="1"/>
  <c r="V9144" i="1"/>
  <c r="V9145" i="1"/>
  <c r="V9146" i="1"/>
  <c r="V9147" i="1"/>
  <c r="V9148" i="1"/>
  <c r="V9149" i="1"/>
  <c r="V9150" i="1"/>
  <c r="V9151" i="1"/>
  <c r="V9152" i="1"/>
  <c r="V9153" i="1"/>
  <c r="V9154" i="1"/>
  <c r="V9155" i="1"/>
  <c r="V9156" i="1"/>
  <c r="V9157" i="1"/>
  <c r="V9158" i="1"/>
  <c r="V9159" i="1"/>
  <c r="V9160" i="1"/>
  <c r="V9161" i="1"/>
  <c r="V9162" i="1"/>
  <c r="V9163" i="1"/>
  <c r="V9164" i="1"/>
  <c r="V9165" i="1"/>
  <c r="V9166" i="1"/>
  <c r="V9167" i="1"/>
  <c r="V9168" i="1"/>
  <c r="V9169" i="1"/>
  <c r="V9170" i="1"/>
  <c r="V9171" i="1"/>
  <c r="V9172" i="1"/>
  <c r="V9173" i="1"/>
  <c r="V9174" i="1"/>
  <c r="V9175" i="1"/>
  <c r="V9176" i="1"/>
  <c r="V9177" i="1"/>
  <c r="V9178" i="1"/>
  <c r="V9179" i="1"/>
  <c r="V9180" i="1"/>
  <c r="V9181" i="1"/>
  <c r="V9182" i="1"/>
  <c r="V9183" i="1"/>
  <c r="V9184" i="1"/>
  <c r="V9185" i="1"/>
  <c r="V9186" i="1"/>
  <c r="V9187" i="1"/>
  <c r="V9188" i="1"/>
  <c r="V9189" i="1"/>
  <c r="V9190" i="1"/>
  <c r="V9191" i="1"/>
  <c r="V9192" i="1"/>
  <c r="V9193" i="1"/>
  <c r="V9194" i="1"/>
  <c r="V9195" i="1"/>
  <c r="V9196" i="1"/>
  <c r="V9197" i="1"/>
  <c r="V9198" i="1"/>
  <c r="V9199" i="1"/>
  <c r="V9200" i="1"/>
  <c r="V9201" i="1"/>
  <c r="V9202" i="1"/>
  <c r="V9203" i="1"/>
  <c r="V9204" i="1"/>
  <c r="V9205" i="1"/>
  <c r="V9206" i="1"/>
  <c r="V9207" i="1"/>
  <c r="V9208" i="1"/>
  <c r="V9209" i="1"/>
  <c r="V9210" i="1"/>
  <c r="V9211" i="1"/>
  <c r="V9212" i="1"/>
  <c r="V9213" i="1"/>
  <c r="V9214" i="1"/>
  <c r="V9215" i="1"/>
  <c r="V9216" i="1"/>
  <c r="V9217" i="1"/>
  <c r="V9218" i="1"/>
  <c r="V9219" i="1"/>
  <c r="V9220" i="1"/>
  <c r="V9221" i="1"/>
  <c r="V9222" i="1"/>
  <c r="V9223" i="1"/>
  <c r="V9224" i="1"/>
  <c r="V9225" i="1"/>
  <c r="V9226" i="1"/>
  <c r="V9227" i="1"/>
  <c r="V9228" i="1"/>
  <c r="V9229" i="1"/>
  <c r="V9230" i="1"/>
  <c r="V9231" i="1"/>
  <c r="V9232" i="1"/>
  <c r="V9233" i="1"/>
  <c r="V9234" i="1"/>
  <c r="V9235" i="1"/>
  <c r="V9236" i="1"/>
  <c r="V9237" i="1"/>
  <c r="V9238" i="1"/>
  <c r="V9239" i="1"/>
  <c r="V9240" i="1"/>
  <c r="V9241" i="1"/>
  <c r="V9242" i="1"/>
  <c r="V9243" i="1"/>
  <c r="V9244" i="1"/>
  <c r="V9245" i="1"/>
  <c r="V9246" i="1"/>
  <c r="V9247" i="1"/>
  <c r="V9248" i="1"/>
  <c r="V9249" i="1"/>
  <c r="V9250" i="1"/>
  <c r="V9251" i="1"/>
  <c r="V9252" i="1"/>
  <c r="V9253" i="1"/>
  <c r="V9254" i="1"/>
  <c r="V9255" i="1"/>
  <c r="V9256" i="1"/>
  <c r="V9257" i="1"/>
  <c r="V9258" i="1"/>
  <c r="V9259" i="1"/>
  <c r="V9260" i="1"/>
  <c r="V9261" i="1"/>
  <c r="V9262" i="1"/>
  <c r="V9263" i="1"/>
  <c r="V9264" i="1"/>
  <c r="V9265" i="1"/>
  <c r="V9266" i="1"/>
  <c r="V9267" i="1"/>
  <c r="V9268" i="1"/>
  <c r="V9269" i="1"/>
  <c r="V9270" i="1"/>
  <c r="V9271" i="1"/>
  <c r="V9272" i="1"/>
  <c r="V9273" i="1"/>
  <c r="V9274" i="1"/>
  <c r="V9275" i="1"/>
  <c r="V9276" i="1"/>
  <c r="V9277" i="1"/>
  <c r="V9278" i="1"/>
  <c r="V9279" i="1"/>
  <c r="V9280" i="1"/>
  <c r="V9281" i="1"/>
  <c r="V9282" i="1"/>
  <c r="V9283" i="1"/>
  <c r="V9284" i="1"/>
  <c r="V9285" i="1"/>
  <c r="V9286" i="1"/>
  <c r="V9287" i="1"/>
  <c r="V9288" i="1"/>
  <c r="V9289" i="1"/>
  <c r="V9290" i="1"/>
  <c r="V9291" i="1"/>
  <c r="V9292" i="1"/>
  <c r="V9293" i="1"/>
  <c r="V9294" i="1"/>
  <c r="V9295" i="1"/>
  <c r="V9296" i="1"/>
  <c r="V9297" i="1"/>
  <c r="V9298" i="1"/>
  <c r="V9299" i="1"/>
  <c r="V9300" i="1"/>
  <c r="V9301" i="1"/>
  <c r="V9302" i="1"/>
  <c r="V9303" i="1"/>
  <c r="V9304" i="1"/>
  <c r="V9305" i="1"/>
  <c r="V9306" i="1"/>
  <c r="V9307" i="1"/>
  <c r="V9308" i="1"/>
  <c r="V9309" i="1"/>
  <c r="V9310" i="1"/>
  <c r="V9311" i="1"/>
  <c r="V9312" i="1"/>
  <c r="V9313" i="1"/>
  <c r="V9314" i="1"/>
  <c r="V9315" i="1"/>
  <c r="V9316" i="1"/>
  <c r="V9317" i="1"/>
  <c r="V9318" i="1"/>
  <c r="V9319" i="1"/>
  <c r="V9320" i="1"/>
  <c r="V9321" i="1"/>
  <c r="V9322" i="1"/>
  <c r="V9323" i="1"/>
  <c r="V9324" i="1"/>
  <c r="V9325" i="1"/>
  <c r="V9326" i="1"/>
  <c r="V9327" i="1"/>
  <c r="V9328" i="1"/>
  <c r="V9329" i="1"/>
  <c r="V9330" i="1"/>
  <c r="V9331" i="1"/>
  <c r="V9332" i="1"/>
  <c r="V9333" i="1"/>
  <c r="V9334" i="1"/>
  <c r="V9335" i="1"/>
  <c r="V9336" i="1"/>
  <c r="V9337" i="1"/>
  <c r="V9338" i="1"/>
  <c r="V9339" i="1"/>
  <c r="V9340" i="1"/>
  <c r="V9341" i="1"/>
  <c r="V9342" i="1"/>
  <c r="V9343" i="1"/>
  <c r="V9344" i="1"/>
  <c r="V9345" i="1"/>
  <c r="V9346" i="1"/>
  <c r="V9347" i="1"/>
  <c r="V9348" i="1"/>
  <c r="V9349" i="1"/>
  <c r="V9350" i="1"/>
  <c r="V9351" i="1"/>
  <c r="V9352" i="1"/>
  <c r="V9353" i="1"/>
  <c r="V9354" i="1"/>
  <c r="V9355" i="1"/>
  <c r="V9356" i="1"/>
  <c r="V9357" i="1"/>
  <c r="V9358" i="1"/>
  <c r="V9359" i="1"/>
  <c r="V9360" i="1"/>
  <c r="V9361" i="1"/>
  <c r="V9362" i="1"/>
  <c r="V9363" i="1"/>
  <c r="V9364" i="1"/>
  <c r="V9365" i="1"/>
  <c r="V9366" i="1"/>
  <c r="V9367" i="1"/>
  <c r="V9368" i="1"/>
  <c r="V9369" i="1"/>
  <c r="V9370" i="1"/>
  <c r="V9371" i="1"/>
  <c r="V9372" i="1"/>
  <c r="V9373" i="1"/>
  <c r="V9374" i="1"/>
  <c r="V9375" i="1"/>
  <c r="V9376" i="1"/>
  <c r="V9377" i="1"/>
  <c r="V9378" i="1"/>
  <c r="V9379" i="1"/>
  <c r="V9380" i="1"/>
  <c r="V9381" i="1"/>
  <c r="V9382" i="1"/>
  <c r="V9383" i="1"/>
  <c r="V9384" i="1"/>
  <c r="V9385" i="1"/>
  <c r="V9386" i="1"/>
  <c r="V9387" i="1"/>
  <c r="V9388" i="1"/>
  <c r="V9389" i="1"/>
  <c r="V9390" i="1"/>
  <c r="V9391" i="1"/>
  <c r="V9392" i="1"/>
  <c r="V9393" i="1"/>
  <c r="V9394" i="1"/>
  <c r="V9395" i="1"/>
  <c r="V9396" i="1"/>
  <c r="V9397" i="1"/>
  <c r="V9398" i="1"/>
  <c r="V9399" i="1"/>
  <c r="V9400" i="1"/>
  <c r="V9401" i="1"/>
  <c r="V9402" i="1"/>
  <c r="V9403" i="1"/>
  <c r="V9404" i="1"/>
  <c r="V9405" i="1"/>
  <c r="V9406" i="1"/>
  <c r="V9407" i="1"/>
  <c r="V9408" i="1"/>
  <c r="V9409" i="1"/>
  <c r="V9410" i="1"/>
  <c r="V9411" i="1"/>
  <c r="V9412" i="1"/>
  <c r="V9413" i="1"/>
  <c r="V9414" i="1"/>
  <c r="V9415" i="1"/>
  <c r="V9416" i="1"/>
  <c r="V9417" i="1"/>
  <c r="V9418" i="1"/>
  <c r="V9419" i="1"/>
  <c r="V9420" i="1"/>
  <c r="V9421" i="1"/>
  <c r="V9422" i="1"/>
  <c r="V9423" i="1"/>
  <c r="V9424" i="1"/>
  <c r="V9425" i="1"/>
  <c r="V9426" i="1"/>
  <c r="V9427" i="1"/>
  <c r="V9428" i="1"/>
  <c r="V9429" i="1"/>
  <c r="V9430" i="1"/>
  <c r="V9431" i="1"/>
  <c r="V9432" i="1"/>
  <c r="V9433" i="1"/>
  <c r="V9434" i="1"/>
  <c r="V9435" i="1"/>
  <c r="V9436" i="1"/>
  <c r="V9437" i="1"/>
  <c r="V9438" i="1"/>
  <c r="V9439" i="1"/>
  <c r="V9440" i="1"/>
  <c r="V9441" i="1"/>
  <c r="V9442" i="1"/>
  <c r="V9443" i="1"/>
  <c r="V9444" i="1"/>
  <c r="V9445" i="1"/>
  <c r="V9446" i="1"/>
  <c r="V9447" i="1"/>
  <c r="V9448" i="1"/>
  <c r="V9449" i="1"/>
  <c r="V9450" i="1"/>
  <c r="V9451" i="1"/>
  <c r="V9452" i="1"/>
  <c r="V9453" i="1"/>
  <c r="V9454" i="1"/>
  <c r="V9455" i="1"/>
  <c r="V9456" i="1"/>
  <c r="V9457" i="1"/>
  <c r="V9458" i="1"/>
  <c r="V9459" i="1"/>
  <c r="V9460" i="1"/>
  <c r="V9461" i="1"/>
  <c r="V9462" i="1"/>
  <c r="V9463" i="1"/>
  <c r="V9464" i="1"/>
  <c r="V9465" i="1"/>
  <c r="V9466" i="1"/>
  <c r="V9467" i="1"/>
  <c r="V9468" i="1"/>
  <c r="V9469" i="1"/>
  <c r="V9470" i="1"/>
  <c r="V9471" i="1"/>
  <c r="V9472" i="1"/>
  <c r="V9473" i="1"/>
  <c r="V9474" i="1"/>
  <c r="V9475" i="1"/>
  <c r="V9476" i="1"/>
  <c r="V9477" i="1"/>
  <c r="V9478" i="1"/>
  <c r="V9479" i="1"/>
  <c r="V9480" i="1"/>
  <c r="V9481" i="1"/>
  <c r="V9482" i="1"/>
  <c r="V9483" i="1"/>
  <c r="V9484" i="1"/>
  <c r="V9485" i="1"/>
  <c r="V9486" i="1"/>
  <c r="V9487" i="1"/>
  <c r="V9488" i="1"/>
  <c r="V9489" i="1"/>
  <c r="V9490" i="1"/>
  <c r="V9491" i="1"/>
  <c r="V9492" i="1"/>
  <c r="V9493" i="1"/>
  <c r="V9494" i="1"/>
  <c r="V9495" i="1"/>
  <c r="V9496" i="1"/>
  <c r="V9497" i="1"/>
  <c r="V9498" i="1"/>
  <c r="V9499" i="1"/>
  <c r="V9500" i="1"/>
  <c r="V9501" i="1"/>
  <c r="V9502" i="1"/>
  <c r="V9503" i="1"/>
  <c r="V9504" i="1"/>
  <c r="V9505" i="1"/>
  <c r="V9506" i="1"/>
  <c r="V9507" i="1"/>
  <c r="V9508" i="1"/>
  <c r="V9509" i="1"/>
  <c r="V9510" i="1"/>
  <c r="V9511" i="1"/>
  <c r="V9512" i="1"/>
  <c r="V9513" i="1"/>
  <c r="V9514" i="1"/>
  <c r="V9515" i="1"/>
  <c r="V9516" i="1"/>
  <c r="V9517" i="1"/>
  <c r="V9518" i="1"/>
  <c r="V9519" i="1"/>
  <c r="V9520" i="1"/>
  <c r="V9521" i="1"/>
  <c r="V9522" i="1"/>
  <c r="V9523" i="1"/>
  <c r="V9524" i="1"/>
  <c r="V9525" i="1"/>
  <c r="V9526" i="1"/>
  <c r="V9527" i="1"/>
  <c r="V9528" i="1"/>
  <c r="V9529" i="1"/>
  <c r="V9530" i="1"/>
  <c r="V9531" i="1"/>
  <c r="V9532" i="1"/>
  <c r="V9533" i="1"/>
  <c r="V9534" i="1"/>
  <c r="V9535" i="1"/>
  <c r="V9536" i="1"/>
  <c r="V9537" i="1"/>
  <c r="V9538" i="1"/>
  <c r="V9539" i="1"/>
  <c r="V9540" i="1"/>
  <c r="V9541" i="1"/>
  <c r="V9542" i="1"/>
  <c r="V9543" i="1"/>
  <c r="V9544" i="1"/>
  <c r="V9545" i="1"/>
  <c r="V9546" i="1"/>
  <c r="V9547" i="1"/>
  <c r="V9548" i="1"/>
  <c r="V9549" i="1"/>
  <c r="V9550" i="1"/>
  <c r="V9551" i="1"/>
  <c r="V9552" i="1"/>
  <c r="V9553" i="1"/>
  <c r="V9554" i="1"/>
  <c r="V9555" i="1"/>
  <c r="V9556" i="1"/>
  <c r="V9557" i="1"/>
  <c r="V9558" i="1"/>
  <c r="V9559" i="1"/>
  <c r="V9560" i="1"/>
  <c r="V9561" i="1"/>
  <c r="V9562" i="1"/>
  <c r="V9563" i="1"/>
  <c r="V9564" i="1"/>
  <c r="V9565" i="1"/>
  <c r="V9566" i="1"/>
  <c r="V9567" i="1"/>
  <c r="V9568" i="1"/>
  <c r="V9569" i="1"/>
  <c r="V9570" i="1"/>
  <c r="V9571" i="1"/>
  <c r="V9572" i="1"/>
  <c r="V9573" i="1"/>
  <c r="V9574" i="1"/>
  <c r="V9575" i="1"/>
  <c r="V9576" i="1"/>
  <c r="V9577" i="1"/>
  <c r="V9578" i="1"/>
  <c r="V9579" i="1"/>
  <c r="V9580" i="1"/>
  <c r="V9581" i="1"/>
  <c r="V9582" i="1"/>
  <c r="V9583" i="1"/>
  <c r="V9584" i="1"/>
  <c r="V9585" i="1"/>
  <c r="V9586" i="1"/>
  <c r="V9587" i="1"/>
  <c r="V9588" i="1"/>
  <c r="V9589" i="1"/>
  <c r="V9590" i="1"/>
  <c r="V9591" i="1"/>
  <c r="V9592" i="1"/>
  <c r="V9593" i="1"/>
  <c r="V9594" i="1"/>
  <c r="V9595" i="1"/>
  <c r="V9596" i="1"/>
  <c r="V9597" i="1"/>
  <c r="V9598" i="1"/>
  <c r="V9599" i="1"/>
  <c r="V9600" i="1"/>
  <c r="V9601" i="1"/>
  <c r="V9602" i="1"/>
  <c r="V9603" i="1"/>
  <c r="V9604" i="1"/>
  <c r="V9605" i="1"/>
  <c r="V9606" i="1"/>
  <c r="V9607" i="1"/>
  <c r="V9608" i="1"/>
  <c r="V9609" i="1"/>
  <c r="V9610" i="1"/>
  <c r="V9611" i="1"/>
  <c r="V9612" i="1"/>
  <c r="V9613" i="1"/>
  <c r="V9614" i="1"/>
  <c r="V9615" i="1"/>
  <c r="V9616" i="1"/>
  <c r="V9617" i="1"/>
  <c r="V9618" i="1"/>
  <c r="V9619" i="1"/>
  <c r="V9620" i="1"/>
  <c r="V9621" i="1"/>
  <c r="V9622" i="1"/>
  <c r="V9623" i="1"/>
  <c r="V9624" i="1"/>
  <c r="V9625" i="1"/>
  <c r="V9626" i="1"/>
  <c r="V9627" i="1"/>
  <c r="V9628" i="1"/>
  <c r="V9629" i="1"/>
  <c r="V9630" i="1"/>
  <c r="V9631" i="1"/>
  <c r="V9632" i="1"/>
  <c r="V9633" i="1"/>
  <c r="V9634" i="1"/>
  <c r="V9635" i="1"/>
  <c r="V9636" i="1"/>
  <c r="V9637" i="1"/>
  <c r="V9638" i="1"/>
  <c r="V9639" i="1"/>
  <c r="V9640" i="1"/>
  <c r="V9641" i="1"/>
  <c r="V9642" i="1"/>
  <c r="V9643" i="1"/>
  <c r="V9644" i="1"/>
  <c r="V9645" i="1"/>
  <c r="V9646" i="1"/>
  <c r="V9647" i="1"/>
  <c r="V9648" i="1"/>
  <c r="V9649" i="1"/>
  <c r="V9650" i="1"/>
  <c r="V9651" i="1"/>
  <c r="V9652" i="1"/>
  <c r="V9653" i="1"/>
  <c r="V9654" i="1"/>
  <c r="V9655" i="1"/>
  <c r="V9656" i="1"/>
  <c r="V9657" i="1"/>
  <c r="V9658" i="1"/>
  <c r="V9659" i="1"/>
  <c r="V9660" i="1"/>
  <c r="V9661" i="1"/>
  <c r="V9662" i="1"/>
  <c r="V9663" i="1"/>
  <c r="V9664" i="1"/>
  <c r="V9665" i="1"/>
  <c r="V9666" i="1"/>
  <c r="V9667" i="1"/>
  <c r="V9668" i="1"/>
  <c r="V9669" i="1"/>
  <c r="V9670" i="1"/>
  <c r="V9671" i="1"/>
  <c r="V9672" i="1"/>
  <c r="V9673" i="1"/>
  <c r="V9674" i="1"/>
  <c r="V9675" i="1"/>
  <c r="V9676" i="1"/>
  <c r="V9677" i="1"/>
  <c r="V9678" i="1"/>
  <c r="V9679" i="1"/>
  <c r="V9680" i="1"/>
  <c r="V9681" i="1"/>
  <c r="V9682" i="1"/>
  <c r="V9683" i="1"/>
  <c r="V9684" i="1"/>
  <c r="V9685" i="1"/>
  <c r="V9686" i="1"/>
  <c r="V9687" i="1"/>
  <c r="V9688" i="1"/>
  <c r="V9689" i="1"/>
  <c r="V9690" i="1"/>
  <c r="V9691" i="1"/>
  <c r="V9692" i="1"/>
  <c r="V9693" i="1"/>
  <c r="V9694" i="1"/>
  <c r="V9695" i="1"/>
  <c r="V9696" i="1"/>
  <c r="V9697" i="1"/>
  <c r="V9698" i="1"/>
  <c r="V9699" i="1"/>
  <c r="V9700" i="1"/>
  <c r="V9701" i="1"/>
  <c r="V9702" i="1"/>
  <c r="V9703" i="1"/>
  <c r="V9704" i="1"/>
  <c r="V9705" i="1"/>
  <c r="V9706" i="1"/>
  <c r="V9707" i="1"/>
  <c r="V9708" i="1"/>
  <c r="V9709" i="1"/>
  <c r="V9710" i="1"/>
  <c r="V9711" i="1"/>
  <c r="V9712" i="1"/>
  <c r="V9713" i="1"/>
  <c r="V9714" i="1"/>
  <c r="V9715" i="1"/>
  <c r="V9716" i="1"/>
  <c r="V9717" i="1"/>
  <c r="V9718" i="1"/>
  <c r="V9719" i="1"/>
  <c r="V9720" i="1"/>
  <c r="V9721" i="1"/>
  <c r="V9722" i="1"/>
  <c r="V9723" i="1"/>
  <c r="V9724" i="1"/>
  <c r="V9725" i="1"/>
  <c r="V9726" i="1"/>
  <c r="V9727" i="1"/>
  <c r="V9728" i="1"/>
  <c r="V9729" i="1"/>
  <c r="V9730" i="1"/>
  <c r="V9731" i="1"/>
  <c r="V9732" i="1"/>
  <c r="V9733" i="1"/>
  <c r="V9734" i="1"/>
  <c r="V9735" i="1"/>
  <c r="V9736" i="1"/>
  <c r="V9737" i="1"/>
  <c r="V9738" i="1"/>
  <c r="V9739" i="1"/>
  <c r="V9740" i="1"/>
  <c r="V9741" i="1"/>
  <c r="V9742" i="1"/>
  <c r="V9743" i="1"/>
  <c r="V9744" i="1"/>
  <c r="V9745" i="1"/>
  <c r="V9746" i="1"/>
  <c r="V9747" i="1"/>
  <c r="V9748" i="1"/>
  <c r="V9749" i="1"/>
  <c r="V9750" i="1"/>
  <c r="V9751" i="1"/>
  <c r="V9752" i="1"/>
  <c r="V9753" i="1"/>
  <c r="V9754" i="1"/>
  <c r="V9755" i="1"/>
  <c r="V9756" i="1"/>
  <c r="V9757" i="1"/>
  <c r="V9758" i="1"/>
  <c r="V9759" i="1"/>
  <c r="V9760" i="1"/>
  <c r="V9761" i="1"/>
  <c r="V9762" i="1"/>
  <c r="V9763" i="1"/>
  <c r="V9764" i="1"/>
  <c r="V9765" i="1"/>
  <c r="V9766" i="1"/>
  <c r="V9767" i="1"/>
  <c r="V9768" i="1"/>
  <c r="V9769" i="1"/>
  <c r="V9770" i="1"/>
  <c r="V9771" i="1"/>
  <c r="V9772" i="1"/>
  <c r="V9773" i="1"/>
  <c r="V9774" i="1"/>
  <c r="V9775" i="1"/>
  <c r="V9776" i="1"/>
  <c r="V9777" i="1"/>
  <c r="V9778" i="1"/>
  <c r="V9779" i="1"/>
  <c r="V9780" i="1"/>
  <c r="V9781" i="1"/>
  <c r="V9782" i="1"/>
  <c r="V9783" i="1"/>
  <c r="V9784" i="1"/>
  <c r="V9785" i="1"/>
  <c r="V9786" i="1"/>
  <c r="V9787" i="1"/>
  <c r="V9788" i="1"/>
  <c r="V9789" i="1"/>
  <c r="V9790" i="1"/>
  <c r="V9791" i="1"/>
  <c r="V9792" i="1"/>
  <c r="V9793" i="1"/>
  <c r="V9794" i="1"/>
  <c r="V9795" i="1"/>
  <c r="V9796" i="1"/>
  <c r="V9797" i="1"/>
  <c r="V9798" i="1"/>
  <c r="V9799" i="1"/>
  <c r="V9800" i="1"/>
  <c r="V9801" i="1"/>
  <c r="V9802" i="1"/>
  <c r="V9803" i="1"/>
  <c r="V9804" i="1"/>
  <c r="V9805" i="1"/>
  <c r="V9806" i="1"/>
  <c r="V9807" i="1"/>
  <c r="V9808" i="1"/>
  <c r="V9809" i="1"/>
  <c r="V9810" i="1"/>
  <c r="V9811" i="1"/>
  <c r="V9812" i="1"/>
  <c r="V9813" i="1"/>
  <c r="V9814" i="1"/>
  <c r="V9815" i="1"/>
  <c r="V9816" i="1"/>
  <c r="V9817" i="1"/>
  <c r="V9818" i="1"/>
  <c r="V9819" i="1"/>
  <c r="V9820" i="1"/>
  <c r="V9821" i="1"/>
  <c r="V9822" i="1"/>
  <c r="V9823" i="1"/>
  <c r="V9824" i="1"/>
  <c r="V9825" i="1"/>
  <c r="V9826" i="1"/>
  <c r="V9827" i="1"/>
  <c r="V9828" i="1"/>
  <c r="V9829" i="1"/>
  <c r="V9830" i="1"/>
  <c r="V9831" i="1"/>
  <c r="V9832" i="1"/>
  <c r="V9833" i="1"/>
  <c r="V9834" i="1"/>
  <c r="V9835" i="1"/>
  <c r="V9836" i="1"/>
  <c r="V9837" i="1"/>
  <c r="V9838" i="1"/>
  <c r="V9839" i="1"/>
  <c r="V9840" i="1"/>
  <c r="V9841" i="1"/>
  <c r="V9842" i="1"/>
  <c r="V9843" i="1"/>
  <c r="V9844" i="1"/>
  <c r="V9845" i="1"/>
  <c r="V9846" i="1"/>
  <c r="V9847" i="1"/>
  <c r="V9848" i="1"/>
  <c r="V9849" i="1"/>
  <c r="V9850" i="1"/>
  <c r="V9851" i="1"/>
  <c r="V9852" i="1"/>
  <c r="V9853" i="1"/>
  <c r="V9854" i="1"/>
  <c r="V9855" i="1"/>
  <c r="V9856" i="1"/>
  <c r="V9857" i="1"/>
  <c r="V9858" i="1"/>
  <c r="V9859" i="1"/>
  <c r="V9860" i="1"/>
  <c r="V9861" i="1"/>
  <c r="V9862" i="1"/>
  <c r="V9863" i="1"/>
  <c r="V9864" i="1"/>
  <c r="V9865" i="1"/>
  <c r="V9866" i="1"/>
  <c r="V9867" i="1"/>
  <c r="V9868" i="1"/>
  <c r="V9869" i="1"/>
  <c r="V9870" i="1"/>
  <c r="V9871" i="1"/>
  <c r="V9872" i="1"/>
  <c r="V9873" i="1"/>
  <c r="V9874" i="1"/>
  <c r="V9875" i="1"/>
  <c r="V9876" i="1"/>
  <c r="V9877" i="1"/>
  <c r="V9878" i="1"/>
  <c r="V9879" i="1"/>
  <c r="V9880" i="1"/>
  <c r="V9881" i="1"/>
  <c r="V9882" i="1"/>
  <c r="V9883" i="1"/>
  <c r="V9884" i="1"/>
  <c r="V9885" i="1"/>
  <c r="V9886" i="1"/>
  <c r="V9887" i="1"/>
  <c r="V9888" i="1"/>
  <c r="V9889" i="1"/>
  <c r="V9890" i="1"/>
  <c r="V9891" i="1"/>
  <c r="V9892" i="1"/>
  <c r="V9893" i="1"/>
  <c r="V9894" i="1"/>
  <c r="V9895" i="1"/>
  <c r="V9896" i="1"/>
  <c r="V9897" i="1"/>
  <c r="V9898" i="1"/>
  <c r="V9899" i="1"/>
  <c r="V9900" i="1"/>
  <c r="V9901" i="1"/>
  <c r="V9902" i="1"/>
  <c r="V9903" i="1"/>
  <c r="V9904" i="1"/>
  <c r="V9905" i="1"/>
  <c r="V9906" i="1"/>
  <c r="V9907" i="1"/>
  <c r="V9908" i="1"/>
  <c r="V9909" i="1"/>
  <c r="V9910" i="1"/>
  <c r="V9911" i="1"/>
  <c r="V9912" i="1"/>
  <c r="V9913" i="1"/>
  <c r="V9914" i="1"/>
  <c r="V9915" i="1"/>
  <c r="V9916" i="1"/>
  <c r="V9917" i="1"/>
  <c r="V9918" i="1"/>
  <c r="V9919" i="1"/>
  <c r="V9920" i="1"/>
  <c r="V9921" i="1"/>
  <c r="V9922" i="1"/>
  <c r="V9923" i="1"/>
  <c r="V9924" i="1"/>
  <c r="V9925" i="1"/>
  <c r="V9926" i="1"/>
  <c r="V9927" i="1"/>
  <c r="V9928" i="1"/>
  <c r="V9929" i="1"/>
  <c r="V9930" i="1"/>
  <c r="V9931" i="1"/>
  <c r="V9932" i="1"/>
  <c r="V9933" i="1"/>
  <c r="V9934" i="1"/>
  <c r="V9935" i="1"/>
  <c r="V9936" i="1"/>
  <c r="V9937" i="1"/>
  <c r="V9938" i="1"/>
  <c r="V9939" i="1"/>
  <c r="V9940" i="1"/>
  <c r="V9941" i="1"/>
  <c r="V9942" i="1"/>
  <c r="V9943" i="1"/>
  <c r="V9944" i="1"/>
  <c r="V9945" i="1"/>
  <c r="V9946" i="1"/>
  <c r="V9947" i="1"/>
  <c r="V9948" i="1"/>
  <c r="V9949" i="1"/>
  <c r="V9950" i="1"/>
  <c r="V9951" i="1"/>
  <c r="V9952" i="1"/>
  <c r="V9953" i="1"/>
  <c r="V9954" i="1"/>
  <c r="V9955" i="1"/>
  <c r="V9956" i="1"/>
  <c r="V9957" i="1"/>
  <c r="V9958" i="1"/>
  <c r="V9959" i="1"/>
  <c r="V9960" i="1"/>
  <c r="V9961" i="1"/>
  <c r="V9962" i="1"/>
  <c r="V9963" i="1"/>
  <c r="V9964" i="1"/>
  <c r="V9965" i="1"/>
  <c r="V9966" i="1"/>
  <c r="V9967" i="1"/>
  <c r="V9968" i="1"/>
  <c r="V9969" i="1"/>
  <c r="V9970" i="1"/>
  <c r="V9971" i="1"/>
  <c r="V9972" i="1"/>
  <c r="V9973" i="1"/>
  <c r="V9974" i="1"/>
  <c r="V9975" i="1"/>
  <c r="V9976" i="1"/>
  <c r="V9977" i="1"/>
  <c r="V9978" i="1"/>
  <c r="V9979" i="1"/>
  <c r="V9980" i="1"/>
  <c r="V9981" i="1"/>
  <c r="V9982" i="1"/>
  <c r="V9983" i="1"/>
  <c r="V9984" i="1"/>
  <c r="V9985" i="1"/>
  <c r="V9986" i="1"/>
  <c r="V9987" i="1"/>
  <c r="V9988" i="1"/>
  <c r="V9989" i="1"/>
  <c r="V9990" i="1"/>
  <c r="V9991" i="1"/>
  <c r="V9992" i="1"/>
  <c r="V9993" i="1"/>
  <c r="V9994" i="1"/>
  <c r="V9995" i="1"/>
  <c r="V9996" i="1"/>
  <c r="V9997" i="1"/>
  <c r="V9998" i="1"/>
  <c r="V9999" i="1"/>
  <c r="V10000" i="1"/>
  <c r="V10001" i="1"/>
  <c r="V10002" i="1"/>
  <c r="V10003" i="1"/>
  <c r="V10004" i="1"/>
  <c r="V10005" i="1"/>
  <c r="V10006" i="1"/>
  <c r="V10007" i="1"/>
  <c r="V10008" i="1"/>
  <c r="V10009" i="1"/>
  <c r="V10010" i="1"/>
  <c r="V10011" i="1"/>
  <c r="V10012" i="1"/>
  <c r="V10013" i="1"/>
  <c r="V10014" i="1"/>
  <c r="V10015" i="1"/>
  <c r="V10016" i="1"/>
  <c r="V10017" i="1"/>
  <c r="V10018" i="1"/>
  <c r="V10019" i="1"/>
  <c r="V10020" i="1"/>
  <c r="V10021" i="1"/>
  <c r="V10022" i="1"/>
  <c r="V10023" i="1"/>
  <c r="V10024" i="1"/>
  <c r="V10025" i="1"/>
  <c r="V10026" i="1"/>
  <c r="V10027" i="1"/>
  <c r="V10028" i="1"/>
  <c r="V10029" i="1"/>
  <c r="V10030" i="1"/>
  <c r="V10031" i="1"/>
  <c r="V10032" i="1"/>
  <c r="V10033" i="1"/>
  <c r="V10034" i="1"/>
  <c r="V10035" i="1"/>
  <c r="V10036" i="1"/>
  <c r="V10037" i="1"/>
  <c r="V10038" i="1"/>
  <c r="V10039" i="1"/>
  <c r="V10040" i="1"/>
  <c r="V10041" i="1"/>
  <c r="V10042" i="1"/>
  <c r="V10043" i="1"/>
  <c r="V10044" i="1"/>
  <c r="V10045" i="1"/>
  <c r="V10046" i="1"/>
  <c r="V10047" i="1"/>
  <c r="V10048" i="1"/>
  <c r="V10049" i="1"/>
  <c r="V10050" i="1"/>
  <c r="V10051" i="1"/>
  <c r="V10052" i="1"/>
  <c r="V10053" i="1"/>
  <c r="V10054" i="1"/>
  <c r="V10055" i="1"/>
  <c r="V10056" i="1"/>
  <c r="V10057" i="1"/>
  <c r="V10058" i="1"/>
  <c r="V10059" i="1"/>
  <c r="V10060" i="1"/>
  <c r="V10061" i="1"/>
  <c r="V10062" i="1"/>
  <c r="V10063" i="1"/>
  <c r="V10064" i="1"/>
  <c r="V10065" i="1"/>
  <c r="V10066" i="1"/>
  <c r="V10067" i="1"/>
  <c r="V10068" i="1"/>
  <c r="V10069" i="1"/>
  <c r="V10070" i="1"/>
  <c r="V10071" i="1"/>
  <c r="V10072" i="1"/>
  <c r="V10073" i="1"/>
  <c r="V10074" i="1"/>
  <c r="V10075" i="1"/>
  <c r="V10076" i="1"/>
  <c r="V10077" i="1"/>
  <c r="V10078" i="1"/>
  <c r="V10079" i="1"/>
  <c r="V10080" i="1"/>
  <c r="V10081" i="1"/>
  <c r="V10082" i="1"/>
  <c r="V10083" i="1"/>
  <c r="V10084" i="1"/>
  <c r="V10085" i="1"/>
  <c r="V10086" i="1"/>
  <c r="V10087" i="1"/>
  <c r="V10088" i="1"/>
  <c r="V10089" i="1"/>
  <c r="V10090" i="1"/>
  <c r="V10091" i="1"/>
  <c r="V10092" i="1"/>
  <c r="V10093" i="1"/>
  <c r="V10094" i="1"/>
  <c r="V10095" i="1"/>
  <c r="V10096" i="1"/>
  <c r="V10097" i="1"/>
  <c r="V10098" i="1"/>
  <c r="V10099" i="1"/>
  <c r="V10100" i="1"/>
  <c r="V10101" i="1"/>
  <c r="V10102" i="1"/>
  <c r="V10103" i="1"/>
  <c r="V10104" i="1"/>
  <c r="V10105" i="1"/>
  <c r="V10106" i="1"/>
  <c r="V10107" i="1"/>
  <c r="V10108" i="1"/>
  <c r="V10109" i="1"/>
  <c r="V10110" i="1"/>
  <c r="V10111" i="1"/>
  <c r="V10112" i="1"/>
  <c r="V10113" i="1"/>
  <c r="V10114" i="1"/>
  <c r="V10115" i="1"/>
  <c r="V10116" i="1"/>
  <c r="V10117" i="1"/>
  <c r="V10118" i="1"/>
  <c r="V10119" i="1"/>
  <c r="V10120" i="1"/>
  <c r="V10121" i="1"/>
  <c r="V10122" i="1"/>
  <c r="V10123" i="1"/>
  <c r="V10124" i="1"/>
  <c r="V10125" i="1"/>
  <c r="V10126" i="1"/>
  <c r="V10127" i="1"/>
  <c r="V10128" i="1"/>
  <c r="V10129" i="1"/>
  <c r="V10130" i="1"/>
  <c r="V10131" i="1"/>
  <c r="V10132" i="1"/>
  <c r="V10133" i="1"/>
  <c r="V10134" i="1"/>
  <c r="V10135" i="1"/>
  <c r="V10136" i="1"/>
  <c r="V10137" i="1"/>
  <c r="V10138" i="1"/>
  <c r="V10139" i="1"/>
  <c r="V10140" i="1"/>
  <c r="V10141" i="1"/>
  <c r="V10142" i="1"/>
  <c r="V10143" i="1"/>
  <c r="V10144" i="1"/>
  <c r="V10145" i="1"/>
  <c r="V10146" i="1"/>
  <c r="V10147" i="1"/>
  <c r="V10148" i="1"/>
  <c r="V10149" i="1"/>
  <c r="V10150" i="1"/>
  <c r="V10151" i="1"/>
  <c r="V10152" i="1"/>
  <c r="V10153" i="1"/>
  <c r="V10154" i="1"/>
  <c r="V10155" i="1"/>
  <c r="V10156" i="1"/>
  <c r="V10157" i="1"/>
  <c r="V10158" i="1"/>
  <c r="V10159" i="1"/>
  <c r="V10160" i="1"/>
  <c r="V10161" i="1"/>
  <c r="V10162" i="1"/>
  <c r="V10163" i="1"/>
  <c r="V10164" i="1"/>
  <c r="V10165" i="1"/>
  <c r="V10166" i="1"/>
  <c r="V10167" i="1"/>
  <c r="V10168" i="1"/>
  <c r="V10169" i="1"/>
  <c r="V10170" i="1"/>
  <c r="V10171" i="1"/>
  <c r="V10172" i="1"/>
  <c r="V10173" i="1"/>
  <c r="V10174" i="1"/>
  <c r="V10175" i="1"/>
  <c r="V10176" i="1"/>
  <c r="V10177" i="1"/>
  <c r="V10178" i="1"/>
  <c r="V10179" i="1"/>
  <c r="V10180" i="1"/>
  <c r="V10181" i="1"/>
  <c r="V10182" i="1"/>
  <c r="V10183" i="1"/>
  <c r="V10184" i="1"/>
  <c r="V10185" i="1"/>
  <c r="V10186" i="1"/>
  <c r="V10187" i="1"/>
  <c r="V10188" i="1"/>
  <c r="V10189" i="1"/>
  <c r="V10190" i="1"/>
  <c r="V10191" i="1"/>
  <c r="V10192" i="1"/>
  <c r="V10193" i="1"/>
  <c r="V10194" i="1"/>
  <c r="V10195" i="1"/>
  <c r="V10196" i="1"/>
  <c r="V10197" i="1"/>
  <c r="V10198" i="1"/>
  <c r="V10199" i="1"/>
  <c r="V10200" i="1"/>
  <c r="V10201" i="1"/>
  <c r="V10202" i="1"/>
  <c r="V10203" i="1"/>
  <c r="V10204" i="1"/>
  <c r="V10205" i="1"/>
  <c r="V10206" i="1"/>
  <c r="V10207" i="1"/>
  <c r="V10208" i="1"/>
  <c r="V10209" i="1"/>
  <c r="V10210" i="1"/>
  <c r="V10211" i="1"/>
  <c r="V10212" i="1"/>
  <c r="V10213" i="1"/>
  <c r="V10214" i="1"/>
  <c r="V10215" i="1"/>
  <c r="V10216" i="1"/>
  <c r="V10217" i="1"/>
  <c r="V10218" i="1"/>
  <c r="V10219" i="1"/>
  <c r="V10220" i="1"/>
  <c r="V10221" i="1"/>
  <c r="V10222" i="1"/>
  <c r="V10223" i="1"/>
  <c r="V10224" i="1"/>
  <c r="V10225" i="1"/>
  <c r="V10226" i="1"/>
  <c r="V10227" i="1"/>
  <c r="V10228" i="1"/>
  <c r="V10229" i="1"/>
  <c r="V10230" i="1"/>
  <c r="V10231" i="1"/>
  <c r="V10232" i="1"/>
  <c r="V10233" i="1"/>
  <c r="V10234" i="1"/>
  <c r="V10235" i="1"/>
  <c r="V10236" i="1"/>
  <c r="V10237" i="1"/>
  <c r="V10238" i="1"/>
  <c r="V10239" i="1"/>
  <c r="V10240" i="1"/>
  <c r="V10241" i="1"/>
  <c r="V10242" i="1"/>
  <c r="V10243" i="1"/>
  <c r="V10244" i="1"/>
  <c r="V10245" i="1"/>
  <c r="V10246" i="1"/>
  <c r="V10247" i="1"/>
  <c r="V10248" i="1"/>
  <c r="V10249" i="1"/>
  <c r="V10250" i="1"/>
  <c r="V10251" i="1"/>
  <c r="V10252" i="1"/>
  <c r="V10253" i="1"/>
  <c r="V10254" i="1"/>
  <c r="V10255" i="1"/>
  <c r="V10256" i="1"/>
  <c r="V10257" i="1"/>
  <c r="V10258" i="1"/>
  <c r="V10259" i="1"/>
  <c r="V10260" i="1"/>
  <c r="V10261" i="1"/>
  <c r="V10262" i="1"/>
  <c r="V10263" i="1"/>
  <c r="V10264" i="1"/>
  <c r="V10265" i="1"/>
  <c r="V10266" i="1"/>
  <c r="V10267" i="1"/>
  <c r="V10268" i="1"/>
  <c r="V10269" i="1"/>
  <c r="V10270" i="1"/>
  <c r="V10271" i="1"/>
  <c r="V10272" i="1"/>
  <c r="V10273" i="1"/>
  <c r="V10274" i="1"/>
  <c r="V10275" i="1"/>
  <c r="V10276" i="1"/>
  <c r="V10277" i="1"/>
  <c r="V10278" i="1"/>
  <c r="V10279" i="1"/>
  <c r="V10280" i="1"/>
  <c r="V10281" i="1"/>
  <c r="V10282" i="1"/>
  <c r="V10283" i="1"/>
  <c r="V10284" i="1"/>
  <c r="V10285" i="1"/>
  <c r="V10286" i="1"/>
  <c r="V10287" i="1"/>
  <c r="V10288" i="1"/>
  <c r="V10289" i="1"/>
  <c r="V10290" i="1"/>
  <c r="V10291" i="1"/>
  <c r="V10292" i="1"/>
  <c r="V10293" i="1"/>
  <c r="V10294" i="1"/>
  <c r="V10295" i="1"/>
  <c r="V10296" i="1"/>
  <c r="V10297" i="1"/>
  <c r="V10298" i="1"/>
  <c r="V10299" i="1"/>
  <c r="V10300" i="1"/>
  <c r="V10301" i="1"/>
  <c r="V10302" i="1"/>
  <c r="V10303" i="1"/>
  <c r="V10304" i="1"/>
  <c r="V10305" i="1"/>
  <c r="V10306" i="1"/>
  <c r="V10307" i="1"/>
  <c r="V10308" i="1"/>
  <c r="V10309" i="1"/>
  <c r="V10310" i="1"/>
  <c r="V10311" i="1"/>
  <c r="V10312" i="1"/>
  <c r="V10313" i="1"/>
  <c r="V10314" i="1"/>
  <c r="V10315" i="1"/>
  <c r="V10316" i="1"/>
  <c r="V10317" i="1"/>
  <c r="V10318" i="1"/>
  <c r="V10319" i="1"/>
  <c r="V10320" i="1"/>
  <c r="V10321" i="1"/>
  <c r="V10322" i="1"/>
  <c r="V10323" i="1"/>
  <c r="V10324" i="1"/>
  <c r="V10325" i="1"/>
  <c r="V10326" i="1"/>
  <c r="V10327" i="1"/>
  <c r="V10328" i="1"/>
  <c r="V10329" i="1"/>
  <c r="V10330" i="1"/>
  <c r="V10331" i="1"/>
  <c r="V10332" i="1"/>
  <c r="V10333" i="1"/>
  <c r="V10334" i="1"/>
  <c r="V10335" i="1"/>
  <c r="V10336" i="1"/>
  <c r="V10337" i="1"/>
  <c r="V10338" i="1"/>
  <c r="V10339" i="1"/>
  <c r="V10340" i="1"/>
  <c r="V10341" i="1"/>
  <c r="V10342" i="1"/>
  <c r="V10343" i="1"/>
  <c r="V10344" i="1"/>
  <c r="V10345" i="1"/>
  <c r="V10346" i="1"/>
  <c r="V10347" i="1"/>
  <c r="V10348" i="1"/>
  <c r="V10349" i="1"/>
  <c r="V10350" i="1"/>
  <c r="V10351" i="1"/>
  <c r="V10352" i="1"/>
  <c r="V10353" i="1"/>
  <c r="V10354" i="1"/>
  <c r="V10355" i="1"/>
  <c r="V10356" i="1"/>
  <c r="V10357" i="1"/>
  <c r="V10358" i="1"/>
  <c r="V10359" i="1"/>
  <c r="V10360" i="1"/>
  <c r="V10361" i="1"/>
  <c r="V10362" i="1"/>
  <c r="V10363" i="1"/>
  <c r="V10364" i="1"/>
  <c r="V10365" i="1"/>
  <c r="V10366" i="1"/>
  <c r="V10367" i="1"/>
  <c r="V10368" i="1"/>
  <c r="V10369" i="1"/>
  <c r="V10370" i="1"/>
  <c r="V10371" i="1"/>
  <c r="V10372" i="1"/>
  <c r="V10373" i="1"/>
  <c r="V10374" i="1"/>
  <c r="V10375" i="1"/>
  <c r="V10376" i="1"/>
  <c r="V10377" i="1"/>
  <c r="V10378" i="1"/>
  <c r="V10379" i="1"/>
  <c r="V10380" i="1"/>
  <c r="V10381" i="1"/>
  <c r="V10382" i="1"/>
  <c r="V10383" i="1"/>
  <c r="V10384" i="1"/>
  <c r="V10385" i="1"/>
  <c r="V10386" i="1"/>
  <c r="V10387" i="1"/>
  <c r="V10388" i="1"/>
  <c r="V10389" i="1"/>
  <c r="V10390" i="1"/>
  <c r="V10391" i="1"/>
  <c r="V10392" i="1"/>
  <c r="V10393" i="1"/>
  <c r="V10394" i="1"/>
  <c r="V10395" i="1"/>
  <c r="V10396" i="1"/>
  <c r="V10397" i="1"/>
  <c r="V10398" i="1"/>
  <c r="V10399" i="1"/>
  <c r="V10400" i="1"/>
  <c r="V10401" i="1"/>
  <c r="V10402" i="1"/>
  <c r="V10403" i="1"/>
  <c r="V10404" i="1"/>
  <c r="V10405" i="1"/>
  <c r="V10406" i="1"/>
  <c r="V10407" i="1"/>
  <c r="V10408" i="1"/>
  <c r="V10409" i="1"/>
  <c r="V10410" i="1"/>
  <c r="V10411" i="1"/>
  <c r="V10412" i="1"/>
  <c r="V10413" i="1"/>
  <c r="V10414" i="1"/>
  <c r="V10415" i="1"/>
  <c r="V10416" i="1"/>
  <c r="V10417" i="1"/>
  <c r="V10418" i="1"/>
  <c r="V10419" i="1"/>
  <c r="V10420" i="1"/>
  <c r="V10421" i="1"/>
  <c r="V10422" i="1"/>
  <c r="V10423" i="1"/>
  <c r="V10424" i="1"/>
  <c r="V10425" i="1"/>
  <c r="V10426" i="1"/>
  <c r="V10427" i="1"/>
  <c r="V10428" i="1"/>
  <c r="V10429" i="1"/>
  <c r="V10430" i="1"/>
  <c r="V10431" i="1"/>
  <c r="V10432" i="1"/>
  <c r="V10433" i="1"/>
  <c r="V10434" i="1"/>
  <c r="V10435" i="1"/>
  <c r="V10436" i="1"/>
  <c r="V10437" i="1"/>
  <c r="V10438" i="1"/>
  <c r="V10439" i="1"/>
  <c r="V10440" i="1"/>
  <c r="V10441" i="1"/>
  <c r="V10442" i="1"/>
  <c r="V10443" i="1"/>
  <c r="V10444" i="1"/>
  <c r="V10445" i="1"/>
  <c r="V10446" i="1"/>
  <c r="V10447" i="1"/>
  <c r="V10448" i="1"/>
  <c r="V10449" i="1"/>
  <c r="V10450" i="1"/>
  <c r="V10451" i="1"/>
  <c r="V10452" i="1"/>
  <c r="V10453" i="1"/>
  <c r="V10454" i="1"/>
  <c r="V10455" i="1"/>
  <c r="V10456" i="1"/>
  <c r="V10457" i="1"/>
  <c r="V10458" i="1"/>
  <c r="V10459" i="1"/>
  <c r="V10460" i="1"/>
  <c r="V10461" i="1"/>
  <c r="V10462" i="1"/>
  <c r="V10463" i="1"/>
  <c r="V10464" i="1"/>
  <c r="V10465" i="1"/>
  <c r="V10466" i="1"/>
  <c r="V10467" i="1"/>
  <c r="V10468" i="1"/>
  <c r="V10469" i="1"/>
  <c r="V10470" i="1"/>
  <c r="V10471" i="1"/>
  <c r="V10472" i="1"/>
  <c r="V10473" i="1"/>
  <c r="V10474" i="1"/>
  <c r="V10475" i="1"/>
  <c r="V10476" i="1"/>
  <c r="V10477" i="1"/>
  <c r="V10478" i="1"/>
  <c r="V10479" i="1"/>
  <c r="V10480" i="1"/>
  <c r="V10481" i="1"/>
  <c r="V10482" i="1"/>
  <c r="V10483" i="1"/>
  <c r="V10484" i="1"/>
  <c r="V10485" i="1"/>
  <c r="V10486" i="1"/>
  <c r="V10487" i="1"/>
  <c r="V10488" i="1"/>
  <c r="V10489" i="1"/>
  <c r="V10490" i="1"/>
  <c r="V10491" i="1"/>
  <c r="V10492" i="1"/>
  <c r="V10493" i="1"/>
  <c r="V10494" i="1"/>
  <c r="V10495" i="1"/>
  <c r="V10496" i="1"/>
  <c r="V10497" i="1"/>
  <c r="V10498" i="1"/>
  <c r="V10499" i="1"/>
  <c r="V10500" i="1"/>
  <c r="V10501" i="1"/>
  <c r="V10502" i="1"/>
  <c r="V10503" i="1"/>
  <c r="V10504" i="1"/>
  <c r="V10505" i="1"/>
  <c r="V10506" i="1"/>
  <c r="V10507" i="1"/>
  <c r="V10508" i="1"/>
  <c r="V10509" i="1"/>
  <c r="V10510" i="1"/>
  <c r="V10511" i="1"/>
  <c r="V10512" i="1"/>
  <c r="V10513" i="1"/>
  <c r="V10514" i="1"/>
  <c r="V10515" i="1"/>
  <c r="V10516" i="1"/>
  <c r="V10517" i="1"/>
  <c r="V10518" i="1"/>
  <c r="V10519" i="1"/>
  <c r="V10520" i="1"/>
  <c r="V10521" i="1"/>
  <c r="V10522" i="1"/>
  <c r="V10523" i="1"/>
  <c r="V10524" i="1"/>
  <c r="V10525" i="1"/>
  <c r="V10526" i="1"/>
  <c r="V10527" i="1"/>
  <c r="V10528" i="1"/>
  <c r="V10529" i="1"/>
  <c r="V10530" i="1"/>
  <c r="V10531" i="1"/>
  <c r="V10532" i="1"/>
  <c r="V10533" i="1"/>
  <c r="V10534" i="1"/>
  <c r="V10535" i="1"/>
  <c r="V10536" i="1"/>
  <c r="V10537" i="1"/>
  <c r="V10538" i="1"/>
  <c r="V10539" i="1"/>
  <c r="V10540" i="1"/>
  <c r="V10541" i="1"/>
  <c r="V10542" i="1"/>
  <c r="V10543" i="1"/>
  <c r="V10544" i="1"/>
  <c r="V10545" i="1"/>
  <c r="V10546" i="1"/>
  <c r="V10547" i="1"/>
  <c r="V10548" i="1"/>
  <c r="V10549" i="1"/>
  <c r="V10550" i="1"/>
  <c r="V10551" i="1"/>
  <c r="V10552" i="1"/>
  <c r="V10553" i="1"/>
  <c r="V10554" i="1"/>
  <c r="V10555" i="1"/>
  <c r="V10556" i="1"/>
  <c r="V10557" i="1"/>
  <c r="V10558" i="1"/>
  <c r="V10559" i="1"/>
  <c r="V10560" i="1"/>
  <c r="V10561" i="1"/>
  <c r="V10562" i="1"/>
  <c r="V10563" i="1"/>
  <c r="V10564" i="1"/>
  <c r="V10565" i="1"/>
  <c r="V10566" i="1"/>
  <c r="V10567" i="1"/>
  <c r="V10568" i="1"/>
  <c r="V10569" i="1"/>
  <c r="V10570" i="1"/>
  <c r="V10571" i="1"/>
  <c r="V10572" i="1"/>
  <c r="V10573" i="1"/>
  <c r="V10574" i="1"/>
  <c r="V10575" i="1"/>
  <c r="V10576" i="1"/>
  <c r="V10577" i="1"/>
  <c r="V10578" i="1"/>
  <c r="V10579" i="1"/>
  <c r="V10580" i="1"/>
  <c r="V10581" i="1"/>
  <c r="V10582" i="1"/>
  <c r="V10583" i="1"/>
  <c r="V10584" i="1"/>
  <c r="V10585" i="1"/>
  <c r="V10586" i="1"/>
  <c r="V10587" i="1"/>
  <c r="V10588" i="1"/>
  <c r="V10589" i="1"/>
  <c r="V10590" i="1"/>
  <c r="V10591" i="1"/>
  <c r="V10592" i="1"/>
  <c r="V10593" i="1"/>
  <c r="V10594" i="1"/>
  <c r="V10595" i="1"/>
  <c r="V10596" i="1"/>
  <c r="V10597" i="1"/>
  <c r="V10598" i="1"/>
  <c r="V10599" i="1"/>
  <c r="V10600" i="1"/>
  <c r="V10601" i="1"/>
  <c r="V10602" i="1"/>
  <c r="V10603" i="1"/>
  <c r="V10604" i="1"/>
  <c r="V10605" i="1"/>
  <c r="V10606" i="1"/>
  <c r="V10607" i="1"/>
  <c r="V10608" i="1"/>
  <c r="V10609" i="1"/>
  <c r="V10610" i="1"/>
  <c r="V10611" i="1"/>
  <c r="V10612" i="1"/>
  <c r="V10613" i="1"/>
  <c r="V10614" i="1"/>
  <c r="V10615" i="1"/>
  <c r="V10616" i="1"/>
  <c r="V10617" i="1"/>
  <c r="V10618" i="1"/>
  <c r="V10619" i="1"/>
  <c r="V10620" i="1"/>
  <c r="V10621" i="1"/>
  <c r="V10622" i="1"/>
  <c r="V10623" i="1"/>
  <c r="V10624" i="1"/>
  <c r="V10625" i="1"/>
  <c r="V10626" i="1"/>
  <c r="V10627" i="1"/>
  <c r="V10628" i="1"/>
  <c r="V10629" i="1"/>
  <c r="V10630" i="1"/>
  <c r="V10631" i="1"/>
  <c r="V10632" i="1"/>
  <c r="V10633" i="1"/>
  <c r="V10634" i="1"/>
  <c r="V10635" i="1"/>
  <c r="V10636" i="1"/>
  <c r="V10637" i="1"/>
  <c r="V10638" i="1"/>
  <c r="V10639" i="1"/>
  <c r="V10640" i="1"/>
  <c r="V10641" i="1"/>
  <c r="V10642" i="1"/>
  <c r="V10643" i="1"/>
  <c r="V10644" i="1"/>
  <c r="V10645" i="1"/>
  <c r="V10646" i="1"/>
  <c r="V10647" i="1"/>
  <c r="V10648" i="1"/>
  <c r="V10649" i="1"/>
  <c r="V10650" i="1"/>
  <c r="V10651" i="1"/>
  <c r="V10652" i="1"/>
  <c r="V10653" i="1"/>
  <c r="V10654" i="1"/>
  <c r="V10655" i="1"/>
  <c r="V10656" i="1"/>
  <c r="V10657" i="1"/>
  <c r="V10658" i="1"/>
  <c r="V10659" i="1"/>
  <c r="V10660" i="1"/>
  <c r="V10661" i="1"/>
  <c r="V10662" i="1"/>
  <c r="V10663" i="1"/>
  <c r="V10664" i="1"/>
  <c r="V10665" i="1"/>
  <c r="V10666" i="1"/>
  <c r="V10667" i="1"/>
  <c r="V10668" i="1"/>
  <c r="V10669" i="1"/>
  <c r="V10670" i="1"/>
  <c r="V10671" i="1"/>
  <c r="V10672" i="1"/>
  <c r="V10673" i="1"/>
  <c r="V10674" i="1"/>
  <c r="V10675" i="1"/>
  <c r="V10676" i="1"/>
  <c r="V10677" i="1"/>
  <c r="V10678" i="1"/>
  <c r="V10679" i="1"/>
  <c r="V10680" i="1"/>
  <c r="V10681" i="1"/>
  <c r="V10682" i="1"/>
  <c r="V10683" i="1"/>
  <c r="V10684" i="1"/>
  <c r="V10685" i="1"/>
  <c r="V10686" i="1"/>
  <c r="V10687" i="1"/>
  <c r="V10688" i="1"/>
  <c r="V10689" i="1"/>
  <c r="V10690" i="1"/>
  <c r="V10691" i="1"/>
  <c r="V10692" i="1"/>
  <c r="V10693" i="1"/>
  <c r="V10694" i="1"/>
  <c r="V10695" i="1"/>
  <c r="V10696" i="1"/>
  <c r="V10697" i="1"/>
  <c r="V10698" i="1"/>
  <c r="V10699" i="1"/>
  <c r="V10700" i="1"/>
  <c r="V10701" i="1"/>
  <c r="V10702" i="1"/>
  <c r="V10703" i="1"/>
  <c r="V10704" i="1"/>
  <c r="V10705" i="1"/>
  <c r="V10706" i="1"/>
  <c r="V10707" i="1"/>
  <c r="V10708" i="1"/>
  <c r="V10709" i="1"/>
  <c r="V10710" i="1"/>
  <c r="V10711" i="1"/>
  <c r="V10712" i="1"/>
  <c r="V10713" i="1"/>
  <c r="V10714" i="1"/>
  <c r="V10715" i="1"/>
  <c r="V10716" i="1"/>
  <c r="V10717" i="1"/>
  <c r="V10718" i="1"/>
  <c r="V10719" i="1"/>
  <c r="V10720" i="1"/>
  <c r="V10721" i="1"/>
  <c r="V10722" i="1"/>
  <c r="V10723" i="1"/>
  <c r="V10724" i="1"/>
  <c r="V10725" i="1"/>
  <c r="V10726" i="1"/>
  <c r="V10727" i="1"/>
  <c r="V10728" i="1"/>
  <c r="V10729" i="1"/>
  <c r="V10730" i="1"/>
  <c r="V10731" i="1"/>
  <c r="V10732" i="1"/>
  <c r="V10733" i="1"/>
  <c r="V10734" i="1"/>
  <c r="V10735" i="1"/>
  <c r="V10736" i="1"/>
  <c r="V10737" i="1"/>
  <c r="V10738" i="1"/>
  <c r="V10739" i="1"/>
  <c r="V10740" i="1"/>
  <c r="V10741" i="1"/>
  <c r="V10742" i="1"/>
  <c r="V10743" i="1"/>
  <c r="V10744" i="1"/>
  <c r="V10745" i="1"/>
  <c r="V10746" i="1"/>
  <c r="V10747" i="1"/>
  <c r="V10748" i="1"/>
  <c r="V10749" i="1"/>
  <c r="V10750" i="1"/>
  <c r="V10751" i="1"/>
  <c r="V10752" i="1"/>
  <c r="V10753" i="1"/>
  <c r="V10754" i="1"/>
  <c r="V10755" i="1"/>
  <c r="V10756" i="1"/>
  <c r="V10757" i="1"/>
  <c r="V10758" i="1"/>
  <c r="V10759" i="1"/>
  <c r="V10760" i="1"/>
  <c r="V10761" i="1"/>
  <c r="V10762" i="1"/>
  <c r="V10763" i="1"/>
  <c r="V10764" i="1"/>
  <c r="V10765" i="1"/>
  <c r="V10766" i="1"/>
  <c r="V10767" i="1"/>
  <c r="V10768" i="1"/>
  <c r="V10769" i="1"/>
  <c r="V10770" i="1"/>
  <c r="V10771" i="1"/>
  <c r="V10772" i="1"/>
  <c r="V10773" i="1"/>
  <c r="V10774" i="1"/>
  <c r="V10775" i="1"/>
  <c r="V10776" i="1"/>
  <c r="V10777" i="1"/>
  <c r="V10778" i="1"/>
  <c r="V10779" i="1"/>
  <c r="V10780" i="1"/>
  <c r="V10781" i="1"/>
  <c r="V10782" i="1"/>
  <c r="V10783" i="1"/>
  <c r="V10784" i="1"/>
  <c r="V10785" i="1"/>
  <c r="V10786" i="1"/>
  <c r="V10787" i="1"/>
  <c r="V10788" i="1"/>
  <c r="V10789" i="1"/>
  <c r="V10790" i="1"/>
  <c r="V10791" i="1"/>
  <c r="V10792" i="1"/>
  <c r="V10793" i="1"/>
  <c r="V10794" i="1"/>
  <c r="V10795" i="1"/>
  <c r="V10796" i="1"/>
  <c r="V10797" i="1"/>
  <c r="V10798" i="1"/>
  <c r="V10799" i="1"/>
  <c r="V10800" i="1"/>
  <c r="V10801" i="1"/>
  <c r="V10802" i="1"/>
  <c r="V10803" i="1"/>
  <c r="V10804" i="1"/>
  <c r="V10805" i="1"/>
  <c r="V10806" i="1"/>
  <c r="V10807" i="1"/>
  <c r="V10808" i="1"/>
  <c r="V10809" i="1"/>
  <c r="V10810" i="1"/>
  <c r="V10811" i="1"/>
  <c r="V10812" i="1"/>
  <c r="V10813" i="1"/>
  <c r="V10814" i="1"/>
  <c r="V10815" i="1"/>
  <c r="V10816" i="1"/>
  <c r="V10817" i="1"/>
  <c r="V10818" i="1"/>
  <c r="V10819" i="1"/>
  <c r="V10820" i="1"/>
  <c r="V10821" i="1"/>
  <c r="V10822" i="1"/>
  <c r="V10823" i="1"/>
  <c r="V10824" i="1"/>
  <c r="V10825" i="1"/>
  <c r="V10826" i="1"/>
  <c r="V10827" i="1"/>
  <c r="V10828" i="1"/>
  <c r="V10829" i="1"/>
  <c r="V10830" i="1"/>
  <c r="V10831" i="1"/>
  <c r="V10832" i="1"/>
  <c r="V10833" i="1"/>
  <c r="V10834" i="1"/>
  <c r="V10835" i="1"/>
  <c r="V10836" i="1"/>
  <c r="V10837" i="1"/>
  <c r="V10838" i="1"/>
  <c r="V10839" i="1"/>
  <c r="V10840" i="1"/>
  <c r="V10841" i="1"/>
  <c r="V10842" i="1"/>
  <c r="V10843" i="1"/>
  <c r="V10844" i="1"/>
  <c r="V10845" i="1"/>
  <c r="V10846" i="1"/>
  <c r="V10847" i="1"/>
  <c r="V10848" i="1"/>
  <c r="V10849" i="1"/>
  <c r="V10850" i="1"/>
  <c r="V10851" i="1"/>
  <c r="V10852" i="1"/>
  <c r="V10853" i="1"/>
  <c r="V10854" i="1"/>
  <c r="V10855" i="1"/>
  <c r="V10856" i="1"/>
  <c r="V10857" i="1"/>
  <c r="V10858" i="1"/>
  <c r="V10859" i="1"/>
  <c r="V10860" i="1"/>
  <c r="V10861" i="1"/>
  <c r="V10862" i="1"/>
  <c r="V10863" i="1"/>
  <c r="V10864" i="1"/>
  <c r="V10865" i="1"/>
  <c r="V10866" i="1"/>
  <c r="V10867" i="1"/>
  <c r="V10868" i="1"/>
  <c r="V10869" i="1"/>
  <c r="V10870" i="1"/>
  <c r="V10871" i="1"/>
  <c r="V10872" i="1"/>
  <c r="V10873" i="1"/>
  <c r="V10874" i="1"/>
  <c r="V10875" i="1"/>
  <c r="V10876" i="1"/>
  <c r="V10877" i="1"/>
  <c r="V10878" i="1"/>
  <c r="V10879" i="1"/>
  <c r="V10880" i="1"/>
  <c r="V10881" i="1"/>
  <c r="V10882" i="1"/>
  <c r="V10883" i="1"/>
  <c r="V10884" i="1"/>
  <c r="V10885" i="1"/>
  <c r="V10886" i="1"/>
  <c r="V10887" i="1"/>
  <c r="V10888" i="1"/>
  <c r="V10889" i="1"/>
  <c r="V10890" i="1"/>
  <c r="V10891" i="1"/>
  <c r="V10892" i="1"/>
  <c r="V10893" i="1"/>
  <c r="V10894" i="1"/>
  <c r="V10895" i="1"/>
  <c r="V10896" i="1"/>
  <c r="V10897" i="1"/>
  <c r="V10898" i="1"/>
  <c r="V10899" i="1"/>
  <c r="V10900" i="1"/>
  <c r="V10901" i="1"/>
  <c r="V10902" i="1"/>
  <c r="V10903" i="1"/>
  <c r="V10904" i="1"/>
  <c r="V10905" i="1"/>
  <c r="V10906" i="1"/>
  <c r="V10907" i="1"/>
  <c r="V10908" i="1"/>
  <c r="V10909" i="1"/>
  <c r="V10910" i="1"/>
  <c r="V10911" i="1"/>
  <c r="V10912" i="1"/>
  <c r="V10913" i="1"/>
  <c r="V10914" i="1"/>
  <c r="V10915" i="1"/>
  <c r="V10916" i="1"/>
  <c r="V10917" i="1"/>
  <c r="V10918" i="1"/>
  <c r="V10919" i="1"/>
  <c r="V10920" i="1"/>
  <c r="V10921" i="1"/>
  <c r="V10922" i="1"/>
  <c r="V10923" i="1"/>
  <c r="V10924" i="1"/>
  <c r="V10925" i="1"/>
  <c r="V10926" i="1"/>
  <c r="V10927" i="1"/>
  <c r="V10928" i="1"/>
  <c r="V10929" i="1"/>
  <c r="V10930" i="1"/>
  <c r="V10931" i="1"/>
  <c r="V10932" i="1"/>
  <c r="V10933" i="1"/>
  <c r="V10934" i="1"/>
  <c r="V10935" i="1"/>
  <c r="V10936" i="1"/>
  <c r="V10937" i="1"/>
  <c r="V10938" i="1"/>
  <c r="V10939" i="1"/>
  <c r="V10940" i="1"/>
  <c r="V10941" i="1"/>
  <c r="V10942" i="1"/>
  <c r="V10943" i="1"/>
  <c r="V10944" i="1"/>
  <c r="V10945" i="1"/>
  <c r="V10946" i="1"/>
  <c r="V10947" i="1"/>
  <c r="V10948" i="1"/>
  <c r="V10949" i="1"/>
  <c r="V10950" i="1"/>
  <c r="V10951" i="1"/>
  <c r="V10952" i="1"/>
  <c r="V10953" i="1"/>
  <c r="V10954" i="1"/>
  <c r="V10955" i="1"/>
  <c r="V10956" i="1"/>
  <c r="V10957" i="1"/>
  <c r="V10958" i="1"/>
  <c r="V10959" i="1"/>
  <c r="V10960" i="1"/>
  <c r="V10961" i="1"/>
  <c r="V10962" i="1"/>
  <c r="V10963" i="1"/>
  <c r="V10964" i="1"/>
  <c r="V10965" i="1"/>
  <c r="V10966" i="1"/>
  <c r="V10967" i="1"/>
  <c r="V10968" i="1"/>
  <c r="V10969" i="1"/>
  <c r="V10970" i="1"/>
  <c r="V10971" i="1"/>
  <c r="V10972" i="1"/>
  <c r="V10973" i="1"/>
  <c r="V10974" i="1"/>
  <c r="V10975" i="1"/>
  <c r="V10976" i="1"/>
  <c r="V10977" i="1"/>
  <c r="V10978" i="1"/>
  <c r="V10979" i="1"/>
  <c r="V10980" i="1"/>
  <c r="V10981" i="1"/>
  <c r="V10982" i="1"/>
  <c r="V10983" i="1"/>
  <c r="V10984" i="1"/>
  <c r="V10985" i="1"/>
  <c r="V10986" i="1"/>
  <c r="V10987" i="1"/>
  <c r="V10988" i="1"/>
  <c r="V10989" i="1"/>
  <c r="V10990" i="1"/>
  <c r="V10991" i="1"/>
  <c r="V10992" i="1"/>
  <c r="V10993" i="1"/>
  <c r="V10994" i="1"/>
  <c r="V10995" i="1"/>
  <c r="V10996" i="1"/>
  <c r="V10997" i="1"/>
  <c r="V10998" i="1"/>
  <c r="V10999" i="1"/>
  <c r="V11000" i="1"/>
  <c r="V11001" i="1"/>
  <c r="V11002" i="1"/>
  <c r="V11003" i="1"/>
  <c r="V11004" i="1"/>
  <c r="V11005" i="1"/>
  <c r="V11006" i="1"/>
  <c r="V11007" i="1"/>
  <c r="V11008" i="1"/>
  <c r="V11009" i="1"/>
  <c r="V11010" i="1"/>
  <c r="V11011" i="1"/>
  <c r="V11012" i="1"/>
  <c r="V11013" i="1"/>
  <c r="V11014" i="1"/>
  <c r="V11015" i="1"/>
  <c r="V11016" i="1"/>
  <c r="V11017" i="1"/>
  <c r="V11018" i="1"/>
  <c r="V11019" i="1"/>
  <c r="V11020" i="1"/>
  <c r="V11021" i="1"/>
  <c r="V11022" i="1"/>
  <c r="V11023" i="1"/>
  <c r="V11024" i="1"/>
  <c r="V11025" i="1"/>
  <c r="V11026" i="1"/>
  <c r="V11027" i="1"/>
  <c r="V11028" i="1"/>
  <c r="V11029" i="1"/>
  <c r="V11030" i="1"/>
  <c r="V11031" i="1"/>
  <c r="V11032" i="1"/>
  <c r="V11033" i="1"/>
  <c r="V11034" i="1"/>
  <c r="V11035" i="1"/>
  <c r="V11036" i="1"/>
  <c r="V11037" i="1"/>
  <c r="V11038" i="1"/>
  <c r="V11039" i="1"/>
  <c r="V11040" i="1"/>
  <c r="V11041" i="1"/>
  <c r="V11042" i="1"/>
  <c r="V11043" i="1"/>
  <c r="V11044" i="1"/>
  <c r="V11045" i="1"/>
  <c r="V11046" i="1"/>
  <c r="V11047" i="1"/>
  <c r="V11048" i="1"/>
  <c r="V11049" i="1"/>
  <c r="V11050" i="1"/>
  <c r="V11051" i="1"/>
  <c r="V11052" i="1"/>
  <c r="V11053" i="1"/>
  <c r="V11054" i="1"/>
  <c r="V11055" i="1"/>
  <c r="V11056" i="1"/>
  <c r="V11057" i="1"/>
  <c r="V11058" i="1"/>
  <c r="V11059" i="1"/>
  <c r="V11060" i="1"/>
  <c r="V11061" i="1"/>
  <c r="V11062" i="1"/>
  <c r="V11063" i="1"/>
  <c r="V11064" i="1"/>
  <c r="V11065" i="1"/>
  <c r="V11066" i="1"/>
  <c r="V11067" i="1"/>
  <c r="V11068" i="1"/>
  <c r="V11069" i="1"/>
  <c r="V11070" i="1"/>
  <c r="V11071" i="1"/>
  <c r="V11072" i="1"/>
  <c r="V11073" i="1"/>
  <c r="V11074" i="1"/>
  <c r="V11075" i="1"/>
  <c r="V11076" i="1"/>
  <c r="V11077" i="1"/>
  <c r="V11078" i="1"/>
  <c r="V11079" i="1"/>
  <c r="V11080" i="1"/>
  <c r="V11081" i="1"/>
  <c r="V11082" i="1"/>
  <c r="V11083" i="1"/>
  <c r="V11084" i="1"/>
  <c r="V11085" i="1"/>
  <c r="V11086" i="1"/>
  <c r="V11087" i="1"/>
  <c r="V11088" i="1"/>
  <c r="V11089" i="1"/>
  <c r="V11090" i="1"/>
  <c r="V11091" i="1"/>
  <c r="V11092" i="1"/>
  <c r="V11093" i="1"/>
  <c r="V11094" i="1"/>
  <c r="V11095" i="1"/>
  <c r="V11096" i="1"/>
  <c r="V11097" i="1"/>
  <c r="V11098" i="1"/>
  <c r="V11099" i="1"/>
  <c r="V11100" i="1"/>
  <c r="V11101" i="1"/>
  <c r="V11102" i="1"/>
  <c r="V11103" i="1"/>
  <c r="V11104" i="1"/>
  <c r="V11105" i="1"/>
  <c r="V11106" i="1"/>
  <c r="V11107" i="1"/>
  <c r="V11108" i="1"/>
  <c r="V11109" i="1"/>
  <c r="V11110" i="1"/>
  <c r="V11111" i="1"/>
  <c r="V11112" i="1"/>
  <c r="V11113" i="1"/>
  <c r="V11114" i="1"/>
  <c r="V11115" i="1"/>
  <c r="V11116" i="1"/>
  <c r="V11117" i="1"/>
  <c r="V11118" i="1"/>
  <c r="V11119" i="1"/>
  <c r="V11120" i="1"/>
  <c r="V11121" i="1"/>
  <c r="V11122" i="1"/>
  <c r="V11123" i="1"/>
  <c r="V11124" i="1"/>
  <c r="V11125" i="1"/>
  <c r="V11126" i="1"/>
  <c r="V11127" i="1"/>
  <c r="V11128" i="1"/>
  <c r="V11129" i="1"/>
  <c r="V11130" i="1"/>
  <c r="V11131" i="1"/>
  <c r="V11132" i="1"/>
  <c r="V11133" i="1"/>
  <c r="V11134" i="1"/>
  <c r="V11135" i="1"/>
  <c r="V11136" i="1"/>
  <c r="V11137" i="1"/>
  <c r="V11138" i="1"/>
  <c r="V11139" i="1"/>
  <c r="V11140" i="1"/>
  <c r="V11141" i="1"/>
  <c r="V11142" i="1"/>
  <c r="V11143" i="1"/>
  <c r="V11144" i="1"/>
  <c r="V11145" i="1"/>
  <c r="V11146" i="1"/>
  <c r="V11147" i="1"/>
  <c r="V11148" i="1"/>
  <c r="V11149" i="1"/>
  <c r="V11150" i="1"/>
  <c r="V11151" i="1"/>
  <c r="V11152" i="1"/>
  <c r="V11153" i="1"/>
  <c r="V11154" i="1"/>
  <c r="V11155" i="1"/>
  <c r="V11156" i="1"/>
  <c r="V11157" i="1"/>
  <c r="V11158" i="1"/>
  <c r="V11159" i="1"/>
  <c r="V11160" i="1"/>
  <c r="V11161" i="1"/>
  <c r="V11162" i="1"/>
  <c r="V11163" i="1"/>
  <c r="V11164" i="1"/>
  <c r="V11165" i="1"/>
  <c r="V11166" i="1"/>
  <c r="V11167" i="1"/>
  <c r="V11168" i="1"/>
  <c r="V11169" i="1"/>
  <c r="V11170" i="1"/>
  <c r="V11171" i="1"/>
  <c r="V11172" i="1"/>
  <c r="V11173" i="1"/>
  <c r="V11174" i="1"/>
  <c r="V11175" i="1"/>
  <c r="V11176" i="1"/>
  <c r="V11177" i="1"/>
  <c r="V11178" i="1"/>
  <c r="V11179" i="1"/>
  <c r="V11180" i="1"/>
  <c r="V11181" i="1"/>
  <c r="V11182" i="1"/>
  <c r="V11183" i="1"/>
  <c r="V11184" i="1"/>
  <c r="V11185" i="1"/>
  <c r="V11186" i="1"/>
  <c r="V11187" i="1"/>
  <c r="V11188" i="1"/>
  <c r="V11189" i="1"/>
  <c r="V11190" i="1"/>
  <c r="V11191" i="1"/>
  <c r="V11192" i="1"/>
  <c r="V11193" i="1"/>
  <c r="V11194" i="1"/>
  <c r="V11195" i="1"/>
  <c r="V11196" i="1"/>
  <c r="V11197" i="1"/>
  <c r="V11198" i="1"/>
  <c r="V11199" i="1"/>
  <c r="V11200" i="1"/>
  <c r="V11201" i="1"/>
  <c r="V11202" i="1"/>
  <c r="V11203" i="1"/>
  <c r="V11204" i="1"/>
  <c r="V11205" i="1"/>
  <c r="V11206" i="1"/>
  <c r="V11207" i="1"/>
  <c r="V11208" i="1"/>
  <c r="V11209" i="1"/>
  <c r="V11210" i="1"/>
  <c r="V11211" i="1"/>
  <c r="V11212" i="1"/>
  <c r="V11213" i="1"/>
  <c r="V11214" i="1"/>
  <c r="V11215" i="1"/>
  <c r="V11216" i="1"/>
  <c r="V11217" i="1"/>
  <c r="V11218" i="1"/>
  <c r="V11219" i="1"/>
  <c r="V11220" i="1"/>
  <c r="V11221" i="1"/>
  <c r="V11222" i="1"/>
  <c r="V11223" i="1"/>
  <c r="V11224" i="1"/>
  <c r="V11225" i="1"/>
  <c r="V11226" i="1"/>
  <c r="V11227" i="1"/>
  <c r="V11228" i="1"/>
  <c r="V11229" i="1"/>
  <c r="V11230" i="1"/>
  <c r="V11231" i="1"/>
  <c r="V11232" i="1"/>
  <c r="V11233" i="1"/>
  <c r="V11234" i="1"/>
  <c r="V11235" i="1"/>
  <c r="V11236" i="1"/>
  <c r="V11237" i="1"/>
  <c r="V11238" i="1"/>
  <c r="V11239" i="1"/>
  <c r="V11240" i="1"/>
  <c r="V11241" i="1"/>
  <c r="V11242" i="1"/>
  <c r="V11243" i="1"/>
  <c r="V11244" i="1"/>
  <c r="V11245" i="1"/>
  <c r="V11246" i="1"/>
  <c r="V11247" i="1"/>
  <c r="V11248" i="1"/>
  <c r="V11249" i="1"/>
  <c r="V11250" i="1"/>
  <c r="V11251" i="1"/>
  <c r="V11252" i="1"/>
  <c r="V11253" i="1"/>
  <c r="V11254" i="1"/>
  <c r="V11255" i="1"/>
  <c r="V11256" i="1"/>
  <c r="V11257" i="1"/>
  <c r="V11258" i="1"/>
  <c r="V11259" i="1"/>
  <c r="V11260" i="1"/>
  <c r="V11261" i="1"/>
  <c r="V11262" i="1"/>
  <c r="V11263" i="1"/>
  <c r="V11264" i="1"/>
  <c r="V11265" i="1"/>
  <c r="V11266" i="1"/>
  <c r="V11267" i="1"/>
  <c r="V11268" i="1"/>
  <c r="V11269" i="1"/>
  <c r="V11270" i="1"/>
  <c r="V11271" i="1"/>
  <c r="V11272" i="1"/>
  <c r="V11273" i="1"/>
  <c r="V11274" i="1"/>
  <c r="V11275" i="1"/>
  <c r="V11276" i="1"/>
  <c r="V11277" i="1"/>
  <c r="V11278" i="1"/>
  <c r="V11279" i="1"/>
  <c r="V11280" i="1"/>
  <c r="V11281" i="1"/>
  <c r="V11282" i="1"/>
  <c r="V11283" i="1"/>
  <c r="V11284" i="1"/>
  <c r="V11285" i="1"/>
  <c r="V11286" i="1"/>
  <c r="V11287" i="1"/>
  <c r="V11288" i="1"/>
  <c r="V11289" i="1"/>
  <c r="V11290" i="1"/>
  <c r="V11291" i="1"/>
  <c r="V11292" i="1"/>
  <c r="V11293" i="1"/>
  <c r="V11294" i="1"/>
  <c r="V11295" i="1"/>
  <c r="V11296" i="1"/>
  <c r="V11297" i="1"/>
  <c r="V11298" i="1"/>
  <c r="V11299" i="1"/>
  <c r="V11300" i="1"/>
  <c r="V11301" i="1"/>
  <c r="V11302" i="1"/>
  <c r="V11303" i="1"/>
  <c r="V11304" i="1"/>
  <c r="V11305" i="1"/>
  <c r="V11306" i="1"/>
  <c r="V11307" i="1"/>
  <c r="V11308" i="1"/>
  <c r="V11309" i="1"/>
  <c r="V11310" i="1"/>
  <c r="V11311" i="1"/>
  <c r="V11312" i="1"/>
  <c r="V11313" i="1"/>
  <c r="V11314" i="1"/>
  <c r="V11315" i="1"/>
  <c r="V11316" i="1"/>
  <c r="V11317" i="1"/>
  <c r="V11318" i="1"/>
  <c r="V11319" i="1"/>
  <c r="V11320" i="1"/>
  <c r="V11321" i="1"/>
  <c r="V11322" i="1"/>
  <c r="V11323" i="1"/>
  <c r="V11324" i="1"/>
  <c r="V11325" i="1"/>
  <c r="V11326" i="1"/>
  <c r="V11327" i="1"/>
  <c r="V11328" i="1"/>
  <c r="V11329" i="1"/>
  <c r="V11330" i="1"/>
  <c r="V11331" i="1"/>
  <c r="V11332" i="1"/>
  <c r="V11333" i="1"/>
  <c r="V11334" i="1"/>
  <c r="V11335" i="1"/>
  <c r="V11336" i="1"/>
  <c r="V11337" i="1"/>
  <c r="V11338" i="1"/>
  <c r="V11339" i="1"/>
  <c r="V11340" i="1"/>
  <c r="V11341" i="1"/>
  <c r="V11342" i="1"/>
  <c r="V11343" i="1"/>
  <c r="V11344" i="1"/>
  <c r="V11345" i="1"/>
  <c r="V11346" i="1"/>
  <c r="V11347" i="1"/>
  <c r="V11348" i="1"/>
  <c r="V11349" i="1"/>
  <c r="V11350" i="1"/>
  <c r="V11351" i="1"/>
  <c r="V11352" i="1"/>
  <c r="V11353" i="1"/>
  <c r="V11354" i="1"/>
  <c r="V11355" i="1"/>
  <c r="V11356" i="1"/>
  <c r="V11357" i="1"/>
  <c r="V11358" i="1"/>
  <c r="V11359" i="1"/>
  <c r="V11360" i="1"/>
  <c r="V11361" i="1"/>
  <c r="V11362" i="1"/>
  <c r="V11363" i="1"/>
  <c r="V11364" i="1"/>
  <c r="V11365" i="1"/>
  <c r="V11366" i="1"/>
  <c r="V11367" i="1"/>
  <c r="V11368" i="1"/>
  <c r="V11369" i="1"/>
  <c r="V11370" i="1"/>
  <c r="V11371" i="1"/>
  <c r="V11372" i="1"/>
  <c r="V11373" i="1"/>
  <c r="V11374" i="1"/>
  <c r="V11375" i="1"/>
  <c r="V11376" i="1"/>
  <c r="V11377" i="1"/>
  <c r="V11378" i="1"/>
  <c r="V11379" i="1"/>
  <c r="V11380" i="1"/>
  <c r="V11381" i="1"/>
  <c r="V11382" i="1"/>
  <c r="V11383" i="1"/>
  <c r="V11384" i="1"/>
  <c r="V11385" i="1"/>
  <c r="V11386" i="1"/>
  <c r="V11387" i="1"/>
  <c r="V11388" i="1"/>
  <c r="V11389" i="1"/>
  <c r="V11390" i="1"/>
  <c r="V11391" i="1"/>
  <c r="V11392" i="1"/>
  <c r="V11393" i="1"/>
  <c r="V11394" i="1"/>
  <c r="V11395" i="1"/>
  <c r="V11396" i="1"/>
  <c r="V11397" i="1"/>
  <c r="V11398" i="1"/>
  <c r="V11399" i="1"/>
  <c r="V11400" i="1"/>
  <c r="V11401" i="1"/>
  <c r="V11402" i="1"/>
  <c r="V11403" i="1"/>
  <c r="V11404" i="1"/>
  <c r="V11405" i="1"/>
  <c r="V11406" i="1"/>
  <c r="V11407" i="1"/>
  <c r="V11408" i="1"/>
  <c r="V11409" i="1"/>
  <c r="V11410" i="1"/>
  <c r="V11411" i="1"/>
  <c r="V11412" i="1"/>
  <c r="V11413" i="1"/>
  <c r="V11414" i="1"/>
  <c r="V11415" i="1"/>
  <c r="V11416" i="1"/>
  <c r="V11417" i="1"/>
  <c r="V11418" i="1"/>
  <c r="V11419" i="1"/>
  <c r="V11420" i="1"/>
  <c r="V11421" i="1"/>
  <c r="V11422" i="1"/>
  <c r="V11423" i="1"/>
  <c r="V11424" i="1"/>
  <c r="V11425" i="1"/>
  <c r="V11426" i="1"/>
  <c r="V11427" i="1"/>
  <c r="V11428" i="1"/>
  <c r="V11429" i="1"/>
  <c r="V11430" i="1"/>
  <c r="V11431" i="1"/>
  <c r="V11432" i="1"/>
  <c r="V11433" i="1"/>
  <c r="V11434" i="1"/>
  <c r="V11435" i="1"/>
  <c r="V11436" i="1"/>
  <c r="V11437" i="1"/>
  <c r="V11438" i="1"/>
  <c r="V11439" i="1"/>
  <c r="V11440" i="1"/>
  <c r="V11441" i="1"/>
  <c r="V11442" i="1"/>
  <c r="V11443" i="1"/>
  <c r="V11444" i="1"/>
  <c r="V11445" i="1"/>
  <c r="V11446" i="1"/>
  <c r="V11447" i="1"/>
  <c r="V11448" i="1"/>
  <c r="V11449" i="1"/>
  <c r="V11450" i="1"/>
  <c r="V11451" i="1"/>
  <c r="V11452" i="1"/>
  <c r="V11453" i="1"/>
  <c r="V11454" i="1"/>
  <c r="V11455" i="1"/>
  <c r="V11456" i="1"/>
  <c r="V11457" i="1"/>
  <c r="V11458" i="1"/>
  <c r="V11459" i="1"/>
  <c r="V11460" i="1"/>
  <c r="V11461" i="1"/>
  <c r="V11462" i="1"/>
  <c r="V11463" i="1"/>
  <c r="V11464" i="1"/>
  <c r="V11465" i="1"/>
  <c r="V11466" i="1"/>
  <c r="V11467" i="1"/>
  <c r="V11468" i="1"/>
  <c r="V11469" i="1"/>
  <c r="V11470" i="1"/>
  <c r="V11471" i="1"/>
  <c r="V11472" i="1"/>
  <c r="V11473" i="1"/>
  <c r="V11474" i="1"/>
  <c r="V11475" i="1"/>
  <c r="V11476" i="1"/>
  <c r="V11477" i="1"/>
  <c r="V11478" i="1"/>
  <c r="V11479" i="1"/>
  <c r="V11480" i="1"/>
  <c r="V11481" i="1"/>
  <c r="V11482" i="1"/>
  <c r="V11483" i="1"/>
  <c r="V11484" i="1"/>
  <c r="V11485" i="1"/>
  <c r="V11486" i="1"/>
  <c r="V11487" i="1"/>
  <c r="V11488" i="1"/>
  <c r="V11489" i="1"/>
  <c r="V11490" i="1"/>
  <c r="V11491" i="1"/>
  <c r="V11492" i="1"/>
  <c r="V11493" i="1"/>
  <c r="V11494" i="1"/>
  <c r="V11495" i="1"/>
  <c r="V11496" i="1"/>
  <c r="V11497" i="1"/>
  <c r="V11498" i="1"/>
  <c r="V11499" i="1"/>
  <c r="V11500" i="1"/>
  <c r="V11501" i="1"/>
  <c r="V11502" i="1"/>
  <c r="V11503" i="1"/>
  <c r="V11504" i="1"/>
  <c r="V11505" i="1"/>
  <c r="V11506" i="1"/>
  <c r="V11507" i="1"/>
  <c r="V11508" i="1"/>
  <c r="V11509" i="1"/>
  <c r="V11510" i="1"/>
  <c r="V11511" i="1"/>
  <c r="V11512" i="1"/>
  <c r="V11513" i="1"/>
  <c r="V11514" i="1"/>
  <c r="V11515" i="1"/>
  <c r="V11516" i="1"/>
  <c r="V11517" i="1"/>
  <c r="V11518" i="1"/>
  <c r="V11519" i="1"/>
  <c r="V11520" i="1"/>
  <c r="V11521" i="1"/>
  <c r="V11522" i="1"/>
  <c r="V11523" i="1"/>
  <c r="V11524" i="1"/>
  <c r="V11525" i="1"/>
  <c r="V11526" i="1"/>
  <c r="V11527" i="1"/>
  <c r="V11528" i="1"/>
  <c r="V11529" i="1"/>
  <c r="V11530" i="1"/>
  <c r="V11531" i="1"/>
  <c r="V11532" i="1"/>
  <c r="V11533" i="1"/>
  <c r="V11534" i="1"/>
  <c r="V11535" i="1"/>
  <c r="V11536" i="1"/>
  <c r="V11537" i="1"/>
  <c r="V11538" i="1"/>
  <c r="V11539" i="1"/>
  <c r="V11540" i="1"/>
  <c r="V11541" i="1"/>
  <c r="V11542" i="1"/>
  <c r="V11543" i="1"/>
  <c r="V11544" i="1"/>
  <c r="V11545" i="1"/>
  <c r="V11546" i="1"/>
  <c r="V11547" i="1"/>
  <c r="V11548" i="1"/>
  <c r="V11549" i="1"/>
  <c r="V11550" i="1"/>
  <c r="V11551" i="1"/>
  <c r="V11552" i="1"/>
  <c r="V11553" i="1"/>
  <c r="V11554" i="1"/>
  <c r="V11555" i="1"/>
  <c r="V11556" i="1"/>
  <c r="V11557" i="1"/>
  <c r="V11558" i="1"/>
  <c r="V11559" i="1"/>
  <c r="V11560" i="1"/>
  <c r="V11561" i="1"/>
  <c r="V11562" i="1"/>
  <c r="V11563" i="1"/>
  <c r="V11564" i="1"/>
  <c r="V11565" i="1"/>
  <c r="V11566" i="1"/>
  <c r="V11567" i="1"/>
  <c r="V11568" i="1"/>
  <c r="V11569" i="1"/>
  <c r="V11570" i="1"/>
  <c r="V11571" i="1"/>
  <c r="V11572" i="1"/>
  <c r="V11573" i="1"/>
  <c r="V11574" i="1"/>
  <c r="V11575" i="1"/>
  <c r="V11576" i="1"/>
  <c r="V11577" i="1"/>
  <c r="V11578" i="1"/>
  <c r="V11579" i="1"/>
  <c r="V11580" i="1"/>
  <c r="V11581" i="1"/>
  <c r="V11582" i="1"/>
  <c r="V11583" i="1"/>
  <c r="V11584" i="1"/>
  <c r="V11585" i="1"/>
  <c r="V11586" i="1"/>
  <c r="V11587" i="1"/>
  <c r="V11588" i="1"/>
  <c r="V11589" i="1"/>
  <c r="V11590" i="1"/>
  <c r="V11591" i="1"/>
  <c r="V11592" i="1"/>
  <c r="V11593" i="1"/>
  <c r="V11594" i="1"/>
  <c r="V11595" i="1"/>
  <c r="V11596" i="1"/>
  <c r="V11597" i="1"/>
  <c r="V11598" i="1"/>
  <c r="V11599" i="1"/>
  <c r="V11600" i="1"/>
  <c r="V11601" i="1"/>
  <c r="V11602" i="1"/>
  <c r="V11603" i="1"/>
  <c r="V11604" i="1"/>
  <c r="V11605" i="1"/>
  <c r="V11606" i="1"/>
  <c r="V11607" i="1"/>
  <c r="V11608" i="1"/>
  <c r="V11609" i="1"/>
  <c r="V11610" i="1"/>
  <c r="V11611" i="1"/>
  <c r="V11612" i="1"/>
  <c r="V11613" i="1"/>
  <c r="V11614" i="1"/>
  <c r="V11615" i="1"/>
  <c r="V11616" i="1"/>
  <c r="V11617" i="1"/>
  <c r="V11618" i="1"/>
  <c r="V11619" i="1"/>
  <c r="V11620" i="1"/>
  <c r="V11621" i="1"/>
  <c r="V11622" i="1"/>
  <c r="V11623" i="1"/>
  <c r="V11624" i="1"/>
  <c r="V11625" i="1"/>
  <c r="V11626" i="1"/>
  <c r="V11627" i="1"/>
  <c r="V11628" i="1"/>
  <c r="V11629" i="1"/>
  <c r="V11630" i="1"/>
  <c r="V11631" i="1"/>
  <c r="V11632" i="1"/>
  <c r="V11633" i="1"/>
  <c r="V11634" i="1"/>
  <c r="V11635" i="1"/>
  <c r="V11636" i="1"/>
  <c r="V11637" i="1"/>
  <c r="V11638" i="1"/>
  <c r="V11639" i="1"/>
  <c r="V11640" i="1"/>
  <c r="V11641" i="1"/>
  <c r="V11642" i="1"/>
  <c r="V11643" i="1"/>
  <c r="V11644" i="1"/>
  <c r="V11645" i="1"/>
  <c r="V11646" i="1"/>
  <c r="V11647" i="1"/>
  <c r="V11648" i="1"/>
  <c r="V11649" i="1"/>
  <c r="V11650" i="1"/>
  <c r="V11651" i="1"/>
  <c r="V11652" i="1"/>
  <c r="V11653" i="1"/>
  <c r="V11654" i="1"/>
  <c r="V11655" i="1"/>
  <c r="V11656" i="1"/>
  <c r="V11657" i="1"/>
  <c r="V11658" i="1"/>
  <c r="V11659" i="1"/>
  <c r="V11660" i="1"/>
  <c r="V11661" i="1"/>
  <c r="V11662" i="1"/>
  <c r="V11663" i="1"/>
  <c r="V11664" i="1"/>
  <c r="V11665" i="1"/>
  <c r="V11666" i="1"/>
  <c r="V11667" i="1"/>
  <c r="V11668" i="1"/>
  <c r="V11669" i="1"/>
  <c r="V11670" i="1"/>
  <c r="V11671" i="1"/>
  <c r="V11672" i="1"/>
  <c r="V11673" i="1"/>
  <c r="V11674" i="1"/>
  <c r="V11675" i="1"/>
  <c r="V11676" i="1"/>
  <c r="V11677" i="1"/>
  <c r="V11678" i="1"/>
  <c r="V11679" i="1"/>
  <c r="V11680" i="1"/>
  <c r="V11681" i="1"/>
  <c r="V11682" i="1"/>
  <c r="V11683" i="1"/>
  <c r="V11684" i="1"/>
  <c r="V11685" i="1"/>
  <c r="V11686" i="1"/>
  <c r="V11687" i="1"/>
  <c r="V11688" i="1"/>
  <c r="V11689" i="1"/>
  <c r="V11690" i="1"/>
  <c r="V11691" i="1"/>
  <c r="V11692" i="1"/>
  <c r="V11693" i="1"/>
  <c r="V11694" i="1"/>
  <c r="V11695" i="1"/>
  <c r="V11696" i="1"/>
  <c r="V11697" i="1"/>
  <c r="V11698" i="1"/>
  <c r="V11699" i="1"/>
  <c r="V11700" i="1"/>
  <c r="V11701" i="1"/>
  <c r="V11702" i="1"/>
  <c r="V11703" i="1"/>
  <c r="V11704" i="1"/>
  <c r="V11705" i="1"/>
  <c r="V11706" i="1"/>
  <c r="V11707" i="1"/>
  <c r="V11708" i="1"/>
  <c r="V11709" i="1"/>
  <c r="V11710" i="1"/>
  <c r="V11711" i="1"/>
  <c r="V11712" i="1"/>
  <c r="V11713" i="1"/>
  <c r="V11714" i="1"/>
  <c r="V11715" i="1"/>
  <c r="V11716" i="1"/>
  <c r="V11717" i="1"/>
  <c r="V11718" i="1"/>
  <c r="V11719" i="1"/>
  <c r="V11720" i="1"/>
  <c r="V11721" i="1"/>
  <c r="V11722" i="1"/>
  <c r="V11723" i="1"/>
  <c r="V11724" i="1"/>
  <c r="V11725" i="1"/>
  <c r="V11726" i="1"/>
  <c r="V11727" i="1"/>
  <c r="V11728" i="1"/>
  <c r="V11729" i="1"/>
  <c r="V11730" i="1"/>
  <c r="V11731" i="1"/>
  <c r="V11732" i="1"/>
  <c r="V11733" i="1"/>
  <c r="V11734" i="1"/>
  <c r="V11735" i="1"/>
  <c r="V11736" i="1"/>
  <c r="V11737" i="1"/>
  <c r="V11738" i="1"/>
  <c r="V11739" i="1"/>
  <c r="V11740" i="1"/>
  <c r="V11741" i="1"/>
  <c r="V11742" i="1"/>
  <c r="V11743" i="1"/>
  <c r="V11744" i="1"/>
  <c r="V11745" i="1"/>
  <c r="V11746" i="1"/>
  <c r="V11747" i="1"/>
  <c r="V11748" i="1"/>
  <c r="V11749" i="1"/>
  <c r="V11750" i="1"/>
  <c r="V11751" i="1"/>
  <c r="V11752" i="1"/>
  <c r="V11753" i="1"/>
  <c r="V11754" i="1"/>
  <c r="V11755" i="1"/>
  <c r="V11756" i="1"/>
  <c r="V11757" i="1"/>
  <c r="V11758" i="1"/>
  <c r="V11759" i="1"/>
  <c r="V11760" i="1"/>
  <c r="V11761" i="1"/>
  <c r="V11762" i="1"/>
  <c r="V11763" i="1"/>
  <c r="V11764" i="1"/>
  <c r="V11765" i="1"/>
  <c r="V11766" i="1"/>
  <c r="V11767" i="1"/>
  <c r="V11768" i="1"/>
  <c r="V11769" i="1"/>
  <c r="V11770" i="1"/>
  <c r="V11771" i="1"/>
  <c r="V11772" i="1"/>
  <c r="V11773" i="1"/>
  <c r="V11774" i="1"/>
  <c r="V11775" i="1"/>
  <c r="V11776" i="1"/>
  <c r="V11777" i="1"/>
  <c r="V11778" i="1"/>
  <c r="V11779" i="1"/>
  <c r="V11780" i="1"/>
  <c r="V11781" i="1"/>
  <c r="V11782" i="1"/>
  <c r="V11783" i="1"/>
  <c r="V11784" i="1"/>
  <c r="V11785" i="1"/>
  <c r="V11786" i="1"/>
  <c r="V11787" i="1"/>
  <c r="V11788" i="1"/>
  <c r="V11789" i="1"/>
  <c r="V11790" i="1"/>
  <c r="V11791" i="1"/>
  <c r="V11792" i="1"/>
  <c r="V11793" i="1"/>
  <c r="V11794" i="1"/>
  <c r="V11795" i="1"/>
  <c r="V11796" i="1"/>
  <c r="V11797" i="1"/>
  <c r="V11798" i="1"/>
  <c r="V11799" i="1"/>
  <c r="V11800" i="1"/>
  <c r="V11801" i="1"/>
  <c r="V11802" i="1"/>
  <c r="V11803" i="1"/>
  <c r="V11804" i="1"/>
  <c r="V11805" i="1"/>
  <c r="V11806" i="1"/>
  <c r="V11807" i="1"/>
  <c r="V11808" i="1"/>
  <c r="V11809" i="1"/>
  <c r="V11810" i="1"/>
  <c r="V11811" i="1"/>
  <c r="V11812" i="1"/>
  <c r="V11813" i="1"/>
  <c r="V11814" i="1"/>
  <c r="V11815" i="1"/>
  <c r="V11816" i="1"/>
  <c r="V11817" i="1"/>
  <c r="V11818" i="1"/>
  <c r="V11819" i="1"/>
  <c r="V11820" i="1"/>
  <c r="V11821" i="1"/>
  <c r="V11822" i="1"/>
  <c r="V11823" i="1"/>
  <c r="V11824" i="1"/>
  <c r="V11825" i="1"/>
  <c r="V11826" i="1"/>
  <c r="V11827" i="1"/>
  <c r="V11828" i="1"/>
  <c r="V11829" i="1"/>
  <c r="V11830" i="1"/>
  <c r="V11831" i="1"/>
  <c r="V11832" i="1"/>
  <c r="V11833" i="1"/>
  <c r="V11834" i="1"/>
  <c r="V11835" i="1"/>
  <c r="V11836" i="1"/>
  <c r="V11837" i="1"/>
  <c r="V11838" i="1"/>
  <c r="V11839" i="1"/>
  <c r="V11840" i="1"/>
  <c r="V11841" i="1"/>
  <c r="V11842" i="1"/>
  <c r="V11843" i="1"/>
  <c r="V11844" i="1"/>
  <c r="V11845" i="1"/>
  <c r="V11846" i="1"/>
  <c r="V11847" i="1"/>
  <c r="V11848" i="1"/>
  <c r="V11849" i="1"/>
  <c r="V11850" i="1"/>
  <c r="V11851" i="1"/>
  <c r="V11852" i="1"/>
  <c r="V11853" i="1"/>
  <c r="V11854" i="1"/>
  <c r="V11855" i="1"/>
  <c r="V11856" i="1"/>
  <c r="V11857" i="1"/>
  <c r="V11858" i="1"/>
  <c r="V11859" i="1"/>
  <c r="V11860" i="1"/>
  <c r="V11861" i="1"/>
  <c r="V11862" i="1"/>
  <c r="V11863" i="1"/>
  <c r="V11864" i="1"/>
  <c r="V11865" i="1"/>
  <c r="V11866" i="1"/>
  <c r="V11867" i="1"/>
  <c r="V11868" i="1"/>
  <c r="V11869" i="1"/>
  <c r="V11870" i="1"/>
  <c r="V11871" i="1"/>
  <c r="V11872" i="1"/>
  <c r="V11873" i="1"/>
  <c r="V11874" i="1"/>
  <c r="V11875" i="1"/>
  <c r="V11876" i="1"/>
  <c r="V11877" i="1"/>
  <c r="V11878" i="1"/>
  <c r="V11879" i="1"/>
  <c r="V11880" i="1"/>
  <c r="V11881" i="1"/>
  <c r="V11882" i="1"/>
  <c r="V11883" i="1"/>
  <c r="V11884" i="1"/>
  <c r="V11885" i="1"/>
  <c r="V11886" i="1"/>
  <c r="V11887" i="1"/>
  <c r="V11888" i="1"/>
  <c r="V11889" i="1"/>
  <c r="V11890" i="1"/>
  <c r="V11891" i="1"/>
  <c r="V11892" i="1"/>
  <c r="V11893" i="1"/>
  <c r="V11894" i="1"/>
  <c r="V11895" i="1"/>
  <c r="V11896" i="1"/>
  <c r="V11897" i="1"/>
  <c r="V11898" i="1"/>
  <c r="V11899" i="1"/>
  <c r="V11900" i="1"/>
  <c r="V11901" i="1"/>
  <c r="V11902" i="1"/>
  <c r="V11903" i="1"/>
  <c r="V11904" i="1"/>
  <c r="V11905" i="1"/>
  <c r="V11906" i="1"/>
  <c r="V11907" i="1"/>
  <c r="V11908" i="1"/>
  <c r="V11909" i="1"/>
  <c r="V11910" i="1"/>
  <c r="V11911" i="1"/>
  <c r="V11912" i="1"/>
  <c r="V11913" i="1"/>
  <c r="V11914" i="1"/>
  <c r="V11915" i="1"/>
  <c r="V11916" i="1"/>
  <c r="V11917" i="1"/>
  <c r="V11918" i="1"/>
  <c r="V11919" i="1"/>
  <c r="V11920" i="1"/>
  <c r="V11921" i="1"/>
  <c r="V11922" i="1"/>
  <c r="V11923" i="1"/>
  <c r="V11924" i="1"/>
  <c r="V11925" i="1"/>
  <c r="V11926" i="1"/>
  <c r="V11927" i="1"/>
  <c r="V11928" i="1"/>
  <c r="V11929" i="1"/>
  <c r="V11930" i="1"/>
  <c r="V11931" i="1"/>
  <c r="V11932" i="1"/>
  <c r="V11933" i="1"/>
  <c r="V11934" i="1"/>
  <c r="V11935" i="1"/>
  <c r="V11936" i="1"/>
  <c r="V11937" i="1"/>
  <c r="V11938" i="1"/>
  <c r="V11939" i="1"/>
  <c r="V11940" i="1"/>
  <c r="V11941" i="1"/>
  <c r="V11942" i="1"/>
  <c r="V11943" i="1"/>
  <c r="V11944" i="1"/>
  <c r="V11945" i="1"/>
  <c r="V11946" i="1"/>
  <c r="V11947" i="1"/>
  <c r="V11948" i="1"/>
  <c r="V11949" i="1"/>
  <c r="V11950" i="1"/>
  <c r="V11951" i="1"/>
  <c r="V11952" i="1"/>
  <c r="V11953" i="1"/>
  <c r="V11954" i="1"/>
  <c r="V11955" i="1"/>
  <c r="V11956" i="1"/>
  <c r="V11957" i="1"/>
  <c r="V11958" i="1"/>
  <c r="V11959" i="1"/>
  <c r="V11960" i="1"/>
  <c r="V11961" i="1"/>
  <c r="V11962" i="1"/>
  <c r="V11963" i="1"/>
  <c r="V11964" i="1"/>
  <c r="V11965" i="1"/>
  <c r="V11966" i="1"/>
  <c r="V11967" i="1"/>
  <c r="V11968" i="1"/>
  <c r="V11969" i="1"/>
  <c r="V11970" i="1"/>
  <c r="V11971" i="1"/>
  <c r="V11972" i="1"/>
  <c r="V11973" i="1"/>
  <c r="V11974" i="1"/>
  <c r="V11975" i="1"/>
  <c r="V11976" i="1"/>
  <c r="V11977" i="1"/>
  <c r="V11978" i="1"/>
  <c r="V11979" i="1"/>
  <c r="V11980" i="1"/>
  <c r="V11981" i="1"/>
  <c r="V11982" i="1"/>
  <c r="V11983" i="1"/>
  <c r="V11984" i="1"/>
  <c r="V11985" i="1"/>
  <c r="V11986" i="1"/>
  <c r="V11987" i="1"/>
  <c r="V11988" i="1"/>
  <c r="V11989" i="1"/>
  <c r="V11990" i="1"/>
  <c r="V11991" i="1"/>
  <c r="V11992" i="1"/>
  <c r="V11993" i="1"/>
  <c r="V11994" i="1"/>
  <c r="V11995" i="1"/>
  <c r="V11996" i="1"/>
  <c r="V11997" i="1"/>
  <c r="V11998" i="1"/>
  <c r="V11999" i="1"/>
  <c r="V12000" i="1"/>
  <c r="V12001" i="1"/>
  <c r="V12002" i="1"/>
  <c r="V12003" i="1"/>
  <c r="V12004" i="1"/>
  <c r="V12005" i="1"/>
  <c r="V12006" i="1"/>
  <c r="V12007" i="1"/>
  <c r="V12008" i="1"/>
  <c r="V12009" i="1"/>
  <c r="V12010" i="1"/>
  <c r="V12011" i="1"/>
  <c r="V12012" i="1"/>
  <c r="V12013" i="1"/>
  <c r="V12014" i="1"/>
  <c r="V12015" i="1"/>
  <c r="V12016" i="1"/>
  <c r="V12017" i="1"/>
  <c r="V12018" i="1"/>
  <c r="V12019" i="1"/>
  <c r="V12020" i="1"/>
  <c r="V12021" i="1"/>
  <c r="V12022" i="1"/>
  <c r="V12023" i="1"/>
  <c r="V12024" i="1"/>
  <c r="V12025" i="1"/>
  <c r="V12026" i="1"/>
  <c r="V12027" i="1"/>
  <c r="V12028" i="1"/>
  <c r="V12029" i="1"/>
  <c r="V12030" i="1"/>
  <c r="V12031" i="1"/>
  <c r="V12032" i="1"/>
  <c r="V12033" i="1"/>
  <c r="V12034" i="1"/>
  <c r="V12035" i="1"/>
  <c r="V12036" i="1"/>
  <c r="V12037" i="1"/>
  <c r="V12038" i="1"/>
  <c r="V12039" i="1"/>
  <c r="V12040" i="1"/>
  <c r="V12041" i="1"/>
  <c r="V12042" i="1"/>
  <c r="V12043" i="1"/>
  <c r="V12044" i="1"/>
  <c r="V12045" i="1"/>
  <c r="V12046" i="1"/>
  <c r="V12047" i="1"/>
  <c r="V12048" i="1"/>
  <c r="V12049" i="1"/>
  <c r="V12050" i="1"/>
  <c r="V12051" i="1"/>
  <c r="V12052" i="1"/>
  <c r="V12053" i="1"/>
  <c r="V12054" i="1"/>
  <c r="V12055" i="1"/>
  <c r="V12056" i="1"/>
  <c r="V12057" i="1"/>
  <c r="V12058" i="1"/>
  <c r="V12059" i="1"/>
  <c r="V12060" i="1"/>
  <c r="V12061" i="1"/>
  <c r="V12062" i="1"/>
  <c r="V12063" i="1"/>
  <c r="V12064" i="1"/>
  <c r="V12065" i="1"/>
  <c r="V12066" i="1"/>
  <c r="V12067" i="1"/>
  <c r="V12068" i="1"/>
  <c r="V12069" i="1"/>
  <c r="V12070" i="1"/>
  <c r="V12071" i="1"/>
  <c r="V12072" i="1"/>
  <c r="V12073" i="1"/>
  <c r="V12074" i="1"/>
  <c r="V12075" i="1"/>
  <c r="V12076" i="1"/>
  <c r="V12077" i="1"/>
  <c r="V12078" i="1"/>
  <c r="V12079" i="1"/>
  <c r="V12080" i="1"/>
  <c r="V12081" i="1"/>
  <c r="V12082" i="1"/>
  <c r="V12083" i="1"/>
  <c r="V12084" i="1"/>
  <c r="V12085" i="1"/>
  <c r="V12086" i="1"/>
  <c r="V12087" i="1"/>
  <c r="V12088" i="1"/>
  <c r="V12089" i="1"/>
  <c r="V12090" i="1"/>
  <c r="V12091" i="1"/>
  <c r="V12092" i="1"/>
  <c r="V12093" i="1"/>
  <c r="V12094" i="1"/>
  <c r="V12095" i="1"/>
  <c r="V12096" i="1"/>
  <c r="V12097" i="1"/>
  <c r="V12098" i="1"/>
  <c r="V12099" i="1"/>
  <c r="V12100" i="1"/>
  <c r="V12101" i="1"/>
  <c r="V12102" i="1"/>
  <c r="V12103" i="1"/>
  <c r="V12104" i="1"/>
  <c r="V12105" i="1"/>
  <c r="V12106" i="1"/>
  <c r="V12107" i="1"/>
  <c r="V12108" i="1"/>
  <c r="V12109" i="1"/>
  <c r="V12110" i="1"/>
  <c r="V12111" i="1"/>
  <c r="V12112" i="1"/>
  <c r="V12113" i="1"/>
  <c r="V12114" i="1"/>
  <c r="V12115" i="1"/>
  <c r="V12116" i="1"/>
  <c r="V12117" i="1"/>
  <c r="V12118" i="1"/>
  <c r="V12119" i="1"/>
  <c r="V12120" i="1"/>
  <c r="V12121" i="1"/>
  <c r="V12122" i="1"/>
  <c r="V12123" i="1"/>
  <c r="V12124" i="1"/>
  <c r="V12125" i="1"/>
  <c r="V12126" i="1"/>
  <c r="V12127" i="1"/>
  <c r="V12128" i="1"/>
  <c r="V12129" i="1"/>
  <c r="V12130" i="1"/>
  <c r="V12131" i="1"/>
  <c r="V12132" i="1"/>
  <c r="V12133" i="1"/>
  <c r="V12134" i="1"/>
  <c r="V12135" i="1"/>
  <c r="V12136" i="1"/>
  <c r="V12137" i="1"/>
  <c r="V12138" i="1"/>
  <c r="V12139" i="1"/>
  <c r="V12140" i="1"/>
  <c r="V12141" i="1"/>
  <c r="V12142" i="1"/>
  <c r="V12143" i="1"/>
  <c r="V12144" i="1"/>
  <c r="V12145" i="1"/>
  <c r="V12146" i="1"/>
  <c r="V12147" i="1"/>
  <c r="V12148" i="1"/>
  <c r="V12149" i="1"/>
  <c r="V12150" i="1"/>
  <c r="V12151" i="1"/>
  <c r="V12152" i="1"/>
  <c r="V12153" i="1"/>
  <c r="V12154" i="1"/>
  <c r="V12155" i="1"/>
  <c r="V12156" i="1"/>
  <c r="V12157" i="1"/>
  <c r="V12158" i="1"/>
  <c r="V12159" i="1"/>
  <c r="V12160" i="1"/>
  <c r="V12161" i="1"/>
  <c r="V12162" i="1"/>
  <c r="V12163" i="1"/>
  <c r="V12164" i="1"/>
  <c r="V12165" i="1"/>
  <c r="V12166" i="1"/>
  <c r="V12167" i="1"/>
  <c r="V12168" i="1"/>
  <c r="V12169" i="1"/>
  <c r="V12170" i="1"/>
  <c r="V12171" i="1"/>
  <c r="V12172" i="1"/>
  <c r="V12173" i="1"/>
  <c r="V12174" i="1"/>
  <c r="V12175" i="1"/>
  <c r="V12176" i="1"/>
  <c r="V12177" i="1"/>
  <c r="V12178" i="1"/>
  <c r="V12179" i="1"/>
  <c r="V12180" i="1"/>
  <c r="V12181" i="1"/>
  <c r="V12182" i="1"/>
  <c r="V12183" i="1"/>
  <c r="V12184" i="1"/>
  <c r="V12185" i="1"/>
  <c r="V12186" i="1"/>
  <c r="V12187" i="1"/>
  <c r="V12188" i="1"/>
  <c r="V12189" i="1"/>
  <c r="V12190" i="1"/>
  <c r="V12191" i="1"/>
  <c r="V12192" i="1"/>
  <c r="V12193" i="1"/>
  <c r="V12194" i="1"/>
  <c r="V12195" i="1"/>
  <c r="V12196" i="1"/>
  <c r="V12197" i="1"/>
  <c r="V12198" i="1"/>
  <c r="V12199" i="1"/>
  <c r="V12200" i="1"/>
  <c r="V12201" i="1"/>
  <c r="V12202" i="1"/>
  <c r="V12203" i="1"/>
  <c r="V12204" i="1"/>
  <c r="V12205" i="1"/>
  <c r="V12206" i="1"/>
  <c r="V12207" i="1"/>
  <c r="V12208" i="1"/>
  <c r="V12209" i="1"/>
  <c r="V12210" i="1"/>
  <c r="V12211" i="1"/>
  <c r="V12212" i="1"/>
  <c r="V12213" i="1"/>
  <c r="V12214" i="1"/>
  <c r="V12215" i="1"/>
  <c r="V12216" i="1"/>
  <c r="V12217" i="1"/>
  <c r="V12218" i="1"/>
  <c r="V12219" i="1"/>
  <c r="V12220" i="1"/>
  <c r="V12221" i="1"/>
  <c r="V12222" i="1"/>
  <c r="V12223" i="1"/>
  <c r="V12224" i="1"/>
  <c r="V12225" i="1"/>
  <c r="V12226" i="1"/>
  <c r="V12227" i="1"/>
  <c r="V12228" i="1"/>
  <c r="V12229" i="1"/>
  <c r="V12230" i="1"/>
  <c r="V12231" i="1"/>
  <c r="V12232" i="1"/>
  <c r="V12233" i="1"/>
  <c r="V12234" i="1"/>
  <c r="V12235" i="1"/>
  <c r="V12236" i="1"/>
  <c r="V12237" i="1"/>
  <c r="V12238" i="1"/>
  <c r="V12239" i="1"/>
  <c r="V12240" i="1"/>
  <c r="V12241" i="1"/>
  <c r="V12242" i="1"/>
  <c r="V12243" i="1"/>
  <c r="V12244" i="1"/>
  <c r="V12245" i="1"/>
  <c r="V12246" i="1"/>
  <c r="V12247" i="1"/>
  <c r="V12248" i="1"/>
  <c r="V12249" i="1"/>
  <c r="V12250" i="1"/>
  <c r="V12251" i="1"/>
  <c r="V12252" i="1"/>
  <c r="V12253" i="1"/>
  <c r="V12254" i="1"/>
  <c r="V12255" i="1"/>
  <c r="V12256" i="1"/>
  <c r="V12257" i="1"/>
  <c r="V12258" i="1"/>
  <c r="V12259" i="1"/>
  <c r="V12260" i="1"/>
  <c r="V12261" i="1"/>
  <c r="V12262" i="1"/>
  <c r="V12263" i="1"/>
  <c r="V12264" i="1"/>
  <c r="V12265" i="1"/>
  <c r="V12266" i="1"/>
  <c r="V12267" i="1"/>
  <c r="V12268" i="1"/>
  <c r="V12269" i="1"/>
  <c r="V12270" i="1"/>
  <c r="V12271" i="1"/>
  <c r="V12272" i="1"/>
  <c r="V12273" i="1"/>
  <c r="V12274" i="1"/>
  <c r="V12275" i="1"/>
  <c r="V12276" i="1"/>
  <c r="V12277" i="1"/>
  <c r="V12278" i="1"/>
  <c r="V12279" i="1"/>
  <c r="V12280" i="1"/>
  <c r="V12281" i="1"/>
  <c r="V12282" i="1"/>
  <c r="V12283" i="1"/>
  <c r="V12284" i="1"/>
  <c r="V12285" i="1"/>
  <c r="V12286" i="1"/>
  <c r="V12287" i="1"/>
  <c r="V12288" i="1"/>
  <c r="V12289" i="1"/>
  <c r="V12290" i="1"/>
  <c r="V12291" i="1"/>
  <c r="V12292" i="1"/>
  <c r="V12293" i="1"/>
  <c r="V12294" i="1"/>
  <c r="V12295" i="1"/>
  <c r="V12296" i="1"/>
  <c r="V12297" i="1"/>
  <c r="V12298" i="1"/>
  <c r="V12299" i="1"/>
  <c r="V12300" i="1"/>
  <c r="V12301" i="1"/>
  <c r="V12302" i="1"/>
  <c r="V12303" i="1"/>
  <c r="V12304" i="1"/>
  <c r="V12305" i="1"/>
  <c r="V12306" i="1"/>
  <c r="V12307" i="1"/>
  <c r="V12308" i="1"/>
  <c r="V12309" i="1"/>
  <c r="V12310" i="1"/>
  <c r="V12311" i="1"/>
  <c r="V12312" i="1"/>
  <c r="V12313" i="1"/>
  <c r="V12314" i="1"/>
  <c r="V12315" i="1"/>
  <c r="V12316" i="1"/>
  <c r="V12317" i="1"/>
  <c r="V12318" i="1"/>
  <c r="V12319" i="1"/>
  <c r="V12320" i="1"/>
  <c r="V12321" i="1"/>
  <c r="V12322" i="1"/>
  <c r="V12323" i="1"/>
  <c r="V12324" i="1"/>
  <c r="V12325" i="1"/>
  <c r="V12326" i="1"/>
  <c r="V12327" i="1"/>
  <c r="V12328" i="1"/>
  <c r="V12329" i="1"/>
  <c r="V12330" i="1"/>
  <c r="V12331" i="1"/>
  <c r="V12332" i="1"/>
  <c r="V12333" i="1"/>
  <c r="V12334" i="1"/>
  <c r="V12335" i="1"/>
  <c r="V12336" i="1"/>
  <c r="V12337" i="1"/>
  <c r="V12338" i="1"/>
  <c r="V12339" i="1"/>
  <c r="V12340" i="1"/>
  <c r="V12341" i="1"/>
  <c r="V12342" i="1"/>
  <c r="V12343" i="1"/>
  <c r="V12344" i="1"/>
  <c r="V12345" i="1"/>
  <c r="V12346" i="1"/>
  <c r="V12347" i="1"/>
  <c r="V12348" i="1"/>
  <c r="V12349" i="1"/>
  <c r="V12350" i="1"/>
  <c r="V12351" i="1"/>
  <c r="V12352" i="1"/>
  <c r="V12353" i="1"/>
  <c r="V12354" i="1"/>
  <c r="V12355" i="1"/>
  <c r="V12356" i="1"/>
  <c r="V12357" i="1"/>
  <c r="V12358" i="1"/>
  <c r="V12359" i="1"/>
  <c r="V12360" i="1"/>
  <c r="V12361" i="1"/>
  <c r="V12362" i="1"/>
  <c r="V12363" i="1"/>
  <c r="V12364" i="1"/>
  <c r="V12365" i="1"/>
  <c r="V12366" i="1"/>
  <c r="V12367" i="1"/>
  <c r="V12368" i="1"/>
  <c r="V12369" i="1"/>
  <c r="V12370" i="1"/>
  <c r="V12371" i="1"/>
  <c r="V12372" i="1"/>
  <c r="V12373" i="1"/>
  <c r="V12374" i="1"/>
  <c r="V12375" i="1"/>
  <c r="V12376" i="1"/>
  <c r="V12377" i="1"/>
  <c r="V12378" i="1"/>
  <c r="V12379" i="1"/>
  <c r="V12380" i="1"/>
  <c r="V12381" i="1"/>
  <c r="V12382" i="1"/>
  <c r="V12383" i="1"/>
  <c r="V12384" i="1"/>
  <c r="V12385" i="1"/>
  <c r="V12386" i="1"/>
  <c r="V12387" i="1"/>
  <c r="V12388" i="1"/>
  <c r="V12389" i="1"/>
  <c r="V12390" i="1"/>
  <c r="V12391" i="1"/>
  <c r="V12392" i="1"/>
  <c r="V12393" i="1"/>
  <c r="V12394" i="1"/>
  <c r="V12395" i="1"/>
  <c r="V12396" i="1"/>
  <c r="V12397" i="1"/>
  <c r="V12398" i="1"/>
  <c r="V12399" i="1"/>
  <c r="V12400" i="1"/>
  <c r="V12401" i="1"/>
  <c r="V12402" i="1"/>
  <c r="V12403" i="1"/>
  <c r="V12404" i="1"/>
  <c r="V12405" i="1"/>
  <c r="V12406" i="1"/>
  <c r="V12407" i="1"/>
  <c r="V12408" i="1"/>
  <c r="V12409" i="1"/>
  <c r="V12410" i="1"/>
  <c r="V12411" i="1"/>
  <c r="V12412" i="1"/>
  <c r="V12413" i="1"/>
  <c r="V12414" i="1"/>
  <c r="V12415" i="1"/>
  <c r="V12416" i="1"/>
  <c r="V12417" i="1"/>
  <c r="V12418" i="1"/>
  <c r="V12419" i="1"/>
  <c r="V12420" i="1"/>
  <c r="V12421" i="1"/>
  <c r="V12422" i="1"/>
  <c r="V12423" i="1"/>
  <c r="V12424" i="1"/>
  <c r="V12425" i="1"/>
  <c r="V12426" i="1"/>
  <c r="V12427" i="1"/>
  <c r="V12428" i="1"/>
  <c r="V12429" i="1"/>
  <c r="V12430" i="1"/>
  <c r="V12431" i="1"/>
  <c r="V12432" i="1"/>
  <c r="V12433" i="1"/>
  <c r="V12434" i="1"/>
  <c r="V12435" i="1"/>
  <c r="V12436" i="1"/>
  <c r="V12437" i="1"/>
  <c r="V12438" i="1"/>
  <c r="V12439" i="1"/>
  <c r="V12440" i="1"/>
  <c r="V12441" i="1"/>
  <c r="V12442" i="1"/>
  <c r="V12443" i="1"/>
  <c r="V12444" i="1"/>
  <c r="V12445" i="1"/>
  <c r="V12446" i="1"/>
  <c r="V12447" i="1"/>
  <c r="V12448" i="1"/>
  <c r="V12449" i="1"/>
  <c r="V12450" i="1"/>
  <c r="V12451" i="1"/>
  <c r="V12452" i="1"/>
  <c r="V12453" i="1"/>
  <c r="V12454" i="1"/>
  <c r="V12455" i="1"/>
  <c r="V12456" i="1"/>
  <c r="V12457" i="1"/>
  <c r="V12458" i="1"/>
  <c r="V12459" i="1"/>
  <c r="V12460" i="1"/>
  <c r="V12461" i="1"/>
  <c r="V12462" i="1"/>
  <c r="V12463" i="1"/>
  <c r="V12464" i="1"/>
  <c r="V12465" i="1"/>
  <c r="V12466" i="1"/>
  <c r="V12467" i="1"/>
  <c r="V12468" i="1"/>
  <c r="V12469" i="1"/>
  <c r="V12470" i="1"/>
  <c r="V12471" i="1"/>
  <c r="V12472" i="1"/>
  <c r="V12473" i="1"/>
  <c r="V12474" i="1"/>
  <c r="V12475" i="1"/>
  <c r="V12476" i="1"/>
  <c r="V12477" i="1"/>
  <c r="V12478" i="1"/>
  <c r="V12479" i="1"/>
  <c r="V12480" i="1"/>
  <c r="V12481" i="1"/>
  <c r="V12482" i="1"/>
  <c r="V12483" i="1"/>
  <c r="V12484" i="1"/>
  <c r="V12485" i="1"/>
  <c r="V12486" i="1"/>
  <c r="V12487" i="1"/>
  <c r="V12488" i="1"/>
  <c r="V12489" i="1"/>
  <c r="V12490" i="1"/>
  <c r="V12491" i="1"/>
  <c r="V12492" i="1"/>
  <c r="V12493" i="1"/>
  <c r="V12494" i="1"/>
  <c r="V12495" i="1"/>
  <c r="V12496" i="1"/>
  <c r="V12497" i="1"/>
  <c r="V12498" i="1"/>
  <c r="V12499" i="1"/>
  <c r="V12500" i="1"/>
  <c r="V12501" i="1"/>
  <c r="V12502" i="1"/>
  <c r="V12503" i="1"/>
  <c r="V12504" i="1"/>
  <c r="V12505" i="1"/>
  <c r="V12506" i="1"/>
  <c r="V12507" i="1"/>
  <c r="V12508" i="1"/>
  <c r="V12509" i="1"/>
  <c r="V12510" i="1"/>
  <c r="V12511" i="1"/>
  <c r="V12512" i="1"/>
  <c r="V12513" i="1"/>
  <c r="V12514" i="1"/>
  <c r="V12515" i="1"/>
  <c r="V12516" i="1"/>
  <c r="V12517" i="1"/>
  <c r="V12518" i="1"/>
  <c r="V12519" i="1"/>
  <c r="V12520" i="1"/>
  <c r="V12521" i="1"/>
  <c r="V12522" i="1"/>
  <c r="V12523" i="1"/>
  <c r="V12524" i="1"/>
  <c r="V12525" i="1"/>
  <c r="V12526" i="1"/>
  <c r="V12527" i="1"/>
  <c r="V12528" i="1"/>
  <c r="V12529" i="1"/>
  <c r="V12530" i="1"/>
  <c r="V12531" i="1"/>
  <c r="V12532" i="1"/>
  <c r="V12533" i="1"/>
  <c r="V12534" i="1"/>
  <c r="V12535" i="1"/>
  <c r="V12536" i="1"/>
  <c r="V12537" i="1"/>
  <c r="V12538" i="1"/>
  <c r="V12539" i="1"/>
  <c r="V12540" i="1"/>
  <c r="V12541" i="1"/>
  <c r="V12542" i="1"/>
  <c r="V12543" i="1"/>
  <c r="V12544" i="1"/>
  <c r="V12545" i="1"/>
  <c r="V12546" i="1"/>
  <c r="V12547" i="1"/>
  <c r="V12548" i="1"/>
  <c r="V12549" i="1"/>
  <c r="V12550" i="1"/>
  <c r="V12551" i="1"/>
  <c r="V12552" i="1"/>
  <c r="V12553" i="1"/>
  <c r="V12554" i="1"/>
  <c r="V12555" i="1"/>
  <c r="V12556" i="1"/>
  <c r="V12557" i="1"/>
  <c r="V12558" i="1"/>
  <c r="V12559" i="1"/>
  <c r="V12560" i="1"/>
  <c r="V12561" i="1"/>
  <c r="V12562" i="1"/>
  <c r="V12563" i="1"/>
  <c r="V12564" i="1"/>
  <c r="V12565" i="1"/>
  <c r="V12566" i="1"/>
  <c r="V12567" i="1"/>
  <c r="V12568" i="1"/>
  <c r="V12569" i="1"/>
  <c r="V12570" i="1"/>
  <c r="V12571" i="1"/>
  <c r="V12572" i="1"/>
  <c r="V12573" i="1"/>
  <c r="V12574" i="1"/>
  <c r="V12575" i="1"/>
  <c r="V12576" i="1"/>
  <c r="V12577" i="1"/>
  <c r="V12578" i="1"/>
  <c r="V12579" i="1"/>
  <c r="V12580" i="1"/>
  <c r="V12581" i="1"/>
  <c r="V12582" i="1"/>
  <c r="V12583" i="1"/>
  <c r="V12584" i="1"/>
  <c r="V12585" i="1"/>
  <c r="V12586" i="1"/>
  <c r="V12587" i="1"/>
  <c r="V12588" i="1"/>
  <c r="V12589" i="1"/>
  <c r="V12590" i="1"/>
  <c r="V12591" i="1"/>
  <c r="V12592" i="1"/>
  <c r="V12593" i="1"/>
  <c r="V12594" i="1"/>
  <c r="V12595" i="1"/>
  <c r="V12596" i="1"/>
  <c r="V12597" i="1"/>
  <c r="V12598" i="1"/>
  <c r="V12599" i="1"/>
  <c r="V12600" i="1"/>
  <c r="V12601" i="1"/>
  <c r="V12602" i="1"/>
  <c r="V12603" i="1"/>
  <c r="V12604" i="1"/>
  <c r="V12605" i="1"/>
  <c r="V12606" i="1"/>
  <c r="V12607" i="1"/>
  <c r="V12608" i="1"/>
  <c r="V12609" i="1"/>
  <c r="V12610" i="1"/>
  <c r="V12611" i="1"/>
  <c r="V12612" i="1"/>
  <c r="V12613" i="1"/>
  <c r="V12614" i="1"/>
  <c r="V12615" i="1"/>
  <c r="V12616" i="1"/>
  <c r="V12617" i="1"/>
  <c r="V12618" i="1"/>
  <c r="V12619" i="1"/>
  <c r="V12620" i="1"/>
  <c r="V12621" i="1"/>
  <c r="V12622" i="1"/>
  <c r="V12623" i="1"/>
  <c r="V12624" i="1"/>
  <c r="V12625" i="1"/>
  <c r="V12626" i="1"/>
  <c r="V12627" i="1"/>
  <c r="V12628" i="1"/>
  <c r="V12629" i="1"/>
  <c r="V12630" i="1"/>
  <c r="V12631" i="1"/>
  <c r="V12632" i="1"/>
  <c r="V12633" i="1"/>
  <c r="V12634" i="1"/>
  <c r="V12635" i="1"/>
  <c r="V12636" i="1"/>
  <c r="V12637" i="1"/>
  <c r="V12638" i="1"/>
  <c r="V12639" i="1"/>
  <c r="V12640" i="1"/>
  <c r="V12641" i="1"/>
  <c r="V12642" i="1"/>
  <c r="V12643" i="1"/>
  <c r="V12644" i="1"/>
  <c r="V12645" i="1"/>
  <c r="V12646" i="1"/>
  <c r="V12647" i="1"/>
  <c r="V12648" i="1"/>
  <c r="V12649" i="1"/>
  <c r="V12650" i="1"/>
  <c r="V12651" i="1"/>
  <c r="V12652" i="1"/>
  <c r="V12653" i="1"/>
  <c r="V12654" i="1"/>
  <c r="V12655" i="1"/>
  <c r="V12656" i="1"/>
  <c r="V12657" i="1"/>
  <c r="V12658" i="1"/>
  <c r="V12659" i="1"/>
  <c r="V12660" i="1"/>
  <c r="V12661" i="1"/>
  <c r="V12662" i="1"/>
  <c r="V12663" i="1"/>
  <c r="V12664" i="1"/>
  <c r="V12665" i="1"/>
  <c r="V12666" i="1"/>
  <c r="V12667" i="1"/>
  <c r="V12668" i="1"/>
  <c r="V12669" i="1"/>
  <c r="V12670" i="1"/>
  <c r="V12671" i="1"/>
  <c r="V12672" i="1"/>
  <c r="V12673" i="1"/>
  <c r="V12674" i="1"/>
  <c r="V12675" i="1"/>
  <c r="V12676" i="1"/>
  <c r="V12677" i="1"/>
  <c r="V12678" i="1"/>
  <c r="V12679" i="1"/>
  <c r="V12680" i="1"/>
  <c r="V12681" i="1"/>
  <c r="V12682" i="1"/>
  <c r="V12683" i="1"/>
  <c r="V12684" i="1"/>
  <c r="V12685" i="1"/>
  <c r="V12686" i="1"/>
  <c r="V12687" i="1"/>
  <c r="V12688" i="1"/>
  <c r="V12689" i="1"/>
  <c r="V12690" i="1"/>
  <c r="V12691" i="1"/>
  <c r="V12692" i="1"/>
  <c r="V12693" i="1"/>
  <c r="V12694" i="1"/>
  <c r="V12695" i="1"/>
  <c r="V12696" i="1"/>
  <c r="V12697" i="1"/>
  <c r="V12698" i="1"/>
  <c r="V12699" i="1"/>
  <c r="V12700" i="1"/>
  <c r="V12701" i="1"/>
  <c r="V12702" i="1"/>
  <c r="V12703" i="1"/>
  <c r="V12704" i="1"/>
  <c r="V12705" i="1"/>
  <c r="V12706" i="1"/>
  <c r="V12707" i="1"/>
  <c r="V12708" i="1"/>
  <c r="V12709" i="1"/>
  <c r="V12710" i="1"/>
  <c r="V12711" i="1"/>
  <c r="V12712" i="1"/>
  <c r="V12713" i="1"/>
  <c r="V12714" i="1"/>
  <c r="V12715" i="1"/>
  <c r="V12716" i="1"/>
  <c r="V12717" i="1"/>
  <c r="V12718" i="1"/>
  <c r="V12719" i="1"/>
  <c r="V12720" i="1"/>
  <c r="V12721" i="1"/>
  <c r="V12722" i="1"/>
  <c r="V12723" i="1"/>
  <c r="V12724" i="1"/>
  <c r="V12725" i="1"/>
  <c r="V12726" i="1"/>
  <c r="V12727" i="1"/>
  <c r="V12728" i="1"/>
  <c r="V12729" i="1"/>
  <c r="V12730" i="1"/>
  <c r="V12731" i="1"/>
  <c r="V12732" i="1"/>
  <c r="V12733" i="1"/>
  <c r="V12734" i="1"/>
  <c r="V12735" i="1"/>
  <c r="V12736" i="1"/>
  <c r="V12737" i="1"/>
  <c r="V12738" i="1"/>
  <c r="V12739" i="1"/>
  <c r="V12740" i="1"/>
  <c r="V12741" i="1"/>
  <c r="V12742" i="1"/>
  <c r="V12743" i="1"/>
  <c r="V12744" i="1"/>
  <c r="V12745" i="1"/>
  <c r="V12746" i="1"/>
  <c r="V12747" i="1"/>
  <c r="V12748" i="1"/>
  <c r="V12749" i="1"/>
  <c r="V12750" i="1"/>
  <c r="V12751" i="1"/>
  <c r="V12752" i="1"/>
  <c r="V12753" i="1"/>
  <c r="V12754" i="1"/>
  <c r="V12755" i="1"/>
  <c r="V12756" i="1"/>
  <c r="V12757" i="1"/>
  <c r="V12758" i="1"/>
  <c r="V12759" i="1"/>
  <c r="V12760" i="1"/>
  <c r="V12761" i="1"/>
  <c r="V12762" i="1"/>
  <c r="V12763" i="1"/>
  <c r="V12764" i="1"/>
  <c r="V12765" i="1"/>
  <c r="V12766" i="1"/>
  <c r="V12767" i="1"/>
  <c r="V12768" i="1"/>
  <c r="V12769" i="1"/>
  <c r="V12770" i="1"/>
  <c r="V12771" i="1"/>
  <c r="V12772" i="1"/>
  <c r="V12773" i="1"/>
  <c r="V12774" i="1"/>
  <c r="V12775" i="1"/>
  <c r="V12776" i="1"/>
  <c r="V12777" i="1"/>
  <c r="V12778" i="1"/>
  <c r="V12779" i="1"/>
  <c r="V12780" i="1"/>
  <c r="V12781" i="1"/>
  <c r="V12782" i="1"/>
  <c r="V12783" i="1"/>
  <c r="V12784" i="1"/>
  <c r="V12785" i="1"/>
  <c r="V12786" i="1"/>
  <c r="V12787" i="1"/>
  <c r="V12788" i="1"/>
  <c r="V12789" i="1"/>
  <c r="V12790" i="1"/>
  <c r="V12791" i="1"/>
  <c r="V12792" i="1"/>
  <c r="V12793" i="1"/>
  <c r="V12794" i="1"/>
  <c r="V12795" i="1"/>
  <c r="V12796" i="1"/>
  <c r="V12797" i="1"/>
  <c r="V12798" i="1"/>
  <c r="V12799" i="1"/>
  <c r="V12800" i="1"/>
  <c r="V12801" i="1"/>
  <c r="V12802" i="1"/>
  <c r="V12803" i="1"/>
  <c r="V12804" i="1"/>
  <c r="V12805" i="1"/>
  <c r="V12806" i="1"/>
  <c r="V12807" i="1"/>
  <c r="V12808" i="1"/>
  <c r="V12809" i="1"/>
  <c r="V12810" i="1"/>
  <c r="V12811" i="1"/>
  <c r="V12812" i="1"/>
  <c r="V12813" i="1"/>
  <c r="V12814" i="1"/>
  <c r="V12815" i="1"/>
  <c r="V12816" i="1"/>
  <c r="V12817" i="1"/>
  <c r="V12818" i="1"/>
  <c r="V12819" i="1"/>
  <c r="V12820" i="1"/>
  <c r="V12821" i="1"/>
  <c r="V12822" i="1"/>
  <c r="V12823" i="1"/>
  <c r="V12824" i="1"/>
  <c r="V12825" i="1"/>
  <c r="V12826" i="1"/>
  <c r="V12827" i="1"/>
  <c r="V12828" i="1"/>
  <c r="V12829" i="1"/>
  <c r="V12830" i="1"/>
  <c r="V12831" i="1"/>
  <c r="V12832" i="1"/>
  <c r="V12833" i="1"/>
  <c r="V12834" i="1"/>
  <c r="V12835" i="1"/>
  <c r="V12836" i="1"/>
  <c r="V12837" i="1"/>
  <c r="V12838" i="1"/>
  <c r="V12839" i="1"/>
  <c r="V12840" i="1"/>
  <c r="V12841" i="1"/>
  <c r="V12842" i="1"/>
  <c r="V12843" i="1"/>
  <c r="V12844" i="1"/>
  <c r="V12845" i="1"/>
  <c r="V12846" i="1"/>
  <c r="V12847" i="1"/>
  <c r="V12848" i="1"/>
  <c r="V12849" i="1"/>
  <c r="V12850" i="1"/>
  <c r="V12851" i="1"/>
  <c r="V12852" i="1"/>
  <c r="V12853" i="1"/>
  <c r="V12854" i="1"/>
  <c r="V12855" i="1"/>
  <c r="V12856" i="1"/>
  <c r="V12857" i="1"/>
  <c r="V12858" i="1"/>
  <c r="V12859" i="1"/>
  <c r="V12860" i="1"/>
  <c r="V12861" i="1"/>
  <c r="V12862" i="1"/>
  <c r="V12863" i="1"/>
  <c r="V12864" i="1"/>
  <c r="V12865" i="1"/>
  <c r="V12866" i="1"/>
  <c r="V12867" i="1"/>
  <c r="V12868" i="1"/>
  <c r="V12869" i="1"/>
  <c r="V12870" i="1"/>
  <c r="V12871" i="1"/>
  <c r="V12872" i="1"/>
  <c r="V12873" i="1"/>
  <c r="V12874" i="1"/>
  <c r="V12875" i="1"/>
  <c r="V12876" i="1"/>
  <c r="V12877" i="1"/>
  <c r="V12878" i="1"/>
  <c r="V12879" i="1"/>
  <c r="V12880" i="1"/>
  <c r="V12881" i="1"/>
  <c r="V12882" i="1"/>
  <c r="V12883" i="1"/>
  <c r="V12884" i="1"/>
  <c r="V12885" i="1"/>
  <c r="V12886" i="1"/>
  <c r="V12887" i="1"/>
  <c r="V12888" i="1"/>
  <c r="V12889" i="1"/>
  <c r="V12890" i="1"/>
  <c r="V12891" i="1"/>
  <c r="V12892" i="1"/>
  <c r="V12893" i="1"/>
  <c r="V12894" i="1"/>
  <c r="V12895" i="1"/>
  <c r="V12896" i="1"/>
  <c r="V12897" i="1"/>
  <c r="V12898" i="1"/>
  <c r="V12899" i="1"/>
  <c r="V12900" i="1"/>
  <c r="V12901" i="1"/>
  <c r="V12902" i="1"/>
  <c r="V12903" i="1"/>
  <c r="V12904" i="1"/>
  <c r="V12905" i="1"/>
  <c r="V12906" i="1"/>
  <c r="V12907" i="1"/>
  <c r="V12908" i="1"/>
  <c r="V12909" i="1"/>
  <c r="V12910" i="1"/>
  <c r="V12911" i="1"/>
  <c r="V12912" i="1"/>
  <c r="V12913" i="1"/>
  <c r="V12914" i="1"/>
  <c r="V12915" i="1"/>
  <c r="V12916" i="1"/>
  <c r="V12917" i="1"/>
  <c r="V12918" i="1"/>
  <c r="V12919" i="1"/>
  <c r="V12920" i="1"/>
  <c r="V12921" i="1"/>
  <c r="V12922" i="1"/>
  <c r="V12923" i="1"/>
  <c r="V12924" i="1"/>
  <c r="V12925" i="1"/>
  <c r="V12926" i="1"/>
  <c r="V12927" i="1"/>
  <c r="V12928" i="1"/>
  <c r="V12929" i="1"/>
  <c r="V12930" i="1"/>
  <c r="V12931" i="1"/>
  <c r="V12932" i="1"/>
  <c r="V12933" i="1"/>
  <c r="V12934" i="1"/>
  <c r="V12935" i="1"/>
  <c r="V12936" i="1"/>
  <c r="V12937" i="1"/>
  <c r="V12938" i="1"/>
  <c r="V12939" i="1"/>
  <c r="V12940" i="1"/>
  <c r="V12941" i="1"/>
  <c r="V12942" i="1"/>
  <c r="V12943" i="1"/>
  <c r="V12944" i="1"/>
  <c r="V12945" i="1"/>
  <c r="V12946" i="1"/>
  <c r="V12947" i="1"/>
  <c r="V12948" i="1"/>
  <c r="V12949" i="1"/>
  <c r="V12950" i="1"/>
  <c r="V12951" i="1"/>
  <c r="V12952" i="1"/>
  <c r="V12953" i="1"/>
  <c r="V12954" i="1"/>
  <c r="V12955" i="1"/>
  <c r="V12956" i="1"/>
  <c r="V12957" i="1"/>
  <c r="V12958" i="1"/>
  <c r="V12959" i="1"/>
  <c r="V12960" i="1"/>
  <c r="V12961" i="1"/>
  <c r="V12962" i="1"/>
  <c r="V12963" i="1"/>
  <c r="V12964" i="1"/>
  <c r="V12965" i="1"/>
  <c r="V12966" i="1"/>
  <c r="V12967" i="1"/>
  <c r="V12968" i="1"/>
  <c r="V12969" i="1"/>
  <c r="V12970" i="1"/>
  <c r="V12971" i="1"/>
  <c r="V12972" i="1"/>
  <c r="V12973" i="1"/>
  <c r="V12974" i="1"/>
  <c r="V12975" i="1"/>
  <c r="V12976" i="1"/>
  <c r="V12977" i="1"/>
  <c r="V12978" i="1"/>
  <c r="V12979" i="1"/>
  <c r="V12980" i="1"/>
  <c r="V12981" i="1"/>
  <c r="V12982" i="1"/>
  <c r="V12983" i="1"/>
  <c r="V12984" i="1"/>
  <c r="V12985" i="1"/>
  <c r="V12986" i="1"/>
  <c r="V12987" i="1"/>
  <c r="V12988" i="1"/>
  <c r="V12989" i="1"/>
  <c r="V12990" i="1"/>
  <c r="V12991" i="1"/>
  <c r="V12992" i="1"/>
  <c r="V12993" i="1"/>
  <c r="V12994" i="1"/>
  <c r="V12995" i="1"/>
  <c r="V12996" i="1"/>
  <c r="V12997" i="1"/>
  <c r="V12998" i="1"/>
  <c r="V12999" i="1"/>
  <c r="V13000" i="1"/>
  <c r="V13001" i="1"/>
  <c r="V13002" i="1"/>
  <c r="V13003" i="1"/>
  <c r="V13004" i="1"/>
  <c r="V13005" i="1"/>
  <c r="V13006" i="1"/>
  <c r="V13007" i="1"/>
  <c r="V13008" i="1"/>
  <c r="V13009" i="1"/>
  <c r="V13010" i="1"/>
  <c r="V13011" i="1"/>
  <c r="V13012" i="1"/>
  <c r="V13013" i="1"/>
  <c r="V13014" i="1"/>
  <c r="V13015" i="1"/>
  <c r="V13016" i="1"/>
  <c r="V13017" i="1"/>
  <c r="V13018" i="1"/>
  <c r="V13019" i="1"/>
  <c r="V13020" i="1"/>
  <c r="V13021" i="1"/>
  <c r="V13022" i="1"/>
  <c r="V13023" i="1"/>
  <c r="V13024" i="1"/>
  <c r="V13025" i="1"/>
  <c r="V13026" i="1"/>
  <c r="V13027" i="1"/>
  <c r="V13028" i="1"/>
  <c r="V13029" i="1"/>
  <c r="V13030" i="1"/>
  <c r="V13031" i="1"/>
  <c r="V13032" i="1"/>
  <c r="V13033" i="1"/>
  <c r="V13034" i="1"/>
  <c r="V13035" i="1"/>
  <c r="V13036" i="1"/>
  <c r="V13037" i="1"/>
  <c r="V13038" i="1"/>
  <c r="V13039" i="1"/>
  <c r="V13040" i="1"/>
  <c r="V13041" i="1"/>
  <c r="V13042" i="1"/>
  <c r="V13043" i="1"/>
  <c r="V13044" i="1"/>
  <c r="V13045" i="1"/>
  <c r="V13046" i="1"/>
  <c r="V13047" i="1"/>
  <c r="V13048" i="1"/>
  <c r="V13049" i="1"/>
  <c r="V13050" i="1"/>
  <c r="V13051" i="1"/>
  <c r="V13052" i="1"/>
  <c r="V13053" i="1"/>
  <c r="V13054" i="1"/>
  <c r="V13055" i="1"/>
  <c r="V13056" i="1"/>
  <c r="V13057" i="1"/>
  <c r="V13058" i="1"/>
  <c r="V13059" i="1"/>
  <c r="V13060" i="1"/>
  <c r="V13061" i="1"/>
  <c r="V13062" i="1"/>
  <c r="V13063" i="1"/>
  <c r="V13064" i="1"/>
  <c r="V13065" i="1"/>
  <c r="V13066" i="1"/>
  <c r="V13067" i="1"/>
  <c r="V13068" i="1"/>
  <c r="V13069" i="1"/>
  <c r="V13070" i="1"/>
  <c r="V13071" i="1"/>
  <c r="V13072" i="1"/>
  <c r="V13073" i="1"/>
  <c r="V13074" i="1"/>
  <c r="V13075" i="1"/>
  <c r="V13076" i="1"/>
  <c r="V13077" i="1"/>
  <c r="V13078" i="1"/>
  <c r="V13079" i="1"/>
  <c r="V13080" i="1"/>
  <c r="V13081" i="1"/>
  <c r="V13082" i="1"/>
  <c r="V13083" i="1"/>
  <c r="V13084" i="1"/>
  <c r="V13085" i="1"/>
  <c r="V13086" i="1"/>
  <c r="V13087" i="1"/>
  <c r="V13088" i="1"/>
  <c r="V13089" i="1"/>
  <c r="V13090" i="1"/>
  <c r="V13091" i="1"/>
  <c r="V13092" i="1"/>
  <c r="V13093" i="1"/>
  <c r="V13094" i="1"/>
  <c r="V13095" i="1"/>
  <c r="V13096" i="1"/>
  <c r="V13097" i="1"/>
  <c r="V13098" i="1"/>
  <c r="V13099" i="1"/>
  <c r="V13100" i="1"/>
  <c r="V13101" i="1"/>
  <c r="V13102" i="1"/>
  <c r="V13103" i="1"/>
  <c r="V13104" i="1"/>
  <c r="V13105" i="1"/>
  <c r="V13106" i="1"/>
  <c r="V13107" i="1"/>
  <c r="V13108" i="1"/>
  <c r="V13109" i="1"/>
  <c r="V13110" i="1"/>
  <c r="V13111" i="1"/>
  <c r="V13112" i="1"/>
  <c r="V13113" i="1"/>
  <c r="V13114" i="1"/>
  <c r="V13115" i="1"/>
  <c r="V13116" i="1"/>
  <c r="V13117" i="1"/>
  <c r="V13118" i="1"/>
  <c r="V13119" i="1"/>
  <c r="V13120" i="1"/>
  <c r="V13121" i="1"/>
  <c r="V13122" i="1"/>
  <c r="V13123" i="1"/>
  <c r="V13124" i="1"/>
  <c r="V13125" i="1"/>
  <c r="V13126" i="1"/>
  <c r="V13127" i="1"/>
  <c r="V13128" i="1"/>
  <c r="V13129" i="1"/>
  <c r="V13130" i="1"/>
  <c r="V13131" i="1"/>
  <c r="V13132" i="1"/>
  <c r="V13133" i="1"/>
  <c r="V13134" i="1"/>
  <c r="V13135" i="1"/>
  <c r="V13136" i="1"/>
  <c r="V13137" i="1"/>
  <c r="V13138" i="1"/>
  <c r="V13139" i="1"/>
  <c r="V13140" i="1"/>
  <c r="V13141" i="1"/>
  <c r="V13142" i="1"/>
  <c r="V13143" i="1"/>
  <c r="V13144" i="1"/>
  <c r="V13145" i="1"/>
  <c r="V13146" i="1"/>
  <c r="V13147" i="1"/>
  <c r="V13148" i="1"/>
  <c r="V13149" i="1"/>
  <c r="V13150" i="1"/>
  <c r="V13151" i="1"/>
  <c r="V13152" i="1"/>
  <c r="V13153" i="1"/>
  <c r="V13154" i="1"/>
  <c r="V13155" i="1"/>
  <c r="V13156" i="1"/>
  <c r="V13157" i="1"/>
  <c r="V13158" i="1"/>
  <c r="V13159" i="1"/>
  <c r="V13160" i="1"/>
  <c r="V13161" i="1"/>
  <c r="V13162" i="1"/>
  <c r="V13163" i="1"/>
  <c r="V13164" i="1"/>
  <c r="V13165" i="1"/>
  <c r="V13166" i="1"/>
  <c r="V13167" i="1"/>
  <c r="V13168" i="1"/>
  <c r="V13169" i="1"/>
  <c r="V13170" i="1"/>
  <c r="V13171" i="1"/>
  <c r="V13172" i="1"/>
  <c r="V13173" i="1"/>
  <c r="V13174" i="1"/>
  <c r="V13175" i="1"/>
  <c r="V13176" i="1"/>
  <c r="V13177" i="1"/>
  <c r="V13178" i="1"/>
  <c r="V13179" i="1"/>
  <c r="V13180" i="1"/>
  <c r="V13181" i="1"/>
  <c r="V13182" i="1"/>
  <c r="V13183" i="1"/>
  <c r="V13184" i="1"/>
  <c r="V13185" i="1"/>
  <c r="V13186" i="1"/>
  <c r="V13187" i="1"/>
  <c r="V13188" i="1"/>
  <c r="V13189" i="1"/>
  <c r="V13190" i="1"/>
  <c r="V13191" i="1"/>
  <c r="V13192" i="1"/>
  <c r="V13193" i="1"/>
  <c r="V13194" i="1"/>
  <c r="V13195" i="1"/>
  <c r="V13196" i="1"/>
  <c r="V13197" i="1"/>
  <c r="V13198" i="1"/>
  <c r="V13199" i="1"/>
  <c r="V13200" i="1"/>
  <c r="V13201" i="1"/>
  <c r="V13202" i="1"/>
  <c r="V13203" i="1"/>
  <c r="V13204" i="1"/>
  <c r="V13205" i="1"/>
  <c r="V13206" i="1"/>
  <c r="V13207" i="1"/>
  <c r="V13208" i="1"/>
  <c r="V13209" i="1"/>
  <c r="V13210" i="1"/>
  <c r="V13211" i="1"/>
  <c r="V13212" i="1"/>
  <c r="V13213" i="1"/>
  <c r="V13214" i="1"/>
  <c r="V13215" i="1"/>
  <c r="V13216" i="1"/>
  <c r="V13217" i="1"/>
  <c r="V13218" i="1"/>
  <c r="V13219" i="1"/>
  <c r="V13220" i="1"/>
  <c r="V13221" i="1"/>
  <c r="V13222" i="1"/>
  <c r="V13223" i="1"/>
  <c r="V13224" i="1"/>
  <c r="V13225" i="1"/>
  <c r="V13226" i="1"/>
  <c r="V13227" i="1"/>
  <c r="V13228" i="1"/>
  <c r="V13229" i="1"/>
  <c r="V13230" i="1"/>
  <c r="V13231" i="1"/>
  <c r="V13232" i="1"/>
  <c r="V13233" i="1"/>
  <c r="V13234" i="1"/>
  <c r="V13235" i="1"/>
  <c r="V13236" i="1"/>
  <c r="V13237" i="1"/>
  <c r="V13238" i="1"/>
  <c r="V13239" i="1"/>
  <c r="V13240" i="1"/>
  <c r="V13241" i="1"/>
  <c r="V13242" i="1"/>
  <c r="V13243" i="1"/>
  <c r="V13244" i="1"/>
  <c r="V13245" i="1"/>
  <c r="V13246" i="1"/>
  <c r="V13247" i="1"/>
  <c r="V13248" i="1"/>
  <c r="V13249" i="1"/>
  <c r="V13250" i="1"/>
  <c r="V13251" i="1"/>
  <c r="V13252" i="1"/>
  <c r="V13253" i="1"/>
  <c r="V13254" i="1"/>
  <c r="V13255" i="1"/>
  <c r="V13256" i="1"/>
  <c r="V13257" i="1"/>
  <c r="V13258" i="1"/>
  <c r="V13259" i="1"/>
  <c r="V13260" i="1"/>
  <c r="V13261" i="1"/>
  <c r="V13262" i="1"/>
  <c r="V13263" i="1"/>
  <c r="V13264" i="1"/>
  <c r="V13265" i="1"/>
  <c r="V13266" i="1"/>
  <c r="V13267" i="1"/>
  <c r="V13268" i="1"/>
  <c r="V13269" i="1"/>
  <c r="V13270" i="1"/>
  <c r="V13271" i="1"/>
  <c r="V13272" i="1"/>
  <c r="V13273" i="1"/>
  <c r="V13274" i="1"/>
  <c r="V13275" i="1"/>
  <c r="V13276" i="1"/>
  <c r="V13277" i="1"/>
  <c r="V13278" i="1"/>
  <c r="V13279" i="1"/>
  <c r="V13280" i="1"/>
  <c r="V13281" i="1"/>
  <c r="V13282" i="1"/>
  <c r="V13283" i="1"/>
  <c r="V13284" i="1"/>
  <c r="V13285" i="1"/>
  <c r="V13286" i="1"/>
  <c r="V13287" i="1"/>
  <c r="V13288" i="1"/>
  <c r="V13289" i="1"/>
  <c r="V13290" i="1"/>
  <c r="V13291" i="1"/>
  <c r="V13292" i="1"/>
  <c r="V13293" i="1"/>
  <c r="V13294" i="1"/>
  <c r="V13295" i="1"/>
  <c r="V13296" i="1"/>
  <c r="V13297" i="1"/>
  <c r="V13298" i="1"/>
  <c r="V13299" i="1"/>
  <c r="V13300" i="1"/>
  <c r="V13301" i="1"/>
  <c r="V13302" i="1"/>
  <c r="V13303" i="1"/>
  <c r="V13304" i="1"/>
  <c r="V13305" i="1"/>
  <c r="V13306" i="1"/>
  <c r="V13307" i="1"/>
  <c r="V13308" i="1"/>
  <c r="V13309" i="1"/>
  <c r="V13310" i="1"/>
  <c r="V13311" i="1"/>
  <c r="V13312" i="1"/>
  <c r="V13313" i="1"/>
  <c r="V13314" i="1"/>
  <c r="V13315" i="1"/>
  <c r="V13316" i="1"/>
  <c r="V13317" i="1"/>
  <c r="V13318" i="1"/>
  <c r="V13319" i="1"/>
  <c r="V13320" i="1"/>
  <c r="V13321" i="1"/>
  <c r="V13322" i="1"/>
  <c r="V13323" i="1"/>
  <c r="V13324" i="1"/>
  <c r="V13325" i="1"/>
  <c r="V13326" i="1"/>
  <c r="V13327" i="1"/>
  <c r="V13328" i="1"/>
  <c r="V13329" i="1"/>
  <c r="V13330" i="1"/>
  <c r="V13331" i="1"/>
  <c r="V13332" i="1"/>
  <c r="V13333" i="1"/>
  <c r="V13334" i="1"/>
  <c r="V13335" i="1"/>
  <c r="V13336" i="1"/>
  <c r="V13337" i="1"/>
  <c r="V13338" i="1"/>
  <c r="V13339" i="1"/>
  <c r="V13340" i="1"/>
  <c r="V13341" i="1"/>
  <c r="V13342" i="1"/>
  <c r="V13343" i="1"/>
  <c r="V13344" i="1"/>
  <c r="V13345" i="1"/>
  <c r="V13346" i="1"/>
  <c r="V13347" i="1"/>
  <c r="V13348" i="1"/>
  <c r="V13349" i="1"/>
  <c r="V13350" i="1"/>
  <c r="V13351" i="1"/>
  <c r="V13352" i="1"/>
  <c r="V13353" i="1"/>
  <c r="V13354" i="1"/>
  <c r="V13355" i="1"/>
  <c r="V13356" i="1"/>
  <c r="V13357" i="1"/>
  <c r="V13358" i="1"/>
  <c r="V13359" i="1"/>
  <c r="V13360" i="1"/>
  <c r="V13361" i="1"/>
  <c r="V13362" i="1"/>
  <c r="V13363" i="1"/>
  <c r="V13364" i="1"/>
  <c r="V13365" i="1"/>
  <c r="V13366" i="1"/>
  <c r="V13367" i="1"/>
  <c r="V13368" i="1"/>
  <c r="V13369" i="1"/>
  <c r="V13370" i="1"/>
  <c r="V13371" i="1"/>
  <c r="V13372" i="1"/>
  <c r="V13373" i="1"/>
  <c r="V13374" i="1"/>
  <c r="V13375" i="1"/>
  <c r="V13376" i="1"/>
  <c r="V13377" i="1"/>
  <c r="V13378" i="1"/>
  <c r="V13379" i="1"/>
  <c r="V13380" i="1"/>
  <c r="V13381" i="1"/>
  <c r="V13382" i="1"/>
  <c r="V13383" i="1"/>
  <c r="V13384" i="1"/>
  <c r="V13385" i="1"/>
  <c r="V13386" i="1"/>
  <c r="V13387" i="1"/>
  <c r="V13388" i="1"/>
  <c r="V13389" i="1"/>
  <c r="V13390" i="1"/>
  <c r="V13391" i="1"/>
  <c r="V13392" i="1"/>
  <c r="V13393" i="1"/>
  <c r="V13394" i="1"/>
  <c r="V13395" i="1"/>
  <c r="V13396" i="1"/>
  <c r="V13397" i="1"/>
  <c r="V13398" i="1"/>
  <c r="V13399" i="1"/>
  <c r="V13400" i="1"/>
  <c r="V13401" i="1"/>
  <c r="V13402" i="1"/>
  <c r="V13403" i="1"/>
  <c r="V13404" i="1"/>
  <c r="V13405" i="1"/>
  <c r="V13406" i="1"/>
  <c r="V13407" i="1"/>
  <c r="V13408" i="1"/>
  <c r="V13409" i="1"/>
  <c r="V13410" i="1"/>
  <c r="V13411" i="1"/>
  <c r="V13412" i="1"/>
  <c r="V13413" i="1"/>
  <c r="V13414" i="1"/>
  <c r="V13415" i="1"/>
  <c r="V13416" i="1"/>
  <c r="V13417" i="1"/>
  <c r="V13418" i="1"/>
  <c r="V13419" i="1"/>
  <c r="V13420" i="1"/>
  <c r="V13421" i="1"/>
  <c r="V13422" i="1"/>
  <c r="V13423" i="1"/>
  <c r="V13424" i="1"/>
  <c r="V13425" i="1"/>
  <c r="V13426" i="1"/>
  <c r="V13427" i="1"/>
  <c r="V13428" i="1"/>
  <c r="V13429" i="1"/>
  <c r="V13430" i="1"/>
  <c r="V13431" i="1"/>
  <c r="V13432" i="1"/>
  <c r="V13433" i="1"/>
  <c r="V13434" i="1"/>
  <c r="V13435" i="1"/>
  <c r="V13436" i="1"/>
  <c r="V13437" i="1"/>
  <c r="V13438" i="1"/>
  <c r="V13439" i="1"/>
  <c r="V13440" i="1"/>
  <c r="V13441" i="1"/>
  <c r="V13442" i="1"/>
  <c r="V13443" i="1"/>
  <c r="V13444" i="1"/>
  <c r="V13445" i="1"/>
  <c r="V13446" i="1"/>
  <c r="V13447" i="1"/>
  <c r="V13448" i="1"/>
  <c r="V13449" i="1"/>
  <c r="V13450" i="1"/>
  <c r="V13451" i="1"/>
  <c r="V13452" i="1"/>
  <c r="V13453" i="1"/>
  <c r="V13454" i="1"/>
  <c r="V13455" i="1"/>
  <c r="V13456" i="1"/>
  <c r="V13457" i="1"/>
  <c r="V13458" i="1"/>
  <c r="V13459" i="1"/>
  <c r="V13460" i="1"/>
  <c r="V13461" i="1"/>
  <c r="V13462" i="1"/>
  <c r="V13463" i="1"/>
  <c r="V13464" i="1"/>
  <c r="V13465" i="1"/>
  <c r="V13466" i="1"/>
  <c r="V13467" i="1"/>
  <c r="V13468" i="1"/>
  <c r="V13469" i="1"/>
  <c r="V13470" i="1"/>
  <c r="V13471" i="1"/>
  <c r="V13472" i="1"/>
  <c r="V13473" i="1"/>
  <c r="V13474" i="1"/>
  <c r="V13475" i="1"/>
  <c r="V13476" i="1"/>
  <c r="V13477" i="1"/>
  <c r="V13478" i="1"/>
  <c r="V13479" i="1"/>
  <c r="V13480" i="1"/>
  <c r="V13481" i="1"/>
  <c r="V13482" i="1"/>
  <c r="V13483" i="1"/>
  <c r="V13484" i="1"/>
  <c r="V13485" i="1"/>
  <c r="V13486" i="1"/>
  <c r="V13487" i="1"/>
  <c r="V13488" i="1"/>
  <c r="V13489" i="1"/>
  <c r="V13490" i="1"/>
  <c r="V13491" i="1"/>
  <c r="V13492" i="1"/>
  <c r="V13493" i="1"/>
  <c r="V13494" i="1"/>
  <c r="V13495" i="1"/>
  <c r="V13496" i="1"/>
  <c r="V13497" i="1"/>
  <c r="V13498" i="1"/>
  <c r="V13499" i="1"/>
  <c r="V13500" i="1"/>
  <c r="V13501" i="1"/>
  <c r="V13502" i="1"/>
  <c r="V13503" i="1"/>
  <c r="V13504" i="1"/>
  <c r="V13505" i="1"/>
  <c r="V13506" i="1"/>
  <c r="V13507" i="1"/>
  <c r="V13508" i="1"/>
  <c r="V13509" i="1"/>
  <c r="V13510" i="1"/>
  <c r="V13511" i="1"/>
  <c r="V13512" i="1"/>
  <c r="V13513" i="1"/>
  <c r="V13514" i="1"/>
  <c r="V13515" i="1"/>
  <c r="V13516" i="1"/>
  <c r="V13517" i="1"/>
  <c r="V13518" i="1"/>
  <c r="V13519" i="1"/>
  <c r="V13520" i="1"/>
  <c r="V13521" i="1"/>
  <c r="V13522" i="1"/>
  <c r="V13523" i="1"/>
  <c r="V13524" i="1"/>
  <c r="V13525" i="1"/>
  <c r="V13526" i="1"/>
  <c r="V13527" i="1"/>
  <c r="V13528" i="1"/>
  <c r="V13529" i="1"/>
  <c r="V13530" i="1"/>
  <c r="V13531" i="1"/>
  <c r="V13532" i="1"/>
  <c r="V13533" i="1"/>
  <c r="V13534" i="1"/>
  <c r="V13535" i="1"/>
  <c r="V13536" i="1"/>
  <c r="V13537" i="1"/>
  <c r="V13538" i="1"/>
  <c r="V13539" i="1"/>
  <c r="V13540" i="1"/>
  <c r="V13541" i="1"/>
  <c r="V13542" i="1"/>
  <c r="V13543" i="1"/>
  <c r="V13544" i="1"/>
  <c r="V13545" i="1"/>
  <c r="V13546" i="1"/>
  <c r="V13547" i="1"/>
  <c r="V13548" i="1"/>
  <c r="V13549" i="1"/>
  <c r="V13550" i="1"/>
  <c r="V13551" i="1"/>
  <c r="V13552" i="1"/>
  <c r="V13553" i="1"/>
  <c r="V13554" i="1"/>
  <c r="V13555" i="1"/>
  <c r="V13556" i="1"/>
  <c r="V13557" i="1"/>
  <c r="V13558" i="1"/>
  <c r="V13559" i="1"/>
  <c r="V13560" i="1"/>
  <c r="V13561" i="1"/>
  <c r="V13562" i="1"/>
  <c r="V13563" i="1"/>
  <c r="V13564" i="1"/>
  <c r="V13565" i="1"/>
  <c r="V13566" i="1"/>
  <c r="V13567" i="1"/>
  <c r="V13568" i="1"/>
  <c r="V13569" i="1"/>
  <c r="V13570" i="1"/>
  <c r="V13571" i="1"/>
  <c r="V13572" i="1"/>
  <c r="V13573" i="1"/>
  <c r="V13574" i="1"/>
  <c r="V13575" i="1"/>
  <c r="V13576" i="1"/>
  <c r="V13577" i="1"/>
  <c r="V13578" i="1"/>
  <c r="V13579" i="1"/>
  <c r="V13580" i="1"/>
  <c r="V13581" i="1"/>
  <c r="V13582" i="1"/>
  <c r="V13583" i="1"/>
  <c r="V13584" i="1"/>
  <c r="V13585" i="1"/>
  <c r="V13586" i="1"/>
  <c r="V13587" i="1"/>
  <c r="V13588" i="1"/>
  <c r="V13589" i="1"/>
  <c r="V13590" i="1"/>
  <c r="V13591" i="1"/>
  <c r="V13592" i="1"/>
  <c r="V13593" i="1"/>
  <c r="V13594" i="1"/>
  <c r="V13595" i="1"/>
  <c r="V13596" i="1"/>
  <c r="V13597" i="1"/>
  <c r="V13598" i="1"/>
  <c r="V13599" i="1"/>
  <c r="V13600" i="1"/>
  <c r="V13601" i="1"/>
  <c r="V13602" i="1"/>
  <c r="V13603" i="1"/>
  <c r="V13604" i="1"/>
  <c r="V13605" i="1"/>
  <c r="V13606" i="1"/>
  <c r="V13607" i="1"/>
  <c r="V13608" i="1"/>
  <c r="V13609" i="1"/>
  <c r="V13610" i="1"/>
  <c r="V13611" i="1"/>
  <c r="V13612" i="1"/>
  <c r="V13613" i="1"/>
  <c r="V13614" i="1"/>
  <c r="V13615" i="1"/>
  <c r="V13616" i="1"/>
  <c r="V13617" i="1"/>
  <c r="V13618" i="1"/>
  <c r="V13619" i="1"/>
  <c r="V13620" i="1"/>
  <c r="V13621" i="1"/>
  <c r="V13622" i="1"/>
  <c r="V13623" i="1"/>
  <c r="V13624" i="1"/>
  <c r="V13625" i="1"/>
  <c r="V13626" i="1"/>
  <c r="V13627" i="1"/>
  <c r="V13628" i="1"/>
  <c r="V13629" i="1"/>
  <c r="V13630" i="1"/>
  <c r="V13631" i="1"/>
  <c r="V13632" i="1"/>
  <c r="V13633" i="1"/>
  <c r="V13634" i="1"/>
  <c r="V13635" i="1"/>
  <c r="V13636" i="1"/>
  <c r="V13637" i="1"/>
  <c r="V13638" i="1"/>
  <c r="V13639" i="1"/>
  <c r="V13640" i="1"/>
  <c r="V13641" i="1"/>
  <c r="V13642" i="1"/>
  <c r="V13643" i="1"/>
  <c r="V13644" i="1"/>
  <c r="V13645" i="1"/>
  <c r="V13646" i="1"/>
  <c r="V13647" i="1"/>
  <c r="V13648" i="1"/>
  <c r="V13649" i="1"/>
  <c r="V13650" i="1"/>
  <c r="V13651" i="1"/>
  <c r="V13652" i="1"/>
  <c r="V13653" i="1"/>
  <c r="V13654" i="1"/>
  <c r="V13655" i="1"/>
  <c r="V13656" i="1"/>
  <c r="V13657" i="1"/>
  <c r="V13658" i="1"/>
  <c r="V13659" i="1"/>
  <c r="V13660" i="1"/>
  <c r="V13661" i="1"/>
  <c r="V13662" i="1"/>
  <c r="V13663" i="1"/>
  <c r="V13664" i="1"/>
  <c r="V13665" i="1"/>
  <c r="V13666" i="1"/>
  <c r="V13667" i="1"/>
  <c r="V13668" i="1"/>
  <c r="V13669" i="1"/>
  <c r="V13670" i="1"/>
  <c r="V13671" i="1"/>
  <c r="V13672" i="1"/>
  <c r="V13673" i="1"/>
  <c r="V13674" i="1"/>
  <c r="V13675" i="1"/>
  <c r="V13676" i="1"/>
  <c r="V13677" i="1"/>
  <c r="V13678" i="1"/>
  <c r="V13679" i="1"/>
  <c r="V13680" i="1"/>
  <c r="V13681" i="1"/>
  <c r="V13682" i="1"/>
  <c r="V13683" i="1"/>
  <c r="V13684" i="1"/>
  <c r="V13685" i="1"/>
  <c r="V13686" i="1"/>
  <c r="V13687" i="1"/>
  <c r="V13688" i="1"/>
  <c r="V13689" i="1"/>
  <c r="V13690" i="1"/>
  <c r="V13691" i="1"/>
  <c r="V13692" i="1"/>
  <c r="V13693" i="1"/>
  <c r="V13694" i="1"/>
  <c r="V13695" i="1"/>
  <c r="V13696" i="1"/>
  <c r="V13697" i="1"/>
  <c r="V13698" i="1"/>
  <c r="V13699" i="1"/>
  <c r="V13700" i="1"/>
  <c r="V13701" i="1"/>
  <c r="V13702" i="1"/>
  <c r="V13703" i="1"/>
  <c r="V13704" i="1"/>
  <c r="V13705" i="1"/>
  <c r="V13706" i="1"/>
  <c r="V13707" i="1"/>
  <c r="V13708" i="1"/>
  <c r="V13709" i="1"/>
  <c r="V13710" i="1"/>
  <c r="V13711" i="1"/>
  <c r="V13712" i="1"/>
  <c r="V13713" i="1"/>
  <c r="V13714" i="1"/>
  <c r="V13715" i="1"/>
  <c r="V13716" i="1"/>
  <c r="V13717" i="1"/>
  <c r="V13718" i="1"/>
  <c r="V13719" i="1"/>
  <c r="V13720" i="1"/>
  <c r="V13721" i="1"/>
  <c r="V13722" i="1"/>
  <c r="V13723" i="1"/>
  <c r="V13724" i="1"/>
  <c r="V13725" i="1"/>
  <c r="V13726" i="1"/>
  <c r="V13727" i="1"/>
  <c r="V13728" i="1"/>
  <c r="V13729" i="1"/>
  <c r="V13730" i="1"/>
  <c r="V13731" i="1"/>
  <c r="V13732" i="1"/>
  <c r="V13733" i="1"/>
  <c r="V13734" i="1"/>
  <c r="V13735" i="1"/>
  <c r="V13736" i="1"/>
  <c r="V13737" i="1"/>
  <c r="V13738" i="1"/>
  <c r="V13739" i="1"/>
  <c r="V13740" i="1"/>
  <c r="V13741" i="1"/>
  <c r="V13742" i="1"/>
  <c r="V13743" i="1"/>
  <c r="V13744" i="1"/>
  <c r="V13745" i="1"/>
  <c r="V13746" i="1"/>
  <c r="V13747" i="1"/>
  <c r="V13748" i="1"/>
  <c r="V13749" i="1"/>
  <c r="V13750" i="1"/>
  <c r="V13751" i="1"/>
  <c r="V13752" i="1"/>
  <c r="V13753" i="1"/>
  <c r="V13754" i="1"/>
  <c r="V13755" i="1"/>
  <c r="V13756" i="1"/>
  <c r="V13757" i="1"/>
  <c r="V13758" i="1"/>
  <c r="V13759" i="1"/>
  <c r="V13760" i="1"/>
  <c r="V13761" i="1"/>
  <c r="V13762" i="1"/>
  <c r="V13763" i="1"/>
  <c r="V13764" i="1"/>
  <c r="V13765" i="1"/>
  <c r="V13766" i="1"/>
  <c r="V13767" i="1"/>
  <c r="V13768" i="1"/>
  <c r="V13769" i="1"/>
  <c r="V13770" i="1"/>
  <c r="V13771" i="1"/>
  <c r="V13772" i="1"/>
  <c r="V13773" i="1"/>
  <c r="V13774" i="1"/>
  <c r="V13775" i="1"/>
  <c r="V13776" i="1"/>
  <c r="V13777" i="1"/>
  <c r="V13778" i="1"/>
  <c r="V13779" i="1"/>
  <c r="V13780" i="1"/>
  <c r="V13781" i="1"/>
  <c r="V13782" i="1"/>
  <c r="V13783" i="1"/>
  <c r="V13784" i="1"/>
  <c r="V13785" i="1"/>
  <c r="V13786" i="1"/>
  <c r="V13787" i="1"/>
  <c r="V13788" i="1"/>
  <c r="V13789" i="1"/>
  <c r="V13790" i="1"/>
  <c r="V13791" i="1"/>
  <c r="V13792" i="1"/>
  <c r="V13793" i="1"/>
  <c r="V13794" i="1"/>
  <c r="V13795" i="1"/>
  <c r="V13796" i="1"/>
  <c r="V13797" i="1"/>
  <c r="V13798" i="1"/>
  <c r="V13799" i="1"/>
  <c r="V13800" i="1"/>
  <c r="V13801" i="1"/>
  <c r="V13802" i="1"/>
  <c r="V13803" i="1"/>
  <c r="V13804" i="1"/>
  <c r="V13805" i="1"/>
  <c r="V13806" i="1"/>
  <c r="V13807" i="1"/>
  <c r="V13808" i="1"/>
  <c r="V13809" i="1"/>
  <c r="V13810" i="1"/>
  <c r="V13811" i="1"/>
  <c r="V13812" i="1"/>
  <c r="V13813" i="1"/>
  <c r="V13814" i="1"/>
  <c r="V13815" i="1"/>
  <c r="V13816" i="1"/>
  <c r="V13817" i="1"/>
  <c r="V13818" i="1"/>
  <c r="V13819" i="1"/>
  <c r="V13820" i="1"/>
  <c r="V13821" i="1"/>
  <c r="V13822" i="1"/>
  <c r="V13823" i="1"/>
  <c r="V13824" i="1"/>
  <c r="V13825" i="1"/>
  <c r="V13826" i="1"/>
  <c r="V13827" i="1"/>
  <c r="V13828" i="1"/>
  <c r="V13829" i="1"/>
  <c r="V13830" i="1"/>
  <c r="V13831" i="1"/>
  <c r="V13832" i="1"/>
  <c r="V13833" i="1"/>
  <c r="V13834" i="1"/>
  <c r="V13835" i="1"/>
  <c r="V13836" i="1"/>
  <c r="V13837" i="1"/>
  <c r="V13838" i="1"/>
  <c r="V13839" i="1"/>
  <c r="V13840" i="1"/>
  <c r="V13841" i="1"/>
  <c r="V13842" i="1"/>
  <c r="V13843" i="1"/>
  <c r="V13844" i="1"/>
  <c r="V13845" i="1"/>
  <c r="V13846" i="1"/>
  <c r="V13847" i="1"/>
  <c r="V13848" i="1"/>
  <c r="V13849" i="1"/>
  <c r="V13850" i="1"/>
  <c r="V13851" i="1"/>
  <c r="V13852" i="1"/>
  <c r="V13853" i="1"/>
  <c r="V13854" i="1"/>
  <c r="V13855" i="1"/>
  <c r="V13856" i="1"/>
  <c r="V13857" i="1"/>
  <c r="V13858" i="1"/>
  <c r="V13859" i="1"/>
  <c r="V13860" i="1"/>
  <c r="V13861" i="1"/>
  <c r="V13862" i="1"/>
  <c r="V13863" i="1"/>
  <c r="V13864" i="1"/>
  <c r="V13865" i="1"/>
  <c r="V13866" i="1"/>
  <c r="V13867" i="1"/>
  <c r="V13868" i="1"/>
  <c r="V13869" i="1"/>
  <c r="V13870" i="1"/>
  <c r="V13871" i="1"/>
  <c r="V13872" i="1"/>
  <c r="V13873" i="1"/>
  <c r="V13874" i="1"/>
  <c r="V13875" i="1"/>
  <c r="V13876" i="1"/>
  <c r="V13877" i="1"/>
  <c r="V13878" i="1"/>
  <c r="V13879" i="1"/>
  <c r="V13880" i="1"/>
  <c r="V13881" i="1"/>
  <c r="V13882" i="1"/>
  <c r="V13883" i="1"/>
  <c r="V13884" i="1"/>
  <c r="V13885" i="1"/>
  <c r="V13886" i="1"/>
  <c r="V13887" i="1"/>
  <c r="V13888" i="1"/>
  <c r="V13889" i="1"/>
  <c r="V13890" i="1"/>
  <c r="V13891" i="1"/>
  <c r="V13892" i="1"/>
  <c r="V13893" i="1"/>
  <c r="V13894" i="1"/>
  <c r="V13895" i="1"/>
  <c r="V13896" i="1"/>
  <c r="V13897" i="1"/>
  <c r="V13898" i="1"/>
  <c r="V13899" i="1"/>
  <c r="V13900" i="1"/>
  <c r="V13901" i="1"/>
  <c r="V13902" i="1"/>
  <c r="V13903" i="1"/>
  <c r="V13904" i="1"/>
  <c r="V13905" i="1"/>
  <c r="V13906" i="1"/>
  <c r="V13907" i="1"/>
  <c r="V13908" i="1"/>
  <c r="V13909" i="1"/>
  <c r="V13910" i="1"/>
  <c r="V13911" i="1"/>
  <c r="V13912" i="1"/>
  <c r="V13913" i="1"/>
  <c r="V13914" i="1"/>
  <c r="V13915" i="1"/>
  <c r="V13916" i="1"/>
  <c r="V13917" i="1"/>
  <c r="V13918" i="1"/>
  <c r="V13919" i="1"/>
  <c r="V13920" i="1"/>
  <c r="V13921" i="1"/>
  <c r="V13922" i="1"/>
  <c r="V13923" i="1"/>
  <c r="V13924" i="1"/>
  <c r="V13925" i="1"/>
  <c r="V13926" i="1"/>
  <c r="V13927" i="1"/>
  <c r="V13928" i="1"/>
  <c r="V13929" i="1"/>
  <c r="V13930" i="1"/>
  <c r="V13931" i="1"/>
  <c r="V13932" i="1"/>
  <c r="V13933" i="1"/>
  <c r="V13934" i="1"/>
  <c r="V13935" i="1"/>
  <c r="V13936" i="1"/>
  <c r="V13937" i="1"/>
  <c r="V13938" i="1"/>
  <c r="V13939" i="1"/>
  <c r="V13940" i="1"/>
  <c r="V13941" i="1"/>
  <c r="V13942" i="1"/>
  <c r="V13943" i="1"/>
  <c r="V13944" i="1"/>
  <c r="V13945" i="1"/>
  <c r="V13946" i="1"/>
  <c r="V13947" i="1"/>
  <c r="V13948" i="1"/>
  <c r="V13949" i="1"/>
  <c r="V13950" i="1"/>
  <c r="V13951" i="1"/>
  <c r="V13952" i="1"/>
  <c r="V13953" i="1"/>
  <c r="V13954" i="1"/>
  <c r="V13955" i="1"/>
  <c r="V13956" i="1"/>
  <c r="V13957" i="1"/>
  <c r="V13958" i="1"/>
  <c r="V13959" i="1"/>
  <c r="V13960" i="1"/>
  <c r="V13961" i="1"/>
  <c r="V13962" i="1"/>
  <c r="V13963" i="1"/>
  <c r="V13964" i="1"/>
  <c r="V13965" i="1"/>
  <c r="V13966" i="1"/>
  <c r="V13967" i="1"/>
  <c r="V13968" i="1"/>
  <c r="V13969" i="1"/>
  <c r="V13970" i="1"/>
  <c r="V13971" i="1"/>
  <c r="V13972" i="1"/>
  <c r="V13973" i="1"/>
  <c r="V13974" i="1"/>
  <c r="V13975" i="1"/>
  <c r="V13976" i="1"/>
  <c r="V13977" i="1"/>
  <c r="V13978" i="1"/>
  <c r="V13979" i="1"/>
  <c r="V13980" i="1"/>
  <c r="V13981" i="1"/>
  <c r="V13982" i="1"/>
  <c r="V13983" i="1"/>
  <c r="V13984" i="1"/>
  <c r="V13985" i="1"/>
  <c r="V13986" i="1"/>
  <c r="V13987" i="1"/>
  <c r="V13988" i="1"/>
  <c r="V13989" i="1"/>
  <c r="V13990" i="1"/>
  <c r="V13991" i="1"/>
  <c r="V13992" i="1"/>
  <c r="V13993" i="1"/>
  <c r="V13994" i="1"/>
  <c r="V13995" i="1"/>
  <c r="V13996" i="1"/>
  <c r="V13997" i="1"/>
  <c r="V13998" i="1"/>
  <c r="V13999" i="1"/>
  <c r="V14000" i="1"/>
  <c r="V14001" i="1"/>
  <c r="V14002" i="1"/>
  <c r="V14003" i="1"/>
  <c r="V14004" i="1"/>
  <c r="V14005" i="1"/>
  <c r="V14006" i="1"/>
  <c r="V14007" i="1"/>
  <c r="V14008" i="1"/>
  <c r="V14009" i="1"/>
  <c r="V14010" i="1"/>
  <c r="V14011" i="1"/>
  <c r="V14012" i="1"/>
  <c r="V14013" i="1"/>
  <c r="V14014" i="1"/>
  <c r="V14015" i="1"/>
  <c r="V14016" i="1"/>
  <c r="V14017" i="1"/>
  <c r="V14018" i="1"/>
  <c r="V14019" i="1"/>
  <c r="V14020" i="1"/>
  <c r="V14021" i="1"/>
  <c r="V14022" i="1"/>
  <c r="V14023" i="1"/>
  <c r="V14024" i="1"/>
  <c r="V14025" i="1"/>
  <c r="V14026" i="1"/>
  <c r="V14027" i="1"/>
  <c r="V14028" i="1"/>
  <c r="V14029" i="1"/>
  <c r="V14030" i="1"/>
  <c r="V14031" i="1"/>
  <c r="V14032" i="1"/>
  <c r="V14033" i="1"/>
  <c r="V14034" i="1"/>
  <c r="V14035" i="1"/>
  <c r="V14036" i="1"/>
  <c r="V14037" i="1"/>
  <c r="V14038" i="1"/>
  <c r="V14039" i="1"/>
  <c r="V14040" i="1"/>
  <c r="V14041" i="1"/>
  <c r="V14042" i="1"/>
  <c r="V14043" i="1"/>
  <c r="V14044" i="1"/>
  <c r="V14045" i="1"/>
  <c r="V14046" i="1"/>
  <c r="V14047" i="1"/>
  <c r="V14048" i="1"/>
  <c r="V14049" i="1"/>
  <c r="V14050" i="1"/>
  <c r="V14051" i="1"/>
  <c r="V14052" i="1"/>
  <c r="V14053" i="1"/>
  <c r="V14054" i="1"/>
  <c r="V14055" i="1"/>
  <c r="V14056" i="1"/>
  <c r="V14057" i="1"/>
  <c r="V14058" i="1"/>
  <c r="V14059" i="1"/>
  <c r="V14060" i="1"/>
  <c r="V14061" i="1"/>
  <c r="V14062" i="1"/>
  <c r="V14063" i="1"/>
  <c r="V14064" i="1"/>
  <c r="V14065" i="1"/>
  <c r="V14066" i="1"/>
  <c r="V14067" i="1"/>
  <c r="V14068" i="1"/>
  <c r="V14069" i="1"/>
  <c r="V14070" i="1"/>
  <c r="V14071" i="1"/>
  <c r="V14072" i="1"/>
  <c r="V14073" i="1"/>
  <c r="V14074" i="1"/>
  <c r="V14075" i="1"/>
  <c r="V14076" i="1"/>
  <c r="V14077" i="1"/>
  <c r="V14078" i="1"/>
  <c r="V14079" i="1"/>
  <c r="V14080" i="1"/>
  <c r="V14081" i="1"/>
  <c r="V14082" i="1"/>
  <c r="V14083" i="1"/>
  <c r="V14084" i="1"/>
  <c r="V14085" i="1"/>
  <c r="V14086" i="1"/>
  <c r="V14087" i="1"/>
  <c r="V14088" i="1"/>
  <c r="V14089" i="1"/>
  <c r="V14090" i="1"/>
  <c r="V14091" i="1"/>
  <c r="V14092" i="1"/>
  <c r="V14093" i="1"/>
  <c r="V14094" i="1"/>
  <c r="V14095" i="1"/>
  <c r="V14096" i="1"/>
  <c r="V14097" i="1"/>
  <c r="V14098" i="1"/>
  <c r="V14099" i="1"/>
  <c r="V14100" i="1"/>
  <c r="V14101" i="1"/>
  <c r="V14102" i="1"/>
  <c r="V14103" i="1"/>
  <c r="V14104" i="1"/>
  <c r="V14105" i="1"/>
  <c r="V14106" i="1"/>
  <c r="V14107" i="1"/>
  <c r="V14108" i="1"/>
  <c r="V14109" i="1"/>
  <c r="V14110" i="1"/>
  <c r="V14111" i="1"/>
  <c r="V14112" i="1"/>
  <c r="V14113" i="1"/>
  <c r="V14114" i="1"/>
  <c r="V14115" i="1"/>
  <c r="V14116" i="1"/>
  <c r="V14117" i="1"/>
  <c r="V14118" i="1"/>
  <c r="V14119" i="1"/>
  <c r="V14120" i="1"/>
  <c r="V14121" i="1"/>
  <c r="V14122" i="1"/>
  <c r="V14123" i="1"/>
  <c r="V14124" i="1"/>
  <c r="V14125" i="1"/>
  <c r="V14126" i="1"/>
  <c r="V14127" i="1"/>
  <c r="V14128" i="1"/>
  <c r="V14129" i="1"/>
  <c r="V14130" i="1"/>
  <c r="V14131" i="1"/>
  <c r="V14132" i="1"/>
  <c r="V14133" i="1"/>
  <c r="V14134" i="1"/>
  <c r="V14135" i="1"/>
  <c r="V14136" i="1"/>
  <c r="V14137" i="1"/>
  <c r="V14138" i="1"/>
  <c r="V14139" i="1"/>
  <c r="V14140" i="1"/>
  <c r="V14141" i="1"/>
  <c r="V14142" i="1"/>
  <c r="V14143" i="1"/>
  <c r="V14144" i="1"/>
  <c r="V14145" i="1"/>
  <c r="V14146" i="1"/>
  <c r="V14147" i="1"/>
  <c r="V14148" i="1"/>
  <c r="V14149" i="1"/>
  <c r="V14150" i="1"/>
  <c r="V14151" i="1"/>
  <c r="V14152" i="1"/>
  <c r="V14153" i="1"/>
  <c r="V14154" i="1"/>
  <c r="V14155" i="1"/>
  <c r="V14156" i="1"/>
  <c r="V14157" i="1"/>
  <c r="V14158" i="1"/>
  <c r="V14159" i="1"/>
  <c r="V14160" i="1"/>
  <c r="V14161" i="1"/>
  <c r="V14162" i="1"/>
  <c r="V14163" i="1"/>
  <c r="V14164" i="1"/>
  <c r="V14165" i="1"/>
  <c r="V14166" i="1"/>
  <c r="V14167" i="1"/>
  <c r="V14168" i="1"/>
  <c r="V14169" i="1"/>
  <c r="V14170" i="1"/>
  <c r="V14171" i="1"/>
  <c r="V14172" i="1"/>
  <c r="V14173" i="1"/>
  <c r="V14174" i="1"/>
  <c r="V14175" i="1"/>
  <c r="V14176" i="1"/>
  <c r="V14177" i="1"/>
  <c r="V14178" i="1"/>
  <c r="V14179" i="1"/>
  <c r="V14180" i="1"/>
  <c r="V14181" i="1"/>
  <c r="V14182" i="1"/>
  <c r="V14183" i="1"/>
  <c r="V14184" i="1"/>
  <c r="V14185" i="1"/>
  <c r="V14186" i="1"/>
  <c r="V14187" i="1"/>
  <c r="V14188" i="1"/>
  <c r="V14189" i="1"/>
  <c r="V14190" i="1"/>
  <c r="V14191" i="1"/>
  <c r="V14192" i="1"/>
  <c r="V14193" i="1"/>
  <c r="V14194" i="1"/>
  <c r="V14195" i="1"/>
  <c r="V14196" i="1"/>
  <c r="V14197" i="1"/>
  <c r="V14198" i="1"/>
  <c r="V14199" i="1"/>
  <c r="V14200" i="1"/>
  <c r="V14201" i="1"/>
  <c r="V14202" i="1"/>
  <c r="V14203" i="1"/>
  <c r="V14204" i="1"/>
  <c r="V14205" i="1"/>
  <c r="V14206" i="1"/>
  <c r="V14207" i="1"/>
  <c r="V14208" i="1"/>
  <c r="V14209" i="1"/>
  <c r="V14210" i="1"/>
  <c r="V14211" i="1"/>
  <c r="V14212" i="1"/>
  <c r="V14213" i="1"/>
  <c r="V14214" i="1"/>
  <c r="V14215" i="1"/>
  <c r="V14216" i="1"/>
  <c r="V14217" i="1"/>
  <c r="V14218" i="1"/>
  <c r="V14219" i="1"/>
  <c r="V14220" i="1"/>
  <c r="V14221" i="1"/>
  <c r="V14222" i="1"/>
  <c r="V14223" i="1"/>
  <c r="V14224" i="1"/>
  <c r="V14225" i="1"/>
  <c r="V14226" i="1"/>
  <c r="V14227" i="1"/>
  <c r="V14228" i="1"/>
  <c r="V14229" i="1"/>
  <c r="V14230" i="1"/>
  <c r="V14231" i="1"/>
  <c r="V14232" i="1"/>
  <c r="V14233" i="1"/>
  <c r="V14234" i="1"/>
  <c r="V14235" i="1"/>
  <c r="V14236" i="1"/>
  <c r="V14237" i="1"/>
  <c r="V14238" i="1"/>
  <c r="V14239" i="1"/>
  <c r="V14240" i="1"/>
  <c r="V14241" i="1"/>
  <c r="V14242" i="1"/>
  <c r="V14243" i="1"/>
  <c r="V14244" i="1"/>
  <c r="V14245" i="1"/>
  <c r="V14246" i="1"/>
  <c r="V14247" i="1"/>
  <c r="V14248" i="1"/>
  <c r="V14249" i="1"/>
  <c r="V14250" i="1"/>
  <c r="V14251" i="1"/>
  <c r="V14252" i="1"/>
  <c r="V14253" i="1"/>
  <c r="V14254" i="1"/>
  <c r="V14255" i="1"/>
  <c r="V14256" i="1"/>
  <c r="V14257" i="1"/>
  <c r="V14258" i="1"/>
  <c r="V14259" i="1"/>
  <c r="V14260" i="1"/>
  <c r="V14261" i="1"/>
  <c r="V14262" i="1"/>
  <c r="V14263" i="1"/>
  <c r="V14264" i="1"/>
  <c r="V14265" i="1"/>
  <c r="V14266" i="1"/>
  <c r="V14267" i="1"/>
  <c r="V14268" i="1"/>
  <c r="V14269" i="1"/>
  <c r="V14270" i="1"/>
  <c r="V14271" i="1"/>
  <c r="V14272" i="1"/>
  <c r="V14273" i="1"/>
  <c r="V14274" i="1"/>
  <c r="V14275" i="1"/>
  <c r="V14276" i="1"/>
  <c r="V14277" i="1"/>
  <c r="V14278" i="1"/>
  <c r="V14279" i="1"/>
  <c r="V14280" i="1"/>
  <c r="V14281" i="1"/>
  <c r="V14282" i="1"/>
  <c r="V14283" i="1"/>
  <c r="V14284" i="1"/>
  <c r="V14285" i="1"/>
  <c r="V14286" i="1"/>
  <c r="V14287" i="1"/>
  <c r="V14288" i="1"/>
  <c r="V14289" i="1"/>
  <c r="V14290" i="1"/>
  <c r="V14291" i="1"/>
  <c r="V14292" i="1"/>
  <c r="V14293" i="1"/>
  <c r="V14294" i="1"/>
  <c r="V14295" i="1"/>
  <c r="V14296" i="1"/>
  <c r="V14297" i="1"/>
  <c r="V14298" i="1"/>
  <c r="V14299" i="1"/>
  <c r="V14300" i="1"/>
  <c r="V14301" i="1"/>
  <c r="V14302" i="1"/>
  <c r="V14303" i="1"/>
  <c r="V14304" i="1"/>
  <c r="V14305" i="1"/>
  <c r="V14306" i="1"/>
  <c r="V14307" i="1"/>
  <c r="V14308" i="1"/>
  <c r="V14309" i="1"/>
  <c r="V14310" i="1"/>
  <c r="V14311" i="1"/>
  <c r="V14312" i="1"/>
  <c r="V14313" i="1"/>
  <c r="V14314" i="1"/>
  <c r="V14315" i="1"/>
  <c r="V14316" i="1"/>
  <c r="V14317" i="1"/>
  <c r="V14318" i="1"/>
  <c r="V14319" i="1"/>
  <c r="V14320" i="1"/>
  <c r="V14321" i="1"/>
  <c r="V14322" i="1"/>
  <c r="V14323" i="1"/>
  <c r="V14324" i="1"/>
  <c r="V14325" i="1"/>
  <c r="V14326" i="1"/>
  <c r="V14327" i="1"/>
  <c r="V14328" i="1"/>
  <c r="V14329" i="1"/>
  <c r="V14330" i="1"/>
  <c r="V14331" i="1"/>
  <c r="V14332" i="1"/>
  <c r="V14333" i="1"/>
  <c r="V14334" i="1"/>
  <c r="V14335" i="1"/>
  <c r="V14336" i="1"/>
  <c r="V14337" i="1"/>
  <c r="V14338" i="1"/>
  <c r="V14339" i="1"/>
  <c r="V14340" i="1"/>
  <c r="V14341" i="1"/>
  <c r="V14342" i="1"/>
  <c r="V14343" i="1"/>
  <c r="V14344" i="1"/>
  <c r="V14345" i="1"/>
  <c r="V14346" i="1"/>
  <c r="V14347" i="1"/>
  <c r="V14348" i="1"/>
  <c r="V14349" i="1"/>
  <c r="V14350" i="1"/>
  <c r="V14351" i="1"/>
  <c r="V14352" i="1"/>
  <c r="V14353" i="1"/>
  <c r="V14354" i="1"/>
  <c r="V14355" i="1"/>
  <c r="V14356" i="1"/>
  <c r="V14357" i="1"/>
  <c r="V14358" i="1"/>
  <c r="V14359" i="1"/>
  <c r="V14360" i="1"/>
  <c r="V14361" i="1"/>
  <c r="V14362" i="1"/>
  <c r="V14363" i="1"/>
  <c r="V14364" i="1"/>
  <c r="V14365" i="1"/>
  <c r="V14366" i="1"/>
  <c r="V14367" i="1"/>
  <c r="V14368" i="1"/>
  <c r="V14369" i="1"/>
  <c r="V14370" i="1"/>
  <c r="V14371" i="1"/>
  <c r="V14372" i="1"/>
  <c r="V14373" i="1"/>
  <c r="V14374" i="1"/>
  <c r="V14375" i="1"/>
  <c r="V14376" i="1"/>
  <c r="V14377" i="1"/>
  <c r="V14378" i="1"/>
  <c r="V14379" i="1"/>
  <c r="V14380" i="1"/>
  <c r="V14381" i="1"/>
  <c r="V14382" i="1"/>
  <c r="V14383" i="1"/>
  <c r="V14384" i="1"/>
  <c r="V14385" i="1"/>
  <c r="V14386" i="1"/>
  <c r="V14387" i="1"/>
  <c r="V14388" i="1"/>
  <c r="V14389" i="1"/>
  <c r="V14390" i="1"/>
  <c r="V14391" i="1"/>
  <c r="V14392" i="1"/>
  <c r="V14393" i="1"/>
  <c r="V14394" i="1"/>
  <c r="V14395" i="1"/>
  <c r="V14396" i="1"/>
  <c r="V14397" i="1"/>
  <c r="V14398" i="1"/>
  <c r="V14399" i="1"/>
  <c r="V14400" i="1"/>
  <c r="V14401" i="1"/>
  <c r="V14402" i="1"/>
  <c r="V14403" i="1"/>
  <c r="V14404" i="1"/>
  <c r="V14405" i="1"/>
  <c r="V14406" i="1"/>
  <c r="V14407" i="1"/>
  <c r="V14408" i="1"/>
  <c r="V14409" i="1"/>
  <c r="V14410" i="1"/>
  <c r="V14411" i="1"/>
  <c r="V14412" i="1"/>
  <c r="V14413" i="1"/>
  <c r="V14414" i="1"/>
  <c r="V14415" i="1"/>
  <c r="V14416" i="1"/>
  <c r="V14417" i="1"/>
  <c r="V14418" i="1"/>
  <c r="V14419" i="1"/>
  <c r="V14420" i="1"/>
  <c r="V14421" i="1"/>
  <c r="V14422" i="1"/>
  <c r="V14423" i="1"/>
  <c r="V14424" i="1"/>
  <c r="V14425" i="1"/>
  <c r="V14426" i="1"/>
  <c r="V14427" i="1"/>
  <c r="V14428" i="1"/>
  <c r="V14429" i="1"/>
  <c r="V14430" i="1"/>
  <c r="V14431" i="1"/>
  <c r="V14432" i="1"/>
  <c r="V14433" i="1"/>
  <c r="V14434" i="1"/>
  <c r="V14435" i="1"/>
  <c r="V14436" i="1"/>
  <c r="V14437" i="1"/>
  <c r="V14438" i="1"/>
  <c r="V14439" i="1"/>
  <c r="V14440" i="1"/>
  <c r="V14441" i="1"/>
  <c r="V14442" i="1"/>
  <c r="V14443" i="1"/>
  <c r="V14444" i="1"/>
  <c r="V14445" i="1"/>
  <c r="V14446" i="1"/>
  <c r="V14447" i="1"/>
  <c r="V14448" i="1"/>
  <c r="V14449" i="1"/>
  <c r="V14450" i="1"/>
  <c r="V14451" i="1"/>
  <c r="V14452" i="1"/>
  <c r="V14453" i="1"/>
  <c r="V14454" i="1"/>
  <c r="V14455" i="1"/>
  <c r="V14456" i="1"/>
  <c r="V14457" i="1"/>
  <c r="V14458" i="1"/>
  <c r="V14459" i="1"/>
  <c r="V14460" i="1"/>
  <c r="V14461" i="1"/>
  <c r="V14462" i="1"/>
  <c r="V14463" i="1"/>
  <c r="V14464" i="1"/>
  <c r="V14465" i="1"/>
  <c r="V14466" i="1"/>
  <c r="V14467" i="1"/>
  <c r="V14468" i="1"/>
  <c r="V14469" i="1"/>
  <c r="V14470" i="1"/>
  <c r="V14471" i="1"/>
  <c r="V14472" i="1"/>
  <c r="V14473" i="1"/>
  <c r="V14474" i="1"/>
  <c r="V14475" i="1"/>
  <c r="V14476" i="1"/>
  <c r="V14477" i="1"/>
  <c r="V14478" i="1"/>
  <c r="V14479" i="1"/>
  <c r="V14480" i="1"/>
  <c r="V14481" i="1"/>
  <c r="V14482" i="1"/>
  <c r="V14483" i="1"/>
  <c r="V14484" i="1"/>
  <c r="V14485" i="1"/>
  <c r="V14486" i="1"/>
  <c r="V14487" i="1"/>
  <c r="V14488" i="1"/>
  <c r="V14489" i="1"/>
  <c r="V14490" i="1"/>
  <c r="V14491" i="1"/>
  <c r="V14492" i="1"/>
  <c r="V14493" i="1"/>
  <c r="V14494" i="1"/>
  <c r="V14495" i="1"/>
  <c r="V14496" i="1"/>
  <c r="V14497" i="1"/>
  <c r="V14498" i="1"/>
  <c r="V14499" i="1"/>
  <c r="V14500" i="1"/>
  <c r="V14501" i="1"/>
  <c r="V14502" i="1"/>
  <c r="V14503" i="1"/>
  <c r="V14504" i="1"/>
  <c r="V14505" i="1"/>
  <c r="V14506" i="1"/>
  <c r="V14507" i="1"/>
  <c r="V14508" i="1"/>
  <c r="V14509" i="1"/>
  <c r="V14510" i="1"/>
  <c r="V14511" i="1"/>
  <c r="V14512" i="1"/>
  <c r="V14513" i="1"/>
  <c r="V14514" i="1"/>
  <c r="V14515" i="1"/>
  <c r="V14516" i="1"/>
  <c r="V14517" i="1"/>
  <c r="V14518" i="1"/>
  <c r="V14519" i="1"/>
  <c r="V14520" i="1"/>
  <c r="V14521" i="1"/>
  <c r="V14522" i="1"/>
  <c r="V14523" i="1"/>
  <c r="V14524" i="1"/>
  <c r="V14525" i="1"/>
  <c r="V14526" i="1"/>
  <c r="V14527" i="1"/>
  <c r="V14528" i="1"/>
  <c r="V14529" i="1"/>
  <c r="V14530" i="1"/>
  <c r="V14531" i="1"/>
  <c r="V14532" i="1"/>
  <c r="V14533" i="1"/>
  <c r="V14534" i="1"/>
  <c r="V14535" i="1"/>
  <c r="V14536" i="1"/>
  <c r="V14537" i="1"/>
  <c r="V14538" i="1"/>
  <c r="V14539" i="1"/>
  <c r="V14540" i="1"/>
  <c r="V14541" i="1"/>
  <c r="V14542" i="1"/>
  <c r="V14543" i="1"/>
  <c r="V14544" i="1"/>
  <c r="V14545" i="1"/>
  <c r="V14546" i="1"/>
  <c r="V14547" i="1"/>
  <c r="V14548" i="1"/>
  <c r="V14549" i="1"/>
  <c r="V14550" i="1"/>
  <c r="V14551" i="1"/>
  <c r="V14552" i="1"/>
  <c r="V14553" i="1"/>
  <c r="V14554" i="1"/>
  <c r="V14555" i="1"/>
  <c r="V14556" i="1"/>
  <c r="V14557" i="1"/>
  <c r="V14558" i="1"/>
  <c r="V14559" i="1"/>
  <c r="V14560" i="1"/>
  <c r="V14561" i="1"/>
  <c r="V14562" i="1"/>
  <c r="V14563" i="1"/>
  <c r="V14564" i="1"/>
  <c r="V14565" i="1"/>
  <c r="V14566" i="1"/>
  <c r="V14567" i="1"/>
  <c r="V14568" i="1"/>
  <c r="V14569" i="1"/>
  <c r="V14570" i="1"/>
  <c r="V14571" i="1"/>
  <c r="V14572" i="1"/>
  <c r="V14573" i="1"/>
  <c r="V14574" i="1"/>
  <c r="V14575" i="1"/>
  <c r="V14576" i="1"/>
  <c r="V14577" i="1"/>
  <c r="V14578" i="1"/>
  <c r="V14579" i="1"/>
  <c r="V14580" i="1"/>
  <c r="V14581" i="1"/>
  <c r="V14582" i="1"/>
  <c r="V14583" i="1"/>
  <c r="V14584" i="1"/>
  <c r="V14585" i="1"/>
  <c r="V14586" i="1"/>
  <c r="V14587" i="1"/>
  <c r="V14588" i="1"/>
  <c r="V14589" i="1"/>
  <c r="V14590" i="1"/>
  <c r="V14591" i="1"/>
  <c r="V14592" i="1"/>
  <c r="V14593" i="1"/>
  <c r="V14594" i="1"/>
  <c r="V14595" i="1"/>
  <c r="V14596" i="1"/>
  <c r="V14597" i="1"/>
  <c r="V14598" i="1"/>
  <c r="V14599" i="1"/>
  <c r="V14600" i="1"/>
  <c r="V14601" i="1"/>
  <c r="V14602" i="1"/>
  <c r="V14603" i="1"/>
  <c r="V14604" i="1"/>
  <c r="V14605" i="1"/>
  <c r="V14606" i="1"/>
  <c r="V14607" i="1"/>
  <c r="V14608" i="1"/>
  <c r="V14609" i="1"/>
  <c r="V14610" i="1"/>
  <c r="V14611" i="1"/>
  <c r="V14612" i="1"/>
  <c r="V14613" i="1"/>
  <c r="V14614" i="1"/>
  <c r="V14615" i="1"/>
  <c r="V14616" i="1"/>
  <c r="V14617" i="1"/>
  <c r="V14618" i="1"/>
  <c r="V14619" i="1"/>
  <c r="V14620" i="1"/>
  <c r="V14621" i="1"/>
  <c r="V14622" i="1"/>
  <c r="V14623" i="1"/>
  <c r="V14624" i="1"/>
  <c r="V14625" i="1"/>
  <c r="V14626" i="1"/>
  <c r="V14627" i="1"/>
  <c r="V14628" i="1"/>
  <c r="V14629" i="1"/>
  <c r="V14630" i="1"/>
  <c r="V14631" i="1"/>
  <c r="V14632" i="1"/>
  <c r="V14633" i="1"/>
  <c r="V14634" i="1"/>
  <c r="V14635" i="1"/>
  <c r="V14636" i="1"/>
  <c r="V14637" i="1"/>
  <c r="V14638" i="1"/>
  <c r="V14639" i="1"/>
  <c r="V14640" i="1"/>
  <c r="V14641" i="1"/>
  <c r="V14642" i="1"/>
  <c r="V14643" i="1"/>
  <c r="V14644" i="1"/>
  <c r="V14645" i="1"/>
  <c r="V14646" i="1"/>
  <c r="V14647" i="1"/>
  <c r="V14648" i="1"/>
  <c r="V14649" i="1"/>
  <c r="V14650" i="1"/>
  <c r="V14651" i="1"/>
  <c r="V14652" i="1"/>
  <c r="V14653" i="1"/>
  <c r="V14654" i="1"/>
  <c r="V14655" i="1"/>
  <c r="V14656" i="1"/>
  <c r="V14657" i="1"/>
  <c r="V14658" i="1"/>
  <c r="V14659" i="1"/>
  <c r="V14660" i="1"/>
  <c r="V14661" i="1"/>
  <c r="V14662" i="1"/>
  <c r="V14663" i="1"/>
  <c r="V14664" i="1"/>
  <c r="V14665" i="1"/>
  <c r="V14666" i="1"/>
  <c r="V14667" i="1"/>
  <c r="V14668" i="1"/>
  <c r="V14669" i="1"/>
  <c r="V14670" i="1"/>
  <c r="V14671" i="1"/>
  <c r="V14672" i="1"/>
  <c r="V14673" i="1"/>
  <c r="V14674" i="1"/>
  <c r="V14675" i="1"/>
  <c r="V14676" i="1"/>
  <c r="V14677" i="1"/>
  <c r="V14678" i="1"/>
  <c r="V14679" i="1"/>
  <c r="V14680" i="1"/>
  <c r="V14681" i="1"/>
  <c r="V14682" i="1"/>
  <c r="V14683" i="1"/>
  <c r="V14684" i="1"/>
  <c r="V14685" i="1"/>
  <c r="V14686" i="1"/>
  <c r="V14687" i="1"/>
  <c r="V14688" i="1"/>
  <c r="V14689" i="1"/>
  <c r="V14690" i="1"/>
  <c r="V14691" i="1"/>
  <c r="V14692" i="1"/>
  <c r="V14693" i="1"/>
  <c r="V14694" i="1"/>
  <c r="V14695" i="1"/>
  <c r="V14696" i="1"/>
  <c r="V14697" i="1"/>
  <c r="V14698" i="1"/>
  <c r="V14699" i="1"/>
  <c r="V14700" i="1"/>
  <c r="V14701" i="1"/>
  <c r="V14702" i="1"/>
  <c r="V14703" i="1"/>
  <c r="V14704" i="1"/>
  <c r="V14705" i="1"/>
  <c r="V14706" i="1"/>
  <c r="V14707" i="1"/>
  <c r="V14708" i="1"/>
  <c r="V14709" i="1"/>
  <c r="V14710" i="1"/>
  <c r="V14711" i="1"/>
  <c r="V14712" i="1"/>
  <c r="V14713" i="1"/>
  <c r="V14714" i="1"/>
  <c r="V14715" i="1"/>
  <c r="V14716" i="1"/>
  <c r="V14717" i="1"/>
  <c r="V14718" i="1"/>
  <c r="V14719" i="1"/>
  <c r="V14720" i="1"/>
  <c r="V14721" i="1"/>
  <c r="V14722" i="1"/>
  <c r="V14723" i="1"/>
  <c r="V14724" i="1"/>
  <c r="V14725" i="1"/>
  <c r="V14726" i="1"/>
  <c r="V14727" i="1"/>
  <c r="V14728" i="1"/>
  <c r="V14729" i="1"/>
  <c r="V14730" i="1"/>
  <c r="V14731" i="1"/>
  <c r="V14732" i="1"/>
  <c r="V14733" i="1"/>
  <c r="V14734" i="1"/>
  <c r="V14735" i="1"/>
  <c r="V14736" i="1"/>
  <c r="V14737" i="1"/>
  <c r="V14738" i="1"/>
  <c r="V14739" i="1"/>
  <c r="V14740" i="1"/>
  <c r="V14741" i="1"/>
  <c r="V14742" i="1"/>
  <c r="V14743" i="1"/>
  <c r="V14744" i="1"/>
  <c r="V14745" i="1"/>
  <c r="V14746" i="1"/>
  <c r="V14747" i="1"/>
  <c r="V14748" i="1"/>
  <c r="V14749" i="1"/>
  <c r="V14750" i="1"/>
  <c r="V14751" i="1"/>
  <c r="V14752" i="1"/>
  <c r="V14753" i="1"/>
  <c r="V14754" i="1"/>
  <c r="V14755" i="1"/>
  <c r="V14756" i="1"/>
  <c r="V14757" i="1"/>
  <c r="V14758" i="1"/>
  <c r="V14759" i="1"/>
  <c r="V14760" i="1"/>
  <c r="V14761" i="1"/>
  <c r="V14762" i="1"/>
  <c r="V14763" i="1"/>
  <c r="V14764" i="1"/>
  <c r="V14765" i="1"/>
  <c r="V14766" i="1"/>
  <c r="V14767" i="1"/>
  <c r="V14768" i="1"/>
  <c r="V14769" i="1"/>
  <c r="V14770" i="1"/>
  <c r="V14771" i="1"/>
  <c r="V14772" i="1"/>
  <c r="V14773" i="1"/>
  <c r="V14774" i="1"/>
  <c r="V14775" i="1"/>
  <c r="V14776" i="1"/>
  <c r="V14777" i="1"/>
  <c r="V14778" i="1"/>
  <c r="V14779" i="1"/>
  <c r="V14780" i="1"/>
  <c r="V14781" i="1"/>
  <c r="V14782" i="1"/>
  <c r="V14783" i="1"/>
  <c r="V14784" i="1"/>
  <c r="V14785" i="1"/>
  <c r="V14786" i="1"/>
  <c r="V14787" i="1"/>
  <c r="V14788" i="1"/>
  <c r="V14789" i="1"/>
  <c r="V14790" i="1"/>
  <c r="V14791" i="1"/>
  <c r="V14792" i="1"/>
  <c r="V14793" i="1"/>
  <c r="V14794" i="1"/>
  <c r="V14795" i="1"/>
  <c r="V14796" i="1"/>
  <c r="V14797" i="1"/>
  <c r="V14798" i="1"/>
  <c r="V14799" i="1"/>
  <c r="V14800" i="1"/>
  <c r="V14801" i="1"/>
  <c r="V14802" i="1"/>
  <c r="V14803" i="1"/>
  <c r="V14804" i="1"/>
  <c r="V14805" i="1"/>
  <c r="V14806" i="1"/>
  <c r="V14807" i="1"/>
  <c r="V14808" i="1"/>
  <c r="V14809" i="1"/>
  <c r="V14810" i="1"/>
  <c r="V14811" i="1"/>
  <c r="V14812" i="1"/>
  <c r="V14813" i="1"/>
  <c r="V14814" i="1"/>
  <c r="V14815" i="1"/>
  <c r="V14816" i="1"/>
  <c r="V14817" i="1"/>
  <c r="V14818" i="1"/>
  <c r="V14819" i="1"/>
  <c r="V14820" i="1"/>
  <c r="V14821" i="1"/>
  <c r="V14822" i="1"/>
  <c r="V14823" i="1"/>
  <c r="V14824" i="1"/>
  <c r="V14825" i="1"/>
  <c r="V14826" i="1"/>
  <c r="V14827" i="1"/>
  <c r="V14828" i="1"/>
  <c r="V14829" i="1"/>
  <c r="V14830" i="1"/>
  <c r="V14831" i="1"/>
  <c r="V14832" i="1"/>
  <c r="V14833" i="1"/>
  <c r="V14834" i="1"/>
  <c r="V14835" i="1"/>
  <c r="V14836" i="1"/>
  <c r="V14837" i="1"/>
  <c r="V14838" i="1"/>
  <c r="V14839" i="1"/>
  <c r="V14840" i="1"/>
  <c r="V14841" i="1"/>
  <c r="V14842" i="1"/>
  <c r="V14843" i="1"/>
  <c r="V14844" i="1"/>
  <c r="V14845" i="1"/>
  <c r="V14846" i="1"/>
  <c r="V14847" i="1"/>
  <c r="V14848" i="1"/>
  <c r="V14849" i="1"/>
  <c r="V14850" i="1"/>
  <c r="V14851" i="1"/>
  <c r="V14852" i="1"/>
  <c r="V14853" i="1"/>
  <c r="V14854" i="1"/>
  <c r="V14855" i="1"/>
  <c r="V14856" i="1"/>
  <c r="V14857" i="1"/>
  <c r="V14858" i="1"/>
  <c r="V14859" i="1"/>
  <c r="V14860" i="1"/>
  <c r="V14861" i="1"/>
  <c r="V14862" i="1"/>
  <c r="V14863" i="1"/>
  <c r="V14864" i="1"/>
  <c r="V14865" i="1"/>
  <c r="V14866" i="1"/>
  <c r="V14867" i="1"/>
  <c r="V14868" i="1"/>
  <c r="V14869" i="1"/>
  <c r="V14870" i="1"/>
  <c r="V14871" i="1"/>
  <c r="V14872" i="1"/>
  <c r="V14873" i="1"/>
  <c r="V14874" i="1"/>
  <c r="V14875" i="1"/>
  <c r="V14876" i="1"/>
  <c r="V14877" i="1"/>
  <c r="V14878" i="1"/>
  <c r="V14879" i="1"/>
  <c r="V14880" i="1"/>
  <c r="V14881" i="1"/>
  <c r="V14882" i="1"/>
  <c r="V14883" i="1"/>
  <c r="V14884" i="1"/>
  <c r="V14885" i="1"/>
  <c r="V14886" i="1"/>
  <c r="V14887" i="1"/>
  <c r="V14888" i="1"/>
  <c r="V14889" i="1"/>
  <c r="V14890" i="1"/>
  <c r="V14891" i="1"/>
  <c r="V14892" i="1"/>
  <c r="V14893" i="1"/>
  <c r="V14894" i="1"/>
  <c r="V14895" i="1"/>
  <c r="V14896" i="1"/>
  <c r="V14897" i="1"/>
  <c r="V14898" i="1"/>
  <c r="V14899" i="1"/>
  <c r="V14900" i="1"/>
  <c r="V14901" i="1"/>
  <c r="V14902" i="1"/>
  <c r="V14903" i="1"/>
  <c r="V14904" i="1"/>
  <c r="V14905" i="1"/>
  <c r="V14906" i="1"/>
  <c r="V14907" i="1"/>
  <c r="V14908" i="1"/>
  <c r="V14909" i="1"/>
  <c r="V14910" i="1"/>
  <c r="V14911" i="1"/>
  <c r="V14912" i="1"/>
  <c r="V14913" i="1"/>
  <c r="V14914" i="1"/>
  <c r="V14915" i="1"/>
  <c r="V14916" i="1"/>
  <c r="V14917" i="1"/>
  <c r="V14918" i="1"/>
  <c r="V14919" i="1"/>
  <c r="V14920" i="1"/>
  <c r="V14921" i="1"/>
  <c r="V14922" i="1"/>
  <c r="V14923" i="1"/>
  <c r="V14924" i="1"/>
  <c r="V14925" i="1"/>
  <c r="V14926" i="1"/>
  <c r="V14927" i="1"/>
  <c r="V14928" i="1"/>
  <c r="V14929" i="1"/>
  <c r="V14930" i="1"/>
  <c r="V14931" i="1"/>
  <c r="V14932" i="1"/>
  <c r="V14933" i="1"/>
  <c r="V14934" i="1"/>
  <c r="V14935" i="1"/>
  <c r="V14936" i="1"/>
  <c r="V14937" i="1"/>
  <c r="V14938" i="1"/>
  <c r="V14939" i="1"/>
  <c r="V14940" i="1"/>
  <c r="V14941" i="1"/>
  <c r="V14942" i="1"/>
  <c r="V14943" i="1"/>
  <c r="V14944" i="1"/>
  <c r="V14945" i="1"/>
  <c r="V14946" i="1"/>
  <c r="V14947" i="1"/>
  <c r="V14948" i="1"/>
  <c r="V14949" i="1"/>
  <c r="V14950" i="1"/>
  <c r="V14951" i="1"/>
  <c r="V14952" i="1"/>
  <c r="V14953" i="1"/>
  <c r="V14954" i="1"/>
  <c r="V14955" i="1"/>
  <c r="V14956" i="1"/>
  <c r="V14957" i="1"/>
  <c r="V14958" i="1"/>
  <c r="V14959" i="1"/>
  <c r="V14960" i="1"/>
  <c r="V14961" i="1"/>
  <c r="V14962" i="1"/>
  <c r="V14963" i="1"/>
  <c r="V14964" i="1"/>
  <c r="V14965" i="1"/>
  <c r="V14966" i="1"/>
  <c r="V14967" i="1"/>
  <c r="V14968" i="1"/>
  <c r="V14969" i="1"/>
  <c r="V14970" i="1"/>
  <c r="V14971" i="1"/>
  <c r="V14972" i="1"/>
  <c r="V14973" i="1"/>
  <c r="V14974" i="1"/>
  <c r="V14975" i="1"/>
  <c r="V14976" i="1"/>
  <c r="V14977" i="1"/>
  <c r="V14978" i="1"/>
  <c r="V14979" i="1"/>
  <c r="V14980" i="1"/>
  <c r="V14981" i="1"/>
  <c r="V14982" i="1"/>
  <c r="V14983" i="1"/>
  <c r="V14984" i="1"/>
  <c r="V14985" i="1"/>
  <c r="V14986" i="1"/>
  <c r="V14987" i="1"/>
  <c r="V14988" i="1"/>
  <c r="V14989" i="1"/>
  <c r="V14990" i="1"/>
  <c r="V14991" i="1"/>
  <c r="V14992" i="1"/>
  <c r="V14993" i="1"/>
  <c r="V14994" i="1"/>
  <c r="V14995" i="1"/>
  <c r="V14996" i="1"/>
  <c r="V14997" i="1"/>
  <c r="V14998" i="1"/>
  <c r="V14999" i="1"/>
  <c r="V15000" i="1"/>
  <c r="V15001" i="1"/>
  <c r="V15002" i="1"/>
  <c r="V15003" i="1"/>
  <c r="V15004" i="1"/>
  <c r="V15005" i="1"/>
  <c r="V15006" i="1"/>
  <c r="V15007" i="1"/>
  <c r="V15008" i="1"/>
  <c r="V15009" i="1"/>
  <c r="V15010" i="1"/>
  <c r="V15011" i="1"/>
  <c r="V15012" i="1"/>
  <c r="V15013" i="1"/>
  <c r="V15014" i="1"/>
  <c r="V15015" i="1"/>
  <c r="V15016" i="1"/>
  <c r="V15017" i="1"/>
  <c r="V15018" i="1"/>
  <c r="V15019" i="1"/>
  <c r="V15020" i="1"/>
  <c r="V15021" i="1"/>
  <c r="V15022" i="1"/>
  <c r="V15023" i="1"/>
  <c r="V15024" i="1"/>
  <c r="V15025" i="1"/>
  <c r="V15026" i="1"/>
  <c r="V15027" i="1"/>
  <c r="V15028" i="1"/>
  <c r="V15029" i="1"/>
  <c r="V15030" i="1"/>
  <c r="V15031" i="1"/>
  <c r="V15032" i="1"/>
  <c r="V15033" i="1"/>
  <c r="V15034" i="1"/>
  <c r="V15035" i="1"/>
  <c r="V15036" i="1"/>
  <c r="V15037" i="1"/>
  <c r="V15038" i="1"/>
  <c r="V15039" i="1"/>
  <c r="V15040" i="1"/>
  <c r="V15041" i="1"/>
  <c r="V15042" i="1"/>
  <c r="V15043" i="1"/>
  <c r="V15044" i="1"/>
  <c r="V15045" i="1"/>
  <c r="V15046" i="1"/>
  <c r="V15047" i="1"/>
  <c r="V15048" i="1"/>
  <c r="V15049" i="1"/>
  <c r="V15050" i="1"/>
  <c r="V15051" i="1"/>
  <c r="V15052" i="1"/>
  <c r="V15053" i="1"/>
  <c r="V15054" i="1"/>
  <c r="V15055" i="1"/>
  <c r="V15056" i="1"/>
  <c r="V15057" i="1"/>
  <c r="V15058" i="1"/>
  <c r="V15059" i="1"/>
  <c r="V15060" i="1"/>
  <c r="V15061" i="1"/>
  <c r="V15062" i="1"/>
  <c r="V15063" i="1"/>
  <c r="V15064" i="1"/>
  <c r="V15065" i="1"/>
  <c r="V15066" i="1"/>
  <c r="V15067" i="1"/>
  <c r="V15068" i="1"/>
  <c r="V15069" i="1"/>
  <c r="V15070" i="1"/>
  <c r="V15071" i="1"/>
  <c r="V15072" i="1"/>
  <c r="V15073" i="1"/>
  <c r="V15074" i="1"/>
  <c r="V15075" i="1"/>
  <c r="V15076" i="1"/>
  <c r="V15077" i="1"/>
  <c r="V15078" i="1"/>
  <c r="V15079" i="1"/>
  <c r="V15080" i="1"/>
  <c r="V15081" i="1"/>
  <c r="V15082" i="1"/>
  <c r="V15083" i="1"/>
  <c r="V15084" i="1"/>
  <c r="V15085" i="1"/>
  <c r="V15086" i="1"/>
  <c r="V15087" i="1"/>
  <c r="V15088" i="1"/>
  <c r="V15089" i="1"/>
  <c r="V15090" i="1"/>
  <c r="V15091" i="1"/>
  <c r="V15092" i="1"/>
  <c r="V15093" i="1"/>
  <c r="V15094" i="1"/>
  <c r="V15095" i="1"/>
  <c r="V15096" i="1"/>
  <c r="V15097" i="1"/>
  <c r="V15098" i="1"/>
  <c r="V15099" i="1"/>
  <c r="V15100" i="1"/>
  <c r="V15101" i="1"/>
  <c r="V15102" i="1"/>
  <c r="V15103" i="1"/>
  <c r="V15104" i="1"/>
  <c r="V15105" i="1"/>
  <c r="V15106" i="1"/>
  <c r="V15107" i="1"/>
  <c r="V15108" i="1"/>
  <c r="V15109" i="1"/>
  <c r="V15110" i="1"/>
  <c r="V15111" i="1"/>
  <c r="V15112" i="1"/>
  <c r="V15113" i="1"/>
  <c r="V15114" i="1"/>
  <c r="V15115" i="1"/>
  <c r="V15116" i="1"/>
  <c r="V15117" i="1"/>
  <c r="V15118" i="1"/>
  <c r="V15119" i="1"/>
  <c r="V15120" i="1"/>
  <c r="V15121" i="1"/>
  <c r="V15122" i="1"/>
  <c r="V15123" i="1"/>
  <c r="V15124" i="1"/>
  <c r="V15125" i="1"/>
  <c r="V15126" i="1"/>
  <c r="V15127" i="1"/>
  <c r="V15128" i="1"/>
  <c r="V15129" i="1"/>
  <c r="V15130" i="1"/>
  <c r="V15131" i="1"/>
  <c r="V15132" i="1"/>
  <c r="V15133" i="1"/>
  <c r="V15134" i="1"/>
  <c r="V15135" i="1"/>
  <c r="V15136" i="1"/>
  <c r="V15137" i="1"/>
  <c r="V15138" i="1"/>
  <c r="V15139" i="1"/>
  <c r="V15140" i="1"/>
  <c r="V15141" i="1"/>
  <c r="V15142" i="1"/>
  <c r="V15143" i="1"/>
  <c r="V15144" i="1"/>
  <c r="V15145" i="1"/>
  <c r="V15146" i="1"/>
  <c r="V15147" i="1"/>
  <c r="V15148" i="1"/>
  <c r="V15149" i="1"/>
  <c r="V15150" i="1"/>
  <c r="V15151" i="1"/>
  <c r="V15152" i="1"/>
  <c r="V15153" i="1"/>
  <c r="V15154" i="1"/>
  <c r="V15155" i="1"/>
  <c r="V15156" i="1"/>
  <c r="V15157" i="1"/>
  <c r="V15158" i="1"/>
  <c r="V15159" i="1"/>
  <c r="V15160" i="1"/>
  <c r="V15161" i="1"/>
  <c r="V15162" i="1"/>
  <c r="V15163" i="1"/>
  <c r="V15164" i="1"/>
  <c r="V15165" i="1"/>
  <c r="V15166" i="1"/>
  <c r="V15167" i="1"/>
  <c r="V15168" i="1"/>
  <c r="V15169" i="1"/>
  <c r="V15170" i="1"/>
  <c r="V15171" i="1"/>
  <c r="V15172" i="1"/>
  <c r="V15173" i="1"/>
  <c r="V15174" i="1"/>
  <c r="V15175" i="1"/>
  <c r="V15176" i="1"/>
  <c r="V15177" i="1"/>
  <c r="V15178" i="1"/>
  <c r="V15179" i="1"/>
  <c r="V15180" i="1"/>
  <c r="V15181" i="1"/>
  <c r="V15182" i="1"/>
  <c r="V15183" i="1"/>
  <c r="V15184" i="1"/>
  <c r="V15185" i="1"/>
  <c r="V15186" i="1"/>
  <c r="V15187" i="1"/>
  <c r="V15188" i="1"/>
  <c r="V15189" i="1"/>
  <c r="V15190" i="1"/>
  <c r="V15191" i="1"/>
  <c r="V15192" i="1"/>
  <c r="V15193" i="1"/>
  <c r="V15194" i="1"/>
  <c r="V15195" i="1"/>
  <c r="V15196" i="1"/>
  <c r="V15197" i="1"/>
  <c r="V15198" i="1"/>
  <c r="V15199" i="1"/>
  <c r="V15200" i="1"/>
  <c r="V15201" i="1"/>
  <c r="V15202" i="1"/>
  <c r="V15203" i="1"/>
  <c r="V15204" i="1"/>
  <c r="V15205" i="1"/>
  <c r="V15206" i="1"/>
  <c r="V15207" i="1"/>
  <c r="V15208" i="1"/>
  <c r="V15209" i="1"/>
  <c r="V15210" i="1"/>
  <c r="V15211" i="1"/>
  <c r="V15212" i="1"/>
  <c r="V15213" i="1"/>
  <c r="V15214" i="1"/>
  <c r="V15215" i="1"/>
  <c r="V15216" i="1"/>
  <c r="V15217" i="1"/>
  <c r="V15218" i="1"/>
  <c r="V15219" i="1"/>
  <c r="V15220" i="1"/>
  <c r="V15221" i="1"/>
  <c r="V15222" i="1"/>
  <c r="V15223" i="1"/>
  <c r="V15224" i="1"/>
  <c r="V15225" i="1"/>
  <c r="V15226" i="1"/>
  <c r="V15227" i="1"/>
  <c r="V15228" i="1"/>
  <c r="V15229" i="1"/>
  <c r="V15230" i="1"/>
  <c r="V15231" i="1"/>
  <c r="V15232" i="1"/>
  <c r="V15233" i="1"/>
  <c r="V15234" i="1"/>
  <c r="V15235" i="1"/>
  <c r="V15236" i="1"/>
  <c r="V15237" i="1"/>
  <c r="V15238" i="1"/>
  <c r="V15239" i="1"/>
  <c r="V15240" i="1"/>
  <c r="V15241" i="1"/>
  <c r="V15242" i="1"/>
  <c r="V15243" i="1"/>
  <c r="V15244" i="1"/>
  <c r="V15245" i="1"/>
  <c r="V15246" i="1"/>
  <c r="V15247" i="1"/>
  <c r="V15248" i="1"/>
  <c r="V15249" i="1"/>
  <c r="V15250" i="1"/>
  <c r="V15251" i="1"/>
  <c r="V15252" i="1"/>
  <c r="V15253" i="1"/>
  <c r="V15254" i="1"/>
  <c r="V15255" i="1"/>
  <c r="V15256" i="1"/>
  <c r="V15257" i="1"/>
  <c r="V15258" i="1"/>
  <c r="V15259" i="1"/>
  <c r="V15260" i="1"/>
  <c r="V15261" i="1"/>
  <c r="V15262" i="1"/>
  <c r="V15263" i="1"/>
  <c r="V15264" i="1"/>
  <c r="V15265" i="1"/>
  <c r="V15266" i="1"/>
  <c r="V15267" i="1"/>
  <c r="V15268" i="1"/>
  <c r="V15269" i="1"/>
  <c r="V15270" i="1"/>
  <c r="V15271" i="1"/>
  <c r="V15272" i="1"/>
  <c r="V15273" i="1"/>
  <c r="V15274" i="1"/>
  <c r="V15275" i="1"/>
  <c r="V15276" i="1"/>
  <c r="V15277" i="1"/>
  <c r="V15278" i="1"/>
  <c r="V15279" i="1"/>
  <c r="V15280" i="1"/>
  <c r="V15281" i="1"/>
  <c r="V15282" i="1"/>
  <c r="V15283" i="1"/>
  <c r="V15284" i="1"/>
  <c r="V15285" i="1"/>
  <c r="V15286" i="1"/>
  <c r="V15287" i="1"/>
  <c r="V15288" i="1"/>
  <c r="V15289" i="1"/>
  <c r="V15290" i="1"/>
  <c r="V15291" i="1"/>
  <c r="V15292" i="1"/>
  <c r="V15293" i="1"/>
  <c r="V15294" i="1"/>
  <c r="V15295" i="1"/>
  <c r="V15296" i="1"/>
  <c r="V15297" i="1"/>
  <c r="V15298" i="1"/>
  <c r="V15299" i="1"/>
  <c r="V15300" i="1"/>
  <c r="V15301" i="1"/>
  <c r="V15302" i="1"/>
  <c r="V15303" i="1"/>
  <c r="V15304" i="1"/>
  <c r="V15305" i="1"/>
  <c r="V15306" i="1"/>
  <c r="V15307" i="1"/>
  <c r="V15308" i="1"/>
  <c r="V15309" i="1"/>
  <c r="V15310" i="1"/>
  <c r="V15311" i="1"/>
  <c r="V15312" i="1"/>
  <c r="V15313" i="1"/>
  <c r="V15314" i="1"/>
  <c r="V15315" i="1"/>
  <c r="V15316" i="1"/>
  <c r="V15317" i="1"/>
  <c r="V15318" i="1"/>
  <c r="V15319" i="1"/>
  <c r="V15320" i="1"/>
  <c r="V15321" i="1"/>
  <c r="V15322" i="1"/>
  <c r="V15323" i="1"/>
  <c r="V15324" i="1"/>
  <c r="V15325" i="1"/>
  <c r="V15326" i="1"/>
  <c r="V15327" i="1"/>
  <c r="V15328" i="1"/>
  <c r="V15329" i="1"/>
  <c r="V15330" i="1"/>
  <c r="V15331" i="1"/>
  <c r="V15332" i="1"/>
  <c r="V15333" i="1"/>
  <c r="V15334" i="1"/>
  <c r="V15335" i="1"/>
  <c r="V15336" i="1"/>
  <c r="V15337" i="1"/>
  <c r="V15338" i="1"/>
  <c r="V15339" i="1"/>
  <c r="V15340" i="1"/>
  <c r="V15341" i="1"/>
  <c r="V15342" i="1"/>
  <c r="V15343" i="1"/>
  <c r="V15344" i="1"/>
  <c r="V15345" i="1"/>
  <c r="V15346" i="1"/>
  <c r="V15347" i="1"/>
  <c r="V15348" i="1"/>
  <c r="V15349" i="1"/>
  <c r="V15350" i="1"/>
  <c r="V15351" i="1"/>
  <c r="V15352" i="1"/>
  <c r="V15353" i="1"/>
  <c r="V15354" i="1"/>
  <c r="V15355" i="1"/>
  <c r="V15356" i="1"/>
  <c r="V15357" i="1"/>
  <c r="V15358" i="1"/>
  <c r="V15359" i="1"/>
  <c r="V15360" i="1"/>
  <c r="V15361" i="1"/>
  <c r="V15362" i="1"/>
  <c r="V15363" i="1"/>
  <c r="V15364" i="1"/>
  <c r="V15365" i="1"/>
  <c r="V15366" i="1"/>
  <c r="V15367" i="1"/>
  <c r="V15368" i="1"/>
  <c r="V15369" i="1"/>
  <c r="V15370" i="1"/>
  <c r="V15371" i="1"/>
  <c r="V15372" i="1"/>
  <c r="V15373" i="1"/>
  <c r="V15374" i="1"/>
  <c r="V15375" i="1"/>
  <c r="V15376" i="1"/>
  <c r="V15377" i="1"/>
  <c r="V15378" i="1"/>
  <c r="V15379" i="1"/>
  <c r="V15380" i="1"/>
  <c r="V15381" i="1"/>
  <c r="V15382" i="1"/>
  <c r="V15383" i="1"/>
  <c r="V15384" i="1"/>
  <c r="V15385" i="1"/>
  <c r="V15386" i="1"/>
  <c r="V15387" i="1"/>
  <c r="V15388" i="1"/>
  <c r="V15389" i="1"/>
  <c r="V15390" i="1"/>
  <c r="V15391" i="1"/>
  <c r="V15392" i="1"/>
  <c r="V15393" i="1"/>
  <c r="V15394" i="1"/>
  <c r="V15395" i="1"/>
  <c r="V15396" i="1"/>
  <c r="V15397" i="1"/>
  <c r="V15398" i="1"/>
  <c r="V15399" i="1"/>
  <c r="V15400" i="1"/>
  <c r="V15401" i="1"/>
  <c r="V15402" i="1"/>
  <c r="V15403" i="1"/>
  <c r="V15404" i="1"/>
  <c r="V15405" i="1"/>
  <c r="V15406" i="1"/>
  <c r="V15407" i="1"/>
  <c r="V15408" i="1"/>
  <c r="V15409" i="1"/>
  <c r="V15410" i="1"/>
  <c r="V15411" i="1"/>
  <c r="V15412" i="1"/>
  <c r="V15413" i="1"/>
  <c r="V15414" i="1"/>
  <c r="V15415" i="1"/>
  <c r="V15416" i="1"/>
  <c r="V15417" i="1"/>
  <c r="V15418" i="1"/>
  <c r="V15419" i="1"/>
  <c r="V15420" i="1"/>
  <c r="V15421" i="1"/>
  <c r="V15422" i="1"/>
  <c r="V15423" i="1"/>
  <c r="V15424" i="1"/>
  <c r="V15425" i="1"/>
  <c r="V15426" i="1"/>
  <c r="V15427" i="1"/>
  <c r="V15428" i="1"/>
  <c r="V15429" i="1"/>
  <c r="V15430" i="1"/>
  <c r="V15431" i="1"/>
  <c r="V15432" i="1"/>
  <c r="V15433" i="1"/>
  <c r="V15434" i="1"/>
  <c r="V15435" i="1"/>
  <c r="V15436" i="1"/>
  <c r="V15437" i="1"/>
  <c r="V15438" i="1"/>
  <c r="V15439" i="1"/>
  <c r="V15440" i="1"/>
  <c r="V15441" i="1"/>
  <c r="V15442" i="1"/>
  <c r="V15443" i="1"/>
  <c r="V15444" i="1"/>
  <c r="V15445" i="1"/>
  <c r="V15446" i="1"/>
  <c r="V15447" i="1"/>
  <c r="V15448" i="1"/>
  <c r="V15449" i="1"/>
  <c r="V15450" i="1"/>
  <c r="V15451" i="1"/>
  <c r="V15452" i="1"/>
  <c r="V15453" i="1"/>
  <c r="V15454" i="1"/>
  <c r="V15455" i="1"/>
  <c r="V15456" i="1"/>
  <c r="V15457" i="1"/>
  <c r="V15458" i="1"/>
  <c r="V15459" i="1"/>
  <c r="V15460" i="1"/>
  <c r="V15461" i="1"/>
  <c r="V15462" i="1"/>
  <c r="V15463" i="1"/>
  <c r="V15464" i="1"/>
  <c r="V15465" i="1"/>
  <c r="V15466" i="1"/>
  <c r="V15467" i="1"/>
  <c r="V15468" i="1"/>
  <c r="V15469" i="1"/>
  <c r="V15470" i="1"/>
  <c r="V15471" i="1"/>
  <c r="V15472" i="1"/>
  <c r="V15473" i="1"/>
  <c r="V15474" i="1"/>
  <c r="V15475" i="1"/>
  <c r="V15476" i="1"/>
  <c r="V15477" i="1"/>
  <c r="V15478" i="1"/>
  <c r="V15479" i="1"/>
  <c r="V15480" i="1"/>
  <c r="V15481" i="1"/>
  <c r="V15482" i="1"/>
  <c r="V15483" i="1"/>
  <c r="V15484" i="1"/>
  <c r="V15485" i="1"/>
  <c r="V15486" i="1"/>
  <c r="V15487" i="1"/>
  <c r="V15488" i="1"/>
  <c r="V15489" i="1"/>
  <c r="V15490" i="1"/>
  <c r="V15491" i="1"/>
  <c r="V15492" i="1"/>
  <c r="V15493" i="1"/>
  <c r="V15494" i="1"/>
  <c r="V15495" i="1"/>
  <c r="V15496" i="1"/>
  <c r="V15497" i="1"/>
  <c r="V15498" i="1"/>
  <c r="V15499" i="1"/>
  <c r="V15500" i="1"/>
  <c r="V15501" i="1"/>
  <c r="V15502" i="1"/>
  <c r="V15503" i="1"/>
  <c r="V15504" i="1"/>
  <c r="V15505" i="1"/>
  <c r="V15506" i="1"/>
  <c r="V15507" i="1"/>
  <c r="V15508" i="1"/>
  <c r="V15509" i="1"/>
  <c r="V15510" i="1"/>
  <c r="V15511" i="1"/>
  <c r="V15512" i="1"/>
  <c r="V15513" i="1"/>
  <c r="V15514" i="1"/>
  <c r="V15515" i="1"/>
  <c r="V15516" i="1"/>
  <c r="V15517" i="1"/>
  <c r="V15518" i="1"/>
  <c r="V15519" i="1"/>
  <c r="V15520" i="1"/>
  <c r="V15521" i="1"/>
  <c r="V15522" i="1"/>
  <c r="V15523" i="1"/>
  <c r="V15524" i="1"/>
  <c r="V15525" i="1"/>
  <c r="V15526" i="1"/>
  <c r="V15527" i="1"/>
  <c r="V15528" i="1"/>
  <c r="V15529" i="1"/>
  <c r="V15530" i="1"/>
  <c r="V15531" i="1"/>
  <c r="V15532" i="1"/>
  <c r="V15533" i="1"/>
  <c r="V15534" i="1"/>
  <c r="V15535" i="1"/>
  <c r="V15536" i="1"/>
  <c r="V15537" i="1"/>
  <c r="V15538" i="1"/>
  <c r="V15539" i="1"/>
  <c r="V15540" i="1"/>
  <c r="V15541" i="1"/>
  <c r="V15542" i="1"/>
  <c r="V15543" i="1"/>
  <c r="V15544" i="1"/>
  <c r="V15545" i="1"/>
  <c r="V15546" i="1"/>
  <c r="V15547" i="1"/>
  <c r="V15548" i="1"/>
  <c r="V15549" i="1"/>
  <c r="V15550" i="1"/>
  <c r="V15551" i="1"/>
  <c r="V15552" i="1"/>
  <c r="V15553" i="1"/>
  <c r="V15554" i="1"/>
  <c r="V15555" i="1"/>
  <c r="V15556" i="1"/>
  <c r="V15557" i="1"/>
  <c r="V15558" i="1"/>
  <c r="V15559" i="1"/>
  <c r="V15560" i="1"/>
  <c r="V15561" i="1"/>
  <c r="V15562" i="1"/>
  <c r="V15563" i="1"/>
  <c r="V15564" i="1"/>
  <c r="V15565" i="1"/>
  <c r="V15566" i="1"/>
  <c r="V15567" i="1"/>
  <c r="V15568" i="1"/>
  <c r="V15569" i="1"/>
  <c r="V15570" i="1"/>
  <c r="V15571" i="1"/>
  <c r="V15572" i="1"/>
  <c r="V15573" i="1"/>
  <c r="V15574" i="1"/>
  <c r="V15575" i="1"/>
  <c r="V15576" i="1"/>
  <c r="V15577" i="1"/>
  <c r="V15578" i="1"/>
  <c r="V15579" i="1"/>
  <c r="V15580" i="1"/>
  <c r="V15581" i="1"/>
  <c r="V15582" i="1"/>
  <c r="V15583" i="1"/>
  <c r="V15584" i="1"/>
  <c r="V15585" i="1"/>
  <c r="V15586" i="1"/>
  <c r="V15587" i="1"/>
  <c r="V15588" i="1"/>
  <c r="V15589" i="1"/>
  <c r="V15590" i="1"/>
  <c r="V15591" i="1"/>
  <c r="V15592" i="1"/>
  <c r="V15593" i="1"/>
  <c r="V15594" i="1"/>
  <c r="V15595" i="1"/>
  <c r="V15596" i="1"/>
  <c r="V15597" i="1"/>
  <c r="V15598" i="1"/>
  <c r="V15599" i="1"/>
  <c r="V15600" i="1"/>
  <c r="V15601" i="1"/>
  <c r="V15602" i="1"/>
  <c r="V15603" i="1"/>
  <c r="V15604" i="1"/>
  <c r="V15605" i="1"/>
  <c r="V15606" i="1"/>
  <c r="V15607" i="1"/>
  <c r="V15608" i="1"/>
  <c r="V15609" i="1"/>
  <c r="V15610" i="1"/>
  <c r="V15611" i="1"/>
  <c r="V15612" i="1"/>
  <c r="V15613" i="1"/>
  <c r="V15614" i="1"/>
  <c r="V15615" i="1"/>
  <c r="V15616" i="1"/>
  <c r="V15617" i="1"/>
  <c r="V15618" i="1"/>
  <c r="V15619" i="1"/>
  <c r="V15620" i="1"/>
  <c r="V15621" i="1"/>
  <c r="V15622" i="1"/>
  <c r="V15623" i="1"/>
  <c r="V15624" i="1"/>
  <c r="V15625" i="1"/>
  <c r="V15626" i="1"/>
  <c r="V15627" i="1"/>
  <c r="V15628" i="1"/>
  <c r="V15629" i="1"/>
  <c r="V15630" i="1"/>
  <c r="V15631" i="1"/>
  <c r="V15632" i="1"/>
  <c r="V15633" i="1"/>
  <c r="V15634" i="1"/>
  <c r="V15635" i="1"/>
  <c r="V15636" i="1"/>
  <c r="V15637" i="1"/>
  <c r="V15638" i="1"/>
  <c r="V15639" i="1"/>
  <c r="V15640" i="1"/>
  <c r="V15641" i="1"/>
  <c r="V15642" i="1"/>
  <c r="V15643" i="1"/>
  <c r="V15644" i="1"/>
  <c r="V15645" i="1"/>
  <c r="V15646" i="1"/>
  <c r="V15647" i="1"/>
  <c r="V15648" i="1"/>
  <c r="V15649" i="1"/>
  <c r="V15650" i="1"/>
  <c r="V15651" i="1"/>
  <c r="V15652" i="1"/>
  <c r="V15653" i="1"/>
  <c r="V15654" i="1"/>
  <c r="V15655" i="1"/>
  <c r="V15656" i="1"/>
  <c r="V15657" i="1"/>
  <c r="V15658" i="1"/>
  <c r="V15659" i="1"/>
  <c r="V15660" i="1"/>
  <c r="V15661" i="1"/>
  <c r="V15662" i="1"/>
  <c r="V15663" i="1"/>
  <c r="V15664" i="1"/>
  <c r="V15665" i="1"/>
  <c r="V15666" i="1"/>
  <c r="V15667" i="1"/>
  <c r="V15668" i="1"/>
  <c r="V15669" i="1"/>
  <c r="V15670" i="1"/>
  <c r="V15671" i="1"/>
  <c r="V15672" i="1"/>
  <c r="V15673" i="1"/>
  <c r="V15674" i="1"/>
  <c r="V15675" i="1"/>
  <c r="V15676" i="1"/>
  <c r="V15677" i="1"/>
  <c r="V15678" i="1"/>
  <c r="V15679" i="1"/>
  <c r="V15680" i="1"/>
  <c r="V15681" i="1"/>
  <c r="V15682" i="1"/>
  <c r="V15683" i="1"/>
  <c r="V15684" i="1"/>
  <c r="V15685" i="1"/>
  <c r="V15686" i="1"/>
  <c r="V15687" i="1"/>
  <c r="V15688" i="1"/>
  <c r="V15689" i="1"/>
  <c r="V15690" i="1"/>
  <c r="V15691" i="1"/>
  <c r="V15692" i="1"/>
  <c r="V15693" i="1"/>
  <c r="V15694" i="1"/>
  <c r="V15695" i="1"/>
  <c r="V15696" i="1"/>
  <c r="V15697" i="1"/>
  <c r="V15698" i="1"/>
  <c r="V15699" i="1"/>
  <c r="V15700" i="1"/>
  <c r="V15701" i="1"/>
  <c r="V15702" i="1"/>
  <c r="V15703" i="1"/>
  <c r="V15704" i="1"/>
  <c r="V15705" i="1"/>
  <c r="V15706" i="1"/>
  <c r="V15707" i="1"/>
  <c r="V15708" i="1"/>
  <c r="V15709" i="1"/>
  <c r="V15710" i="1"/>
  <c r="V15711" i="1"/>
  <c r="V15712" i="1"/>
  <c r="V15713" i="1"/>
  <c r="V15714" i="1"/>
  <c r="V15715" i="1"/>
  <c r="V15716" i="1"/>
  <c r="V15717" i="1"/>
  <c r="V15718" i="1"/>
  <c r="V15719" i="1"/>
  <c r="V15720" i="1"/>
  <c r="V15721" i="1"/>
  <c r="V15722" i="1"/>
  <c r="V15723" i="1"/>
  <c r="V15724" i="1"/>
  <c r="V15725" i="1"/>
  <c r="V15726" i="1"/>
  <c r="V15727" i="1"/>
  <c r="V15728" i="1"/>
  <c r="V15729" i="1"/>
  <c r="V15730" i="1"/>
  <c r="V15731" i="1"/>
  <c r="V15732" i="1"/>
  <c r="V15733" i="1"/>
  <c r="V15734" i="1"/>
  <c r="V15735" i="1"/>
  <c r="V15736" i="1"/>
  <c r="V15737" i="1"/>
  <c r="V15738" i="1"/>
  <c r="V15739" i="1"/>
  <c r="V15740" i="1"/>
  <c r="V15741" i="1"/>
  <c r="V15742" i="1"/>
  <c r="V15743" i="1"/>
  <c r="V15744" i="1"/>
  <c r="V15745" i="1"/>
  <c r="V15746" i="1"/>
  <c r="V15747" i="1"/>
  <c r="V15748" i="1"/>
  <c r="V15749" i="1"/>
  <c r="V15750" i="1"/>
  <c r="V15751" i="1"/>
  <c r="V15752" i="1"/>
  <c r="V15753" i="1"/>
  <c r="V15754" i="1"/>
  <c r="V15755" i="1"/>
  <c r="V15756" i="1"/>
  <c r="V15757" i="1"/>
  <c r="V15758" i="1"/>
  <c r="V15759" i="1"/>
  <c r="V15760" i="1"/>
  <c r="V15761" i="1"/>
  <c r="V15762" i="1"/>
  <c r="V15763" i="1"/>
  <c r="V15764" i="1"/>
  <c r="V15765" i="1"/>
  <c r="V15766" i="1"/>
  <c r="V15767" i="1"/>
  <c r="V15768" i="1"/>
  <c r="V15769" i="1"/>
  <c r="V15770" i="1"/>
  <c r="V15771" i="1"/>
  <c r="V15772" i="1"/>
  <c r="V15773" i="1"/>
  <c r="V15774" i="1"/>
  <c r="V15775" i="1"/>
  <c r="V15776" i="1"/>
  <c r="V15777" i="1"/>
  <c r="V15778" i="1"/>
  <c r="V15779" i="1"/>
  <c r="V15780" i="1"/>
  <c r="V15781" i="1"/>
  <c r="V15782" i="1"/>
  <c r="V15783" i="1"/>
  <c r="V15784" i="1"/>
  <c r="V15785" i="1"/>
  <c r="V15786" i="1"/>
  <c r="V15787" i="1"/>
  <c r="V15788" i="1"/>
  <c r="V15789" i="1"/>
  <c r="V15790" i="1"/>
  <c r="V15791" i="1"/>
  <c r="V15792" i="1"/>
  <c r="V15793" i="1"/>
  <c r="V15794" i="1"/>
  <c r="V15795" i="1"/>
  <c r="V15796" i="1"/>
  <c r="V15797" i="1"/>
  <c r="V15798" i="1"/>
  <c r="V15799" i="1"/>
  <c r="V15800" i="1"/>
  <c r="V15801" i="1"/>
  <c r="V15802" i="1"/>
  <c r="V15803" i="1"/>
  <c r="V15804" i="1"/>
  <c r="V15805" i="1"/>
  <c r="V15806" i="1"/>
  <c r="V15807" i="1"/>
  <c r="V15808" i="1"/>
  <c r="V15809" i="1"/>
  <c r="V15810" i="1"/>
  <c r="V15811" i="1"/>
  <c r="V15812" i="1"/>
  <c r="V15813" i="1"/>
  <c r="V15814" i="1"/>
  <c r="V15815" i="1"/>
  <c r="V15816" i="1"/>
  <c r="V15817" i="1"/>
  <c r="V15818" i="1"/>
  <c r="V15819" i="1"/>
  <c r="V15820" i="1"/>
  <c r="V15821" i="1"/>
  <c r="V15822" i="1"/>
  <c r="V15823" i="1"/>
  <c r="V15824" i="1"/>
  <c r="V15825" i="1"/>
  <c r="V15826" i="1"/>
  <c r="V15827" i="1"/>
  <c r="V15828" i="1"/>
  <c r="V15829" i="1"/>
  <c r="V15830" i="1"/>
  <c r="V15831" i="1"/>
  <c r="V15832" i="1"/>
  <c r="V15833" i="1"/>
  <c r="V15834" i="1"/>
  <c r="V15835" i="1"/>
  <c r="V15836" i="1"/>
  <c r="V15837" i="1"/>
  <c r="V15838" i="1"/>
  <c r="V15839" i="1"/>
  <c r="V15840" i="1"/>
  <c r="V15841" i="1"/>
  <c r="V15842" i="1"/>
  <c r="V15843" i="1"/>
  <c r="V15844" i="1"/>
  <c r="V15845" i="1"/>
  <c r="V15846" i="1"/>
  <c r="V15847" i="1"/>
  <c r="V15848" i="1"/>
  <c r="V15849" i="1"/>
  <c r="V15850" i="1"/>
  <c r="V15851" i="1"/>
  <c r="V15852" i="1"/>
  <c r="V15853" i="1"/>
  <c r="V15854" i="1"/>
  <c r="V15855" i="1"/>
  <c r="V15856" i="1"/>
  <c r="V15857" i="1"/>
  <c r="V15858" i="1"/>
  <c r="V15859" i="1"/>
  <c r="V15860" i="1"/>
  <c r="V15861" i="1"/>
  <c r="V15862" i="1"/>
  <c r="V15863" i="1"/>
  <c r="V15864" i="1"/>
  <c r="V15865" i="1"/>
  <c r="V15866" i="1"/>
  <c r="V15867" i="1"/>
  <c r="V15868" i="1"/>
  <c r="V15869" i="1"/>
  <c r="V15870" i="1"/>
  <c r="V15871" i="1"/>
  <c r="V15872" i="1"/>
  <c r="V15873" i="1"/>
  <c r="V15874" i="1"/>
  <c r="V15875" i="1"/>
  <c r="V15876" i="1"/>
  <c r="V15877" i="1"/>
  <c r="V15878" i="1"/>
  <c r="V15879" i="1"/>
  <c r="V15880" i="1"/>
  <c r="V15881" i="1"/>
  <c r="V15882" i="1"/>
  <c r="V15883" i="1"/>
  <c r="V15884" i="1"/>
  <c r="V15885" i="1"/>
  <c r="V15886" i="1"/>
  <c r="V15887" i="1"/>
  <c r="V15888" i="1"/>
  <c r="V15889" i="1"/>
  <c r="V15890" i="1"/>
  <c r="V15891" i="1"/>
  <c r="V15892" i="1"/>
  <c r="V15893" i="1"/>
  <c r="V15894" i="1"/>
  <c r="V15895" i="1"/>
  <c r="V15896" i="1"/>
  <c r="V15897" i="1"/>
  <c r="V15898" i="1"/>
  <c r="V15899" i="1"/>
  <c r="V15900" i="1"/>
  <c r="V15901" i="1"/>
  <c r="V15902" i="1"/>
  <c r="V15903" i="1"/>
  <c r="V15904" i="1"/>
  <c r="V15905" i="1"/>
  <c r="V15906" i="1"/>
  <c r="V15907" i="1"/>
  <c r="V15908" i="1"/>
  <c r="V15909" i="1"/>
  <c r="V15910" i="1"/>
  <c r="V15911" i="1"/>
  <c r="V15912" i="1"/>
  <c r="V15913" i="1"/>
  <c r="V15914" i="1"/>
  <c r="V15915" i="1"/>
  <c r="V15916" i="1"/>
  <c r="V15917" i="1"/>
  <c r="V15918" i="1"/>
  <c r="V15919" i="1"/>
  <c r="V15920" i="1"/>
  <c r="V15921" i="1"/>
  <c r="V15922" i="1"/>
  <c r="V15923" i="1"/>
  <c r="V15924" i="1"/>
  <c r="V15925" i="1"/>
  <c r="V15926" i="1"/>
  <c r="V15927" i="1"/>
  <c r="V15928" i="1"/>
  <c r="V15929" i="1"/>
  <c r="V15930" i="1"/>
  <c r="V15931" i="1"/>
  <c r="V15932" i="1"/>
  <c r="V15933" i="1"/>
  <c r="V15934" i="1"/>
  <c r="V15935" i="1"/>
  <c r="V15936" i="1"/>
  <c r="V15937" i="1"/>
  <c r="V15938" i="1"/>
  <c r="V15939" i="1"/>
  <c r="V15940" i="1"/>
  <c r="V15941" i="1"/>
  <c r="V15942" i="1"/>
  <c r="V15943" i="1"/>
  <c r="V15944" i="1"/>
  <c r="V15945" i="1"/>
  <c r="V15946" i="1"/>
  <c r="V15947" i="1"/>
  <c r="V15948" i="1"/>
  <c r="V15949" i="1"/>
  <c r="V15950" i="1"/>
  <c r="V15951" i="1"/>
  <c r="V15952" i="1"/>
  <c r="V15953" i="1"/>
  <c r="V15954" i="1"/>
  <c r="V15955" i="1"/>
  <c r="V15956" i="1"/>
  <c r="V15957" i="1"/>
  <c r="V15958" i="1"/>
  <c r="V15959" i="1"/>
  <c r="V15960" i="1"/>
  <c r="V15961" i="1"/>
  <c r="V15962" i="1"/>
  <c r="V15963" i="1"/>
  <c r="V15964" i="1"/>
  <c r="V15965" i="1"/>
  <c r="V15966" i="1"/>
  <c r="V15967" i="1"/>
  <c r="V15968" i="1"/>
  <c r="V15969" i="1"/>
  <c r="V15970" i="1"/>
  <c r="V15971" i="1"/>
  <c r="V15972" i="1"/>
  <c r="V15973" i="1"/>
  <c r="V15974" i="1"/>
  <c r="V15975" i="1"/>
  <c r="V15976" i="1"/>
  <c r="V15977" i="1"/>
  <c r="V15978" i="1"/>
  <c r="V15979" i="1"/>
  <c r="V15980" i="1"/>
  <c r="V15981" i="1"/>
  <c r="V15982" i="1"/>
  <c r="V15983" i="1"/>
  <c r="V15984" i="1"/>
  <c r="V15985" i="1"/>
  <c r="V15986" i="1"/>
  <c r="V15987" i="1"/>
  <c r="V15988" i="1"/>
  <c r="V15989" i="1"/>
  <c r="V15990" i="1"/>
  <c r="V15991" i="1"/>
  <c r="V15992" i="1"/>
  <c r="V15993" i="1"/>
  <c r="V15994" i="1"/>
  <c r="V15995" i="1"/>
  <c r="V15996" i="1"/>
  <c r="V15997" i="1"/>
  <c r="V15998" i="1"/>
  <c r="V15999" i="1"/>
  <c r="V16000" i="1"/>
  <c r="V16001" i="1"/>
  <c r="V16002" i="1"/>
  <c r="V16003" i="1"/>
  <c r="V16004" i="1"/>
  <c r="V16005" i="1"/>
  <c r="V16006" i="1"/>
  <c r="V16007" i="1"/>
  <c r="V16008" i="1"/>
  <c r="V16009" i="1"/>
  <c r="V16010" i="1"/>
  <c r="V16011" i="1"/>
  <c r="V16012" i="1"/>
  <c r="V16013" i="1"/>
  <c r="V16014" i="1"/>
  <c r="V16015" i="1"/>
  <c r="V16016" i="1"/>
  <c r="V16017" i="1"/>
  <c r="V16018" i="1"/>
  <c r="V16019" i="1"/>
  <c r="V16020" i="1"/>
  <c r="V16021" i="1"/>
  <c r="V16022" i="1"/>
  <c r="V16023" i="1"/>
  <c r="V16024" i="1"/>
  <c r="V16025" i="1"/>
  <c r="V16026" i="1"/>
  <c r="V16027" i="1"/>
  <c r="V16028" i="1"/>
  <c r="V16029" i="1"/>
  <c r="V16030" i="1"/>
  <c r="V16031" i="1"/>
  <c r="V16032" i="1"/>
  <c r="V16033" i="1"/>
  <c r="V16034" i="1"/>
  <c r="V16035" i="1"/>
  <c r="V16036" i="1"/>
  <c r="V16037" i="1"/>
  <c r="V16038" i="1"/>
  <c r="V16039" i="1"/>
  <c r="V16040" i="1"/>
  <c r="V16041" i="1"/>
  <c r="V16042" i="1"/>
  <c r="V16043" i="1"/>
  <c r="V16044" i="1"/>
  <c r="V16045" i="1"/>
  <c r="V16046" i="1"/>
  <c r="V16047" i="1"/>
  <c r="V16048" i="1"/>
  <c r="V16049" i="1"/>
  <c r="V16050" i="1"/>
  <c r="V16051" i="1"/>
  <c r="V16052" i="1"/>
  <c r="V16053" i="1"/>
  <c r="V16054" i="1"/>
  <c r="V16055" i="1"/>
  <c r="V16056" i="1"/>
  <c r="V16057" i="1"/>
  <c r="V16058" i="1"/>
  <c r="V16059" i="1"/>
  <c r="V16060" i="1"/>
  <c r="V16061" i="1"/>
  <c r="V16062" i="1"/>
  <c r="V16063" i="1"/>
  <c r="V16064" i="1"/>
  <c r="V16065" i="1"/>
  <c r="V16066" i="1"/>
  <c r="V16067" i="1"/>
  <c r="V16068" i="1"/>
  <c r="V16069" i="1"/>
  <c r="V16070" i="1"/>
  <c r="V16071" i="1"/>
  <c r="V16072" i="1"/>
  <c r="V16073" i="1"/>
  <c r="V16074" i="1"/>
  <c r="V16075" i="1"/>
  <c r="V16076" i="1"/>
  <c r="V16077" i="1"/>
  <c r="V16078" i="1"/>
  <c r="V16079" i="1"/>
  <c r="V16080" i="1"/>
  <c r="V16081" i="1"/>
  <c r="V16082" i="1"/>
  <c r="V16083" i="1"/>
  <c r="V16084" i="1"/>
  <c r="V16085" i="1"/>
  <c r="V16086" i="1"/>
  <c r="V16087" i="1"/>
  <c r="V16088" i="1"/>
  <c r="V16089" i="1"/>
  <c r="V16090" i="1"/>
  <c r="V16091" i="1"/>
  <c r="V16092" i="1"/>
  <c r="V16093" i="1"/>
  <c r="V16094" i="1"/>
  <c r="V16095" i="1"/>
  <c r="V16096" i="1"/>
  <c r="V16097" i="1"/>
  <c r="V16098" i="1"/>
  <c r="V16099" i="1"/>
  <c r="V16100" i="1"/>
  <c r="V16101" i="1"/>
  <c r="V16102" i="1"/>
  <c r="V16103" i="1"/>
  <c r="V16104" i="1"/>
  <c r="V16105" i="1"/>
  <c r="V16106" i="1"/>
  <c r="V16107" i="1"/>
  <c r="V16108" i="1"/>
  <c r="V16109" i="1"/>
  <c r="V16110" i="1"/>
  <c r="V16111" i="1"/>
  <c r="V16112" i="1"/>
  <c r="V16113" i="1"/>
  <c r="V16114" i="1"/>
  <c r="V16115" i="1"/>
  <c r="V16116" i="1"/>
  <c r="V16117" i="1"/>
  <c r="V16118" i="1"/>
  <c r="V16119" i="1"/>
  <c r="V16120" i="1"/>
  <c r="V16121" i="1"/>
  <c r="V16122" i="1"/>
  <c r="V16123" i="1"/>
  <c r="V16124" i="1"/>
  <c r="V16125" i="1"/>
  <c r="V16126" i="1"/>
  <c r="V16127" i="1"/>
  <c r="V16128" i="1"/>
  <c r="V16129" i="1"/>
  <c r="V16130" i="1"/>
  <c r="V16131" i="1"/>
  <c r="V16132" i="1"/>
  <c r="V16133" i="1"/>
  <c r="V16134" i="1"/>
  <c r="V16135" i="1"/>
  <c r="V16136" i="1"/>
  <c r="V16137" i="1"/>
  <c r="V16138" i="1"/>
  <c r="V16139" i="1"/>
  <c r="V16140" i="1"/>
  <c r="V16141" i="1"/>
  <c r="V16142" i="1"/>
  <c r="V16143" i="1"/>
  <c r="V16144" i="1"/>
  <c r="V16145" i="1"/>
  <c r="V16146" i="1"/>
  <c r="V16147" i="1"/>
  <c r="V16148" i="1"/>
  <c r="V16149" i="1"/>
  <c r="V16150" i="1"/>
  <c r="V16151" i="1"/>
  <c r="V16152" i="1"/>
  <c r="V16153" i="1"/>
  <c r="V16154" i="1"/>
  <c r="V16155" i="1"/>
  <c r="V16156" i="1"/>
  <c r="V16157" i="1"/>
  <c r="V16158" i="1"/>
  <c r="V16159" i="1"/>
  <c r="V16160" i="1"/>
  <c r="V16161" i="1"/>
  <c r="V16162" i="1"/>
  <c r="V16163" i="1"/>
  <c r="V16164" i="1"/>
  <c r="V16165" i="1"/>
  <c r="V16166" i="1"/>
  <c r="V16167" i="1"/>
  <c r="V16168" i="1"/>
  <c r="V16169" i="1"/>
  <c r="V16170" i="1"/>
  <c r="V16171" i="1"/>
  <c r="V16172" i="1"/>
  <c r="V16173" i="1"/>
  <c r="V16174" i="1"/>
  <c r="V16175" i="1"/>
  <c r="V16176" i="1"/>
  <c r="V16177" i="1"/>
  <c r="V16178" i="1"/>
  <c r="V16179" i="1"/>
  <c r="V16180" i="1"/>
  <c r="V16181" i="1"/>
  <c r="V16182" i="1"/>
  <c r="V16183" i="1"/>
  <c r="V16184" i="1"/>
  <c r="V16185" i="1"/>
  <c r="V16186" i="1"/>
  <c r="V16187" i="1"/>
  <c r="V16188" i="1"/>
  <c r="V16189" i="1"/>
  <c r="V16190" i="1"/>
  <c r="V16191" i="1"/>
  <c r="V16192" i="1"/>
  <c r="V16193" i="1"/>
  <c r="V16194" i="1"/>
  <c r="V16195" i="1"/>
  <c r="V16196" i="1"/>
  <c r="V16197" i="1"/>
  <c r="V16198" i="1"/>
  <c r="V16199" i="1"/>
  <c r="V16200" i="1"/>
  <c r="V16201" i="1"/>
  <c r="V16202" i="1"/>
  <c r="V16203" i="1"/>
  <c r="V16204" i="1"/>
  <c r="V16205" i="1"/>
  <c r="V16206" i="1"/>
  <c r="V16207" i="1"/>
  <c r="V16208" i="1"/>
  <c r="V16209" i="1"/>
  <c r="V16210" i="1"/>
  <c r="V16211" i="1"/>
  <c r="V16212" i="1"/>
  <c r="V16213" i="1"/>
  <c r="V16214" i="1"/>
  <c r="V16215" i="1"/>
  <c r="V16216" i="1"/>
  <c r="V16217" i="1"/>
  <c r="V16218" i="1"/>
  <c r="V16219" i="1"/>
  <c r="V16220" i="1"/>
  <c r="V16221" i="1"/>
  <c r="V16222" i="1"/>
  <c r="V16223" i="1"/>
  <c r="V16224" i="1"/>
  <c r="V16225" i="1"/>
  <c r="V16226" i="1"/>
  <c r="V16227" i="1"/>
  <c r="V16228" i="1"/>
  <c r="V16229" i="1"/>
  <c r="V16230" i="1"/>
  <c r="V16231" i="1"/>
  <c r="V16232" i="1"/>
  <c r="V16233" i="1"/>
  <c r="V16234" i="1"/>
  <c r="V16235" i="1"/>
  <c r="V16236" i="1"/>
  <c r="V16237" i="1"/>
  <c r="V16238" i="1"/>
  <c r="V16239" i="1"/>
  <c r="V16240" i="1"/>
  <c r="V16241" i="1"/>
  <c r="V16242" i="1"/>
  <c r="V16243" i="1"/>
  <c r="V16244" i="1"/>
  <c r="V16245" i="1"/>
  <c r="V16246" i="1"/>
  <c r="V16247" i="1"/>
  <c r="V16248" i="1"/>
  <c r="V16249" i="1"/>
  <c r="V16250" i="1"/>
  <c r="V16251" i="1"/>
  <c r="V16252" i="1"/>
  <c r="V16253" i="1"/>
  <c r="V16254" i="1"/>
  <c r="V16255" i="1"/>
  <c r="V16256" i="1"/>
  <c r="V16257" i="1"/>
  <c r="V16258" i="1"/>
  <c r="V16259" i="1"/>
  <c r="V16260" i="1"/>
  <c r="V16261" i="1"/>
  <c r="V16262" i="1"/>
  <c r="V16263" i="1"/>
  <c r="V16264" i="1"/>
  <c r="V16265" i="1"/>
  <c r="V16266" i="1"/>
  <c r="V16267" i="1"/>
  <c r="V16268" i="1"/>
  <c r="V16269" i="1"/>
  <c r="V16270" i="1"/>
  <c r="V16271" i="1"/>
  <c r="V16272" i="1"/>
  <c r="V16273" i="1"/>
  <c r="V16274" i="1"/>
  <c r="V16275" i="1"/>
  <c r="V16276" i="1"/>
  <c r="V16277" i="1"/>
  <c r="V16278" i="1"/>
  <c r="V16279" i="1"/>
  <c r="V16280" i="1"/>
  <c r="V16281" i="1"/>
  <c r="V16282" i="1"/>
  <c r="V16283" i="1"/>
  <c r="V16284" i="1"/>
  <c r="V16285" i="1"/>
  <c r="V16286" i="1"/>
  <c r="V16287" i="1"/>
  <c r="V16288" i="1"/>
  <c r="V16289" i="1"/>
  <c r="V16290" i="1"/>
  <c r="V16291" i="1"/>
  <c r="V16292" i="1"/>
  <c r="V16293" i="1"/>
  <c r="V16294" i="1"/>
  <c r="V16295" i="1"/>
  <c r="V16296" i="1"/>
  <c r="V16297" i="1"/>
  <c r="V16298" i="1"/>
  <c r="V16299" i="1"/>
  <c r="V16300" i="1"/>
  <c r="V16301" i="1"/>
  <c r="V16302" i="1"/>
  <c r="V16303" i="1"/>
  <c r="V16304" i="1"/>
  <c r="V16305" i="1"/>
  <c r="V16306" i="1"/>
  <c r="V16307" i="1"/>
  <c r="V16308" i="1"/>
  <c r="V16309" i="1"/>
  <c r="V16310" i="1"/>
  <c r="V16311" i="1"/>
  <c r="V16312" i="1"/>
  <c r="V16313" i="1"/>
  <c r="V16314" i="1"/>
  <c r="V16315" i="1"/>
  <c r="V16316" i="1"/>
  <c r="V16317" i="1"/>
  <c r="V16318" i="1"/>
  <c r="V16319" i="1"/>
  <c r="V16320" i="1"/>
  <c r="V16321" i="1"/>
  <c r="V16322" i="1"/>
  <c r="V16323" i="1"/>
  <c r="V16324" i="1"/>
  <c r="V16325" i="1"/>
  <c r="V16326" i="1"/>
  <c r="V16327" i="1"/>
  <c r="V16328" i="1"/>
  <c r="V16329" i="1"/>
  <c r="V16330" i="1"/>
  <c r="V16331" i="1"/>
  <c r="V16332" i="1"/>
  <c r="V16333" i="1"/>
  <c r="V16334" i="1"/>
  <c r="V16335" i="1"/>
  <c r="V16336" i="1"/>
  <c r="V16337" i="1"/>
  <c r="V16338" i="1"/>
  <c r="V16339" i="1"/>
  <c r="V16340" i="1"/>
  <c r="V16341" i="1"/>
  <c r="V16342" i="1"/>
  <c r="V16343" i="1"/>
  <c r="V16344" i="1"/>
  <c r="V16345" i="1"/>
  <c r="V16346" i="1"/>
  <c r="V16347" i="1"/>
  <c r="V16348" i="1"/>
  <c r="V16349" i="1"/>
  <c r="V16350" i="1"/>
  <c r="V16351" i="1"/>
  <c r="V16352" i="1"/>
  <c r="V16353" i="1"/>
  <c r="V16354" i="1"/>
  <c r="V16355" i="1"/>
  <c r="V16356" i="1"/>
  <c r="V16357" i="1"/>
  <c r="V16358" i="1"/>
  <c r="V16359" i="1"/>
  <c r="V16360" i="1"/>
  <c r="V16361" i="1"/>
  <c r="V16362" i="1"/>
  <c r="V16363" i="1"/>
  <c r="V16364" i="1"/>
  <c r="V16365" i="1"/>
  <c r="V16366" i="1"/>
  <c r="V16367" i="1"/>
  <c r="V16368" i="1"/>
  <c r="V16369" i="1"/>
  <c r="V16370" i="1"/>
  <c r="V16371" i="1"/>
  <c r="V16372" i="1"/>
  <c r="V16373" i="1"/>
  <c r="V16374" i="1"/>
  <c r="V16375" i="1"/>
  <c r="V16376" i="1"/>
  <c r="V16377" i="1"/>
  <c r="V16378" i="1"/>
  <c r="V16379" i="1"/>
  <c r="V16380" i="1"/>
  <c r="V16381" i="1"/>
  <c r="V16382" i="1"/>
  <c r="V16383" i="1"/>
  <c r="V16384" i="1"/>
  <c r="V16385" i="1"/>
  <c r="V16386" i="1"/>
  <c r="V16387" i="1"/>
  <c r="V16388" i="1"/>
  <c r="V16389" i="1"/>
  <c r="V16390" i="1"/>
  <c r="V16391" i="1"/>
  <c r="V16392" i="1"/>
  <c r="V16393" i="1"/>
  <c r="V16394" i="1"/>
  <c r="V16395" i="1"/>
  <c r="V16396" i="1"/>
  <c r="V16397" i="1"/>
  <c r="V16398" i="1"/>
  <c r="V16399" i="1"/>
  <c r="V16400" i="1"/>
  <c r="V16401" i="1"/>
  <c r="V16402" i="1"/>
  <c r="V16403" i="1"/>
  <c r="V16404" i="1"/>
  <c r="V16405" i="1"/>
  <c r="V16406" i="1"/>
  <c r="V16407" i="1"/>
  <c r="V16408" i="1"/>
  <c r="V16409" i="1"/>
  <c r="V16410" i="1"/>
  <c r="V16411" i="1"/>
  <c r="V16412" i="1"/>
  <c r="V16413" i="1"/>
  <c r="V16414" i="1"/>
  <c r="V16415" i="1"/>
  <c r="V16416" i="1"/>
  <c r="V16417" i="1"/>
  <c r="V16418" i="1"/>
  <c r="V16419" i="1"/>
  <c r="V16420" i="1"/>
  <c r="V16421" i="1"/>
  <c r="V16422" i="1"/>
  <c r="V16423" i="1"/>
  <c r="V16424" i="1"/>
  <c r="V16425" i="1"/>
  <c r="V16426" i="1"/>
  <c r="V16427" i="1"/>
  <c r="V16428" i="1"/>
  <c r="V16429" i="1"/>
  <c r="V16430" i="1"/>
  <c r="V16431" i="1"/>
  <c r="V16432" i="1"/>
  <c r="V16433" i="1"/>
  <c r="V16434" i="1"/>
  <c r="V16435" i="1"/>
  <c r="V16436" i="1"/>
  <c r="V16437" i="1"/>
  <c r="V16438" i="1"/>
  <c r="V16439" i="1"/>
  <c r="V16440" i="1"/>
  <c r="V16441" i="1"/>
  <c r="V16442" i="1"/>
  <c r="V16443" i="1"/>
  <c r="V16444" i="1"/>
  <c r="V16445" i="1"/>
  <c r="V16446" i="1"/>
  <c r="V16447" i="1"/>
  <c r="V16448" i="1"/>
  <c r="V16449" i="1"/>
  <c r="V16450" i="1"/>
  <c r="V16451" i="1"/>
  <c r="V16452" i="1"/>
  <c r="V16453" i="1"/>
  <c r="V16454" i="1"/>
  <c r="V16455" i="1"/>
  <c r="V16456" i="1"/>
  <c r="V16457" i="1"/>
  <c r="V16458" i="1"/>
  <c r="V16459" i="1"/>
  <c r="V16460" i="1"/>
  <c r="V16461" i="1"/>
  <c r="V16462" i="1"/>
  <c r="V16463" i="1"/>
  <c r="V16464" i="1"/>
  <c r="V16465" i="1"/>
  <c r="V16466" i="1"/>
  <c r="V16467" i="1"/>
  <c r="V16468" i="1"/>
  <c r="V16469" i="1"/>
  <c r="V16470" i="1"/>
  <c r="V16471" i="1"/>
  <c r="V16472" i="1"/>
  <c r="V16473" i="1"/>
  <c r="V16474" i="1"/>
  <c r="V16475" i="1"/>
  <c r="V16476" i="1"/>
  <c r="V16477" i="1"/>
  <c r="V16478" i="1"/>
  <c r="V16479" i="1"/>
  <c r="V16480" i="1"/>
  <c r="V16481" i="1"/>
  <c r="V16482" i="1"/>
  <c r="V16483" i="1"/>
  <c r="V16484" i="1"/>
  <c r="V16485" i="1"/>
  <c r="V16486" i="1"/>
  <c r="V16487" i="1"/>
  <c r="V16488" i="1"/>
  <c r="V16489" i="1"/>
  <c r="V16490" i="1"/>
  <c r="V16491" i="1"/>
  <c r="V16492" i="1"/>
  <c r="V16493" i="1"/>
  <c r="V16494" i="1"/>
  <c r="V16495" i="1"/>
  <c r="V16496" i="1"/>
  <c r="V16497" i="1"/>
  <c r="V16498" i="1"/>
  <c r="V16499" i="1"/>
  <c r="V16500" i="1"/>
  <c r="V16501" i="1"/>
  <c r="V16502" i="1"/>
  <c r="V16503" i="1"/>
  <c r="V16504" i="1"/>
  <c r="V16505" i="1"/>
  <c r="V16506" i="1"/>
  <c r="V16507" i="1"/>
  <c r="V16508" i="1"/>
  <c r="V16509" i="1"/>
  <c r="V16510" i="1"/>
  <c r="V16511" i="1"/>
  <c r="V16512" i="1"/>
  <c r="V16513" i="1"/>
  <c r="V16514" i="1"/>
  <c r="V16515" i="1"/>
  <c r="V16516" i="1"/>
  <c r="V16517" i="1"/>
  <c r="V16518" i="1"/>
  <c r="V16519" i="1"/>
  <c r="V16520" i="1"/>
  <c r="V16521" i="1"/>
  <c r="V16522" i="1"/>
  <c r="V16523" i="1"/>
  <c r="V16524" i="1"/>
  <c r="V16525" i="1"/>
  <c r="V16526" i="1"/>
  <c r="V16527" i="1"/>
  <c r="V16528" i="1"/>
  <c r="V16529" i="1"/>
  <c r="V16530" i="1"/>
  <c r="V16531" i="1"/>
  <c r="V16532" i="1"/>
  <c r="V16533" i="1"/>
  <c r="V16534" i="1"/>
  <c r="V16535" i="1"/>
  <c r="V16536" i="1"/>
  <c r="V16537" i="1"/>
  <c r="V16538" i="1"/>
  <c r="V16539" i="1"/>
  <c r="V16540" i="1"/>
  <c r="V16541" i="1"/>
  <c r="V16542" i="1"/>
  <c r="V16543" i="1"/>
  <c r="V16544" i="1"/>
  <c r="V16545" i="1"/>
  <c r="V16546" i="1"/>
  <c r="V16547" i="1"/>
  <c r="V16548" i="1"/>
  <c r="V16549" i="1"/>
  <c r="V16550" i="1"/>
  <c r="V16551" i="1"/>
  <c r="V16552" i="1"/>
  <c r="V16553" i="1"/>
  <c r="V16554" i="1"/>
  <c r="V16555" i="1"/>
  <c r="V16556" i="1"/>
  <c r="V16557" i="1"/>
  <c r="V16558" i="1"/>
  <c r="V16559" i="1"/>
  <c r="V16560" i="1"/>
  <c r="V16561" i="1"/>
  <c r="V16562" i="1"/>
  <c r="V16563" i="1"/>
  <c r="V16564" i="1"/>
  <c r="V16565" i="1"/>
  <c r="V16566" i="1"/>
  <c r="V16567" i="1"/>
  <c r="V16568" i="1"/>
  <c r="V16569" i="1"/>
  <c r="V16570" i="1"/>
  <c r="V16571" i="1"/>
  <c r="V16572" i="1"/>
  <c r="V16573" i="1"/>
  <c r="V16574" i="1"/>
  <c r="V16575" i="1"/>
  <c r="V16576" i="1"/>
  <c r="V16577" i="1"/>
  <c r="V16578" i="1"/>
  <c r="V16579" i="1"/>
  <c r="V16580" i="1"/>
  <c r="V16581" i="1"/>
  <c r="V16582" i="1"/>
  <c r="V16583" i="1"/>
  <c r="V16584" i="1"/>
  <c r="V16585" i="1"/>
  <c r="V16586" i="1"/>
  <c r="V16587" i="1"/>
  <c r="V16588" i="1"/>
  <c r="V16589" i="1"/>
  <c r="V16590" i="1"/>
  <c r="V16591" i="1"/>
  <c r="V16592" i="1"/>
  <c r="V16593" i="1"/>
  <c r="V16594" i="1"/>
  <c r="V16595" i="1"/>
  <c r="V16596" i="1"/>
  <c r="V16597" i="1"/>
  <c r="V16598" i="1"/>
  <c r="V16599" i="1"/>
  <c r="V16600" i="1"/>
  <c r="V16601" i="1"/>
  <c r="V16602" i="1"/>
  <c r="V16603" i="1"/>
  <c r="V16604" i="1"/>
  <c r="V16605" i="1"/>
  <c r="V16606" i="1"/>
  <c r="V16607" i="1"/>
  <c r="V16608" i="1"/>
  <c r="V16609" i="1"/>
  <c r="V16610" i="1"/>
  <c r="V16611" i="1"/>
  <c r="V16612" i="1"/>
  <c r="V16613" i="1"/>
  <c r="V16614" i="1"/>
  <c r="V16615" i="1"/>
  <c r="V16616" i="1"/>
  <c r="V16617" i="1"/>
  <c r="V16618" i="1"/>
  <c r="V16619" i="1"/>
  <c r="V16620" i="1"/>
  <c r="V16621" i="1"/>
  <c r="V16622" i="1"/>
  <c r="V16623" i="1"/>
  <c r="V16624" i="1"/>
  <c r="V16625" i="1"/>
  <c r="V16626" i="1"/>
  <c r="V16627" i="1"/>
  <c r="V16628" i="1"/>
  <c r="V16629" i="1"/>
  <c r="V16630" i="1"/>
  <c r="V16631" i="1"/>
  <c r="V16632" i="1"/>
  <c r="V16633" i="1"/>
  <c r="V16634" i="1"/>
  <c r="V16635" i="1"/>
  <c r="V16636" i="1"/>
  <c r="V16637" i="1"/>
  <c r="V16638" i="1"/>
  <c r="V16639" i="1"/>
  <c r="V16640" i="1"/>
  <c r="V16641" i="1"/>
  <c r="V16642" i="1"/>
  <c r="V16643" i="1"/>
  <c r="V16644" i="1"/>
  <c r="V16645" i="1"/>
  <c r="V16646" i="1"/>
  <c r="V16647" i="1"/>
  <c r="V16648" i="1"/>
  <c r="V16649" i="1"/>
  <c r="V16650" i="1"/>
  <c r="V16651" i="1"/>
  <c r="V16652" i="1"/>
  <c r="V16653" i="1"/>
  <c r="V16654" i="1"/>
  <c r="V16655" i="1"/>
  <c r="V16656" i="1"/>
  <c r="V16657" i="1"/>
  <c r="V16658" i="1"/>
  <c r="V16659" i="1"/>
  <c r="V16660" i="1"/>
  <c r="V16661" i="1"/>
  <c r="V16662" i="1"/>
  <c r="V16663" i="1"/>
  <c r="V16664" i="1"/>
  <c r="V16665" i="1"/>
  <c r="V16666" i="1"/>
  <c r="V16667" i="1"/>
  <c r="V16668" i="1"/>
  <c r="V16669" i="1"/>
  <c r="V16670" i="1"/>
  <c r="V16671" i="1"/>
  <c r="V16672" i="1"/>
  <c r="V16673" i="1"/>
  <c r="V16674" i="1"/>
  <c r="V16675" i="1"/>
  <c r="V16676" i="1"/>
  <c r="V16677" i="1"/>
  <c r="V16678" i="1"/>
  <c r="V16679" i="1"/>
  <c r="V16680" i="1"/>
  <c r="V16681" i="1"/>
  <c r="V16682" i="1"/>
  <c r="V16683" i="1"/>
  <c r="V16684" i="1"/>
  <c r="V16685" i="1"/>
  <c r="V16686" i="1"/>
  <c r="V16687" i="1"/>
  <c r="V16688" i="1"/>
  <c r="V16689" i="1"/>
  <c r="V16690" i="1"/>
  <c r="V16691" i="1"/>
  <c r="V16692" i="1"/>
  <c r="V16693" i="1"/>
  <c r="V16694" i="1"/>
  <c r="V16695" i="1"/>
  <c r="V16696" i="1"/>
  <c r="V16697" i="1"/>
  <c r="V16698" i="1"/>
  <c r="V16699" i="1"/>
  <c r="V16700" i="1"/>
  <c r="V16701" i="1"/>
  <c r="V16702" i="1"/>
  <c r="V16703" i="1"/>
  <c r="V16704" i="1"/>
  <c r="V16705" i="1"/>
  <c r="V16706" i="1"/>
  <c r="V16707" i="1"/>
  <c r="V16708" i="1"/>
  <c r="V16709" i="1"/>
  <c r="V16710" i="1"/>
  <c r="V16711" i="1"/>
  <c r="V16712" i="1"/>
  <c r="V16713" i="1"/>
  <c r="V16714" i="1"/>
  <c r="V16715" i="1"/>
  <c r="V16716" i="1"/>
  <c r="V16717" i="1"/>
  <c r="V16718" i="1"/>
  <c r="V16719" i="1"/>
  <c r="V16720" i="1"/>
  <c r="V16721" i="1"/>
  <c r="V16722" i="1"/>
  <c r="V16723" i="1"/>
  <c r="V16724" i="1"/>
  <c r="V16725" i="1"/>
  <c r="V16726" i="1"/>
  <c r="V16727" i="1"/>
  <c r="V16728" i="1"/>
  <c r="V16729" i="1"/>
  <c r="V16730" i="1"/>
  <c r="V16731" i="1"/>
  <c r="V16732" i="1"/>
  <c r="V16733" i="1"/>
  <c r="V16734" i="1"/>
  <c r="V16735" i="1"/>
  <c r="V16736" i="1"/>
  <c r="V16737" i="1"/>
  <c r="V16738" i="1"/>
  <c r="V16739" i="1"/>
  <c r="V16740" i="1"/>
  <c r="V16741" i="1"/>
  <c r="V16742" i="1"/>
  <c r="V16743" i="1"/>
  <c r="V16744" i="1"/>
  <c r="V16745" i="1"/>
  <c r="V16746" i="1"/>
  <c r="V16747" i="1"/>
  <c r="V16748" i="1"/>
  <c r="V16749" i="1"/>
  <c r="V16750" i="1"/>
  <c r="V16751" i="1"/>
  <c r="V16752" i="1"/>
  <c r="V16753" i="1"/>
  <c r="V16754" i="1"/>
  <c r="V16755" i="1"/>
  <c r="V16756" i="1"/>
  <c r="V16757" i="1"/>
  <c r="V16758" i="1"/>
  <c r="V16759" i="1"/>
  <c r="V16760" i="1"/>
  <c r="V16761" i="1"/>
  <c r="V16762" i="1"/>
  <c r="V16763" i="1"/>
  <c r="V16764" i="1"/>
  <c r="V16765" i="1"/>
  <c r="V16766" i="1"/>
  <c r="V16767" i="1"/>
  <c r="V16768" i="1"/>
  <c r="V16769" i="1"/>
  <c r="V16770" i="1"/>
  <c r="V16771" i="1"/>
  <c r="V16772" i="1"/>
  <c r="V16773" i="1"/>
  <c r="V16774" i="1"/>
  <c r="V16775" i="1"/>
  <c r="V16776" i="1"/>
  <c r="V16777" i="1"/>
  <c r="V16778" i="1"/>
  <c r="V16779" i="1"/>
  <c r="V16780" i="1"/>
  <c r="V16781" i="1"/>
  <c r="V16782" i="1"/>
  <c r="V16783" i="1"/>
  <c r="V16784" i="1"/>
  <c r="V16785" i="1"/>
  <c r="V16786" i="1"/>
  <c r="V16787" i="1"/>
  <c r="V16788" i="1"/>
  <c r="V16789" i="1"/>
  <c r="V16790" i="1"/>
  <c r="V16791" i="1"/>
  <c r="V16792" i="1"/>
  <c r="V16793" i="1"/>
  <c r="V16794" i="1"/>
  <c r="V16795" i="1"/>
  <c r="V16796" i="1"/>
  <c r="V16797" i="1"/>
  <c r="V16798" i="1"/>
  <c r="V16799" i="1"/>
  <c r="V16800" i="1"/>
  <c r="V16801" i="1"/>
  <c r="V16802" i="1"/>
  <c r="V16803" i="1"/>
  <c r="V16804" i="1"/>
  <c r="V16805" i="1"/>
  <c r="V16806" i="1"/>
  <c r="V16807" i="1"/>
  <c r="V16808" i="1"/>
  <c r="V16809" i="1"/>
  <c r="V16810" i="1"/>
  <c r="V16811" i="1"/>
  <c r="V16812" i="1"/>
  <c r="V16813" i="1"/>
  <c r="V16814" i="1"/>
  <c r="V16815" i="1"/>
  <c r="V16816" i="1"/>
  <c r="V16817" i="1"/>
  <c r="V16818" i="1"/>
  <c r="V16819" i="1"/>
  <c r="V16820" i="1"/>
  <c r="V16821" i="1"/>
  <c r="V16822" i="1"/>
  <c r="V16823" i="1"/>
  <c r="V16824" i="1"/>
  <c r="V16825" i="1"/>
  <c r="V16826" i="1"/>
  <c r="V16827" i="1"/>
  <c r="V16828" i="1"/>
  <c r="V16829" i="1"/>
  <c r="V16830" i="1"/>
  <c r="V16831" i="1"/>
  <c r="V16832" i="1"/>
  <c r="V16833" i="1"/>
  <c r="V16834" i="1"/>
  <c r="V16835" i="1"/>
  <c r="V16836" i="1"/>
  <c r="V16837" i="1"/>
  <c r="V16838" i="1"/>
  <c r="V16839" i="1"/>
  <c r="V16840" i="1"/>
  <c r="V16841" i="1"/>
  <c r="V16842" i="1"/>
  <c r="V16843" i="1"/>
  <c r="V16844" i="1"/>
  <c r="V16845" i="1"/>
  <c r="V16846" i="1"/>
  <c r="V16847" i="1"/>
  <c r="V16848" i="1"/>
  <c r="V16849" i="1"/>
  <c r="V16850" i="1"/>
  <c r="V16851" i="1"/>
  <c r="V16852" i="1"/>
  <c r="V16853" i="1"/>
  <c r="V16854" i="1"/>
  <c r="V16855" i="1"/>
  <c r="V16856" i="1"/>
  <c r="V16857" i="1"/>
  <c r="V16858" i="1"/>
  <c r="V16859" i="1"/>
  <c r="V16860" i="1"/>
  <c r="V16861" i="1"/>
  <c r="V16862" i="1"/>
  <c r="V16863" i="1"/>
  <c r="V16864" i="1"/>
  <c r="V16865" i="1"/>
  <c r="V16866" i="1"/>
  <c r="V16867" i="1"/>
  <c r="V16868" i="1"/>
  <c r="V16869" i="1"/>
  <c r="V16870" i="1"/>
  <c r="V16871" i="1"/>
  <c r="V16872" i="1"/>
  <c r="V16873" i="1"/>
  <c r="V16874" i="1"/>
  <c r="V16875" i="1"/>
  <c r="V16876" i="1"/>
  <c r="V16877" i="1"/>
  <c r="V16878" i="1"/>
  <c r="V16879" i="1"/>
  <c r="V16880" i="1"/>
  <c r="V16881" i="1"/>
  <c r="V16882" i="1"/>
  <c r="V16883" i="1"/>
  <c r="V16884" i="1"/>
  <c r="V16885" i="1"/>
  <c r="V16886" i="1"/>
  <c r="V16887" i="1"/>
  <c r="V16888" i="1"/>
  <c r="V16889" i="1"/>
  <c r="V16890" i="1"/>
  <c r="V16891" i="1"/>
  <c r="V16892" i="1"/>
  <c r="V16893" i="1"/>
  <c r="V16894" i="1"/>
  <c r="V16895" i="1"/>
  <c r="V16896" i="1"/>
  <c r="V16897" i="1"/>
  <c r="V16898" i="1"/>
  <c r="V16899" i="1"/>
  <c r="V16900" i="1"/>
  <c r="V16901" i="1"/>
  <c r="V16902" i="1"/>
  <c r="V16903" i="1"/>
  <c r="V16904" i="1"/>
  <c r="V16905" i="1"/>
  <c r="V16906" i="1"/>
  <c r="V16907" i="1"/>
  <c r="V16908" i="1"/>
  <c r="V16909" i="1"/>
  <c r="V16910" i="1"/>
  <c r="V16911" i="1"/>
  <c r="V16912" i="1"/>
  <c r="V16913" i="1"/>
  <c r="V16914" i="1"/>
  <c r="V16915" i="1"/>
  <c r="V16916" i="1"/>
  <c r="V16917" i="1"/>
  <c r="V16918" i="1"/>
  <c r="V16919" i="1"/>
  <c r="V16920" i="1"/>
  <c r="V16921" i="1"/>
  <c r="V16922" i="1"/>
  <c r="V16923" i="1"/>
  <c r="V16924" i="1"/>
  <c r="V16925" i="1"/>
  <c r="V16926" i="1"/>
  <c r="V16927" i="1"/>
  <c r="V16928" i="1"/>
  <c r="V16929" i="1"/>
  <c r="V16930" i="1"/>
  <c r="V16931" i="1"/>
  <c r="V16932" i="1"/>
  <c r="V16933" i="1"/>
  <c r="V16934" i="1"/>
  <c r="V16935" i="1"/>
  <c r="V16936" i="1"/>
  <c r="V16937" i="1"/>
  <c r="V16938" i="1"/>
  <c r="V16939" i="1"/>
  <c r="V16940" i="1"/>
  <c r="V16941" i="1"/>
  <c r="V16942" i="1"/>
  <c r="V16943" i="1"/>
  <c r="V16944" i="1"/>
  <c r="V16945" i="1"/>
  <c r="V16946" i="1"/>
  <c r="V16947" i="1"/>
  <c r="V16948" i="1"/>
  <c r="V16949" i="1"/>
  <c r="V16950" i="1"/>
  <c r="V16951" i="1"/>
  <c r="V16952" i="1"/>
  <c r="V16953" i="1"/>
  <c r="V16954" i="1"/>
  <c r="V16955" i="1"/>
  <c r="V16956" i="1"/>
  <c r="V16957" i="1"/>
  <c r="V16958" i="1"/>
  <c r="V16959" i="1"/>
  <c r="V16960" i="1"/>
  <c r="V16961" i="1"/>
  <c r="V16962" i="1"/>
  <c r="V16963" i="1"/>
  <c r="V16964" i="1"/>
  <c r="V16965" i="1"/>
  <c r="V16966" i="1"/>
  <c r="V16967" i="1"/>
  <c r="V16968" i="1"/>
  <c r="V16969" i="1"/>
  <c r="V16970" i="1"/>
  <c r="V16971" i="1"/>
  <c r="V16972" i="1"/>
  <c r="V16973" i="1"/>
  <c r="V16974" i="1"/>
  <c r="V16975" i="1"/>
  <c r="V16976" i="1"/>
  <c r="V16977" i="1"/>
  <c r="V16978" i="1"/>
  <c r="V16979" i="1"/>
  <c r="V16980" i="1"/>
  <c r="V16981" i="1"/>
  <c r="V16982" i="1"/>
  <c r="V16983" i="1"/>
  <c r="V16984" i="1"/>
  <c r="V16985" i="1"/>
  <c r="V16986" i="1"/>
  <c r="V16987" i="1"/>
  <c r="V16988" i="1"/>
  <c r="V16989" i="1"/>
  <c r="V16990" i="1"/>
  <c r="V16991" i="1"/>
  <c r="V16992" i="1"/>
  <c r="V16993" i="1"/>
  <c r="V16994" i="1"/>
  <c r="V16995" i="1"/>
  <c r="V16996" i="1"/>
  <c r="V16997" i="1"/>
  <c r="V16998" i="1"/>
  <c r="V16999" i="1"/>
  <c r="V17000" i="1"/>
  <c r="V17001" i="1"/>
  <c r="V17002" i="1"/>
  <c r="V17003" i="1"/>
  <c r="V17004" i="1"/>
  <c r="V17005" i="1"/>
  <c r="V17006" i="1"/>
  <c r="V17007" i="1"/>
  <c r="V17008" i="1"/>
  <c r="V17009" i="1"/>
  <c r="V17010" i="1"/>
  <c r="V17011" i="1"/>
  <c r="V17012" i="1"/>
  <c r="V17013" i="1"/>
  <c r="V17014" i="1"/>
  <c r="V17015" i="1"/>
  <c r="V17016" i="1"/>
  <c r="V17017" i="1"/>
  <c r="V17018" i="1"/>
  <c r="V17019" i="1"/>
  <c r="V17020" i="1"/>
  <c r="V17021" i="1"/>
  <c r="V17022" i="1"/>
  <c r="V17023" i="1"/>
  <c r="V17024" i="1"/>
  <c r="V17025" i="1"/>
  <c r="V17026" i="1"/>
  <c r="V17027" i="1"/>
  <c r="V17028" i="1"/>
  <c r="V17029" i="1"/>
  <c r="V17030" i="1"/>
  <c r="V17031" i="1"/>
  <c r="V17032" i="1"/>
  <c r="V17033" i="1"/>
  <c r="V17034" i="1"/>
  <c r="V17035" i="1"/>
  <c r="V17036" i="1"/>
  <c r="V17037" i="1"/>
  <c r="V17038" i="1"/>
  <c r="V17039" i="1"/>
  <c r="V17040" i="1"/>
  <c r="V17041" i="1"/>
  <c r="V17042" i="1"/>
  <c r="V17043" i="1"/>
  <c r="V17044" i="1"/>
  <c r="V17045" i="1"/>
  <c r="V17046" i="1"/>
  <c r="V17047" i="1"/>
  <c r="V17048" i="1"/>
  <c r="V17049" i="1"/>
  <c r="V17050" i="1"/>
  <c r="V17051" i="1"/>
  <c r="V17052" i="1"/>
  <c r="V17053" i="1"/>
  <c r="V17054" i="1"/>
  <c r="V17055" i="1"/>
  <c r="V17056" i="1"/>
  <c r="V17057" i="1"/>
  <c r="V17058" i="1"/>
  <c r="V17059" i="1"/>
  <c r="V17060" i="1"/>
  <c r="V17061" i="1"/>
  <c r="V17062" i="1"/>
  <c r="V17063" i="1"/>
  <c r="V17064" i="1"/>
  <c r="V17065" i="1"/>
  <c r="V17066" i="1"/>
  <c r="V17067" i="1"/>
  <c r="V17068" i="1"/>
  <c r="V17069" i="1"/>
  <c r="V17070" i="1"/>
  <c r="V17071" i="1"/>
  <c r="V17072" i="1"/>
  <c r="V17073" i="1"/>
  <c r="V17074" i="1"/>
  <c r="V17075" i="1"/>
  <c r="V17076" i="1"/>
  <c r="V17077" i="1"/>
  <c r="V17078" i="1"/>
  <c r="V17079" i="1"/>
  <c r="V17080" i="1"/>
  <c r="V17081" i="1"/>
  <c r="V17082" i="1"/>
  <c r="V17083" i="1"/>
  <c r="V17084" i="1"/>
  <c r="V17085" i="1"/>
  <c r="V17086" i="1"/>
  <c r="V17087" i="1"/>
  <c r="V17088" i="1"/>
  <c r="V17089" i="1"/>
  <c r="V17090" i="1"/>
  <c r="V17091" i="1"/>
  <c r="V17092" i="1"/>
  <c r="V17093" i="1"/>
  <c r="V17094" i="1"/>
  <c r="V17095" i="1"/>
  <c r="V17096" i="1"/>
  <c r="V17097" i="1"/>
  <c r="V17098" i="1"/>
  <c r="V17099" i="1"/>
  <c r="V17100" i="1"/>
  <c r="V17101" i="1"/>
  <c r="V17102" i="1"/>
  <c r="V17103" i="1"/>
  <c r="V17104" i="1"/>
  <c r="V17105" i="1"/>
  <c r="V17106" i="1"/>
  <c r="V17107" i="1"/>
  <c r="V17108" i="1"/>
  <c r="V17109" i="1"/>
  <c r="V17110" i="1"/>
  <c r="V17111" i="1"/>
  <c r="V17112" i="1"/>
  <c r="V17113" i="1"/>
  <c r="V17114" i="1"/>
  <c r="V17115" i="1"/>
  <c r="V17116" i="1"/>
  <c r="V17117" i="1"/>
  <c r="V17118" i="1"/>
  <c r="V17119" i="1"/>
  <c r="V17120" i="1"/>
  <c r="V17121" i="1"/>
  <c r="V17122" i="1"/>
  <c r="V17123" i="1"/>
  <c r="V17124" i="1"/>
  <c r="V17125" i="1"/>
  <c r="V17126" i="1"/>
  <c r="V17127" i="1"/>
  <c r="V17128" i="1"/>
  <c r="V17129" i="1"/>
  <c r="V17130" i="1"/>
  <c r="V17131" i="1"/>
  <c r="V17132" i="1"/>
  <c r="V17133" i="1"/>
  <c r="V17134" i="1"/>
  <c r="V17135" i="1"/>
  <c r="V17136" i="1"/>
  <c r="V17137" i="1"/>
  <c r="V17138" i="1"/>
  <c r="V17139" i="1"/>
  <c r="V17140" i="1"/>
  <c r="V17141" i="1"/>
  <c r="V17142" i="1"/>
  <c r="V17143" i="1"/>
  <c r="V17144" i="1"/>
  <c r="V17145" i="1"/>
  <c r="V17146" i="1"/>
  <c r="V17147" i="1"/>
  <c r="V17148" i="1"/>
  <c r="V17149" i="1"/>
  <c r="V17150" i="1"/>
  <c r="V17151" i="1"/>
  <c r="V17152" i="1"/>
  <c r="V17153" i="1"/>
  <c r="V17154" i="1"/>
  <c r="V17155" i="1"/>
  <c r="V17156" i="1"/>
  <c r="V17157" i="1"/>
  <c r="V17158" i="1"/>
  <c r="V17159" i="1"/>
  <c r="V17160" i="1"/>
  <c r="V17161" i="1"/>
  <c r="V17162" i="1"/>
  <c r="V17163" i="1"/>
  <c r="V17164" i="1"/>
  <c r="V17165" i="1"/>
  <c r="V17166" i="1"/>
  <c r="V17167" i="1"/>
  <c r="V17168" i="1"/>
  <c r="V17169" i="1"/>
  <c r="V17170" i="1"/>
  <c r="V17171" i="1"/>
  <c r="V17172" i="1"/>
  <c r="V17173" i="1"/>
  <c r="V17174" i="1"/>
  <c r="V17175" i="1"/>
  <c r="V17176" i="1"/>
  <c r="V17177" i="1"/>
  <c r="V17178" i="1"/>
  <c r="V17179" i="1"/>
  <c r="V17180" i="1"/>
  <c r="V17181" i="1"/>
  <c r="V17182" i="1"/>
  <c r="V17183" i="1"/>
  <c r="V17184" i="1"/>
  <c r="V17185" i="1"/>
  <c r="V17186" i="1"/>
  <c r="V17187" i="1"/>
  <c r="V17188" i="1"/>
  <c r="V17189" i="1"/>
  <c r="V17190" i="1"/>
  <c r="V17191" i="1"/>
  <c r="V17192" i="1"/>
  <c r="V17193" i="1"/>
  <c r="V17194" i="1"/>
  <c r="V17195" i="1"/>
  <c r="V17196" i="1"/>
  <c r="V17197" i="1"/>
  <c r="V17198" i="1"/>
  <c r="V17199" i="1"/>
  <c r="V17200" i="1"/>
  <c r="V17201" i="1"/>
  <c r="V17202" i="1"/>
  <c r="V17203" i="1"/>
  <c r="V17204" i="1"/>
  <c r="V17205" i="1"/>
  <c r="V17206" i="1"/>
  <c r="V17207" i="1"/>
  <c r="V17208" i="1"/>
  <c r="V17209" i="1"/>
  <c r="V17210" i="1"/>
  <c r="V17211" i="1"/>
  <c r="V17212" i="1"/>
  <c r="V17213" i="1"/>
  <c r="V17214" i="1"/>
  <c r="V17215" i="1"/>
  <c r="V17216" i="1"/>
  <c r="V17217" i="1"/>
  <c r="V17218" i="1"/>
  <c r="V17219" i="1"/>
  <c r="V17220" i="1"/>
  <c r="V17221" i="1"/>
  <c r="V17222" i="1"/>
  <c r="V17223" i="1"/>
  <c r="V17224" i="1"/>
  <c r="V17225" i="1"/>
  <c r="V17226" i="1"/>
  <c r="V17227" i="1"/>
  <c r="V17228" i="1"/>
  <c r="V17229" i="1"/>
  <c r="V17230" i="1"/>
  <c r="V17231" i="1"/>
  <c r="V17232" i="1"/>
  <c r="V17233" i="1"/>
  <c r="V17234" i="1"/>
  <c r="V17235" i="1"/>
  <c r="V17236" i="1"/>
  <c r="V17237" i="1"/>
  <c r="V17238" i="1"/>
  <c r="V17239" i="1"/>
  <c r="V17240" i="1"/>
  <c r="V17241" i="1"/>
  <c r="V17242" i="1"/>
  <c r="V17243" i="1"/>
  <c r="V17244" i="1"/>
  <c r="V17245" i="1"/>
  <c r="V17246" i="1"/>
  <c r="V17247" i="1"/>
  <c r="V17248" i="1"/>
  <c r="V17249" i="1"/>
  <c r="V17250" i="1"/>
  <c r="V17251" i="1"/>
  <c r="V17252" i="1"/>
  <c r="V17253" i="1"/>
  <c r="V17254" i="1"/>
  <c r="V17255" i="1"/>
  <c r="V17256" i="1"/>
  <c r="V17257" i="1"/>
  <c r="V17258" i="1"/>
  <c r="V17259" i="1"/>
  <c r="V17260" i="1"/>
  <c r="V17261" i="1"/>
  <c r="V17262" i="1"/>
  <c r="V17263" i="1"/>
  <c r="V17264" i="1"/>
  <c r="V17265" i="1"/>
  <c r="V17266" i="1"/>
  <c r="V17267" i="1"/>
  <c r="V17268" i="1"/>
  <c r="V17269" i="1"/>
  <c r="V17270" i="1"/>
  <c r="V17271" i="1"/>
  <c r="V17272" i="1"/>
  <c r="V17273" i="1"/>
  <c r="V17274" i="1"/>
  <c r="V17275" i="1"/>
  <c r="V17276" i="1"/>
  <c r="V17277" i="1"/>
  <c r="V17278" i="1"/>
  <c r="V17279" i="1"/>
  <c r="V17280" i="1"/>
  <c r="V17281" i="1"/>
  <c r="V17282" i="1"/>
  <c r="V17283" i="1"/>
  <c r="V17284" i="1"/>
  <c r="V17285" i="1"/>
  <c r="V17286" i="1"/>
  <c r="V17287" i="1"/>
  <c r="V17288" i="1"/>
  <c r="V17289" i="1"/>
  <c r="V17290" i="1"/>
  <c r="V17291" i="1"/>
  <c r="V17292" i="1"/>
  <c r="V17293" i="1"/>
  <c r="V17294" i="1"/>
  <c r="V17295" i="1"/>
  <c r="V17296" i="1"/>
  <c r="V17297" i="1"/>
  <c r="V17298" i="1"/>
  <c r="V17299" i="1"/>
  <c r="V17300" i="1"/>
  <c r="V17301" i="1"/>
  <c r="V17302" i="1"/>
  <c r="V17303" i="1"/>
  <c r="V17304" i="1"/>
  <c r="V17305" i="1"/>
  <c r="V17306" i="1"/>
  <c r="V17307" i="1"/>
  <c r="V17308" i="1"/>
  <c r="V17309" i="1"/>
  <c r="V17310" i="1"/>
  <c r="V17311" i="1"/>
  <c r="V17312" i="1"/>
  <c r="V17313" i="1"/>
  <c r="V17314" i="1"/>
  <c r="V17315" i="1"/>
  <c r="V17316" i="1"/>
  <c r="V17317" i="1"/>
  <c r="V17318" i="1"/>
  <c r="V17319" i="1"/>
  <c r="V17320" i="1"/>
  <c r="V17321" i="1"/>
  <c r="V17322" i="1"/>
  <c r="V17323" i="1"/>
  <c r="V17324" i="1"/>
  <c r="V17325" i="1"/>
  <c r="V17326" i="1"/>
  <c r="V17327" i="1"/>
  <c r="V17328" i="1"/>
  <c r="V17329" i="1"/>
  <c r="V17330" i="1"/>
  <c r="V17331" i="1"/>
  <c r="V17332" i="1"/>
  <c r="V17333" i="1"/>
  <c r="V17334" i="1"/>
  <c r="V17335" i="1"/>
  <c r="V17336" i="1"/>
  <c r="V17337" i="1"/>
  <c r="V17338" i="1"/>
  <c r="V17339" i="1"/>
  <c r="V17340" i="1"/>
  <c r="V17341" i="1"/>
  <c r="V17342" i="1"/>
  <c r="V17343" i="1"/>
  <c r="V17344" i="1"/>
  <c r="V17345" i="1"/>
  <c r="V17346" i="1"/>
  <c r="V17347" i="1"/>
  <c r="V17348" i="1"/>
  <c r="V17349" i="1"/>
  <c r="V17350" i="1"/>
  <c r="V17351" i="1"/>
  <c r="V17352" i="1"/>
  <c r="V17353" i="1"/>
  <c r="V17354" i="1"/>
  <c r="V17355" i="1"/>
  <c r="V17356" i="1"/>
  <c r="V17357" i="1"/>
  <c r="V17358" i="1"/>
  <c r="V17359" i="1"/>
  <c r="V17360" i="1"/>
  <c r="V17361" i="1"/>
  <c r="V17362" i="1"/>
  <c r="V17363" i="1"/>
  <c r="V17364" i="1"/>
  <c r="V17365" i="1"/>
  <c r="V17366" i="1"/>
  <c r="V17367" i="1"/>
  <c r="V17368" i="1"/>
  <c r="V17369" i="1"/>
  <c r="V17370" i="1"/>
  <c r="V17371" i="1"/>
  <c r="V17372" i="1"/>
  <c r="V17373" i="1"/>
  <c r="V17374" i="1"/>
  <c r="V17375" i="1"/>
  <c r="V17376" i="1"/>
  <c r="V17377" i="1"/>
  <c r="V17378" i="1"/>
  <c r="V17379" i="1"/>
  <c r="V17380" i="1"/>
  <c r="V17381" i="1"/>
  <c r="V17382" i="1"/>
  <c r="V17383" i="1"/>
  <c r="V17384" i="1"/>
  <c r="V17385" i="1"/>
  <c r="V17386" i="1"/>
  <c r="V17387" i="1"/>
  <c r="V17388" i="1"/>
  <c r="V17389" i="1"/>
  <c r="V17390" i="1"/>
  <c r="V17391" i="1"/>
  <c r="V17392" i="1"/>
  <c r="V17393" i="1"/>
  <c r="V17394" i="1"/>
  <c r="V17395" i="1"/>
  <c r="V17396" i="1"/>
  <c r="V17397" i="1"/>
  <c r="V17398" i="1"/>
  <c r="V17399" i="1"/>
  <c r="V17400" i="1"/>
  <c r="V17401" i="1"/>
  <c r="V17402" i="1"/>
  <c r="V17403" i="1"/>
  <c r="V17404" i="1"/>
  <c r="V17405" i="1"/>
  <c r="V17406" i="1"/>
  <c r="V17407" i="1"/>
  <c r="V17408" i="1"/>
  <c r="V17409" i="1"/>
  <c r="V17410" i="1"/>
  <c r="V17411" i="1"/>
  <c r="V17412" i="1"/>
  <c r="V17413" i="1"/>
  <c r="V17414" i="1"/>
  <c r="V17415" i="1"/>
  <c r="V17416" i="1"/>
  <c r="V17417" i="1"/>
  <c r="V17418" i="1"/>
  <c r="V17419" i="1"/>
  <c r="V17420" i="1"/>
  <c r="V17421" i="1"/>
  <c r="V17422" i="1"/>
  <c r="V17423" i="1"/>
  <c r="V17424" i="1"/>
  <c r="V17425" i="1"/>
  <c r="V17426" i="1"/>
  <c r="V17427" i="1"/>
  <c r="V17428" i="1"/>
  <c r="V17429" i="1"/>
  <c r="V17430" i="1"/>
  <c r="V17431" i="1"/>
  <c r="V17432" i="1"/>
  <c r="V17433" i="1"/>
  <c r="V17434" i="1"/>
  <c r="V17435" i="1"/>
  <c r="V17436" i="1"/>
  <c r="V17437" i="1"/>
  <c r="V17438" i="1"/>
  <c r="V17439" i="1"/>
  <c r="V17440" i="1"/>
  <c r="V17441" i="1"/>
  <c r="V17442" i="1"/>
  <c r="V17443" i="1"/>
  <c r="V17444" i="1"/>
  <c r="V17445" i="1"/>
  <c r="V17446" i="1"/>
  <c r="V17447" i="1"/>
  <c r="V17448" i="1"/>
  <c r="V17449" i="1"/>
  <c r="V17450" i="1"/>
  <c r="V17451" i="1"/>
  <c r="V17452" i="1"/>
  <c r="V17453" i="1"/>
  <c r="V17454" i="1"/>
  <c r="V17455" i="1"/>
  <c r="V17456" i="1"/>
  <c r="V17457" i="1"/>
  <c r="V17458" i="1"/>
  <c r="V17459" i="1"/>
  <c r="V17460" i="1"/>
  <c r="V17461" i="1"/>
  <c r="V17462" i="1"/>
  <c r="V17463" i="1"/>
  <c r="V17464" i="1"/>
  <c r="V17465" i="1"/>
  <c r="V17466" i="1"/>
  <c r="V17467" i="1"/>
  <c r="V17468" i="1"/>
  <c r="V17469" i="1"/>
  <c r="V17470" i="1"/>
  <c r="V17471" i="1"/>
  <c r="V17472" i="1"/>
  <c r="V17473" i="1"/>
  <c r="V17474" i="1"/>
  <c r="V17475" i="1"/>
  <c r="V17476" i="1"/>
  <c r="V17477" i="1"/>
  <c r="V17478" i="1"/>
  <c r="V17479" i="1"/>
  <c r="V17480" i="1"/>
  <c r="V17481" i="1"/>
  <c r="V17482" i="1"/>
  <c r="V17483" i="1"/>
  <c r="V17484" i="1"/>
  <c r="V17485" i="1"/>
  <c r="V17486" i="1"/>
  <c r="V17487" i="1"/>
  <c r="V17488" i="1"/>
  <c r="V17489" i="1"/>
  <c r="V17490" i="1"/>
  <c r="V17491" i="1"/>
  <c r="V17492" i="1"/>
  <c r="V17493" i="1"/>
  <c r="V17494" i="1"/>
  <c r="V17495" i="1"/>
  <c r="V17496" i="1"/>
  <c r="V17497" i="1"/>
  <c r="V17498" i="1"/>
  <c r="V17499" i="1"/>
  <c r="V17500" i="1"/>
  <c r="V17501" i="1"/>
  <c r="V17502" i="1"/>
  <c r="V17503" i="1"/>
  <c r="V17504" i="1"/>
  <c r="V17505" i="1"/>
  <c r="V17506" i="1"/>
  <c r="V17507" i="1"/>
  <c r="V17508" i="1"/>
  <c r="V17509" i="1"/>
  <c r="V17510" i="1"/>
  <c r="V17511" i="1"/>
  <c r="V17512" i="1"/>
  <c r="V17513" i="1"/>
  <c r="V17514" i="1"/>
  <c r="V17515" i="1"/>
  <c r="V17516" i="1"/>
  <c r="V17517" i="1"/>
  <c r="V17518" i="1"/>
  <c r="V17519" i="1"/>
  <c r="V17520" i="1"/>
  <c r="V17521" i="1"/>
  <c r="V17522" i="1"/>
  <c r="V17523" i="1"/>
  <c r="V17524" i="1"/>
  <c r="V17525" i="1"/>
  <c r="V17526" i="1"/>
  <c r="V17527" i="1"/>
  <c r="V17528" i="1"/>
  <c r="V17529" i="1"/>
  <c r="V17530" i="1"/>
  <c r="V17531" i="1"/>
  <c r="V17532" i="1"/>
  <c r="V17533" i="1"/>
  <c r="V17534" i="1"/>
  <c r="V17535" i="1"/>
  <c r="V17536" i="1"/>
  <c r="V17537" i="1"/>
  <c r="V17538" i="1"/>
  <c r="V17539" i="1"/>
  <c r="V17540" i="1"/>
  <c r="V17541" i="1"/>
  <c r="V17542" i="1"/>
  <c r="V17543" i="1"/>
  <c r="V17544" i="1"/>
  <c r="V17545" i="1"/>
  <c r="V17546" i="1"/>
  <c r="V17547" i="1"/>
  <c r="V17548" i="1"/>
  <c r="V17549" i="1"/>
  <c r="V17550" i="1"/>
  <c r="V17551" i="1"/>
  <c r="V17552" i="1"/>
  <c r="V17553" i="1"/>
  <c r="V17554" i="1"/>
  <c r="V17555" i="1"/>
  <c r="V17556" i="1"/>
  <c r="V17557" i="1"/>
  <c r="V17558" i="1"/>
  <c r="V17559" i="1"/>
  <c r="V17560" i="1"/>
  <c r="V17561" i="1"/>
  <c r="V17562" i="1"/>
  <c r="V17563" i="1"/>
  <c r="V17564" i="1"/>
  <c r="V17565" i="1"/>
  <c r="V17566" i="1"/>
  <c r="V17567" i="1"/>
  <c r="V17568" i="1"/>
  <c r="V17569" i="1"/>
  <c r="V17570" i="1"/>
  <c r="V17571" i="1"/>
  <c r="V17572" i="1"/>
  <c r="V17573" i="1"/>
  <c r="V17574" i="1"/>
  <c r="V17575" i="1"/>
  <c r="V17576" i="1"/>
  <c r="V17577" i="1"/>
  <c r="V17578" i="1"/>
  <c r="V17579" i="1"/>
  <c r="V17580" i="1"/>
  <c r="V17581" i="1"/>
  <c r="V17582" i="1"/>
  <c r="V17583" i="1"/>
  <c r="V17584" i="1"/>
  <c r="V17585" i="1"/>
  <c r="V17586" i="1"/>
  <c r="V17587" i="1"/>
  <c r="V17588" i="1"/>
  <c r="V17589" i="1"/>
  <c r="V17590" i="1"/>
  <c r="V17591" i="1"/>
  <c r="V17592" i="1"/>
  <c r="V17593" i="1"/>
  <c r="V17594" i="1"/>
  <c r="V17595" i="1"/>
  <c r="V17596" i="1"/>
  <c r="V17597" i="1"/>
  <c r="V17598" i="1"/>
  <c r="V17599" i="1"/>
  <c r="V17600" i="1"/>
  <c r="V17601" i="1"/>
  <c r="V17602" i="1"/>
  <c r="V17603" i="1"/>
  <c r="V17604" i="1"/>
  <c r="V17605" i="1"/>
  <c r="V17606" i="1"/>
  <c r="V17607" i="1"/>
  <c r="V17608" i="1"/>
  <c r="V17609" i="1"/>
  <c r="V17610" i="1"/>
  <c r="V17611" i="1"/>
  <c r="V17612" i="1"/>
  <c r="V17613" i="1"/>
  <c r="V17614" i="1"/>
  <c r="V17615" i="1"/>
  <c r="V17616" i="1"/>
  <c r="V17617" i="1"/>
  <c r="V17618" i="1"/>
  <c r="V17619" i="1"/>
  <c r="V17620" i="1"/>
  <c r="V17621" i="1"/>
  <c r="V17622" i="1"/>
  <c r="V17623" i="1"/>
  <c r="V17624" i="1"/>
  <c r="V17625" i="1"/>
  <c r="V17626" i="1"/>
  <c r="V17627" i="1"/>
  <c r="V17628" i="1"/>
  <c r="V17629" i="1"/>
  <c r="V17630" i="1"/>
  <c r="V17631" i="1"/>
  <c r="V17632" i="1"/>
  <c r="V17633" i="1"/>
  <c r="V17634" i="1"/>
  <c r="V17635" i="1"/>
  <c r="V17636" i="1"/>
  <c r="V17637" i="1"/>
  <c r="V17638" i="1"/>
  <c r="V17639" i="1"/>
  <c r="V17640" i="1"/>
  <c r="V17641" i="1"/>
  <c r="V17642" i="1"/>
  <c r="V17643" i="1"/>
  <c r="V17644" i="1"/>
  <c r="V17645" i="1"/>
  <c r="V17646" i="1"/>
  <c r="V17647" i="1"/>
  <c r="V17648" i="1"/>
  <c r="V17649" i="1"/>
  <c r="V17650" i="1"/>
  <c r="V17651" i="1"/>
  <c r="V17652" i="1"/>
  <c r="V17653" i="1"/>
  <c r="V17654" i="1"/>
  <c r="V17655" i="1"/>
  <c r="V17656" i="1"/>
  <c r="V17657" i="1"/>
  <c r="V17658" i="1"/>
  <c r="V17659" i="1"/>
  <c r="V17660" i="1"/>
  <c r="V17661" i="1"/>
  <c r="V17662" i="1"/>
  <c r="V17663" i="1"/>
  <c r="V17664" i="1"/>
  <c r="V17665" i="1"/>
  <c r="V17666" i="1"/>
  <c r="V17667" i="1"/>
  <c r="V17668" i="1"/>
  <c r="V17669" i="1"/>
  <c r="V17670" i="1"/>
  <c r="V17671" i="1"/>
  <c r="V17672" i="1"/>
  <c r="V17673" i="1"/>
  <c r="V17674" i="1"/>
  <c r="V17675" i="1"/>
  <c r="V17676" i="1"/>
  <c r="V17677" i="1"/>
  <c r="V17678" i="1"/>
  <c r="V17679" i="1"/>
  <c r="V17680" i="1"/>
  <c r="V17681" i="1"/>
  <c r="V17682" i="1"/>
  <c r="V17683" i="1"/>
  <c r="V17684" i="1"/>
  <c r="V17685" i="1"/>
  <c r="V17686" i="1"/>
  <c r="V17687" i="1"/>
  <c r="V17688" i="1"/>
  <c r="V17689" i="1"/>
  <c r="V17690" i="1"/>
  <c r="V17691" i="1"/>
  <c r="V17692" i="1"/>
  <c r="V17693" i="1"/>
  <c r="V17694" i="1"/>
  <c r="V17695" i="1"/>
  <c r="V17696" i="1"/>
  <c r="V17697" i="1"/>
  <c r="V17698" i="1"/>
  <c r="V17699" i="1"/>
  <c r="V17700" i="1"/>
  <c r="V17701" i="1"/>
  <c r="V17702" i="1"/>
  <c r="V17703" i="1"/>
  <c r="V17704" i="1"/>
  <c r="V17705" i="1"/>
  <c r="V17706" i="1"/>
  <c r="V17707" i="1"/>
  <c r="V17708" i="1"/>
  <c r="V17709" i="1"/>
  <c r="V17710" i="1"/>
  <c r="V17711" i="1"/>
  <c r="V17712" i="1"/>
  <c r="V17713" i="1"/>
  <c r="V17714" i="1"/>
  <c r="V17715" i="1"/>
  <c r="V17716" i="1"/>
  <c r="V17717" i="1"/>
  <c r="V17718" i="1"/>
  <c r="V17719" i="1"/>
  <c r="V17720" i="1"/>
  <c r="V17721" i="1"/>
  <c r="V17722" i="1"/>
  <c r="V17723" i="1"/>
  <c r="V17724" i="1"/>
  <c r="V17725" i="1"/>
  <c r="V17726" i="1"/>
  <c r="V17727" i="1"/>
  <c r="V17728" i="1"/>
  <c r="V17729" i="1"/>
  <c r="V17730" i="1"/>
  <c r="V17731" i="1"/>
  <c r="V17732" i="1"/>
  <c r="V17733" i="1"/>
  <c r="V17734" i="1"/>
  <c r="V17735" i="1"/>
  <c r="V17736" i="1"/>
  <c r="V17737" i="1"/>
  <c r="V17738" i="1"/>
  <c r="V17739" i="1"/>
  <c r="V17740" i="1"/>
  <c r="V17741" i="1"/>
  <c r="V17742" i="1"/>
  <c r="V17743" i="1"/>
  <c r="V17744" i="1"/>
  <c r="V17745" i="1"/>
  <c r="V17746" i="1"/>
  <c r="V17747" i="1"/>
  <c r="V17748" i="1"/>
  <c r="V17749" i="1"/>
  <c r="V17750" i="1"/>
  <c r="V17751" i="1"/>
  <c r="V17752" i="1"/>
  <c r="V17753" i="1"/>
  <c r="V17754" i="1"/>
  <c r="V17755" i="1"/>
  <c r="V17756" i="1"/>
  <c r="V17757" i="1"/>
  <c r="V17758" i="1"/>
  <c r="V17759" i="1"/>
  <c r="V17760" i="1"/>
  <c r="V17761" i="1"/>
  <c r="V17762" i="1"/>
  <c r="V17763" i="1"/>
  <c r="V17764" i="1"/>
  <c r="V17765" i="1"/>
  <c r="V17766" i="1"/>
  <c r="V17767" i="1"/>
  <c r="V17768" i="1"/>
  <c r="V17769" i="1"/>
  <c r="V17770" i="1"/>
  <c r="V17771" i="1"/>
  <c r="V17772" i="1"/>
  <c r="V17773" i="1"/>
  <c r="V17774" i="1"/>
  <c r="V17775" i="1"/>
  <c r="V17776" i="1"/>
  <c r="V17777" i="1"/>
  <c r="V17778" i="1"/>
  <c r="V17779" i="1"/>
  <c r="V17780" i="1"/>
  <c r="V17781" i="1"/>
  <c r="V17782" i="1"/>
  <c r="V17783" i="1"/>
  <c r="V17784" i="1"/>
  <c r="V17785" i="1"/>
  <c r="V17786" i="1"/>
  <c r="V17787" i="1"/>
  <c r="V17788" i="1"/>
  <c r="V17789" i="1"/>
  <c r="V17790" i="1"/>
  <c r="V17791" i="1"/>
  <c r="V17792" i="1"/>
  <c r="V17793" i="1"/>
  <c r="V17794" i="1"/>
  <c r="V17795" i="1"/>
  <c r="V17796" i="1"/>
  <c r="V17797" i="1"/>
  <c r="V17798" i="1"/>
  <c r="V17799" i="1"/>
  <c r="V17800" i="1"/>
  <c r="V17801" i="1"/>
  <c r="V17802" i="1"/>
  <c r="V17803" i="1"/>
  <c r="V17804" i="1"/>
  <c r="V17805" i="1"/>
  <c r="V17806" i="1"/>
  <c r="V17807" i="1"/>
  <c r="V17808" i="1"/>
  <c r="V17809" i="1"/>
  <c r="V17810" i="1"/>
  <c r="V17811" i="1"/>
  <c r="V17812" i="1"/>
  <c r="V17813" i="1"/>
  <c r="V17814" i="1"/>
  <c r="V17815" i="1"/>
  <c r="V17816" i="1"/>
  <c r="V17817" i="1"/>
  <c r="V17818" i="1"/>
  <c r="V17819" i="1"/>
  <c r="V17820" i="1"/>
  <c r="V17821" i="1"/>
  <c r="V17822" i="1"/>
  <c r="V17823" i="1"/>
  <c r="V17824" i="1"/>
  <c r="V17825" i="1"/>
  <c r="V17826" i="1"/>
  <c r="V17827" i="1"/>
  <c r="V17828" i="1"/>
  <c r="V17829" i="1"/>
  <c r="V17830" i="1"/>
  <c r="V17831" i="1"/>
  <c r="V17832" i="1"/>
  <c r="V17833" i="1"/>
  <c r="V17834" i="1"/>
  <c r="V17835" i="1"/>
  <c r="V17836" i="1"/>
  <c r="V17837" i="1"/>
  <c r="V17838" i="1"/>
  <c r="V17839" i="1"/>
  <c r="V17840" i="1"/>
  <c r="V17841" i="1"/>
  <c r="V17842" i="1"/>
  <c r="V17843" i="1"/>
  <c r="V17844" i="1"/>
  <c r="V17845" i="1"/>
  <c r="V17846" i="1"/>
  <c r="V17847" i="1"/>
  <c r="V17848" i="1"/>
  <c r="V17849" i="1"/>
  <c r="V17850" i="1"/>
  <c r="V17851" i="1"/>
  <c r="V17852" i="1"/>
  <c r="V17853" i="1"/>
  <c r="V17854" i="1"/>
  <c r="V17855" i="1"/>
  <c r="V17856" i="1"/>
  <c r="V17857" i="1"/>
  <c r="V17858" i="1"/>
  <c r="V17859" i="1"/>
  <c r="V17860" i="1"/>
  <c r="V17861" i="1"/>
  <c r="V17862" i="1"/>
  <c r="V17863" i="1"/>
  <c r="V17864" i="1"/>
  <c r="V17865" i="1"/>
  <c r="V17866" i="1"/>
  <c r="V17867" i="1"/>
  <c r="V17868" i="1"/>
  <c r="V17869" i="1"/>
  <c r="V17870" i="1"/>
  <c r="V17871" i="1"/>
  <c r="V17872" i="1"/>
  <c r="V17873" i="1"/>
  <c r="V17874" i="1"/>
  <c r="V17875" i="1"/>
  <c r="V17876" i="1"/>
  <c r="V17877" i="1"/>
  <c r="V17878" i="1"/>
  <c r="V17879" i="1"/>
  <c r="V17880" i="1"/>
  <c r="V17881" i="1"/>
  <c r="V17882" i="1"/>
  <c r="V17883" i="1"/>
  <c r="V17884" i="1"/>
  <c r="V17885" i="1"/>
  <c r="V17886" i="1"/>
  <c r="V17887" i="1"/>
  <c r="V17888" i="1"/>
  <c r="V17889" i="1"/>
  <c r="V17890" i="1"/>
  <c r="V17891" i="1"/>
  <c r="V17892" i="1"/>
  <c r="V17893" i="1"/>
  <c r="V17894" i="1"/>
  <c r="V17895" i="1"/>
  <c r="V17896" i="1"/>
  <c r="V17897" i="1"/>
  <c r="V17898" i="1"/>
  <c r="V17899" i="1"/>
  <c r="V17900" i="1"/>
  <c r="V17901" i="1"/>
  <c r="V17902" i="1"/>
  <c r="V17903" i="1"/>
  <c r="V17904" i="1"/>
  <c r="V17905" i="1"/>
  <c r="V17906" i="1"/>
  <c r="V17907" i="1"/>
  <c r="V17908" i="1"/>
  <c r="V17909" i="1"/>
  <c r="V17910" i="1"/>
  <c r="V17911" i="1"/>
  <c r="V17912" i="1"/>
  <c r="V17913" i="1"/>
  <c r="V17914" i="1"/>
  <c r="V17915" i="1"/>
  <c r="V17916" i="1"/>
  <c r="V17917" i="1"/>
  <c r="V17918" i="1"/>
  <c r="V17919" i="1"/>
  <c r="V17920" i="1"/>
  <c r="V17921" i="1"/>
  <c r="V17922" i="1"/>
  <c r="V17923" i="1"/>
  <c r="V17924" i="1"/>
  <c r="V17925" i="1"/>
  <c r="V17926" i="1"/>
  <c r="V17927" i="1"/>
  <c r="V17928" i="1"/>
  <c r="V17929" i="1"/>
  <c r="V17930" i="1"/>
  <c r="V17931" i="1"/>
  <c r="V17932" i="1"/>
  <c r="V17933" i="1"/>
  <c r="V17934" i="1"/>
  <c r="V17935" i="1"/>
  <c r="V17936" i="1"/>
  <c r="V17937" i="1"/>
  <c r="V17938" i="1"/>
  <c r="V17939" i="1"/>
  <c r="V17940" i="1"/>
  <c r="V17941" i="1"/>
  <c r="V17942" i="1"/>
  <c r="V17943" i="1"/>
  <c r="V17944" i="1"/>
  <c r="V17945" i="1"/>
  <c r="V17946" i="1"/>
  <c r="V17947" i="1"/>
  <c r="V17948" i="1"/>
  <c r="V17949" i="1"/>
  <c r="V17950" i="1"/>
  <c r="V17951" i="1"/>
  <c r="V17952" i="1"/>
  <c r="V17953" i="1"/>
  <c r="V17954" i="1"/>
  <c r="V17955" i="1"/>
  <c r="V17956" i="1"/>
  <c r="V17957" i="1"/>
  <c r="V17958" i="1"/>
  <c r="V17959" i="1"/>
  <c r="V17960" i="1"/>
  <c r="V17961" i="1"/>
  <c r="V17962" i="1"/>
  <c r="V17963" i="1"/>
  <c r="V17964" i="1"/>
  <c r="V17965" i="1"/>
  <c r="V17966" i="1"/>
  <c r="V17967" i="1"/>
  <c r="V17968" i="1"/>
  <c r="V17969" i="1"/>
  <c r="V17970" i="1"/>
  <c r="V17971" i="1"/>
  <c r="V17972" i="1"/>
  <c r="V17973" i="1"/>
  <c r="V17974" i="1"/>
  <c r="V17975" i="1"/>
  <c r="V17976" i="1"/>
  <c r="V17977" i="1"/>
  <c r="V17978" i="1"/>
  <c r="V17979" i="1"/>
  <c r="V17980" i="1"/>
  <c r="V17981" i="1"/>
  <c r="V17982" i="1"/>
  <c r="V17983" i="1"/>
  <c r="V17984" i="1"/>
  <c r="V17985" i="1"/>
  <c r="V17986" i="1"/>
  <c r="V17987" i="1"/>
  <c r="V17988" i="1"/>
  <c r="V17989" i="1"/>
  <c r="V17990" i="1"/>
  <c r="V17991" i="1"/>
  <c r="V17992" i="1"/>
  <c r="V17993" i="1"/>
  <c r="V17994" i="1"/>
  <c r="V17995" i="1"/>
  <c r="V17996" i="1"/>
  <c r="V17997" i="1"/>
  <c r="V17998" i="1"/>
  <c r="V17999" i="1"/>
  <c r="V18000" i="1"/>
  <c r="V18001" i="1"/>
  <c r="V18002" i="1"/>
  <c r="V18003" i="1"/>
  <c r="V18004" i="1"/>
  <c r="V18005" i="1"/>
  <c r="V18006" i="1"/>
  <c r="V18007" i="1"/>
  <c r="V18008" i="1"/>
  <c r="V18009" i="1"/>
  <c r="V18010" i="1"/>
  <c r="V18011" i="1"/>
  <c r="V18012" i="1"/>
  <c r="V18013" i="1"/>
  <c r="V18014" i="1"/>
  <c r="V18015" i="1"/>
  <c r="V18016" i="1"/>
  <c r="V18017" i="1"/>
  <c r="V18018" i="1"/>
  <c r="V18019" i="1"/>
  <c r="V18020" i="1"/>
  <c r="V18021" i="1"/>
  <c r="V18022" i="1"/>
  <c r="V18023" i="1"/>
  <c r="V18024" i="1"/>
  <c r="V18025" i="1"/>
  <c r="V18026" i="1"/>
  <c r="V18027" i="1"/>
  <c r="V18028" i="1"/>
  <c r="V18029" i="1"/>
  <c r="V18030" i="1"/>
  <c r="V18031" i="1"/>
  <c r="V18032" i="1"/>
  <c r="V18033" i="1"/>
  <c r="V18034" i="1"/>
  <c r="V18035" i="1"/>
  <c r="V18036" i="1"/>
  <c r="V18037" i="1"/>
  <c r="V18038" i="1"/>
  <c r="V18039" i="1"/>
  <c r="V18040" i="1"/>
  <c r="V18041" i="1"/>
  <c r="V18042" i="1"/>
  <c r="V18043" i="1"/>
  <c r="V18044" i="1"/>
  <c r="V18045" i="1"/>
  <c r="V18046" i="1"/>
  <c r="V18047" i="1"/>
  <c r="V18048" i="1"/>
  <c r="V18049" i="1"/>
  <c r="V18050" i="1"/>
  <c r="V18051" i="1"/>
  <c r="V18052" i="1"/>
  <c r="V18053" i="1"/>
  <c r="V18054" i="1"/>
  <c r="V18055" i="1"/>
  <c r="V18056" i="1"/>
  <c r="V18057" i="1"/>
  <c r="V18058" i="1"/>
  <c r="V18059" i="1"/>
  <c r="V18060" i="1"/>
  <c r="V18061" i="1"/>
  <c r="V18062" i="1"/>
  <c r="V18063" i="1"/>
  <c r="V18064" i="1"/>
  <c r="V18065" i="1"/>
  <c r="V18066" i="1"/>
  <c r="V18067" i="1"/>
  <c r="V18068" i="1"/>
  <c r="V18069" i="1"/>
  <c r="V18070" i="1"/>
  <c r="V18071" i="1"/>
  <c r="V18072" i="1"/>
  <c r="V18073" i="1"/>
  <c r="V18074" i="1"/>
  <c r="V18075" i="1"/>
  <c r="V18076" i="1"/>
  <c r="V18077" i="1"/>
  <c r="V18078" i="1"/>
  <c r="V18079" i="1"/>
  <c r="V18080" i="1"/>
  <c r="V18081" i="1"/>
  <c r="V18082" i="1"/>
  <c r="V18083" i="1"/>
  <c r="V18084" i="1"/>
  <c r="V18085" i="1"/>
  <c r="V18086" i="1"/>
  <c r="V18087" i="1"/>
  <c r="V18088" i="1"/>
  <c r="V18089" i="1"/>
  <c r="V18090" i="1"/>
  <c r="V18091" i="1"/>
  <c r="V18092" i="1"/>
  <c r="V18093" i="1"/>
  <c r="V18094" i="1"/>
  <c r="V18095" i="1"/>
  <c r="V18096" i="1"/>
  <c r="V18097" i="1"/>
  <c r="V18098" i="1"/>
  <c r="V18099" i="1"/>
  <c r="V18100" i="1"/>
  <c r="V18101" i="1"/>
  <c r="V18102" i="1"/>
  <c r="V18103" i="1"/>
  <c r="V18104" i="1"/>
  <c r="V18105" i="1"/>
  <c r="V18106" i="1"/>
  <c r="V18107" i="1"/>
  <c r="V18108" i="1"/>
  <c r="V18109" i="1"/>
  <c r="V18110" i="1"/>
  <c r="V18111" i="1"/>
  <c r="V18112" i="1"/>
  <c r="V18113" i="1"/>
  <c r="V18114" i="1"/>
  <c r="V18115" i="1"/>
  <c r="V18116" i="1"/>
  <c r="V18117" i="1"/>
  <c r="V18118" i="1"/>
  <c r="V18119" i="1"/>
  <c r="V18120" i="1"/>
  <c r="V18121" i="1"/>
  <c r="V18122" i="1"/>
  <c r="V18123" i="1"/>
  <c r="V18124" i="1"/>
  <c r="V18125" i="1"/>
  <c r="V18126" i="1"/>
  <c r="V18127" i="1"/>
  <c r="V18128" i="1"/>
  <c r="V18129" i="1"/>
  <c r="V18130" i="1"/>
  <c r="V18131" i="1"/>
  <c r="V18132" i="1"/>
  <c r="V18133" i="1"/>
  <c r="V18134" i="1"/>
  <c r="V18135" i="1"/>
  <c r="V18136" i="1"/>
  <c r="V18137" i="1"/>
  <c r="V18138" i="1"/>
  <c r="V18139" i="1"/>
  <c r="V18140" i="1"/>
  <c r="V18141" i="1"/>
  <c r="V18142" i="1"/>
  <c r="V18143" i="1"/>
  <c r="V18144" i="1"/>
  <c r="V18145" i="1"/>
  <c r="V18146" i="1"/>
  <c r="V18147" i="1"/>
  <c r="V18148" i="1"/>
  <c r="V18149" i="1"/>
  <c r="V18150" i="1"/>
  <c r="V18151" i="1"/>
  <c r="V18152" i="1"/>
  <c r="V18153" i="1"/>
  <c r="V18154" i="1"/>
  <c r="V18155" i="1"/>
  <c r="V18156" i="1"/>
  <c r="V18157" i="1"/>
  <c r="V18158" i="1"/>
  <c r="V18159" i="1"/>
  <c r="V18160" i="1"/>
  <c r="V18161" i="1"/>
  <c r="V18162" i="1"/>
  <c r="V18163" i="1"/>
  <c r="V18164" i="1"/>
  <c r="V18165" i="1"/>
  <c r="V18166" i="1"/>
  <c r="V18167" i="1"/>
  <c r="V18168" i="1"/>
  <c r="V18169" i="1"/>
  <c r="V18170" i="1"/>
  <c r="V18171" i="1"/>
  <c r="V18172" i="1"/>
  <c r="V18173" i="1"/>
  <c r="V18174" i="1"/>
  <c r="V18175" i="1"/>
  <c r="V18176" i="1"/>
  <c r="V18177" i="1"/>
  <c r="V18178" i="1"/>
  <c r="V18179" i="1"/>
  <c r="V18180" i="1"/>
  <c r="V18181" i="1"/>
  <c r="V18182" i="1"/>
  <c r="V18183" i="1"/>
  <c r="V18184" i="1"/>
  <c r="V18185" i="1"/>
  <c r="V18186" i="1"/>
  <c r="V18187" i="1"/>
  <c r="V18188" i="1"/>
  <c r="V18189" i="1"/>
  <c r="V18190" i="1"/>
  <c r="V18191" i="1"/>
  <c r="V18192" i="1"/>
  <c r="V18193" i="1"/>
  <c r="V18194" i="1"/>
  <c r="V18195" i="1"/>
  <c r="V18196" i="1"/>
  <c r="V18197" i="1"/>
  <c r="V18198" i="1"/>
  <c r="V18199" i="1"/>
  <c r="V18200" i="1"/>
  <c r="V18201" i="1"/>
  <c r="V18202" i="1"/>
  <c r="V18203" i="1"/>
  <c r="V18204" i="1"/>
  <c r="V18205" i="1"/>
  <c r="V18206" i="1"/>
  <c r="V18207" i="1"/>
  <c r="V18208" i="1"/>
  <c r="V18209" i="1"/>
  <c r="V18210" i="1"/>
  <c r="V18211" i="1"/>
  <c r="V18212" i="1"/>
  <c r="V18213" i="1"/>
  <c r="V18214" i="1"/>
  <c r="V18215" i="1"/>
  <c r="V18216" i="1"/>
  <c r="V18217" i="1"/>
  <c r="V18218" i="1"/>
  <c r="V18219" i="1"/>
  <c r="V18220" i="1"/>
  <c r="V18221" i="1"/>
  <c r="V18222" i="1"/>
  <c r="V18223" i="1"/>
  <c r="V18224" i="1"/>
  <c r="V18225" i="1"/>
  <c r="V18226" i="1"/>
  <c r="V18227" i="1"/>
  <c r="V18228" i="1"/>
  <c r="V18229" i="1"/>
  <c r="V18230" i="1"/>
  <c r="V18231" i="1"/>
  <c r="V18232" i="1"/>
  <c r="V18233" i="1"/>
  <c r="V18234" i="1"/>
  <c r="V18235" i="1"/>
  <c r="V18236" i="1"/>
  <c r="V18237" i="1"/>
  <c r="V18238" i="1"/>
  <c r="V18239" i="1"/>
  <c r="V18240" i="1"/>
  <c r="V18241" i="1"/>
  <c r="V18242" i="1"/>
  <c r="V18243" i="1"/>
  <c r="V18244" i="1"/>
  <c r="V18245" i="1"/>
  <c r="V18246" i="1"/>
  <c r="V18247" i="1"/>
  <c r="V18248" i="1"/>
  <c r="V18249" i="1"/>
  <c r="V18250" i="1"/>
  <c r="V18251" i="1"/>
  <c r="V18252" i="1"/>
  <c r="V18253" i="1"/>
  <c r="V18254" i="1"/>
  <c r="V18255" i="1"/>
  <c r="V18256" i="1"/>
  <c r="V18257" i="1"/>
  <c r="V18258" i="1"/>
  <c r="V18259" i="1"/>
  <c r="V18260" i="1"/>
  <c r="V18261" i="1"/>
  <c r="V18262" i="1"/>
  <c r="V18263" i="1"/>
  <c r="V18264" i="1"/>
  <c r="V18265" i="1"/>
  <c r="V18266" i="1"/>
  <c r="V18267" i="1"/>
  <c r="V18268" i="1"/>
  <c r="V18269" i="1"/>
  <c r="V18270" i="1"/>
  <c r="V18271" i="1"/>
  <c r="V18272" i="1"/>
  <c r="V18273" i="1"/>
  <c r="V18274" i="1"/>
  <c r="V18275" i="1"/>
  <c r="V18276" i="1"/>
  <c r="V18277" i="1"/>
  <c r="V18278" i="1"/>
  <c r="V18279" i="1"/>
  <c r="V18280" i="1"/>
  <c r="V18281" i="1"/>
  <c r="V18282" i="1"/>
  <c r="V18283" i="1"/>
  <c r="V18284" i="1"/>
  <c r="V18285" i="1"/>
  <c r="V18286" i="1"/>
  <c r="V18287" i="1"/>
  <c r="V18288" i="1"/>
  <c r="V18289" i="1"/>
  <c r="V18290" i="1"/>
  <c r="V18291" i="1"/>
  <c r="V18292" i="1"/>
  <c r="V18293" i="1"/>
  <c r="V18294" i="1"/>
  <c r="V18295" i="1"/>
  <c r="V18296" i="1"/>
  <c r="V18297" i="1"/>
  <c r="V18298" i="1"/>
  <c r="V18299" i="1"/>
  <c r="V18300" i="1"/>
  <c r="V18301" i="1"/>
  <c r="V18302" i="1"/>
  <c r="V18303" i="1"/>
  <c r="V18304" i="1"/>
  <c r="V18305" i="1"/>
  <c r="V18306" i="1"/>
  <c r="V18307" i="1"/>
  <c r="V18308" i="1"/>
  <c r="V18309" i="1"/>
  <c r="V18310" i="1"/>
  <c r="V18311" i="1"/>
  <c r="V18312" i="1"/>
  <c r="V18313" i="1"/>
  <c r="V18314" i="1"/>
  <c r="V18315" i="1"/>
  <c r="V18316" i="1"/>
  <c r="V18317" i="1"/>
  <c r="V18318" i="1"/>
  <c r="V18319" i="1"/>
  <c r="V18320" i="1"/>
  <c r="V18321" i="1"/>
  <c r="V18322" i="1"/>
  <c r="V18323" i="1"/>
  <c r="V18324" i="1"/>
  <c r="V18325" i="1"/>
  <c r="V18326" i="1"/>
  <c r="V18327" i="1"/>
  <c r="V18328" i="1"/>
  <c r="V18329" i="1"/>
  <c r="V18330" i="1"/>
  <c r="V18331" i="1"/>
  <c r="V18332" i="1"/>
  <c r="V18333" i="1"/>
  <c r="V18334" i="1"/>
  <c r="V18335" i="1"/>
  <c r="V18336" i="1"/>
  <c r="V18337" i="1"/>
  <c r="V18338" i="1"/>
  <c r="V18339" i="1"/>
  <c r="V18340" i="1"/>
  <c r="V18341" i="1"/>
  <c r="V18342" i="1"/>
  <c r="V18343" i="1"/>
  <c r="V18344" i="1"/>
  <c r="V18345" i="1"/>
  <c r="V18346" i="1"/>
  <c r="V18347" i="1"/>
  <c r="V18348" i="1"/>
  <c r="V18349" i="1"/>
  <c r="V18350" i="1"/>
  <c r="V18351" i="1"/>
  <c r="V18352" i="1"/>
  <c r="V18353" i="1"/>
  <c r="V18354" i="1"/>
  <c r="V18355" i="1"/>
  <c r="V18356" i="1"/>
  <c r="V18357" i="1"/>
  <c r="V18358" i="1"/>
  <c r="V18359" i="1"/>
  <c r="V18360" i="1"/>
  <c r="V18361" i="1"/>
  <c r="V18362" i="1"/>
  <c r="V18363" i="1"/>
  <c r="V18364" i="1"/>
  <c r="V18365" i="1"/>
  <c r="V18366" i="1"/>
  <c r="V18367" i="1"/>
  <c r="V18368" i="1"/>
  <c r="V18369" i="1"/>
  <c r="V18370" i="1"/>
  <c r="V18371" i="1"/>
  <c r="V18372" i="1"/>
  <c r="V18373" i="1"/>
  <c r="V18374" i="1"/>
  <c r="V18375" i="1"/>
  <c r="V18376" i="1"/>
  <c r="V18377" i="1"/>
  <c r="V18378" i="1"/>
  <c r="V18379" i="1"/>
  <c r="V18380" i="1"/>
  <c r="V18381" i="1"/>
  <c r="V18382" i="1"/>
  <c r="V18383" i="1"/>
  <c r="V18384" i="1"/>
  <c r="V18385" i="1"/>
  <c r="V18386" i="1"/>
  <c r="V18387" i="1"/>
  <c r="V18388" i="1"/>
  <c r="V18389" i="1"/>
  <c r="V18390" i="1"/>
  <c r="V18391" i="1"/>
  <c r="V18392" i="1"/>
  <c r="V18393" i="1"/>
  <c r="V18394" i="1"/>
  <c r="V18395" i="1"/>
  <c r="V18396" i="1"/>
  <c r="V18397" i="1"/>
  <c r="V18398" i="1"/>
  <c r="V18399" i="1"/>
  <c r="V18400" i="1"/>
  <c r="V18401" i="1"/>
  <c r="V18402" i="1"/>
  <c r="V18403" i="1"/>
  <c r="V18404" i="1"/>
  <c r="V18405" i="1"/>
  <c r="V18406" i="1"/>
  <c r="V18407" i="1"/>
  <c r="V18408" i="1"/>
  <c r="V18409" i="1"/>
  <c r="V18410" i="1"/>
  <c r="V18411" i="1"/>
  <c r="V18412" i="1"/>
  <c r="V18413" i="1"/>
  <c r="V18414" i="1"/>
  <c r="V18415" i="1"/>
  <c r="V18416" i="1"/>
  <c r="V18417" i="1"/>
  <c r="V18418" i="1"/>
  <c r="V18419" i="1"/>
  <c r="V18420" i="1"/>
  <c r="V18421" i="1"/>
  <c r="V18422" i="1"/>
  <c r="V18423" i="1"/>
  <c r="V18424" i="1"/>
  <c r="V18425" i="1"/>
  <c r="V18426" i="1"/>
  <c r="V18427" i="1"/>
  <c r="V18428" i="1"/>
  <c r="V18429" i="1"/>
  <c r="V18430" i="1"/>
  <c r="V18431" i="1"/>
  <c r="V18432" i="1"/>
  <c r="V18433" i="1"/>
  <c r="V18434" i="1"/>
  <c r="V18435" i="1"/>
  <c r="V18436" i="1"/>
  <c r="V18437" i="1"/>
  <c r="V18438" i="1"/>
  <c r="V18439" i="1"/>
  <c r="V18440" i="1"/>
  <c r="V18441" i="1"/>
  <c r="V18442" i="1"/>
  <c r="V18443" i="1"/>
  <c r="V18444" i="1"/>
  <c r="V18445" i="1"/>
  <c r="V18446" i="1"/>
  <c r="V18447" i="1"/>
  <c r="V18448" i="1"/>
  <c r="V18449" i="1"/>
  <c r="V18450" i="1"/>
  <c r="V18451" i="1"/>
  <c r="V18452" i="1"/>
  <c r="V18453" i="1"/>
  <c r="V18454" i="1"/>
  <c r="V18455" i="1"/>
  <c r="V18456" i="1"/>
  <c r="V18457" i="1"/>
  <c r="V18458" i="1"/>
  <c r="V18459" i="1"/>
  <c r="V18460" i="1"/>
  <c r="V18461" i="1"/>
  <c r="V18462" i="1"/>
  <c r="V18463" i="1"/>
  <c r="V18464" i="1"/>
  <c r="V18465" i="1"/>
  <c r="V18466" i="1"/>
  <c r="V18467" i="1"/>
  <c r="V18468" i="1"/>
  <c r="V18469" i="1"/>
  <c r="V18470" i="1"/>
  <c r="V18471" i="1"/>
  <c r="V18472" i="1"/>
  <c r="V18473" i="1"/>
  <c r="V18474" i="1"/>
  <c r="V18475" i="1"/>
  <c r="V18476" i="1"/>
  <c r="V18477" i="1"/>
  <c r="V18478" i="1"/>
  <c r="V18479" i="1"/>
  <c r="V18480" i="1"/>
  <c r="V18481" i="1"/>
  <c r="V18482" i="1"/>
  <c r="V18483" i="1"/>
  <c r="V18484" i="1"/>
  <c r="V18485" i="1"/>
  <c r="V18486" i="1"/>
  <c r="V18487" i="1"/>
  <c r="V18488" i="1"/>
  <c r="V18489" i="1"/>
  <c r="V18490" i="1"/>
  <c r="V18491" i="1"/>
  <c r="V18492" i="1"/>
  <c r="V18493" i="1"/>
  <c r="V18494" i="1"/>
  <c r="V18495" i="1"/>
  <c r="V18496" i="1"/>
  <c r="V18497" i="1"/>
  <c r="V18498" i="1"/>
  <c r="V18499" i="1"/>
  <c r="V18500" i="1"/>
  <c r="V18501" i="1"/>
  <c r="V18502" i="1"/>
  <c r="V18503" i="1"/>
  <c r="V18504" i="1"/>
  <c r="V18505" i="1"/>
  <c r="V18506" i="1"/>
  <c r="V18507" i="1"/>
  <c r="V18508" i="1"/>
  <c r="V18509" i="1"/>
  <c r="V18510" i="1"/>
  <c r="V18511" i="1"/>
  <c r="V18512" i="1"/>
  <c r="V18513" i="1"/>
  <c r="V18514" i="1"/>
  <c r="V18515" i="1"/>
  <c r="V18516" i="1"/>
  <c r="V18517" i="1"/>
  <c r="V18518" i="1"/>
  <c r="V18519" i="1"/>
  <c r="V18520" i="1"/>
  <c r="V18521" i="1"/>
  <c r="V18522" i="1"/>
  <c r="V18523" i="1"/>
  <c r="V18524" i="1"/>
  <c r="V18525" i="1"/>
  <c r="V18526" i="1"/>
  <c r="V18527" i="1"/>
  <c r="V18528" i="1"/>
  <c r="V18529" i="1"/>
  <c r="V18530" i="1"/>
  <c r="V18531" i="1"/>
  <c r="V18532" i="1"/>
  <c r="V18533" i="1"/>
  <c r="V18534" i="1"/>
  <c r="V18535" i="1"/>
  <c r="V18536" i="1"/>
  <c r="V18537" i="1"/>
  <c r="V18538" i="1"/>
  <c r="V18539" i="1"/>
  <c r="V18540" i="1"/>
  <c r="V18541" i="1"/>
  <c r="V18542" i="1"/>
  <c r="V18543" i="1"/>
  <c r="V18544" i="1"/>
  <c r="V18545" i="1"/>
  <c r="V18546" i="1"/>
  <c r="V18547" i="1"/>
  <c r="V18548" i="1"/>
  <c r="V18549" i="1"/>
  <c r="V18550" i="1"/>
  <c r="V18551" i="1"/>
  <c r="V18552" i="1"/>
  <c r="V18553" i="1"/>
  <c r="V18554" i="1"/>
  <c r="V18555" i="1"/>
  <c r="V18556" i="1"/>
  <c r="V18557" i="1"/>
  <c r="V18558" i="1"/>
  <c r="V18559" i="1"/>
  <c r="V18560" i="1"/>
  <c r="V18561" i="1"/>
  <c r="V18562" i="1"/>
  <c r="V18563" i="1"/>
  <c r="V18564" i="1"/>
  <c r="V18565" i="1"/>
  <c r="V18566" i="1"/>
  <c r="V18567" i="1"/>
  <c r="V18568" i="1"/>
  <c r="V18569" i="1"/>
  <c r="V18570" i="1"/>
  <c r="V18571" i="1"/>
  <c r="V18572" i="1"/>
  <c r="V18573" i="1"/>
  <c r="V18574" i="1"/>
  <c r="V18575" i="1"/>
  <c r="V18576" i="1"/>
  <c r="V18577" i="1"/>
  <c r="V18578" i="1"/>
  <c r="V18579" i="1"/>
  <c r="V18580" i="1"/>
  <c r="V18581" i="1"/>
  <c r="V18582" i="1"/>
  <c r="V18583" i="1"/>
  <c r="V18584" i="1"/>
  <c r="V18585" i="1"/>
  <c r="V18586" i="1"/>
  <c r="V18587" i="1"/>
  <c r="V18588" i="1"/>
  <c r="V18589" i="1"/>
  <c r="V18590" i="1"/>
  <c r="V18591" i="1"/>
  <c r="V18592" i="1"/>
  <c r="V18593" i="1"/>
  <c r="V18594" i="1"/>
  <c r="V18595" i="1"/>
  <c r="V18596" i="1"/>
  <c r="V18597" i="1"/>
  <c r="V18598" i="1"/>
  <c r="V18599" i="1"/>
  <c r="V18600" i="1"/>
  <c r="V18601" i="1"/>
  <c r="V18602" i="1"/>
  <c r="V18603" i="1"/>
  <c r="V18604" i="1"/>
  <c r="V18605" i="1"/>
  <c r="V18606" i="1"/>
  <c r="V18607" i="1"/>
  <c r="V18608" i="1"/>
  <c r="V18609" i="1"/>
  <c r="V18610" i="1"/>
  <c r="V18611" i="1"/>
  <c r="V18612" i="1"/>
  <c r="V18613" i="1"/>
  <c r="V18614" i="1"/>
  <c r="V18615" i="1"/>
  <c r="V18616" i="1"/>
  <c r="V18617" i="1"/>
  <c r="V18618" i="1"/>
  <c r="V18619" i="1"/>
  <c r="V18620" i="1"/>
  <c r="V18621" i="1"/>
  <c r="V18622" i="1"/>
  <c r="V18623" i="1"/>
  <c r="V18624" i="1"/>
  <c r="V18625" i="1"/>
  <c r="V18626" i="1"/>
  <c r="V18627" i="1"/>
  <c r="V18628" i="1"/>
  <c r="V18629" i="1"/>
  <c r="V18630" i="1"/>
  <c r="V18631" i="1"/>
  <c r="V18632" i="1"/>
  <c r="V18633" i="1"/>
  <c r="V18634" i="1"/>
  <c r="V18635" i="1"/>
  <c r="V18636" i="1"/>
  <c r="V18637" i="1"/>
  <c r="V18638" i="1"/>
  <c r="V18639" i="1"/>
  <c r="V18640" i="1"/>
  <c r="V18641" i="1"/>
  <c r="V18642" i="1"/>
  <c r="V18643" i="1"/>
  <c r="V18644" i="1"/>
  <c r="V18645" i="1"/>
  <c r="V18646" i="1"/>
  <c r="V18647" i="1"/>
  <c r="V18648" i="1"/>
  <c r="V18649" i="1"/>
  <c r="V18650" i="1"/>
  <c r="V18651" i="1"/>
  <c r="V18652" i="1"/>
  <c r="V18653" i="1"/>
  <c r="V18654" i="1"/>
  <c r="V18655" i="1"/>
  <c r="V18656" i="1"/>
  <c r="V18657" i="1"/>
  <c r="V18658" i="1"/>
  <c r="V18659" i="1"/>
  <c r="V18660" i="1"/>
  <c r="V18661" i="1"/>
  <c r="V18662" i="1"/>
  <c r="V18663" i="1"/>
  <c r="V18664" i="1"/>
  <c r="V18665" i="1"/>
  <c r="V18666" i="1"/>
  <c r="V18667" i="1"/>
  <c r="V18668" i="1"/>
  <c r="V18669" i="1"/>
  <c r="V18670" i="1"/>
  <c r="V18671" i="1"/>
  <c r="V18672" i="1"/>
  <c r="V18673" i="1"/>
  <c r="V18674" i="1"/>
  <c r="V18675" i="1"/>
  <c r="V18676" i="1"/>
  <c r="V18677" i="1"/>
  <c r="V18678" i="1"/>
  <c r="V18679" i="1"/>
  <c r="V18680" i="1"/>
  <c r="V18681" i="1"/>
  <c r="V18682" i="1"/>
  <c r="V18683" i="1"/>
  <c r="V18684" i="1"/>
  <c r="V18685" i="1"/>
  <c r="V18686" i="1"/>
  <c r="V18687" i="1"/>
  <c r="V18688" i="1"/>
  <c r="V18689" i="1"/>
  <c r="V18690" i="1"/>
  <c r="V18691" i="1"/>
  <c r="V18692" i="1"/>
  <c r="V18693" i="1"/>
  <c r="V18694" i="1"/>
  <c r="V18695" i="1"/>
  <c r="V18696" i="1"/>
  <c r="V18697" i="1"/>
  <c r="V18698" i="1"/>
  <c r="V18699" i="1"/>
  <c r="V18700" i="1"/>
  <c r="V18701" i="1"/>
  <c r="V18702" i="1"/>
  <c r="V18703" i="1"/>
  <c r="V18704" i="1"/>
  <c r="V18705" i="1"/>
  <c r="V18706" i="1"/>
  <c r="V18707" i="1"/>
  <c r="V18708" i="1"/>
  <c r="V18709" i="1"/>
  <c r="V18710" i="1"/>
  <c r="V18711" i="1"/>
  <c r="V18712" i="1"/>
  <c r="V18713" i="1"/>
  <c r="V18714" i="1"/>
  <c r="V18715" i="1"/>
  <c r="V18716" i="1"/>
  <c r="V18717" i="1"/>
  <c r="V18718" i="1"/>
  <c r="V18719" i="1"/>
  <c r="V18720" i="1"/>
  <c r="V18721" i="1"/>
  <c r="V18722" i="1"/>
  <c r="V18723" i="1"/>
  <c r="V18724" i="1"/>
  <c r="V18725" i="1"/>
  <c r="V18726" i="1"/>
  <c r="V18727" i="1"/>
  <c r="V18728" i="1"/>
  <c r="V18729" i="1"/>
  <c r="V18730" i="1"/>
  <c r="V18731" i="1"/>
  <c r="V18732" i="1"/>
  <c r="V18733" i="1"/>
  <c r="V18734" i="1"/>
  <c r="V18735" i="1"/>
  <c r="V18736" i="1"/>
  <c r="V18737" i="1"/>
  <c r="V18738" i="1"/>
  <c r="V18739" i="1"/>
  <c r="V18740" i="1"/>
  <c r="V18741" i="1"/>
  <c r="V18742" i="1"/>
  <c r="V18743" i="1"/>
  <c r="V18744" i="1"/>
  <c r="V18745" i="1"/>
  <c r="V18746" i="1"/>
  <c r="V18747" i="1"/>
  <c r="V18748" i="1"/>
  <c r="V18749" i="1"/>
  <c r="V18750" i="1"/>
  <c r="V18751" i="1"/>
  <c r="V18752" i="1"/>
  <c r="V18753" i="1"/>
  <c r="V18754" i="1"/>
  <c r="V18755" i="1"/>
  <c r="V18756" i="1"/>
  <c r="V18757" i="1"/>
  <c r="V18758" i="1"/>
  <c r="V18759" i="1"/>
  <c r="V18760" i="1"/>
  <c r="V18761" i="1"/>
  <c r="V18762" i="1"/>
  <c r="V18763" i="1"/>
  <c r="V18764" i="1"/>
  <c r="V18765" i="1"/>
  <c r="V18766" i="1"/>
  <c r="V18767" i="1"/>
  <c r="V18768" i="1"/>
  <c r="V18769" i="1"/>
  <c r="V18770" i="1"/>
  <c r="V18771" i="1"/>
  <c r="V18772" i="1"/>
  <c r="V18773" i="1"/>
  <c r="V18774" i="1"/>
  <c r="V18775" i="1"/>
  <c r="V18776" i="1"/>
  <c r="V18777" i="1"/>
  <c r="V18778" i="1"/>
  <c r="V18779" i="1"/>
  <c r="V18780" i="1"/>
  <c r="V18781" i="1"/>
  <c r="V18782" i="1"/>
  <c r="V18783" i="1"/>
  <c r="V18784" i="1"/>
  <c r="V18785" i="1"/>
  <c r="V18786" i="1"/>
  <c r="V18787" i="1"/>
  <c r="V18788" i="1"/>
  <c r="V18789" i="1"/>
  <c r="V18790" i="1"/>
  <c r="V18791" i="1"/>
  <c r="V18792" i="1"/>
  <c r="V18793" i="1"/>
  <c r="V18794" i="1"/>
  <c r="V18795" i="1"/>
  <c r="V18796" i="1"/>
  <c r="V18797" i="1"/>
  <c r="V18798" i="1"/>
  <c r="V18799" i="1"/>
  <c r="V18800" i="1"/>
  <c r="V18801" i="1"/>
  <c r="V18802" i="1"/>
  <c r="V18803" i="1"/>
  <c r="V18804" i="1"/>
  <c r="V18805" i="1"/>
  <c r="V18806" i="1"/>
  <c r="V18807" i="1"/>
  <c r="V18808" i="1"/>
  <c r="V18809" i="1"/>
  <c r="V18810" i="1"/>
  <c r="V18811" i="1"/>
  <c r="V18812" i="1"/>
  <c r="V18813" i="1"/>
  <c r="V18814" i="1"/>
  <c r="V18815" i="1"/>
  <c r="V18816" i="1"/>
  <c r="V18817" i="1"/>
  <c r="V18818" i="1"/>
  <c r="V18819" i="1"/>
  <c r="V18820" i="1"/>
  <c r="V18821" i="1"/>
  <c r="V18822" i="1"/>
  <c r="V18823" i="1"/>
  <c r="V18824" i="1"/>
  <c r="V18825" i="1"/>
  <c r="V18826" i="1"/>
  <c r="V18827" i="1"/>
  <c r="V18828" i="1"/>
  <c r="V18829" i="1"/>
  <c r="V18830" i="1"/>
  <c r="V18831" i="1"/>
  <c r="V18832" i="1"/>
  <c r="V18833" i="1"/>
  <c r="V18834" i="1"/>
  <c r="V18835" i="1"/>
  <c r="V18836" i="1"/>
  <c r="V18837" i="1"/>
  <c r="V18838" i="1"/>
  <c r="V18839" i="1"/>
  <c r="V18840" i="1"/>
  <c r="V18841" i="1"/>
  <c r="V18842" i="1"/>
  <c r="V18843" i="1"/>
  <c r="V18844" i="1"/>
  <c r="V18845" i="1"/>
  <c r="V18846" i="1"/>
  <c r="V18847" i="1"/>
  <c r="V18848" i="1"/>
  <c r="V18849" i="1"/>
  <c r="V18850" i="1"/>
  <c r="V18851" i="1"/>
  <c r="V18852" i="1"/>
  <c r="V18853" i="1"/>
  <c r="V18854" i="1"/>
  <c r="V18855" i="1"/>
  <c r="V18856" i="1"/>
  <c r="V18857" i="1"/>
  <c r="V18858" i="1"/>
  <c r="V18859" i="1"/>
  <c r="V18860" i="1"/>
  <c r="V18861" i="1"/>
  <c r="V18862" i="1"/>
  <c r="V18863" i="1"/>
  <c r="V18864" i="1"/>
  <c r="V18865" i="1"/>
  <c r="V18866" i="1"/>
  <c r="V18867" i="1"/>
  <c r="V18868" i="1"/>
  <c r="V18869" i="1"/>
  <c r="V18870" i="1"/>
  <c r="V18871" i="1"/>
  <c r="V18872" i="1"/>
  <c r="V18873" i="1"/>
  <c r="V18874" i="1"/>
  <c r="V18875" i="1"/>
  <c r="V18876" i="1"/>
  <c r="V18877" i="1"/>
  <c r="V18878" i="1"/>
  <c r="V18879" i="1"/>
  <c r="V18880" i="1"/>
  <c r="V18881" i="1"/>
  <c r="V18882" i="1"/>
  <c r="V18883" i="1"/>
  <c r="V18884" i="1"/>
  <c r="V18885" i="1"/>
  <c r="V18886" i="1"/>
  <c r="V18887" i="1"/>
  <c r="V18888" i="1"/>
  <c r="V18889" i="1"/>
  <c r="V18890" i="1"/>
  <c r="V18891" i="1"/>
  <c r="V18892" i="1"/>
  <c r="V18893" i="1"/>
  <c r="V18894" i="1"/>
  <c r="V18895" i="1"/>
  <c r="V18896" i="1"/>
  <c r="V18897" i="1"/>
  <c r="V18898" i="1"/>
  <c r="V18899" i="1"/>
  <c r="V18900" i="1"/>
  <c r="V18901" i="1"/>
  <c r="V18902" i="1"/>
  <c r="V18903" i="1"/>
  <c r="V18904" i="1"/>
  <c r="V18905" i="1"/>
  <c r="V18906" i="1"/>
  <c r="V18907" i="1"/>
  <c r="V18908" i="1"/>
  <c r="V18909" i="1"/>
  <c r="V18910" i="1"/>
  <c r="V18911" i="1"/>
  <c r="V18912" i="1"/>
  <c r="V18913" i="1"/>
  <c r="V18914" i="1"/>
  <c r="V18915" i="1"/>
  <c r="V18916" i="1"/>
  <c r="V18917" i="1"/>
  <c r="V18918" i="1"/>
  <c r="V18919" i="1"/>
  <c r="V18920" i="1"/>
  <c r="V18921" i="1"/>
  <c r="V18922" i="1"/>
  <c r="V18923" i="1"/>
  <c r="V18924" i="1"/>
  <c r="V18925" i="1"/>
  <c r="V18926" i="1"/>
  <c r="V18927" i="1"/>
  <c r="V18928" i="1"/>
  <c r="V18929" i="1"/>
  <c r="V18930" i="1"/>
  <c r="V18931" i="1"/>
  <c r="V18932" i="1"/>
  <c r="V18933" i="1"/>
  <c r="V18934" i="1"/>
  <c r="V18935" i="1"/>
  <c r="V18936" i="1"/>
  <c r="V18937" i="1"/>
  <c r="V18938" i="1"/>
  <c r="V18939" i="1"/>
  <c r="V18940" i="1"/>
  <c r="V18941" i="1"/>
  <c r="V18942" i="1"/>
  <c r="V18943" i="1"/>
  <c r="V18944" i="1"/>
  <c r="V18945" i="1"/>
  <c r="V18946" i="1"/>
  <c r="V18947" i="1"/>
  <c r="V18948" i="1"/>
  <c r="V18949" i="1"/>
  <c r="V18950" i="1"/>
  <c r="V18951" i="1"/>
  <c r="V18952" i="1"/>
  <c r="V18953" i="1"/>
  <c r="V18954" i="1"/>
  <c r="V18955" i="1"/>
  <c r="V18956" i="1"/>
  <c r="V18957" i="1"/>
  <c r="V18958" i="1"/>
  <c r="V18959" i="1"/>
  <c r="V18960" i="1"/>
  <c r="V18961" i="1"/>
  <c r="V18962" i="1"/>
  <c r="V18963" i="1"/>
  <c r="V18964" i="1"/>
  <c r="V18965" i="1"/>
  <c r="V18966" i="1"/>
  <c r="V18967" i="1"/>
  <c r="V18968" i="1"/>
  <c r="V18969" i="1"/>
  <c r="V18970" i="1"/>
  <c r="V18971" i="1"/>
  <c r="V18972" i="1"/>
  <c r="V18973" i="1"/>
  <c r="V18974" i="1"/>
  <c r="V18975" i="1"/>
  <c r="V18976" i="1"/>
  <c r="V18977" i="1"/>
  <c r="V18978" i="1"/>
  <c r="V18979" i="1"/>
  <c r="V18980" i="1"/>
  <c r="V18981" i="1"/>
  <c r="V18982" i="1"/>
  <c r="V18983" i="1"/>
  <c r="V18984" i="1"/>
  <c r="V18985" i="1"/>
  <c r="V18986" i="1"/>
  <c r="V18987" i="1"/>
  <c r="V18988" i="1"/>
  <c r="V18989" i="1"/>
  <c r="V18990" i="1"/>
  <c r="V18991" i="1"/>
  <c r="V18992" i="1"/>
  <c r="V18993" i="1"/>
  <c r="V18994" i="1"/>
  <c r="V18995" i="1"/>
  <c r="V18996" i="1"/>
  <c r="V18997" i="1"/>
  <c r="V18998" i="1"/>
  <c r="V18999" i="1"/>
  <c r="V19000" i="1"/>
  <c r="V19001" i="1"/>
  <c r="V19002" i="1"/>
  <c r="V19003" i="1"/>
  <c r="V19004" i="1"/>
  <c r="V19005" i="1"/>
  <c r="V19006" i="1"/>
  <c r="V19007" i="1"/>
  <c r="V19008" i="1"/>
  <c r="V19009" i="1"/>
  <c r="V19010" i="1"/>
  <c r="V19011" i="1"/>
  <c r="V19012" i="1"/>
  <c r="V19013" i="1"/>
  <c r="V19014" i="1"/>
  <c r="V19015" i="1"/>
  <c r="V19016" i="1"/>
  <c r="V19017" i="1"/>
  <c r="V19018" i="1"/>
  <c r="V19019" i="1"/>
  <c r="V19020" i="1"/>
  <c r="V19021" i="1"/>
  <c r="V19022" i="1"/>
  <c r="V19023" i="1"/>
  <c r="V19024" i="1"/>
  <c r="V19025" i="1"/>
  <c r="V19026" i="1"/>
  <c r="V19027" i="1"/>
  <c r="V19028" i="1"/>
  <c r="V19029" i="1"/>
  <c r="V19030" i="1"/>
  <c r="V19031" i="1"/>
  <c r="V19032" i="1"/>
  <c r="V19033" i="1"/>
  <c r="V19034" i="1"/>
  <c r="V19035" i="1"/>
  <c r="V19036" i="1"/>
  <c r="V19037" i="1"/>
  <c r="V19038" i="1"/>
  <c r="V19039" i="1"/>
  <c r="V19040" i="1"/>
  <c r="V19041" i="1"/>
  <c r="V19042" i="1"/>
  <c r="V19043" i="1"/>
  <c r="V19044" i="1"/>
  <c r="V19045" i="1"/>
  <c r="V19046" i="1"/>
  <c r="V19047" i="1"/>
  <c r="V19048" i="1"/>
  <c r="V19049" i="1"/>
  <c r="V19050" i="1"/>
  <c r="V19051" i="1"/>
  <c r="V19052" i="1"/>
  <c r="V19053" i="1"/>
  <c r="V19054" i="1"/>
  <c r="V19055" i="1"/>
  <c r="V19056" i="1"/>
  <c r="V19057" i="1"/>
  <c r="V19058" i="1"/>
  <c r="V19059" i="1"/>
  <c r="V19060" i="1"/>
  <c r="V19061" i="1"/>
  <c r="V19062" i="1"/>
  <c r="V19063" i="1"/>
  <c r="V19064" i="1"/>
  <c r="V19065" i="1"/>
  <c r="V19066" i="1"/>
  <c r="V19067" i="1"/>
  <c r="V19068" i="1"/>
  <c r="V19069" i="1"/>
  <c r="V19070" i="1"/>
  <c r="V19071" i="1"/>
  <c r="V19072" i="1"/>
  <c r="V19073" i="1"/>
  <c r="V19074" i="1"/>
  <c r="V19075" i="1"/>
  <c r="V19076" i="1"/>
  <c r="V19077" i="1"/>
  <c r="V19078" i="1"/>
  <c r="V19079" i="1"/>
  <c r="V19080" i="1"/>
  <c r="V19081" i="1"/>
  <c r="V19082" i="1"/>
  <c r="V19083" i="1"/>
  <c r="V19084" i="1"/>
  <c r="V19085" i="1"/>
  <c r="V19086" i="1"/>
  <c r="V19087" i="1"/>
  <c r="V19088" i="1"/>
  <c r="V19089" i="1"/>
  <c r="V19090" i="1"/>
  <c r="V19091" i="1"/>
  <c r="V19092" i="1"/>
  <c r="V19093" i="1"/>
  <c r="V19094" i="1"/>
  <c r="V19095" i="1"/>
  <c r="V19096" i="1"/>
  <c r="V19097" i="1"/>
  <c r="V19098" i="1"/>
  <c r="V19099" i="1"/>
  <c r="V19100" i="1"/>
  <c r="V19101" i="1"/>
  <c r="V19102" i="1"/>
  <c r="V19103" i="1"/>
  <c r="V19104" i="1"/>
  <c r="V19105" i="1"/>
  <c r="V19106" i="1"/>
  <c r="V19107" i="1"/>
  <c r="V19108" i="1"/>
  <c r="V19109" i="1"/>
  <c r="V19110" i="1"/>
  <c r="V19111" i="1"/>
  <c r="V19112" i="1"/>
  <c r="V19113" i="1"/>
  <c r="V19114" i="1"/>
  <c r="V19115" i="1"/>
  <c r="V19116" i="1"/>
  <c r="V19117" i="1"/>
  <c r="V19118" i="1"/>
  <c r="V19119" i="1"/>
  <c r="V19120" i="1"/>
  <c r="V19121" i="1"/>
  <c r="V19122" i="1"/>
  <c r="V19123" i="1"/>
  <c r="V19124" i="1"/>
  <c r="V19125" i="1"/>
  <c r="V19126" i="1"/>
  <c r="V19127" i="1"/>
  <c r="V19128" i="1"/>
  <c r="V19129" i="1"/>
  <c r="V19130" i="1"/>
  <c r="V19131" i="1"/>
  <c r="V19132" i="1"/>
  <c r="V19133" i="1"/>
  <c r="V19134" i="1"/>
  <c r="V19135" i="1"/>
  <c r="V19136" i="1"/>
  <c r="V19137" i="1"/>
  <c r="V19138" i="1"/>
  <c r="V19139" i="1"/>
  <c r="V19140" i="1"/>
  <c r="V19141" i="1"/>
  <c r="V19142" i="1"/>
  <c r="V19143" i="1"/>
  <c r="V19144" i="1"/>
  <c r="V19145" i="1"/>
  <c r="V19146" i="1"/>
  <c r="V19147" i="1"/>
  <c r="V19148" i="1"/>
  <c r="V19149" i="1"/>
  <c r="V19150" i="1"/>
  <c r="V19151" i="1"/>
  <c r="V19152" i="1"/>
  <c r="V19153" i="1"/>
  <c r="V19154" i="1"/>
  <c r="V19155" i="1"/>
  <c r="V19156" i="1"/>
  <c r="V19157" i="1"/>
  <c r="V19158" i="1"/>
  <c r="V19159" i="1"/>
  <c r="V19160" i="1"/>
  <c r="V19161" i="1"/>
  <c r="V19162" i="1"/>
  <c r="V19163" i="1"/>
  <c r="V19164" i="1"/>
  <c r="V19165" i="1"/>
  <c r="V19166" i="1"/>
  <c r="V19167" i="1"/>
  <c r="V19168" i="1"/>
  <c r="V19169" i="1"/>
  <c r="V19170" i="1"/>
  <c r="V19171" i="1"/>
  <c r="V19172" i="1"/>
  <c r="V19173" i="1"/>
  <c r="V19174" i="1"/>
  <c r="V19175" i="1"/>
  <c r="V19176" i="1"/>
  <c r="V19177" i="1"/>
  <c r="V19178" i="1"/>
  <c r="V19179" i="1"/>
  <c r="V19180" i="1"/>
  <c r="V19181" i="1"/>
  <c r="V19182" i="1"/>
  <c r="V19183" i="1"/>
  <c r="V19184" i="1"/>
  <c r="V19185" i="1"/>
  <c r="V19186" i="1"/>
  <c r="V19187" i="1"/>
  <c r="V19188" i="1"/>
  <c r="V19189" i="1"/>
  <c r="V19190" i="1"/>
  <c r="V19191" i="1"/>
  <c r="V19192" i="1"/>
  <c r="V19193" i="1"/>
  <c r="V19194" i="1"/>
  <c r="V19195" i="1"/>
  <c r="V19196" i="1"/>
  <c r="V19197" i="1"/>
  <c r="V19198" i="1"/>
  <c r="V19199" i="1"/>
  <c r="V19200" i="1"/>
  <c r="V19201" i="1"/>
  <c r="V19202" i="1"/>
  <c r="V19203" i="1"/>
  <c r="V19204" i="1"/>
  <c r="V19205" i="1"/>
  <c r="V19206" i="1"/>
  <c r="V19207" i="1"/>
  <c r="V19208" i="1"/>
  <c r="V19209" i="1"/>
  <c r="V19210" i="1"/>
  <c r="V19211" i="1"/>
  <c r="V19212" i="1"/>
  <c r="V19213" i="1"/>
  <c r="V19214" i="1"/>
  <c r="V19215" i="1"/>
  <c r="V19216" i="1"/>
  <c r="V19217" i="1"/>
  <c r="V19218" i="1"/>
  <c r="V19219" i="1"/>
  <c r="V19220" i="1"/>
  <c r="V19221" i="1"/>
  <c r="V19222" i="1"/>
  <c r="V19223" i="1"/>
  <c r="V19224" i="1"/>
  <c r="V19225" i="1"/>
  <c r="V19226" i="1"/>
  <c r="V19227" i="1"/>
  <c r="V19228" i="1"/>
  <c r="V19229" i="1"/>
  <c r="V19230" i="1"/>
  <c r="V19231" i="1"/>
  <c r="V19232" i="1"/>
  <c r="V19233" i="1"/>
  <c r="V19234" i="1"/>
  <c r="V19235" i="1"/>
  <c r="V19236" i="1"/>
  <c r="V19237" i="1"/>
  <c r="V19238" i="1"/>
  <c r="V19239" i="1"/>
  <c r="V19240" i="1"/>
  <c r="V19241" i="1"/>
  <c r="V19242" i="1"/>
  <c r="V19243" i="1"/>
  <c r="V19244" i="1"/>
  <c r="V19245" i="1"/>
  <c r="V19246" i="1"/>
  <c r="V19247" i="1"/>
  <c r="V19248" i="1"/>
  <c r="V19249" i="1"/>
  <c r="V19250" i="1"/>
  <c r="V19251" i="1"/>
  <c r="V19252" i="1"/>
  <c r="V19253" i="1"/>
  <c r="V19254" i="1"/>
  <c r="V19255" i="1"/>
  <c r="V19256" i="1"/>
  <c r="V19257" i="1"/>
  <c r="V19258" i="1"/>
  <c r="V19259" i="1"/>
  <c r="V19260" i="1"/>
  <c r="V19261" i="1"/>
  <c r="V19262" i="1"/>
  <c r="V19263" i="1"/>
  <c r="V19264" i="1"/>
  <c r="V19265" i="1"/>
  <c r="V19266" i="1"/>
  <c r="V19267" i="1"/>
  <c r="V19268" i="1"/>
  <c r="V19269" i="1"/>
  <c r="V19270" i="1"/>
  <c r="V19271" i="1"/>
  <c r="V19272" i="1"/>
  <c r="V19273" i="1"/>
  <c r="V19274" i="1"/>
  <c r="V19275" i="1"/>
  <c r="V19276" i="1"/>
  <c r="V19277" i="1"/>
  <c r="V19278" i="1"/>
  <c r="V19279" i="1"/>
  <c r="V19280" i="1"/>
  <c r="V19281" i="1"/>
  <c r="V19282" i="1"/>
  <c r="V19283" i="1"/>
  <c r="V19284" i="1"/>
  <c r="V19285" i="1"/>
  <c r="V19286" i="1"/>
  <c r="V19287" i="1"/>
  <c r="V19288" i="1"/>
  <c r="V19289" i="1"/>
  <c r="V19290" i="1"/>
  <c r="V19291" i="1"/>
  <c r="V19292" i="1"/>
  <c r="V19293" i="1"/>
  <c r="V19294" i="1"/>
  <c r="V19295" i="1"/>
  <c r="V19296" i="1"/>
  <c r="V19297" i="1"/>
  <c r="V19298" i="1"/>
  <c r="V19299" i="1"/>
  <c r="V19300" i="1"/>
  <c r="V19301" i="1"/>
  <c r="V19302" i="1"/>
  <c r="V19303" i="1"/>
  <c r="V19304" i="1"/>
  <c r="V19305" i="1"/>
  <c r="V19306" i="1"/>
  <c r="V19307" i="1"/>
  <c r="V19308" i="1"/>
  <c r="V19309" i="1"/>
  <c r="V19310" i="1"/>
  <c r="V19311" i="1"/>
  <c r="V19312" i="1"/>
  <c r="V19313" i="1"/>
  <c r="V19314" i="1"/>
  <c r="V19315" i="1"/>
  <c r="V19316" i="1"/>
  <c r="V19317" i="1"/>
  <c r="V19318" i="1"/>
  <c r="V19319" i="1"/>
  <c r="V19320" i="1"/>
  <c r="V19321" i="1"/>
  <c r="V19322" i="1"/>
  <c r="V19323" i="1"/>
  <c r="V19324" i="1"/>
  <c r="V19325" i="1"/>
  <c r="V19326" i="1"/>
  <c r="V19327" i="1"/>
  <c r="V19328" i="1"/>
  <c r="V19329" i="1"/>
  <c r="V19330" i="1"/>
  <c r="V19331" i="1"/>
  <c r="V19332" i="1"/>
  <c r="V19333" i="1"/>
  <c r="V19334" i="1"/>
  <c r="V19335" i="1"/>
  <c r="V19336" i="1"/>
  <c r="V19337" i="1"/>
  <c r="V19338" i="1"/>
  <c r="V19339" i="1"/>
  <c r="V19340" i="1"/>
  <c r="V19341" i="1"/>
  <c r="V19342" i="1"/>
  <c r="V19343" i="1"/>
  <c r="V19344" i="1"/>
  <c r="V19345" i="1"/>
  <c r="V19346" i="1"/>
  <c r="V19347" i="1"/>
  <c r="V19348" i="1"/>
  <c r="V19349" i="1"/>
  <c r="V19350" i="1"/>
  <c r="V19351" i="1"/>
  <c r="V19352" i="1"/>
  <c r="V19353" i="1"/>
  <c r="V19354" i="1"/>
  <c r="V19355" i="1"/>
  <c r="V19356" i="1"/>
  <c r="V19357" i="1"/>
  <c r="V19358" i="1"/>
  <c r="V19359" i="1"/>
  <c r="V19360" i="1"/>
  <c r="V19361" i="1"/>
  <c r="V19362" i="1"/>
  <c r="V19363" i="1"/>
  <c r="V19364" i="1"/>
  <c r="V19365" i="1"/>
  <c r="V19366" i="1"/>
  <c r="V19367" i="1"/>
  <c r="V19368" i="1"/>
  <c r="V19369" i="1"/>
  <c r="V19370" i="1"/>
  <c r="V19371" i="1"/>
  <c r="V19372" i="1"/>
  <c r="V19373" i="1"/>
  <c r="V19374" i="1"/>
  <c r="V19375" i="1"/>
  <c r="V19376" i="1"/>
  <c r="V19377" i="1"/>
  <c r="V19378" i="1"/>
  <c r="V19379" i="1"/>
  <c r="V19380" i="1"/>
  <c r="V19381" i="1"/>
  <c r="V19382" i="1"/>
  <c r="V19383" i="1"/>
  <c r="V19384" i="1"/>
  <c r="V19385" i="1"/>
  <c r="V19386" i="1"/>
  <c r="V19387" i="1"/>
  <c r="V19388" i="1"/>
  <c r="V19389" i="1"/>
  <c r="V19390" i="1"/>
  <c r="V19391" i="1"/>
  <c r="V19392" i="1"/>
  <c r="V19393" i="1"/>
  <c r="V19394" i="1"/>
  <c r="V19395" i="1"/>
  <c r="V19396" i="1"/>
  <c r="V19397" i="1"/>
  <c r="V19398" i="1"/>
  <c r="V19399" i="1"/>
  <c r="V19400" i="1"/>
  <c r="V19401" i="1"/>
  <c r="V19402" i="1"/>
  <c r="V19403" i="1"/>
  <c r="V19404" i="1"/>
  <c r="V19405" i="1"/>
  <c r="V19406" i="1"/>
  <c r="V19407" i="1"/>
  <c r="V19408" i="1"/>
  <c r="V19409" i="1"/>
  <c r="V19410" i="1"/>
  <c r="V19411" i="1"/>
  <c r="V19412" i="1"/>
  <c r="V19413" i="1"/>
  <c r="V19414" i="1"/>
  <c r="V19415" i="1"/>
  <c r="V19416" i="1"/>
  <c r="V19417" i="1"/>
  <c r="V19418" i="1"/>
  <c r="V19419" i="1"/>
  <c r="V19420" i="1"/>
  <c r="V19421" i="1"/>
  <c r="V19422" i="1"/>
  <c r="V19423" i="1"/>
  <c r="V19424" i="1"/>
  <c r="V19425" i="1"/>
  <c r="V19426" i="1"/>
  <c r="V19427" i="1"/>
  <c r="V19428" i="1"/>
  <c r="V19429" i="1"/>
  <c r="V19430" i="1"/>
  <c r="V19431" i="1"/>
  <c r="V19432" i="1"/>
  <c r="V19433" i="1"/>
  <c r="V19434" i="1"/>
  <c r="V19435" i="1"/>
  <c r="V19436" i="1"/>
  <c r="V19437" i="1"/>
  <c r="V19438" i="1"/>
  <c r="V19439" i="1"/>
  <c r="V19440" i="1"/>
  <c r="V19441" i="1"/>
  <c r="V19442" i="1"/>
  <c r="V19443" i="1"/>
  <c r="V19444" i="1"/>
  <c r="V19445" i="1"/>
  <c r="V19446" i="1"/>
  <c r="V19447" i="1"/>
  <c r="V19448" i="1"/>
  <c r="V19449" i="1"/>
  <c r="V19450" i="1"/>
  <c r="V19451" i="1"/>
  <c r="V19452" i="1"/>
  <c r="V19453" i="1"/>
  <c r="V19454" i="1"/>
  <c r="V19455" i="1"/>
  <c r="V19456" i="1"/>
  <c r="V19457" i="1"/>
  <c r="V19458" i="1"/>
  <c r="V19459" i="1"/>
  <c r="V19460" i="1"/>
  <c r="V19461" i="1"/>
  <c r="V19462" i="1"/>
  <c r="V19463" i="1"/>
  <c r="V19464" i="1"/>
  <c r="V19465" i="1"/>
  <c r="V19466" i="1"/>
  <c r="V19467" i="1"/>
  <c r="V19468" i="1"/>
  <c r="V19469" i="1"/>
  <c r="V19470" i="1"/>
  <c r="V19471" i="1"/>
  <c r="V19472" i="1"/>
  <c r="V19473" i="1"/>
  <c r="V19474" i="1"/>
  <c r="V19475" i="1"/>
  <c r="V19476" i="1"/>
  <c r="V19477" i="1"/>
  <c r="V19478" i="1"/>
  <c r="V19479" i="1"/>
  <c r="V19480" i="1"/>
  <c r="V19481" i="1"/>
  <c r="V19482" i="1"/>
  <c r="V19483" i="1"/>
  <c r="V19484" i="1"/>
  <c r="V19485" i="1"/>
  <c r="V19486" i="1"/>
  <c r="V19487" i="1"/>
  <c r="V19488" i="1"/>
  <c r="V19489" i="1"/>
  <c r="V19490" i="1"/>
  <c r="V19491" i="1"/>
  <c r="V19492" i="1"/>
  <c r="V19493" i="1"/>
  <c r="V19494" i="1"/>
  <c r="V19495" i="1"/>
  <c r="V19496" i="1"/>
  <c r="V19497" i="1"/>
  <c r="V19498" i="1"/>
  <c r="V19499" i="1"/>
  <c r="V19500" i="1"/>
  <c r="V19501" i="1"/>
  <c r="V19502" i="1"/>
  <c r="V19503" i="1"/>
  <c r="V19504" i="1"/>
  <c r="V19505" i="1"/>
  <c r="V19506" i="1"/>
  <c r="V19507" i="1"/>
  <c r="V19508" i="1"/>
  <c r="V19509" i="1"/>
  <c r="V19510" i="1"/>
  <c r="V19511" i="1"/>
  <c r="V19512" i="1"/>
  <c r="V19513" i="1"/>
  <c r="V19514" i="1"/>
  <c r="V19515" i="1"/>
  <c r="V19516" i="1"/>
  <c r="V19517" i="1"/>
  <c r="V19518" i="1"/>
  <c r="V19519" i="1"/>
  <c r="V19520" i="1"/>
  <c r="V19521" i="1"/>
  <c r="V19522" i="1"/>
  <c r="V19523" i="1"/>
  <c r="V19524" i="1"/>
  <c r="V19525" i="1"/>
  <c r="V19526" i="1"/>
  <c r="V19527" i="1"/>
  <c r="V19528" i="1"/>
  <c r="V19529" i="1"/>
  <c r="V19530" i="1"/>
  <c r="V19531" i="1"/>
  <c r="V19532" i="1"/>
  <c r="V19533" i="1"/>
  <c r="V19534" i="1"/>
  <c r="V19535" i="1"/>
  <c r="V19536" i="1"/>
  <c r="V19537" i="1"/>
  <c r="V19538" i="1"/>
  <c r="V19539" i="1"/>
  <c r="V19540" i="1"/>
  <c r="V19541" i="1"/>
  <c r="V19542" i="1"/>
  <c r="V19543" i="1"/>
  <c r="V19544" i="1"/>
  <c r="V19545" i="1"/>
  <c r="V19546" i="1"/>
  <c r="V19547" i="1"/>
  <c r="V19548" i="1"/>
  <c r="V19549" i="1"/>
  <c r="V19550" i="1"/>
  <c r="V19551" i="1"/>
  <c r="V19552" i="1"/>
  <c r="V19553" i="1"/>
  <c r="V19554" i="1"/>
  <c r="V19555" i="1"/>
  <c r="V19556" i="1"/>
  <c r="V19557" i="1"/>
  <c r="V19558" i="1"/>
  <c r="V19559" i="1"/>
  <c r="V19560" i="1"/>
  <c r="V19561" i="1"/>
  <c r="V19562" i="1"/>
  <c r="V19563" i="1"/>
  <c r="V19564" i="1"/>
  <c r="V19565" i="1"/>
  <c r="V19566" i="1"/>
  <c r="V19567" i="1"/>
  <c r="V19568" i="1"/>
  <c r="V19569" i="1"/>
  <c r="V19570" i="1"/>
  <c r="V19571" i="1"/>
  <c r="V19572" i="1"/>
  <c r="V19573" i="1"/>
  <c r="V19574" i="1"/>
  <c r="V19575" i="1"/>
  <c r="V19576" i="1"/>
  <c r="V19577" i="1"/>
  <c r="V19578" i="1"/>
  <c r="V19579" i="1"/>
  <c r="V19580" i="1"/>
  <c r="V19581" i="1"/>
  <c r="V19582" i="1"/>
  <c r="V19583" i="1"/>
  <c r="V19584" i="1"/>
  <c r="V19585" i="1"/>
  <c r="V19586" i="1"/>
  <c r="V19587" i="1"/>
  <c r="V19588" i="1"/>
  <c r="V19589" i="1"/>
  <c r="V19590" i="1"/>
  <c r="V19591" i="1"/>
  <c r="V19592" i="1"/>
  <c r="V19593" i="1"/>
  <c r="V19594" i="1"/>
  <c r="V19595" i="1"/>
  <c r="V19596" i="1"/>
  <c r="V19597" i="1"/>
  <c r="V19598" i="1"/>
  <c r="V19599" i="1"/>
  <c r="V19600" i="1"/>
  <c r="V19601" i="1"/>
  <c r="V19602" i="1"/>
  <c r="V19603" i="1"/>
  <c r="V19604" i="1"/>
  <c r="V19605" i="1"/>
  <c r="V19606" i="1"/>
  <c r="V19607" i="1"/>
  <c r="V19608" i="1"/>
  <c r="V19609" i="1"/>
  <c r="V19610" i="1"/>
  <c r="V19611" i="1"/>
  <c r="V19612" i="1"/>
  <c r="V19613" i="1"/>
  <c r="V19614" i="1"/>
  <c r="V19615" i="1"/>
  <c r="V19616" i="1"/>
  <c r="V19617" i="1"/>
  <c r="V19618" i="1"/>
  <c r="V19619" i="1"/>
  <c r="V19620" i="1"/>
  <c r="V19621" i="1"/>
  <c r="V19622" i="1"/>
  <c r="V19623" i="1"/>
  <c r="V19624" i="1"/>
  <c r="V19625" i="1"/>
  <c r="V19626" i="1"/>
  <c r="V19627" i="1"/>
  <c r="V19628" i="1"/>
  <c r="V19629" i="1"/>
  <c r="V19630" i="1"/>
  <c r="V19631" i="1"/>
  <c r="V19632" i="1"/>
  <c r="V19633" i="1"/>
  <c r="V19634" i="1"/>
  <c r="V19635" i="1"/>
  <c r="V19636" i="1"/>
  <c r="V19637" i="1"/>
  <c r="V19638" i="1"/>
  <c r="V19639" i="1"/>
  <c r="V19640" i="1"/>
  <c r="V19641" i="1"/>
  <c r="V19642" i="1"/>
  <c r="V19643" i="1"/>
  <c r="V19644" i="1"/>
  <c r="V19645" i="1"/>
  <c r="V19646" i="1"/>
  <c r="V19647" i="1"/>
  <c r="V19648" i="1"/>
  <c r="V19649" i="1"/>
  <c r="V19650" i="1"/>
  <c r="V19651" i="1"/>
  <c r="V19652" i="1"/>
  <c r="V19653" i="1"/>
  <c r="V19654" i="1"/>
  <c r="V19655" i="1"/>
  <c r="V19656" i="1"/>
  <c r="V19657" i="1"/>
  <c r="V19658" i="1"/>
  <c r="V19659" i="1"/>
  <c r="V19660" i="1"/>
  <c r="V19661" i="1"/>
  <c r="V19662" i="1"/>
  <c r="V19663" i="1"/>
  <c r="V19664" i="1"/>
  <c r="V19665" i="1"/>
  <c r="V19666" i="1"/>
  <c r="V19667" i="1"/>
  <c r="V19668" i="1"/>
  <c r="V19669" i="1"/>
  <c r="V19670" i="1"/>
  <c r="V19671" i="1"/>
  <c r="V19672" i="1"/>
  <c r="V19673" i="1"/>
  <c r="V19674" i="1"/>
  <c r="V19675" i="1"/>
  <c r="V19676" i="1"/>
  <c r="V19677" i="1"/>
  <c r="V19678" i="1"/>
  <c r="V19679" i="1"/>
  <c r="V19680" i="1"/>
  <c r="V19681" i="1"/>
  <c r="V19682" i="1"/>
  <c r="V19683" i="1"/>
  <c r="V19684" i="1"/>
  <c r="V19685" i="1"/>
  <c r="V19686" i="1"/>
  <c r="V19687" i="1"/>
  <c r="V19688" i="1"/>
  <c r="V19689" i="1"/>
  <c r="V19690" i="1"/>
  <c r="V19691" i="1"/>
  <c r="V19692" i="1"/>
  <c r="V19693" i="1"/>
  <c r="V19694" i="1"/>
  <c r="V19695" i="1"/>
  <c r="V19696" i="1"/>
  <c r="V19697" i="1"/>
  <c r="V19698" i="1"/>
  <c r="V19699" i="1"/>
  <c r="V19700" i="1"/>
  <c r="V19701" i="1"/>
  <c r="V19702" i="1"/>
  <c r="V19703" i="1"/>
  <c r="V19704" i="1"/>
  <c r="V19705" i="1"/>
  <c r="V19706" i="1"/>
  <c r="V19707" i="1"/>
  <c r="V19708" i="1"/>
  <c r="V19709" i="1"/>
  <c r="V19710" i="1"/>
  <c r="V19711" i="1"/>
  <c r="V19712" i="1"/>
  <c r="V19713" i="1"/>
  <c r="V19714" i="1"/>
  <c r="V19715" i="1"/>
  <c r="V19716" i="1"/>
  <c r="V19717" i="1"/>
  <c r="V19718" i="1"/>
  <c r="V19719" i="1"/>
  <c r="V19720" i="1"/>
  <c r="V19721" i="1"/>
  <c r="V19722" i="1"/>
  <c r="V19723" i="1"/>
  <c r="V19724" i="1"/>
  <c r="V19725" i="1"/>
  <c r="V19726" i="1"/>
  <c r="V19727" i="1"/>
  <c r="V19728" i="1"/>
  <c r="V19729" i="1"/>
  <c r="V19730" i="1"/>
  <c r="V19731" i="1"/>
  <c r="V19732" i="1"/>
  <c r="V19733" i="1"/>
  <c r="V19734" i="1"/>
  <c r="V19735" i="1"/>
  <c r="V19736" i="1"/>
  <c r="V19737" i="1"/>
  <c r="V19738" i="1"/>
  <c r="V19739" i="1"/>
  <c r="V19740" i="1"/>
  <c r="V19741" i="1"/>
  <c r="V19742" i="1"/>
  <c r="V19743" i="1"/>
  <c r="V19744" i="1"/>
  <c r="V19745" i="1"/>
  <c r="V19746" i="1"/>
  <c r="V19747" i="1"/>
  <c r="V19748" i="1"/>
  <c r="V19749" i="1"/>
  <c r="V19750" i="1"/>
  <c r="V19751" i="1"/>
  <c r="V19752" i="1"/>
  <c r="V19753" i="1"/>
  <c r="V19754" i="1"/>
  <c r="V19755" i="1"/>
  <c r="V19756" i="1"/>
  <c r="V19757" i="1"/>
  <c r="V19758" i="1"/>
  <c r="V19759" i="1"/>
  <c r="V19760" i="1"/>
  <c r="V19761" i="1"/>
  <c r="V19762" i="1"/>
  <c r="V19763" i="1"/>
  <c r="V19764" i="1"/>
  <c r="V19765" i="1"/>
  <c r="V19766" i="1"/>
  <c r="V19767" i="1"/>
  <c r="V19768" i="1"/>
  <c r="V19769" i="1"/>
  <c r="V19770" i="1"/>
  <c r="V19771" i="1"/>
  <c r="V19772" i="1"/>
  <c r="V19773" i="1"/>
  <c r="V19774" i="1"/>
  <c r="V19775" i="1"/>
  <c r="V19776" i="1"/>
  <c r="V19777" i="1"/>
  <c r="V19778" i="1"/>
  <c r="V19779" i="1"/>
  <c r="V19780" i="1"/>
  <c r="V19781" i="1"/>
  <c r="V19782" i="1"/>
  <c r="V19783" i="1"/>
  <c r="V19784" i="1"/>
  <c r="V19785" i="1"/>
  <c r="V19786" i="1"/>
  <c r="V19787" i="1"/>
  <c r="V19788" i="1"/>
  <c r="V19789" i="1"/>
  <c r="V19790" i="1"/>
  <c r="V19791" i="1"/>
  <c r="V19792" i="1"/>
  <c r="V19793" i="1"/>
  <c r="V19794" i="1"/>
  <c r="V19795" i="1"/>
  <c r="V19796" i="1"/>
  <c r="V19797" i="1"/>
  <c r="V19798" i="1"/>
  <c r="V19799" i="1"/>
  <c r="V19800" i="1"/>
  <c r="V19801" i="1"/>
  <c r="V19802" i="1"/>
  <c r="V19803" i="1"/>
  <c r="V19804" i="1"/>
  <c r="V19805" i="1"/>
  <c r="V19806" i="1"/>
  <c r="V19807" i="1"/>
  <c r="V19808" i="1"/>
  <c r="V19809" i="1"/>
  <c r="V19810" i="1"/>
  <c r="V19811" i="1"/>
  <c r="V19812" i="1"/>
  <c r="V19813" i="1"/>
  <c r="V19814" i="1"/>
  <c r="V19815" i="1"/>
  <c r="V19816" i="1"/>
  <c r="V19817" i="1"/>
  <c r="V19818" i="1"/>
  <c r="V19819" i="1"/>
  <c r="V19820" i="1"/>
  <c r="V19821" i="1"/>
  <c r="V19822" i="1"/>
  <c r="V19823" i="1"/>
  <c r="V19824" i="1"/>
  <c r="V19825" i="1"/>
  <c r="V19826" i="1"/>
  <c r="V19827" i="1"/>
  <c r="V19828" i="1"/>
  <c r="V19829" i="1"/>
  <c r="V19830" i="1"/>
  <c r="V19831" i="1"/>
  <c r="V19832" i="1"/>
  <c r="V19833" i="1"/>
  <c r="V19834" i="1"/>
  <c r="V19835" i="1"/>
  <c r="V19836" i="1"/>
  <c r="V19837" i="1"/>
  <c r="V19838" i="1"/>
  <c r="V19839" i="1"/>
  <c r="V19840" i="1"/>
  <c r="V19841" i="1"/>
  <c r="V19842" i="1"/>
  <c r="V19843" i="1"/>
  <c r="V19844" i="1"/>
  <c r="V19845" i="1"/>
  <c r="V19846" i="1"/>
  <c r="V19847" i="1"/>
  <c r="V19848" i="1"/>
  <c r="V19849" i="1"/>
  <c r="V19850" i="1"/>
  <c r="V19851" i="1"/>
  <c r="V19852" i="1"/>
  <c r="V19853" i="1"/>
  <c r="V19854" i="1"/>
  <c r="V19855" i="1"/>
  <c r="V19856" i="1"/>
  <c r="V19857" i="1"/>
  <c r="V19858" i="1"/>
  <c r="V19859" i="1"/>
  <c r="V19860" i="1"/>
  <c r="V19861" i="1"/>
  <c r="V19862" i="1"/>
  <c r="V19863" i="1"/>
  <c r="V19864" i="1"/>
  <c r="V19865" i="1"/>
  <c r="V19866" i="1"/>
  <c r="V19867" i="1"/>
  <c r="V19868" i="1"/>
  <c r="V19869" i="1"/>
  <c r="V19870" i="1"/>
  <c r="V19871" i="1"/>
  <c r="V19872" i="1"/>
  <c r="V19873" i="1"/>
  <c r="V19874" i="1"/>
  <c r="V19875" i="1"/>
  <c r="V19876" i="1"/>
  <c r="V19877" i="1"/>
  <c r="V19878" i="1"/>
  <c r="V19879" i="1"/>
  <c r="V19880" i="1"/>
  <c r="V19881" i="1"/>
  <c r="V19882" i="1"/>
  <c r="V19883" i="1"/>
  <c r="V19884" i="1"/>
  <c r="V19885" i="1"/>
  <c r="V19886" i="1"/>
  <c r="V19887" i="1"/>
  <c r="V19888" i="1"/>
  <c r="V19889" i="1"/>
  <c r="V19890" i="1"/>
  <c r="V19891" i="1"/>
  <c r="V19892" i="1"/>
  <c r="V19893" i="1"/>
  <c r="V19894" i="1"/>
  <c r="V19895" i="1"/>
  <c r="V19896" i="1"/>
  <c r="V19897" i="1"/>
  <c r="V19898" i="1"/>
  <c r="V19899" i="1"/>
  <c r="V19900" i="1"/>
  <c r="V19901" i="1"/>
  <c r="V19902" i="1"/>
  <c r="V19903" i="1"/>
  <c r="V19904" i="1"/>
  <c r="V19905" i="1"/>
  <c r="V19906" i="1"/>
  <c r="V19907" i="1"/>
  <c r="V19908" i="1"/>
  <c r="V19909" i="1"/>
  <c r="V19910" i="1"/>
  <c r="V19911" i="1"/>
  <c r="V19912" i="1"/>
  <c r="V19913" i="1"/>
  <c r="V19914" i="1"/>
  <c r="V19915" i="1"/>
  <c r="V19916" i="1"/>
  <c r="V19917" i="1"/>
  <c r="V19918" i="1"/>
  <c r="V19919" i="1"/>
  <c r="V19920" i="1"/>
  <c r="V19921" i="1"/>
  <c r="V19922" i="1"/>
  <c r="V19923" i="1"/>
  <c r="V19924" i="1"/>
  <c r="V19925" i="1"/>
  <c r="V19926" i="1"/>
  <c r="V19927" i="1"/>
  <c r="V19928" i="1"/>
  <c r="V19929" i="1"/>
  <c r="V19930" i="1"/>
  <c r="V19931" i="1"/>
  <c r="V19932" i="1"/>
  <c r="V19933" i="1"/>
  <c r="V19934" i="1"/>
  <c r="V19935" i="1"/>
  <c r="V19936" i="1"/>
  <c r="V19937" i="1"/>
  <c r="V19938" i="1"/>
  <c r="V19939" i="1"/>
  <c r="V19940" i="1"/>
  <c r="V19941" i="1"/>
  <c r="V19942" i="1"/>
  <c r="V19943" i="1"/>
  <c r="V19944" i="1"/>
  <c r="V19945" i="1"/>
  <c r="V19946" i="1"/>
  <c r="V19947" i="1"/>
  <c r="V19948" i="1"/>
  <c r="V19949" i="1"/>
  <c r="V19950" i="1"/>
  <c r="V19951" i="1"/>
  <c r="V19952" i="1"/>
  <c r="V19953" i="1"/>
  <c r="V19954" i="1"/>
  <c r="V19955" i="1"/>
  <c r="V19956" i="1"/>
  <c r="V19957" i="1"/>
  <c r="V19958" i="1"/>
  <c r="V19959" i="1"/>
  <c r="V19960" i="1"/>
  <c r="V19961" i="1"/>
  <c r="V19962" i="1"/>
  <c r="V19963" i="1"/>
  <c r="V19964" i="1"/>
  <c r="V19965" i="1"/>
  <c r="V19966" i="1"/>
  <c r="V19967" i="1"/>
  <c r="V19968" i="1"/>
  <c r="V19969" i="1"/>
  <c r="V19970" i="1"/>
  <c r="V19971" i="1"/>
  <c r="V19972" i="1"/>
  <c r="V19973" i="1"/>
  <c r="V19974" i="1"/>
  <c r="V19975" i="1"/>
  <c r="V19976" i="1"/>
  <c r="V19977" i="1"/>
  <c r="V19978" i="1"/>
  <c r="V19979" i="1"/>
  <c r="V19980" i="1"/>
  <c r="V19981" i="1"/>
  <c r="V19982" i="1"/>
  <c r="V19983" i="1"/>
  <c r="V19984" i="1"/>
  <c r="V19985" i="1"/>
  <c r="V19986" i="1"/>
  <c r="V19987" i="1"/>
  <c r="V19988" i="1"/>
  <c r="V19989" i="1"/>
  <c r="V19990" i="1"/>
  <c r="V19991" i="1"/>
  <c r="V19992" i="1"/>
  <c r="V19993" i="1"/>
  <c r="V19994" i="1"/>
  <c r="V19995" i="1"/>
  <c r="V19996" i="1"/>
  <c r="V19997" i="1"/>
  <c r="V19998" i="1"/>
  <c r="V19999" i="1"/>
  <c r="V20000" i="1"/>
  <c r="V20001" i="1"/>
  <c r="V20002" i="1"/>
  <c r="V20003" i="1"/>
  <c r="V20004" i="1"/>
  <c r="V20005" i="1"/>
  <c r="V20006" i="1"/>
  <c r="V20007" i="1"/>
  <c r="V20008" i="1"/>
  <c r="V20009" i="1"/>
  <c r="V20010" i="1"/>
  <c r="V20011" i="1"/>
  <c r="V20012" i="1"/>
  <c r="V20013" i="1"/>
  <c r="V20014" i="1"/>
  <c r="V20015" i="1"/>
  <c r="V20016" i="1"/>
  <c r="V20017" i="1"/>
  <c r="V20018" i="1"/>
  <c r="V20019" i="1"/>
  <c r="V20020" i="1"/>
  <c r="V20021" i="1"/>
  <c r="V20022" i="1"/>
  <c r="V20023" i="1"/>
  <c r="V20024" i="1"/>
  <c r="V20025" i="1"/>
  <c r="V20026" i="1"/>
  <c r="V20027" i="1"/>
  <c r="V20028" i="1"/>
  <c r="V20029" i="1"/>
  <c r="V20030" i="1"/>
  <c r="V20031" i="1"/>
  <c r="V20032" i="1"/>
  <c r="V20033" i="1"/>
  <c r="V20034" i="1"/>
  <c r="V20035" i="1"/>
  <c r="V20036" i="1"/>
  <c r="V20037" i="1"/>
  <c r="V20038" i="1"/>
  <c r="V20039" i="1"/>
  <c r="V20040" i="1"/>
  <c r="V20041" i="1"/>
  <c r="V20042" i="1"/>
  <c r="V20043" i="1"/>
  <c r="V20044" i="1"/>
  <c r="V20045" i="1"/>
  <c r="V20046" i="1"/>
  <c r="V20047" i="1"/>
  <c r="V20048" i="1"/>
  <c r="V20049" i="1"/>
  <c r="V20050" i="1"/>
  <c r="V20051" i="1"/>
  <c r="V20052" i="1"/>
  <c r="V20053" i="1"/>
  <c r="V20054" i="1"/>
  <c r="V20055" i="1"/>
  <c r="V20056" i="1"/>
  <c r="V20057" i="1"/>
  <c r="V20058" i="1"/>
  <c r="V20059" i="1"/>
  <c r="V20060" i="1"/>
  <c r="V20061" i="1"/>
  <c r="V20062" i="1"/>
  <c r="V20063" i="1"/>
  <c r="V20064" i="1"/>
  <c r="V20065" i="1"/>
  <c r="V20066" i="1"/>
  <c r="V20067" i="1"/>
  <c r="V20068" i="1"/>
  <c r="V20069" i="1"/>
  <c r="V20070" i="1"/>
  <c r="V20071" i="1"/>
  <c r="V20072" i="1"/>
  <c r="V20073" i="1"/>
  <c r="V20074" i="1"/>
  <c r="V20075" i="1"/>
  <c r="V20076" i="1"/>
  <c r="V20077" i="1"/>
  <c r="V20078" i="1"/>
  <c r="V20079" i="1"/>
  <c r="V20080" i="1"/>
  <c r="V20081" i="1"/>
  <c r="V20082" i="1"/>
  <c r="V20083" i="1"/>
  <c r="V20084" i="1"/>
  <c r="V20085" i="1"/>
  <c r="V20086" i="1"/>
  <c r="V20087" i="1"/>
  <c r="V20088" i="1"/>
  <c r="V20089" i="1"/>
  <c r="V20090" i="1"/>
  <c r="V20091" i="1"/>
  <c r="V20092" i="1"/>
  <c r="V20093" i="1"/>
  <c r="V20094" i="1"/>
  <c r="V20095" i="1"/>
  <c r="V20096" i="1"/>
  <c r="V20097" i="1"/>
  <c r="V20098" i="1"/>
  <c r="V20099" i="1"/>
  <c r="V20100" i="1"/>
  <c r="V20101" i="1"/>
  <c r="V20102" i="1"/>
  <c r="V20103" i="1"/>
  <c r="V20104" i="1"/>
  <c r="V20105" i="1"/>
  <c r="V20106" i="1"/>
  <c r="V20107" i="1"/>
  <c r="V20108" i="1"/>
  <c r="V20109" i="1"/>
  <c r="V20110" i="1"/>
  <c r="V20111" i="1"/>
  <c r="V20112" i="1"/>
  <c r="V20113" i="1"/>
  <c r="V20114" i="1"/>
  <c r="V20115" i="1"/>
  <c r="V20116" i="1"/>
  <c r="V20117" i="1"/>
  <c r="V20118" i="1"/>
  <c r="V20119" i="1"/>
  <c r="V20120" i="1"/>
  <c r="V20121" i="1"/>
  <c r="V20122" i="1"/>
  <c r="V20123" i="1"/>
  <c r="V20124" i="1"/>
  <c r="V20125" i="1"/>
  <c r="V20126" i="1"/>
  <c r="V20127" i="1"/>
  <c r="V20128" i="1"/>
  <c r="V20129" i="1"/>
  <c r="V20130" i="1"/>
  <c r="V20131" i="1"/>
  <c r="V20132" i="1"/>
  <c r="V20133" i="1"/>
  <c r="V20134" i="1"/>
  <c r="V20135" i="1"/>
  <c r="V20136" i="1"/>
  <c r="V20137" i="1"/>
  <c r="V20138" i="1"/>
  <c r="V20139" i="1"/>
  <c r="V20140" i="1"/>
  <c r="V20141" i="1"/>
  <c r="V20142" i="1"/>
  <c r="V20143" i="1"/>
  <c r="V20144" i="1"/>
  <c r="V20145" i="1"/>
  <c r="V20146" i="1"/>
  <c r="V20147" i="1"/>
  <c r="V20148" i="1"/>
  <c r="V20149" i="1"/>
  <c r="V20150" i="1"/>
  <c r="V20151" i="1"/>
  <c r="V20152" i="1"/>
  <c r="V20153" i="1"/>
  <c r="V20154" i="1"/>
  <c r="V20155" i="1"/>
  <c r="V20156" i="1"/>
  <c r="V20157" i="1"/>
  <c r="V20158" i="1"/>
  <c r="V20159" i="1"/>
  <c r="V20160" i="1"/>
  <c r="V20161" i="1"/>
  <c r="V20162" i="1"/>
  <c r="V20163" i="1"/>
  <c r="V20164" i="1"/>
  <c r="V20165" i="1"/>
  <c r="V20166" i="1"/>
  <c r="V20167" i="1"/>
  <c r="V20168" i="1"/>
  <c r="V20169" i="1"/>
  <c r="V20170" i="1"/>
  <c r="V20171" i="1"/>
  <c r="V20172" i="1"/>
  <c r="V20173" i="1"/>
  <c r="V20174" i="1"/>
  <c r="V20175" i="1"/>
  <c r="V20176" i="1"/>
  <c r="V20177" i="1"/>
  <c r="V20178" i="1"/>
  <c r="V20179" i="1"/>
  <c r="V20180" i="1"/>
  <c r="V20181" i="1"/>
  <c r="V20182" i="1"/>
  <c r="V20183" i="1"/>
  <c r="V20184" i="1"/>
  <c r="V20185" i="1"/>
  <c r="V20186" i="1"/>
  <c r="V20187" i="1"/>
  <c r="V20188" i="1"/>
  <c r="V20189" i="1"/>
  <c r="V20190" i="1"/>
  <c r="V20191" i="1"/>
  <c r="V20192" i="1"/>
  <c r="V20193" i="1"/>
  <c r="V20194" i="1"/>
  <c r="V20195" i="1"/>
  <c r="V20196" i="1"/>
  <c r="V20197" i="1"/>
  <c r="V20198" i="1"/>
  <c r="V20199" i="1"/>
  <c r="V20200" i="1"/>
  <c r="V20201" i="1"/>
  <c r="V20202" i="1"/>
  <c r="V20203" i="1"/>
  <c r="V20204" i="1"/>
  <c r="V20205" i="1"/>
  <c r="V20206" i="1"/>
  <c r="V20207" i="1"/>
  <c r="V20208" i="1"/>
  <c r="V20209" i="1"/>
  <c r="V20210" i="1"/>
  <c r="V20211" i="1"/>
  <c r="V20212" i="1"/>
  <c r="V20213" i="1"/>
  <c r="V20214" i="1"/>
  <c r="V20215" i="1"/>
  <c r="V20216" i="1"/>
  <c r="V20217" i="1"/>
  <c r="V20218" i="1"/>
  <c r="V20219" i="1"/>
  <c r="V20220" i="1"/>
  <c r="V20221" i="1"/>
  <c r="V20222" i="1"/>
  <c r="V20223" i="1"/>
  <c r="V20224" i="1"/>
  <c r="V20225" i="1"/>
  <c r="V20226" i="1"/>
  <c r="V20227" i="1"/>
  <c r="V20228" i="1"/>
  <c r="V20229" i="1"/>
  <c r="V20230" i="1"/>
  <c r="V20231" i="1"/>
  <c r="V20232" i="1"/>
  <c r="V20233" i="1"/>
  <c r="V20234" i="1"/>
  <c r="V20235" i="1"/>
  <c r="V20236" i="1"/>
  <c r="V20237" i="1"/>
  <c r="V20238" i="1"/>
  <c r="V20239" i="1"/>
  <c r="V20240" i="1"/>
  <c r="V20241" i="1"/>
  <c r="V20242" i="1"/>
  <c r="V20243" i="1"/>
  <c r="V20244" i="1"/>
  <c r="V20245" i="1"/>
  <c r="V20246" i="1"/>
  <c r="V20247" i="1"/>
  <c r="V20248" i="1"/>
  <c r="V20249" i="1"/>
  <c r="V20250" i="1"/>
  <c r="V20251" i="1"/>
  <c r="V20252" i="1"/>
  <c r="V20253" i="1"/>
  <c r="V20254" i="1"/>
  <c r="V20255" i="1"/>
  <c r="V20256" i="1"/>
  <c r="V20257" i="1"/>
  <c r="V20258" i="1"/>
  <c r="V20259" i="1"/>
  <c r="V20260" i="1"/>
  <c r="V20261" i="1"/>
  <c r="V20262" i="1"/>
  <c r="V20263" i="1"/>
  <c r="V20264" i="1"/>
  <c r="V20265" i="1"/>
  <c r="V20266" i="1"/>
  <c r="V20267" i="1"/>
  <c r="V20268" i="1"/>
  <c r="V20269" i="1"/>
  <c r="V20270" i="1"/>
  <c r="V20271" i="1"/>
  <c r="V20272" i="1"/>
  <c r="V20273" i="1"/>
  <c r="V20274" i="1"/>
  <c r="V20275" i="1"/>
  <c r="V20276" i="1"/>
  <c r="V20277" i="1"/>
  <c r="V20278" i="1"/>
  <c r="V20279" i="1"/>
  <c r="V20280" i="1"/>
  <c r="V20281" i="1"/>
  <c r="V20282" i="1"/>
  <c r="V20283" i="1"/>
  <c r="V20284" i="1"/>
  <c r="V20285" i="1"/>
  <c r="V20286" i="1"/>
  <c r="V20287" i="1"/>
  <c r="V20288" i="1"/>
  <c r="V20289" i="1"/>
  <c r="V20290" i="1"/>
  <c r="V20291" i="1"/>
  <c r="V20292" i="1"/>
  <c r="V20293" i="1"/>
  <c r="V20294" i="1"/>
  <c r="V20295" i="1"/>
  <c r="V20296" i="1"/>
  <c r="V20297" i="1"/>
  <c r="V20298" i="1"/>
  <c r="V20299" i="1"/>
  <c r="V20300" i="1"/>
  <c r="V20301" i="1"/>
  <c r="V20302" i="1"/>
  <c r="V20303" i="1"/>
  <c r="V20304" i="1"/>
  <c r="V20305" i="1"/>
  <c r="V20306" i="1"/>
  <c r="V20307" i="1"/>
  <c r="V20308" i="1"/>
  <c r="V20309" i="1"/>
  <c r="V20310" i="1"/>
  <c r="V20311" i="1"/>
  <c r="V20312" i="1"/>
  <c r="V20313" i="1"/>
  <c r="V20314" i="1"/>
  <c r="V20315" i="1"/>
  <c r="V20316" i="1"/>
  <c r="V20317" i="1"/>
  <c r="V20318" i="1"/>
  <c r="V20319" i="1"/>
  <c r="V20320" i="1"/>
  <c r="V20321" i="1"/>
  <c r="V20322" i="1"/>
  <c r="V20323" i="1"/>
  <c r="V20324" i="1"/>
  <c r="V20325" i="1"/>
  <c r="V20326" i="1"/>
  <c r="V20327" i="1"/>
  <c r="V20328" i="1"/>
  <c r="V20329" i="1"/>
  <c r="V20330" i="1"/>
  <c r="V20331" i="1"/>
  <c r="V20332" i="1"/>
  <c r="V20333" i="1"/>
  <c r="V20334" i="1"/>
  <c r="V20335" i="1"/>
  <c r="V20336" i="1"/>
  <c r="V20337" i="1"/>
  <c r="V20338" i="1"/>
  <c r="V20339" i="1"/>
  <c r="V20340" i="1"/>
  <c r="V20341" i="1"/>
  <c r="V20342" i="1"/>
  <c r="V20343" i="1"/>
  <c r="V20344" i="1"/>
  <c r="V20345" i="1"/>
  <c r="V20346" i="1"/>
  <c r="V20347" i="1"/>
  <c r="V20348" i="1"/>
  <c r="V20349" i="1"/>
  <c r="V20350" i="1"/>
  <c r="V20351" i="1"/>
  <c r="V20352" i="1"/>
  <c r="V20353" i="1"/>
  <c r="V20354" i="1"/>
  <c r="V20355" i="1"/>
  <c r="V20356" i="1"/>
  <c r="V20357" i="1"/>
  <c r="V20358" i="1"/>
  <c r="V20359" i="1"/>
  <c r="V20360" i="1"/>
  <c r="V20361" i="1"/>
  <c r="V20362" i="1"/>
  <c r="V20363" i="1"/>
  <c r="V20364" i="1"/>
  <c r="V20365" i="1"/>
  <c r="V20366" i="1"/>
  <c r="V20367" i="1"/>
  <c r="V20368" i="1"/>
  <c r="V20369" i="1"/>
  <c r="V20370" i="1"/>
  <c r="V20371" i="1"/>
  <c r="V20372" i="1"/>
  <c r="V20373" i="1"/>
  <c r="V20374" i="1"/>
  <c r="V20375" i="1"/>
  <c r="V20376" i="1"/>
  <c r="V20377" i="1"/>
  <c r="V20378" i="1"/>
  <c r="V20379" i="1"/>
  <c r="V20380" i="1"/>
  <c r="V20381" i="1"/>
  <c r="V20382" i="1"/>
  <c r="V20383" i="1"/>
  <c r="V20384" i="1"/>
  <c r="V20385" i="1"/>
  <c r="V20386" i="1"/>
  <c r="V20387" i="1"/>
  <c r="V20388" i="1"/>
  <c r="V20389" i="1"/>
  <c r="V20390" i="1"/>
  <c r="V20391" i="1"/>
  <c r="V20392" i="1"/>
  <c r="V20393" i="1"/>
  <c r="V20394" i="1"/>
  <c r="V20395" i="1"/>
  <c r="V20396" i="1"/>
  <c r="V20397" i="1"/>
  <c r="V20398" i="1"/>
  <c r="V20399" i="1"/>
  <c r="V20400" i="1"/>
  <c r="V20401" i="1"/>
  <c r="V20402" i="1"/>
  <c r="V20403" i="1"/>
  <c r="V20404" i="1"/>
  <c r="V20405" i="1"/>
  <c r="V20406" i="1"/>
  <c r="V20407" i="1"/>
  <c r="V20408" i="1"/>
  <c r="V20409" i="1"/>
  <c r="V20410" i="1"/>
  <c r="V20411" i="1"/>
  <c r="V20412" i="1"/>
  <c r="V20413" i="1"/>
  <c r="V20414" i="1"/>
  <c r="V20415" i="1"/>
  <c r="V20416" i="1"/>
  <c r="V20417" i="1"/>
  <c r="V20418" i="1"/>
  <c r="V20419" i="1"/>
  <c r="V20420" i="1"/>
  <c r="V20421" i="1"/>
  <c r="V20422" i="1"/>
  <c r="V20423" i="1"/>
  <c r="V20424" i="1"/>
  <c r="V20425" i="1"/>
  <c r="V20426" i="1"/>
  <c r="V20427" i="1"/>
  <c r="V20428" i="1"/>
  <c r="V20429" i="1"/>
  <c r="V20430" i="1"/>
  <c r="V20431" i="1"/>
  <c r="V20432" i="1"/>
  <c r="V20433" i="1"/>
  <c r="V20434" i="1"/>
  <c r="V20435" i="1"/>
  <c r="V20436" i="1"/>
  <c r="V20437" i="1"/>
  <c r="V20438" i="1"/>
  <c r="V20439" i="1"/>
  <c r="V20440" i="1"/>
  <c r="V20441" i="1"/>
  <c r="V20442" i="1"/>
  <c r="V20443" i="1"/>
  <c r="V20444" i="1"/>
  <c r="V20445" i="1"/>
  <c r="V20446" i="1"/>
  <c r="V20447" i="1"/>
  <c r="V20448" i="1"/>
  <c r="V20449" i="1"/>
  <c r="V20450" i="1"/>
  <c r="V20451" i="1"/>
  <c r="V20452" i="1"/>
  <c r="V20453" i="1"/>
  <c r="V20454" i="1"/>
  <c r="V20455" i="1"/>
  <c r="V20456" i="1"/>
  <c r="V20457" i="1"/>
  <c r="V20458" i="1"/>
  <c r="V20459" i="1"/>
  <c r="V20460" i="1"/>
  <c r="V20461" i="1"/>
  <c r="V20462" i="1"/>
  <c r="V20463" i="1"/>
  <c r="V20464" i="1"/>
  <c r="V20465" i="1"/>
  <c r="V20466" i="1"/>
  <c r="V20467" i="1"/>
  <c r="V20468" i="1"/>
  <c r="V20469" i="1"/>
  <c r="V20470" i="1"/>
  <c r="V20471" i="1"/>
  <c r="V20472" i="1"/>
  <c r="V20473" i="1"/>
  <c r="V20474" i="1"/>
  <c r="V20475" i="1"/>
  <c r="V20476" i="1"/>
  <c r="V20477" i="1"/>
  <c r="V20478" i="1"/>
  <c r="V20479" i="1"/>
  <c r="V20480" i="1"/>
  <c r="V20481" i="1"/>
  <c r="V20482" i="1"/>
  <c r="V20483" i="1"/>
  <c r="V20484" i="1"/>
  <c r="V20485" i="1"/>
  <c r="V20486" i="1"/>
  <c r="V20487" i="1"/>
  <c r="V20488" i="1"/>
  <c r="V20489" i="1"/>
  <c r="V20490" i="1"/>
  <c r="V20491" i="1"/>
  <c r="V20492" i="1"/>
  <c r="V20493" i="1"/>
  <c r="V20494" i="1"/>
  <c r="V20495" i="1"/>
  <c r="V20496" i="1"/>
  <c r="V20497" i="1"/>
  <c r="V20498" i="1"/>
  <c r="V20499" i="1"/>
  <c r="V20500" i="1"/>
  <c r="V20501" i="1"/>
  <c r="V20502" i="1"/>
  <c r="V20503" i="1"/>
  <c r="V20504" i="1"/>
  <c r="V20505" i="1"/>
  <c r="V20506" i="1"/>
  <c r="V20507" i="1"/>
  <c r="V20508" i="1"/>
  <c r="V20509" i="1"/>
  <c r="V20510" i="1"/>
  <c r="V20511" i="1"/>
  <c r="V20512" i="1"/>
  <c r="V20513" i="1"/>
  <c r="V20514" i="1"/>
  <c r="V20515" i="1"/>
  <c r="V20516" i="1"/>
  <c r="V20517" i="1"/>
  <c r="V20518" i="1"/>
  <c r="V20519" i="1"/>
  <c r="V20520" i="1"/>
  <c r="V20521" i="1"/>
  <c r="V20522" i="1"/>
  <c r="V20523" i="1"/>
  <c r="V20524" i="1"/>
  <c r="V20525" i="1"/>
  <c r="V20526" i="1"/>
  <c r="V20527" i="1"/>
  <c r="V20528" i="1"/>
  <c r="V20529" i="1"/>
  <c r="V20530" i="1"/>
  <c r="V20531" i="1"/>
  <c r="V20532" i="1"/>
  <c r="V20533" i="1"/>
  <c r="V20534" i="1"/>
  <c r="V20535" i="1"/>
  <c r="V20536" i="1"/>
  <c r="V20537" i="1"/>
  <c r="V20538" i="1"/>
  <c r="V20539" i="1"/>
  <c r="V20540" i="1"/>
  <c r="V20541" i="1"/>
  <c r="V20542" i="1"/>
  <c r="V20543" i="1"/>
  <c r="V20544" i="1"/>
  <c r="V20545" i="1"/>
  <c r="V20546" i="1"/>
  <c r="V20547" i="1"/>
  <c r="V20548" i="1"/>
  <c r="V20549" i="1"/>
  <c r="V20550" i="1"/>
  <c r="V20551" i="1"/>
  <c r="V20552" i="1"/>
  <c r="V20553" i="1"/>
  <c r="V20554" i="1"/>
  <c r="V20555" i="1"/>
  <c r="V20556" i="1"/>
  <c r="V20557" i="1"/>
  <c r="V20558" i="1"/>
  <c r="V20559" i="1"/>
  <c r="V20560" i="1"/>
  <c r="V20561" i="1"/>
  <c r="V20562" i="1"/>
  <c r="V20563" i="1"/>
  <c r="V20564" i="1"/>
  <c r="V20565" i="1"/>
  <c r="V20566" i="1"/>
  <c r="V20567" i="1"/>
  <c r="V20568" i="1"/>
  <c r="V20569" i="1"/>
  <c r="V20570" i="1"/>
  <c r="V20571" i="1"/>
  <c r="V20572" i="1"/>
  <c r="V20573" i="1"/>
  <c r="V20574" i="1"/>
  <c r="V20575" i="1"/>
  <c r="V20576" i="1"/>
  <c r="V20577" i="1"/>
  <c r="V20578" i="1"/>
  <c r="V20579" i="1"/>
  <c r="V20580" i="1"/>
  <c r="V20581" i="1"/>
  <c r="V20582" i="1"/>
  <c r="V20583" i="1"/>
  <c r="V20584" i="1"/>
  <c r="V20585" i="1"/>
  <c r="V20586" i="1"/>
  <c r="V20587" i="1"/>
  <c r="V20588" i="1"/>
  <c r="V20589" i="1"/>
  <c r="V20590" i="1"/>
  <c r="V20591" i="1"/>
  <c r="V20592" i="1"/>
  <c r="V20593" i="1"/>
  <c r="V20594" i="1"/>
  <c r="V20595" i="1"/>
  <c r="V20596" i="1"/>
  <c r="V20597" i="1"/>
  <c r="V20598" i="1"/>
  <c r="V20599" i="1"/>
  <c r="V20600" i="1"/>
  <c r="V20601" i="1"/>
  <c r="V20602" i="1"/>
  <c r="V20603" i="1"/>
  <c r="V20604" i="1"/>
  <c r="V20605" i="1"/>
  <c r="V20606" i="1"/>
  <c r="V20607" i="1"/>
  <c r="V20608" i="1"/>
  <c r="V20609" i="1"/>
  <c r="V20610" i="1"/>
  <c r="V20611" i="1"/>
  <c r="V20612" i="1"/>
  <c r="V20613" i="1"/>
  <c r="V20614" i="1"/>
  <c r="V20615" i="1"/>
  <c r="V20616" i="1"/>
  <c r="V20617" i="1"/>
  <c r="V20618" i="1"/>
  <c r="V20619" i="1"/>
  <c r="V20620" i="1"/>
  <c r="V20621" i="1"/>
  <c r="V20622" i="1"/>
  <c r="V20623" i="1"/>
  <c r="V20624" i="1"/>
  <c r="V20625" i="1"/>
  <c r="V20626" i="1"/>
  <c r="V20627" i="1"/>
  <c r="V20628" i="1"/>
  <c r="V20629" i="1"/>
  <c r="V20630" i="1"/>
  <c r="V20631" i="1"/>
  <c r="V20632" i="1"/>
  <c r="V20633" i="1"/>
  <c r="V20634" i="1"/>
  <c r="V20635" i="1"/>
  <c r="V20636" i="1"/>
  <c r="V20637" i="1"/>
  <c r="V20638" i="1"/>
  <c r="V20639" i="1"/>
  <c r="V20640" i="1"/>
  <c r="V20641" i="1"/>
  <c r="V20642" i="1"/>
  <c r="V20643" i="1"/>
  <c r="V20644" i="1"/>
  <c r="V20645" i="1"/>
  <c r="V20646" i="1"/>
  <c r="V20647" i="1"/>
  <c r="V20648" i="1"/>
  <c r="V20649" i="1"/>
  <c r="V20650" i="1"/>
  <c r="V20651" i="1"/>
  <c r="V20652" i="1"/>
  <c r="V20653" i="1"/>
  <c r="V20654" i="1"/>
  <c r="V20655" i="1"/>
  <c r="V20656" i="1"/>
  <c r="V20657" i="1"/>
  <c r="V20658" i="1"/>
  <c r="V20659" i="1"/>
  <c r="V20660" i="1"/>
  <c r="V20661" i="1"/>
  <c r="V20662" i="1"/>
  <c r="V20663" i="1"/>
  <c r="V20664" i="1"/>
  <c r="V20665" i="1"/>
  <c r="V20666" i="1"/>
  <c r="V20667" i="1"/>
  <c r="V20668" i="1"/>
  <c r="V20669" i="1"/>
  <c r="V20670" i="1"/>
  <c r="V20671" i="1"/>
  <c r="V20672" i="1"/>
  <c r="V20673" i="1"/>
  <c r="V20674" i="1"/>
  <c r="V20675" i="1"/>
  <c r="V20676" i="1"/>
  <c r="V20677" i="1"/>
  <c r="V20678" i="1"/>
  <c r="V20679" i="1"/>
  <c r="V20680" i="1"/>
  <c r="V20681" i="1"/>
  <c r="V20682" i="1"/>
  <c r="V20683" i="1"/>
  <c r="V20684" i="1"/>
  <c r="V20685" i="1"/>
  <c r="V20686" i="1"/>
  <c r="V20687" i="1"/>
  <c r="V20688" i="1"/>
  <c r="V20689" i="1"/>
  <c r="V20690" i="1"/>
  <c r="V20691" i="1"/>
  <c r="V20692" i="1"/>
  <c r="V20693" i="1"/>
  <c r="V20694" i="1"/>
  <c r="V20695" i="1"/>
  <c r="V20696" i="1"/>
  <c r="V20697" i="1"/>
  <c r="V20698" i="1"/>
  <c r="V20699" i="1"/>
  <c r="V20700" i="1"/>
  <c r="V20701" i="1"/>
  <c r="V20702" i="1"/>
  <c r="V20703" i="1"/>
  <c r="V20704" i="1"/>
  <c r="V20705" i="1"/>
  <c r="V20706" i="1"/>
  <c r="V20707" i="1"/>
  <c r="V20708" i="1"/>
  <c r="V20709" i="1"/>
  <c r="V20710" i="1"/>
  <c r="V20711" i="1"/>
  <c r="V20712" i="1"/>
  <c r="V20713" i="1"/>
  <c r="V20714" i="1"/>
  <c r="V20715" i="1"/>
  <c r="V20716" i="1"/>
  <c r="V20717" i="1"/>
  <c r="V20718" i="1"/>
  <c r="V20719" i="1"/>
  <c r="V20720" i="1"/>
  <c r="V20721" i="1"/>
  <c r="V20722" i="1"/>
  <c r="V20723" i="1"/>
  <c r="V20724" i="1"/>
  <c r="V20725" i="1"/>
  <c r="V20726" i="1"/>
  <c r="V20727" i="1"/>
  <c r="V20728" i="1"/>
  <c r="V20729" i="1"/>
  <c r="V20730" i="1"/>
  <c r="V20731" i="1"/>
  <c r="V20732" i="1"/>
  <c r="V20733" i="1"/>
  <c r="V20734" i="1"/>
  <c r="V20735" i="1"/>
  <c r="V20736" i="1"/>
  <c r="V20737" i="1"/>
  <c r="V20738" i="1"/>
  <c r="V20739" i="1"/>
  <c r="V20740" i="1"/>
  <c r="V20741" i="1"/>
  <c r="V20742" i="1"/>
  <c r="V20743" i="1"/>
  <c r="V20744" i="1"/>
  <c r="V20745" i="1"/>
  <c r="V20746" i="1"/>
  <c r="V20747" i="1"/>
  <c r="V20748" i="1"/>
  <c r="V20749" i="1"/>
  <c r="V20750" i="1"/>
  <c r="V20751" i="1"/>
  <c r="V20752" i="1"/>
  <c r="V20753" i="1"/>
  <c r="V20754" i="1"/>
  <c r="V20755" i="1"/>
  <c r="V20756" i="1"/>
  <c r="V20757" i="1"/>
  <c r="V20758" i="1"/>
  <c r="V20759" i="1"/>
  <c r="V20760" i="1"/>
  <c r="V20761" i="1"/>
  <c r="V20762" i="1"/>
  <c r="V20763" i="1"/>
  <c r="V20764" i="1"/>
  <c r="V20765" i="1"/>
  <c r="V20766" i="1"/>
  <c r="V20767" i="1"/>
  <c r="V20768" i="1"/>
  <c r="V20769" i="1"/>
  <c r="V20770" i="1"/>
  <c r="V20771" i="1"/>
  <c r="V20772" i="1"/>
  <c r="V20773" i="1"/>
  <c r="V20774" i="1"/>
  <c r="V20775" i="1"/>
  <c r="V20776" i="1"/>
  <c r="V20777" i="1"/>
  <c r="V20778" i="1"/>
  <c r="V20779" i="1"/>
  <c r="V20780" i="1"/>
  <c r="V20781" i="1"/>
  <c r="V20782" i="1"/>
  <c r="V20783" i="1"/>
  <c r="V20784" i="1"/>
  <c r="V20785" i="1"/>
  <c r="V20786" i="1"/>
  <c r="V20787" i="1"/>
  <c r="V20788" i="1"/>
  <c r="V20789" i="1"/>
  <c r="V20790" i="1"/>
  <c r="V20791" i="1"/>
  <c r="V20792" i="1"/>
  <c r="V20793" i="1"/>
  <c r="V20794" i="1"/>
  <c r="V20795" i="1"/>
  <c r="V20796" i="1"/>
  <c r="V20797" i="1"/>
  <c r="V20798" i="1"/>
  <c r="V20799" i="1"/>
  <c r="V20800" i="1"/>
  <c r="V20801" i="1"/>
  <c r="V20802" i="1"/>
  <c r="V20803" i="1"/>
  <c r="V20804" i="1"/>
  <c r="V20805" i="1"/>
  <c r="V20806" i="1"/>
  <c r="V20807" i="1"/>
  <c r="V20808" i="1"/>
  <c r="V20809" i="1"/>
  <c r="V20810" i="1"/>
  <c r="V20811" i="1"/>
  <c r="V20812" i="1"/>
  <c r="V20813" i="1"/>
  <c r="V20814" i="1"/>
  <c r="V20815" i="1"/>
  <c r="V20816" i="1"/>
  <c r="V20817" i="1"/>
  <c r="V20818" i="1"/>
  <c r="V20819" i="1"/>
  <c r="V20820" i="1"/>
  <c r="V20821" i="1"/>
  <c r="V20822" i="1"/>
  <c r="V20823" i="1"/>
  <c r="V20824" i="1"/>
  <c r="V20825" i="1"/>
  <c r="V20826" i="1"/>
  <c r="V20827" i="1"/>
  <c r="V20828" i="1"/>
  <c r="V20829" i="1"/>
  <c r="V20830" i="1"/>
  <c r="V20831" i="1"/>
  <c r="V20832" i="1"/>
  <c r="V20833" i="1"/>
  <c r="V20834" i="1"/>
  <c r="V20835" i="1"/>
  <c r="V20836" i="1"/>
  <c r="V20837" i="1"/>
  <c r="V20838" i="1"/>
  <c r="V20839" i="1"/>
  <c r="V20840" i="1"/>
  <c r="V20841" i="1"/>
  <c r="V20842" i="1"/>
  <c r="V20843" i="1"/>
  <c r="V20844" i="1"/>
  <c r="V20845" i="1"/>
  <c r="V20846" i="1"/>
  <c r="V20847" i="1"/>
  <c r="V20848" i="1"/>
  <c r="V20849" i="1"/>
  <c r="V20850" i="1"/>
  <c r="V20851" i="1"/>
  <c r="V20852" i="1"/>
  <c r="V20853" i="1"/>
  <c r="V20854" i="1"/>
  <c r="V20855" i="1"/>
  <c r="V20856" i="1"/>
  <c r="V20857" i="1"/>
  <c r="V20858" i="1"/>
  <c r="V20859" i="1"/>
  <c r="V20860" i="1"/>
  <c r="V20861" i="1"/>
  <c r="V20862" i="1"/>
  <c r="V20863" i="1"/>
  <c r="V20864" i="1"/>
  <c r="V20865" i="1"/>
  <c r="V20866" i="1"/>
  <c r="V20867" i="1"/>
  <c r="V20868" i="1"/>
  <c r="V20869" i="1"/>
  <c r="V20870" i="1"/>
  <c r="V20871" i="1"/>
  <c r="V20872" i="1"/>
  <c r="V20873" i="1"/>
  <c r="V20874" i="1"/>
  <c r="V20875" i="1"/>
  <c r="V20876" i="1"/>
  <c r="V20877" i="1"/>
  <c r="V20878" i="1"/>
  <c r="V20879" i="1"/>
  <c r="V20880" i="1"/>
  <c r="V20881" i="1"/>
  <c r="V20882" i="1"/>
  <c r="V20883" i="1"/>
  <c r="V20884" i="1"/>
  <c r="V20885" i="1"/>
  <c r="V20886" i="1"/>
  <c r="V20887" i="1"/>
  <c r="V20888" i="1"/>
  <c r="V20889" i="1"/>
  <c r="V20890" i="1"/>
  <c r="V20891" i="1"/>
  <c r="V20892" i="1"/>
  <c r="V20893" i="1"/>
  <c r="V20894" i="1"/>
  <c r="V20895" i="1"/>
  <c r="V20896" i="1"/>
  <c r="V20897" i="1"/>
  <c r="V20898" i="1"/>
  <c r="V20899" i="1"/>
  <c r="V20900" i="1"/>
  <c r="V20901" i="1"/>
  <c r="V20902" i="1"/>
  <c r="V20903" i="1"/>
  <c r="V20904" i="1"/>
  <c r="V20905" i="1"/>
  <c r="V20906" i="1"/>
  <c r="V20907" i="1"/>
  <c r="V20908" i="1"/>
  <c r="V20909" i="1"/>
  <c r="V20910" i="1"/>
  <c r="V20911" i="1"/>
  <c r="V20912" i="1"/>
  <c r="V20913" i="1"/>
  <c r="V20914" i="1"/>
  <c r="V20915" i="1"/>
  <c r="V20916" i="1"/>
  <c r="V20917" i="1"/>
  <c r="V20918" i="1"/>
  <c r="V20919" i="1"/>
  <c r="V20920" i="1"/>
  <c r="V20921" i="1"/>
  <c r="V20922" i="1"/>
  <c r="V20923" i="1"/>
  <c r="V20924" i="1"/>
  <c r="V20925" i="1"/>
  <c r="V20926" i="1"/>
  <c r="V20927" i="1"/>
  <c r="V20928" i="1"/>
  <c r="V20929" i="1"/>
  <c r="V20930" i="1"/>
  <c r="V20931" i="1"/>
  <c r="V20932" i="1"/>
  <c r="V20933" i="1"/>
  <c r="V20934" i="1"/>
  <c r="V20935" i="1"/>
  <c r="V20936" i="1"/>
  <c r="V20937" i="1"/>
  <c r="V20938" i="1"/>
  <c r="V20939" i="1"/>
  <c r="V20940" i="1"/>
  <c r="V20941" i="1"/>
  <c r="V20942" i="1"/>
  <c r="V20943" i="1"/>
  <c r="V20944" i="1"/>
  <c r="V20945" i="1"/>
  <c r="V20946" i="1"/>
  <c r="V20947" i="1"/>
  <c r="V20948" i="1"/>
  <c r="V20949" i="1"/>
  <c r="V20950" i="1"/>
  <c r="V20951" i="1"/>
  <c r="V20952" i="1"/>
  <c r="V20953" i="1"/>
  <c r="V20954" i="1"/>
  <c r="V20955" i="1"/>
  <c r="V20956" i="1"/>
  <c r="V20957" i="1"/>
  <c r="V20958" i="1"/>
  <c r="V20959" i="1"/>
  <c r="V20960" i="1"/>
  <c r="V20961" i="1"/>
  <c r="V20962" i="1"/>
  <c r="V20963" i="1"/>
  <c r="V20964" i="1"/>
  <c r="V20965" i="1"/>
  <c r="V20966" i="1"/>
  <c r="V20967" i="1"/>
  <c r="V20968" i="1"/>
  <c r="V20969" i="1"/>
  <c r="V20970" i="1"/>
  <c r="V20971" i="1"/>
  <c r="V20972" i="1"/>
  <c r="V20973" i="1"/>
  <c r="V20974" i="1"/>
  <c r="V20975" i="1"/>
  <c r="V20976" i="1"/>
  <c r="V20977" i="1"/>
  <c r="V20978" i="1"/>
  <c r="V20979" i="1"/>
  <c r="V20980" i="1"/>
  <c r="V20981" i="1"/>
  <c r="V20982" i="1"/>
  <c r="V20983" i="1"/>
  <c r="V20984" i="1"/>
  <c r="V20985" i="1"/>
  <c r="V20986" i="1"/>
  <c r="V20987" i="1"/>
  <c r="V20988" i="1"/>
  <c r="V20989" i="1"/>
  <c r="V20990" i="1"/>
  <c r="V20991" i="1"/>
  <c r="V20992" i="1"/>
  <c r="V20993" i="1"/>
  <c r="V20994" i="1"/>
  <c r="V20995" i="1"/>
  <c r="V20996" i="1"/>
  <c r="V20997" i="1"/>
  <c r="V20998" i="1"/>
  <c r="V20999" i="1"/>
  <c r="V21000" i="1"/>
  <c r="V21001" i="1"/>
  <c r="V21002" i="1"/>
  <c r="V21003" i="1"/>
  <c r="V21004" i="1"/>
  <c r="V21005" i="1"/>
  <c r="V21006" i="1"/>
  <c r="V21007" i="1"/>
  <c r="V21008" i="1"/>
  <c r="V21009" i="1"/>
  <c r="V21010" i="1"/>
  <c r="V21011" i="1"/>
  <c r="V21012" i="1"/>
  <c r="V21013" i="1"/>
  <c r="V21014" i="1"/>
  <c r="V21015" i="1"/>
  <c r="V21016" i="1"/>
  <c r="V21017" i="1"/>
  <c r="V21018" i="1"/>
  <c r="V21019" i="1"/>
  <c r="V21020" i="1"/>
  <c r="V21021" i="1"/>
  <c r="V21022" i="1"/>
  <c r="V21023" i="1"/>
  <c r="V21024" i="1"/>
  <c r="V21025" i="1"/>
  <c r="V21026" i="1"/>
  <c r="V21027" i="1"/>
  <c r="V21028" i="1"/>
  <c r="V21029" i="1"/>
  <c r="V21030" i="1"/>
  <c r="V21031" i="1"/>
  <c r="V21032" i="1"/>
  <c r="V21033" i="1"/>
  <c r="V21034" i="1"/>
  <c r="V21035" i="1"/>
  <c r="V21036" i="1"/>
  <c r="V21037" i="1"/>
  <c r="V21038" i="1"/>
  <c r="V21039" i="1"/>
  <c r="V21040" i="1"/>
  <c r="V21041" i="1"/>
  <c r="V21042" i="1"/>
  <c r="V21043" i="1"/>
  <c r="V21044" i="1"/>
  <c r="V21045" i="1"/>
  <c r="V21046" i="1"/>
  <c r="V21047" i="1"/>
  <c r="V21048" i="1"/>
  <c r="V21049" i="1"/>
  <c r="V21050" i="1"/>
  <c r="V21051" i="1"/>
  <c r="V21052" i="1"/>
  <c r="V21053" i="1"/>
  <c r="V21054" i="1"/>
  <c r="V21055" i="1"/>
  <c r="V21056" i="1"/>
  <c r="V21057" i="1"/>
  <c r="V21058" i="1"/>
  <c r="V21059" i="1"/>
  <c r="V21060" i="1"/>
  <c r="V21061" i="1"/>
  <c r="V21062" i="1"/>
  <c r="V21063" i="1"/>
  <c r="V21064" i="1"/>
  <c r="V21065" i="1"/>
  <c r="V21066" i="1"/>
  <c r="V21067" i="1"/>
  <c r="V21068" i="1"/>
  <c r="V21069" i="1"/>
  <c r="V21070" i="1"/>
  <c r="V21071" i="1"/>
  <c r="V21072" i="1"/>
  <c r="V21073" i="1"/>
  <c r="V21074" i="1"/>
  <c r="V21075" i="1"/>
  <c r="V21076" i="1"/>
  <c r="V21077" i="1"/>
  <c r="V21078" i="1"/>
  <c r="V21079" i="1"/>
  <c r="V21080" i="1"/>
  <c r="V21081" i="1"/>
  <c r="V21082" i="1"/>
  <c r="V21083" i="1"/>
  <c r="V21084" i="1"/>
  <c r="V21085" i="1"/>
  <c r="V21086" i="1"/>
  <c r="V21087" i="1"/>
  <c r="V21088" i="1"/>
  <c r="V21089" i="1"/>
  <c r="V21090" i="1"/>
  <c r="V21091" i="1"/>
  <c r="V21092" i="1"/>
  <c r="V21093" i="1"/>
  <c r="V21094" i="1"/>
  <c r="V21095" i="1"/>
  <c r="V21096" i="1"/>
  <c r="V21097" i="1"/>
  <c r="V21098" i="1"/>
  <c r="V21099" i="1"/>
  <c r="V21100" i="1"/>
  <c r="V21101" i="1"/>
  <c r="V21102" i="1"/>
  <c r="V21103" i="1"/>
  <c r="V21104" i="1"/>
  <c r="V21105" i="1"/>
  <c r="V21106" i="1"/>
  <c r="V21107" i="1"/>
  <c r="V21108" i="1"/>
  <c r="V21109" i="1"/>
  <c r="V21110" i="1"/>
  <c r="V21111" i="1"/>
  <c r="V21112" i="1"/>
  <c r="V21113" i="1"/>
  <c r="V21114" i="1"/>
  <c r="V21115" i="1"/>
  <c r="V21116" i="1"/>
  <c r="V21117" i="1"/>
  <c r="V21118" i="1"/>
  <c r="V21119" i="1"/>
  <c r="V21120" i="1"/>
  <c r="V21121" i="1"/>
  <c r="V21122" i="1"/>
  <c r="V21123" i="1"/>
  <c r="V21124" i="1"/>
  <c r="V21125" i="1"/>
  <c r="V21126" i="1"/>
  <c r="V21127" i="1"/>
  <c r="V21128" i="1"/>
  <c r="V21129" i="1"/>
  <c r="V21130" i="1"/>
  <c r="V21131" i="1"/>
  <c r="V21132" i="1"/>
  <c r="V21133" i="1"/>
  <c r="V21134" i="1"/>
  <c r="V21135" i="1"/>
  <c r="V21136" i="1"/>
  <c r="V21137" i="1"/>
  <c r="V21138" i="1"/>
  <c r="V21139" i="1"/>
  <c r="V21140" i="1"/>
  <c r="V21141" i="1"/>
  <c r="V21142" i="1"/>
  <c r="V21143" i="1"/>
  <c r="V21144" i="1"/>
  <c r="V21145" i="1"/>
  <c r="V21146" i="1"/>
  <c r="V21147" i="1"/>
  <c r="V21148" i="1"/>
  <c r="V21149" i="1"/>
  <c r="V21150" i="1"/>
  <c r="V21151" i="1"/>
  <c r="V21152" i="1"/>
  <c r="V21153" i="1"/>
  <c r="V21154" i="1"/>
  <c r="V21155" i="1"/>
  <c r="V21156" i="1"/>
  <c r="V21157" i="1"/>
  <c r="V21158" i="1"/>
  <c r="V21159" i="1"/>
  <c r="V21160" i="1"/>
  <c r="V21161" i="1"/>
  <c r="V21162" i="1"/>
  <c r="V21163" i="1"/>
  <c r="V21164" i="1"/>
  <c r="V21165" i="1"/>
  <c r="V21166" i="1"/>
  <c r="V21167" i="1"/>
  <c r="V21168" i="1"/>
  <c r="V21169" i="1"/>
  <c r="V21170" i="1"/>
  <c r="V21171" i="1"/>
  <c r="V21172" i="1"/>
  <c r="V21173" i="1"/>
  <c r="V21174" i="1"/>
  <c r="V21175" i="1"/>
  <c r="V21176" i="1"/>
  <c r="V21177" i="1"/>
  <c r="V21178" i="1"/>
  <c r="V21179" i="1"/>
  <c r="V21180" i="1"/>
  <c r="V21181" i="1"/>
  <c r="V21182" i="1"/>
  <c r="V21183" i="1"/>
  <c r="V21184" i="1"/>
  <c r="V21185" i="1"/>
  <c r="V21186" i="1"/>
  <c r="V21187" i="1"/>
  <c r="V21188" i="1"/>
  <c r="V21189" i="1"/>
  <c r="V21190" i="1"/>
  <c r="V21191" i="1"/>
  <c r="V21192" i="1"/>
  <c r="V21193" i="1"/>
  <c r="V21194" i="1"/>
  <c r="V21195" i="1"/>
  <c r="V21196" i="1"/>
  <c r="V21197" i="1"/>
  <c r="V21198" i="1"/>
  <c r="V21199" i="1"/>
  <c r="V21200" i="1"/>
  <c r="V21201" i="1"/>
  <c r="V21202" i="1"/>
  <c r="V21203" i="1"/>
  <c r="V21204" i="1"/>
  <c r="V21205" i="1"/>
  <c r="V21206" i="1"/>
  <c r="V21207" i="1"/>
  <c r="V21208" i="1"/>
  <c r="V21209" i="1"/>
  <c r="V21210" i="1"/>
  <c r="V21211" i="1"/>
  <c r="V21212" i="1"/>
  <c r="V21213" i="1"/>
  <c r="V21214" i="1"/>
  <c r="V21215" i="1"/>
  <c r="V21216" i="1"/>
  <c r="V21217" i="1"/>
  <c r="V21218" i="1"/>
  <c r="V21219" i="1"/>
  <c r="V21220" i="1"/>
  <c r="V21221" i="1"/>
  <c r="V21222" i="1"/>
  <c r="V21223" i="1"/>
  <c r="V21224" i="1"/>
  <c r="V21225" i="1"/>
  <c r="V21226" i="1"/>
  <c r="V21227" i="1"/>
  <c r="V21228" i="1"/>
  <c r="V21229" i="1"/>
  <c r="V21230" i="1"/>
  <c r="V21231" i="1"/>
  <c r="V21232" i="1"/>
  <c r="V21233" i="1"/>
  <c r="V21234" i="1"/>
  <c r="V21235" i="1"/>
  <c r="V21236" i="1"/>
  <c r="V21237" i="1"/>
  <c r="V21238" i="1"/>
  <c r="V21239" i="1"/>
  <c r="V21240" i="1"/>
  <c r="V21241" i="1"/>
  <c r="V21242" i="1"/>
  <c r="V21243" i="1"/>
  <c r="V21244" i="1"/>
  <c r="V21245" i="1"/>
  <c r="V21246" i="1"/>
  <c r="V21247" i="1"/>
  <c r="V21248" i="1"/>
  <c r="V21249" i="1"/>
  <c r="V21250" i="1"/>
  <c r="V21251" i="1"/>
  <c r="V21252" i="1"/>
  <c r="V21253" i="1"/>
  <c r="V21254" i="1"/>
  <c r="V21255" i="1"/>
  <c r="V21256" i="1"/>
  <c r="V21257" i="1"/>
  <c r="V21258" i="1"/>
  <c r="V21259" i="1"/>
  <c r="V21260" i="1"/>
  <c r="V21261" i="1"/>
  <c r="V21262" i="1"/>
  <c r="V21263" i="1"/>
  <c r="V21264" i="1"/>
  <c r="V21265" i="1"/>
  <c r="V21266" i="1"/>
  <c r="V21267" i="1"/>
  <c r="V21268" i="1"/>
  <c r="V21269" i="1"/>
  <c r="V21270" i="1"/>
  <c r="V21271" i="1"/>
  <c r="V21272" i="1"/>
  <c r="V21273" i="1"/>
  <c r="V21274" i="1"/>
  <c r="V21275" i="1"/>
  <c r="V21276" i="1"/>
  <c r="V21277" i="1"/>
  <c r="V21278" i="1"/>
  <c r="V21279" i="1"/>
  <c r="V21280" i="1"/>
  <c r="V21281" i="1"/>
  <c r="V21282" i="1"/>
  <c r="V21283" i="1"/>
  <c r="V21284" i="1"/>
  <c r="V21285" i="1"/>
  <c r="V21286" i="1"/>
  <c r="V21287" i="1"/>
  <c r="V21288" i="1"/>
  <c r="V21289" i="1"/>
  <c r="V21290" i="1"/>
  <c r="V21291" i="1"/>
  <c r="V21292" i="1"/>
  <c r="V21293" i="1"/>
  <c r="V21294" i="1"/>
  <c r="V21295" i="1"/>
  <c r="V21296" i="1"/>
  <c r="V21297" i="1"/>
  <c r="V21298" i="1"/>
  <c r="V21299" i="1"/>
  <c r="V21300" i="1"/>
  <c r="V21301" i="1"/>
  <c r="V21302" i="1"/>
  <c r="V21303" i="1"/>
  <c r="V21304" i="1"/>
  <c r="V21305" i="1"/>
  <c r="V21306" i="1"/>
  <c r="V21307" i="1"/>
  <c r="V21308" i="1"/>
  <c r="V21309" i="1"/>
  <c r="V21310" i="1"/>
  <c r="V21311" i="1"/>
  <c r="V21312" i="1"/>
  <c r="V21313" i="1"/>
  <c r="V21314" i="1"/>
  <c r="V21315" i="1"/>
  <c r="V21316" i="1"/>
  <c r="V21317" i="1"/>
  <c r="V21318" i="1"/>
  <c r="V21319" i="1"/>
  <c r="V21320" i="1"/>
  <c r="V21321" i="1"/>
  <c r="V21322" i="1"/>
  <c r="V21323" i="1"/>
  <c r="V21324" i="1"/>
  <c r="V21325" i="1"/>
  <c r="V21326" i="1"/>
  <c r="V21327" i="1"/>
  <c r="V21328" i="1"/>
  <c r="V21329" i="1"/>
  <c r="V21330" i="1"/>
  <c r="V21331" i="1"/>
  <c r="V21332" i="1"/>
  <c r="V21333" i="1"/>
  <c r="V21334" i="1"/>
  <c r="V21335" i="1"/>
  <c r="V21336" i="1"/>
  <c r="V21337" i="1"/>
  <c r="V21338" i="1"/>
  <c r="V21339" i="1"/>
  <c r="V21340" i="1"/>
  <c r="V21341" i="1"/>
  <c r="V21342" i="1"/>
  <c r="V21343" i="1"/>
  <c r="V21344" i="1"/>
  <c r="V21345" i="1"/>
  <c r="V21346" i="1"/>
  <c r="V21347" i="1"/>
  <c r="V21348" i="1"/>
  <c r="V21349" i="1"/>
  <c r="V21350" i="1"/>
  <c r="V21351" i="1"/>
  <c r="V21352" i="1"/>
  <c r="V21353" i="1"/>
  <c r="V21354" i="1"/>
  <c r="V21355" i="1"/>
  <c r="V21356" i="1"/>
  <c r="V21357" i="1"/>
  <c r="V21358" i="1"/>
  <c r="V21359" i="1"/>
  <c r="V21360" i="1"/>
  <c r="V21361" i="1"/>
  <c r="V21362" i="1"/>
  <c r="V21363" i="1"/>
  <c r="V21364" i="1"/>
  <c r="V21365" i="1"/>
  <c r="V21366" i="1"/>
  <c r="V21367" i="1"/>
  <c r="V21368" i="1"/>
  <c r="V21369" i="1"/>
  <c r="V21370" i="1"/>
  <c r="V21371" i="1"/>
  <c r="V21372" i="1"/>
  <c r="V21373" i="1"/>
  <c r="V21374" i="1"/>
  <c r="V21375" i="1"/>
  <c r="V21376" i="1"/>
  <c r="V21377" i="1"/>
  <c r="V21378" i="1"/>
  <c r="V21379" i="1"/>
  <c r="V21380" i="1"/>
  <c r="V21381" i="1"/>
  <c r="V21382" i="1"/>
  <c r="V21383" i="1"/>
  <c r="V21384" i="1"/>
  <c r="V21385" i="1"/>
  <c r="V21386" i="1"/>
  <c r="V21387" i="1"/>
  <c r="V21388" i="1"/>
  <c r="V21389" i="1"/>
  <c r="V21390" i="1"/>
  <c r="V21391" i="1"/>
  <c r="V21392" i="1"/>
  <c r="V21393" i="1"/>
  <c r="V21394" i="1"/>
  <c r="V21395" i="1"/>
  <c r="V21396" i="1"/>
  <c r="V21397" i="1"/>
  <c r="V21398" i="1"/>
  <c r="V21399" i="1"/>
  <c r="V21400" i="1"/>
  <c r="V21401" i="1"/>
  <c r="V21402" i="1"/>
  <c r="V21403" i="1"/>
  <c r="V21404" i="1"/>
  <c r="V21405" i="1"/>
  <c r="V21406" i="1"/>
  <c r="V21407" i="1"/>
  <c r="V21408" i="1"/>
  <c r="V21409" i="1"/>
  <c r="V21410" i="1"/>
  <c r="V21411" i="1"/>
  <c r="V21412" i="1"/>
  <c r="V21413" i="1"/>
  <c r="V21414" i="1"/>
  <c r="V21415" i="1"/>
  <c r="V21416" i="1"/>
  <c r="V21417" i="1"/>
  <c r="V21418" i="1"/>
  <c r="V21419" i="1"/>
  <c r="V21420" i="1"/>
  <c r="V21421" i="1"/>
  <c r="V21422" i="1"/>
  <c r="V21423" i="1"/>
  <c r="V21424" i="1"/>
  <c r="V21425" i="1"/>
  <c r="V21426" i="1"/>
  <c r="V21427" i="1"/>
  <c r="V21428" i="1"/>
  <c r="V21429" i="1"/>
  <c r="V21430" i="1"/>
  <c r="V21431" i="1"/>
  <c r="V21432" i="1"/>
  <c r="V21433" i="1"/>
  <c r="V21434" i="1"/>
  <c r="V21435" i="1"/>
  <c r="V21436" i="1"/>
  <c r="V21437" i="1"/>
  <c r="V21438" i="1"/>
  <c r="V21439" i="1"/>
  <c r="V21440" i="1"/>
  <c r="V21441" i="1"/>
  <c r="V21442" i="1"/>
  <c r="V21443" i="1"/>
  <c r="V21444" i="1"/>
  <c r="V21445" i="1"/>
  <c r="V21446" i="1"/>
  <c r="V21447" i="1"/>
  <c r="V21448" i="1"/>
  <c r="V21449" i="1"/>
  <c r="V21450" i="1"/>
  <c r="V21451" i="1"/>
  <c r="V21452" i="1"/>
  <c r="V21453" i="1"/>
  <c r="V21454" i="1"/>
  <c r="V21455" i="1"/>
  <c r="V21456" i="1"/>
  <c r="V21457" i="1"/>
  <c r="V21458" i="1"/>
  <c r="V21459" i="1"/>
  <c r="V21460" i="1"/>
  <c r="V21461" i="1"/>
  <c r="V21462" i="1"/>
  <c r="V21463" i="1"/>
  <c r="V21464" i="1"/>
  <c r="V21465" i="1"/>
  <c r="V21466" i="1"/>
  <c r="V21467" i="1"/>
  <c r="V21468" i="1"/>
  <c r="V21469" i="1"/>
  <c r="V21470" i="1"/>
  <c r="V21471" i="1"/>
  <c r="V21472" i="1"/>
  <c r="V21473" i="1"/>
  <c r="V21474" i="1"/>
  <c r="V21475" i="1"/>
  <c r="V21476" i="1"/>
  <c r="V21477" i="1"/>
  <c r="V21478" i="1"/>
  <c r="V21479" i="1"/>
  <c r="V21480" i="1"/>
  <c r="V21481" i="1"/>
  <c r="V21482" i="1"/>
  <c r="V21483" i="1"/>
  <c r="V21484" i="1"/>
  <c r="V21485" i="1"/>
  <c r="V21486" i="1"/>
  <c r="V21487" i="1"/>
  <c r="V21488" i="1"/>
  <c r="V21489" i="1"/>
  <c r="V21490" i="1"/>
  <c r="V21491" i="1"/>
  <c r="V21492" i="1"/>
  <c r="V21493" i="1"/>
  <c r="V21494" i="1"/>
  <c r="V21495" i="1"/>
  <c r="V21496" i="1"/>
  <c r="V21497" i="1"/>
  <c r="V21498" i="1"/>
  <c r="V21499" i="1"/>
  <c r="V21500" i="1"/>
  <c r="V21501" i="1"/>
  <c r="V21502" i="1"/>
  <c r="V21503" i="1"/>
  <c r="V21504" i="1"/>
  <c r="V21505" i="1"/>
  <c r="V21506" i="1"/>
  <c r="V21507" i="1"/>
  <c r="V21508" i="1"/>
  <c r="V21509" i="1"/>
  <c r="V21510" i="1"/>
  <c r="V21511" i="1"/>
  <c r="V21512" i="1"/>
  <c r="V21513" i="1"/>
  <c r="V21514" i="1"/>
  <c r="V21515" i="1"/>
  <c r="V21516" i="1"/>
  <c r="V21517" i="1"/>
  <c r="V21518" i="1"/>
  <c r="V21519" i="1"/>
  <c r="V21520" i="1"/>
  <c r="V21521" i="1"/>
  <c r="V21522" i="1"/>
  <c r="V21523" i="1"/>
  <c r="V21524" i="1"/>
  <c r="V21525" i="1"/>
  <c r="V21526" i="1"/>
  <c r="V21527" i="1"/>
  <c r="V21528" i="1"/>
  <c r="V21529" i="1"/>
  <c r="V21530" i="1"/>
  <c r="V21531" i="1"/>
  <c r="V21532" i="1"/>
  <c r="V21533" i="1"/>
  <c r="V21534" i="1"/>
  <c r="V21535" i="1"/>
  <c r="V21536" i="1"/>
  <c r="V21537" i="1"/>
  <c r="V21538" i="1"/>
  <c r="V21539" i="1"/>
  <c r="V21540" i="1"/>
  <c r="V21541" i="1"/>
  <c r="V21542" i="1"/>
  <c r="V21543" i="1"/>
  <c r="V21544" i="1"/>
  <c r="V21545" i="1"/>
  <c r="V21546" i="1"/>
  <c r="V21547" i="1"/>
  <c r="V21548" i="1"/>
  <c r="V21549" i="1"/>
  <c r="V21550" i="1"/>
  <c r="V21551" i="1"/>
  <c r="V21552" i="1"/>
  <c r="V21553" i="1"/>
  <c r="V21554" i="1"/>
  <c r="V21555" i="1"/>
  <c r="V21556" i="1"/>
  <c r="V21557" i="1"/>
  <c r="V21558" i="1"/>
  <c r="V21559" i="1"/>
  <c r="V21560" i="1"/>
  <c r="V21561" i="1"/>
  <c r="V21562" i="1"/>
  <c r="V21563" i="1"/>
  <c r="V21564" i="1"/>
  <c r="V21565" i="1"/>
  <c r="V21566" i="1"/>
  <c r="V21567" i="1"/>
  <c r="V21568" i="1"/>
  <c r="V21569" i="1"/>
  <c r="V21570" i="1"/>
  <c r="V21571" i="1"/>
  <c r="V21572" i="1"/>
  <c r="V21573" i="1"/>
  <c r="V21574" i="1"/>
  <c r="V21575" i="1"/>
  <c r="V21576" i="1"/>
  <c r="V21577" i="1"/>
  <c r="V21578" i="1"/>
  <c r="V21579" i="1"/>
  <c r="V21580" i="1"/>
  <c r="V21581" i="1"/>
  <c r="V21582" i="1"/>
  <c r="V21583" i="1"/>
  <c r="V21584" i="1"/>
  <c r="V21585" i="1"/>
  <c r="V21586" i="1"/>
  <c r="V21587" i="1"/>
  <c r="V21588" i="1"/>
  <c r="V21589" i="1"/>
  <c r="V21590" i="1"/>
  <c r="V21591" i="1"/>
  <c r="V21592" i="1"/>
  <c r="V21593" i="1"/>
  <c r="V21594" i="1"/>
  <c r="V21595" i="1"/>
  <c r="V21596" i="1"/>
  <c r="V21597" i="1"/>
  <c r="V21598" i="1"/>
  <c r="V21599" i="1"/>
  <c r="V21600" i="1"/>
  <c r="V21601" i="1"/>
  <c r="V21602" i="1"/>
  <c r="V21603" i="1"/>
  <c r="V21604" i="1"/>
  <c r="V21605" i="1"/>
  <c r="V21606" i="1"/>
  <c r="V21607" i="1"/>
  <c r="V21608" i="1"/>
  <c r="V21609" i="1"/>
  <c r="V21610" i="1"/>
  <c r="V21611" i="1"/>
  <c r="V21612" i="1"/>
  <c r="V21613" i="1"/>
  <c r="V21614" i="1"/>
  <c r="V21615" i="1"/>
  <c r="V21616" i="1"/>
  <c r="V21617" i="1"/>
  <c r="V21618" i="1"/>
  <c r="V21619" i="1"/>
  <c r="V21620" i="1"/>
  <c r="V21621" i="1"/>
  <c r="V21622" i="1"/>
  <c r="V21623" i="1"/>
  <c r="V21624" i="1"/>
  <c r="V21625" i="1"/>
  <c r="V21626" i="1"/>
  <c r="V21627" i="1"/>
  <c r="V21628" i="1"/>
  <c r="V21629" i="1"/>
  <c r="V21630" i="1"/>
  <c r="V21631" i="1"/>
  <c r="V21632" i="1"/>
  <c r="V21633" i="1"/>
  <c r="V21634" i="1"/>
  <c r="V21635" i="1"/>
  <c r="V21636" i="1"/>
  <c r="V21637" i="1"/>
  <c r="V21638" i="1"/>
  <c r="V21639" i="1"/>
  <c r="V21640" i="1"/>
  <c r="V21641" i="1"/>
  <c r="V21642" i="1"/>
  <c r="V21643" i="1"/>
  <c r="V21644" i="1"/>
  <c r="V21645" i="1"/>
  <c r="V21646" i="1"/>
  <c r="V21647" i="1"/>
  <c r="V21648" i="1"/>
  <c r="V21649" i="1"/>
  <c r="V21650" i="1"/>
  <c r="V21651" i="1"/>
  <c r="V21652" i="1"/>
  <c r="V21653" i="1"/>
  <c r="V21654" i="1"/>
  <c r="V21655" i="1"/>
  <c r="V21656" i="1"/>
  <c r="V21657" i="1"/>
  <c r="V21658" i="1"/>
  <c r="V21659" i="1"/>
  <c r="V21660" i="1"/>
  <c r="V21661" i="1"/>
  <c r="V21662" i="1"/>
  <c r="V21663" i="1"/>
  <c r="V21664" i="1"/>
  <c r="V21665" i="1"/>
  <c r="V21666" i="1"/>
  <c r="V21667" i="1"/>
  <c r="V21668" i="1"/>
  <c r="V21669" i="1"/>
  <c r="V21670" i="1"/>
  <c r="V21671" i="1"/>
  <c r="V21672" i="1"/>
  <c r="V21673" i="1"/>
  <c r="V21674" i="1"/>
  <c r="V21675" i="1"/>
  <c r="V21676" i="1"/>
  <c r="V21677" i="1"/>
  <c r="V21678" i="1"/>
  <c r="V21679" i="1"/>
  <c r="V21680" i="1"/>
  <c r="V21681" i="1"/>
  <c r="V21682" i="1"/>
  <c r="V21683" i="1"/>
  <c r="V21684" i="1"/>
  <c r="V21685" i="1"/>
  <c r="V21686" i="1"/>
  <c r="V21687" i="1"/>
  <c r="V21688" i="1"/>
  <c r="V21689" i="1"/>
  <c r="V21690" i="1"/>
  <c r="V21691" i="1"/>
  <c r="V21692" i="1"/>
  <c r="V21693" i="1"/>
  <c r="V21694" i="1"/>
  <c r="V21695" i="1"/>
  <c r="V21696" i="1"/>
  <c r="V21697" i="1"/>
  <c r="V21698" i="1"/>
  <c r="V21699" i="1"/>
  <c r="V21700" i="1"/>
  <c r="V21701" i="1"/>
  <c r="V21702" i="1"/>
  <c r="V21703" i="1"/>
  <c r="V21704" i="1"/>
  <c r="V21705" i="1"/>
  <c r="V21706" i="1"/>
  <c r="V21707" i="1"/>
  <c r="V21708" i="1"/>
  <c r="V21709" i="1"/>
  <c r="V21710" i="1"/>
  <c r="V21711" i="1"/>
  <c r="V21712" i="1"/>
  <c r="V21713" i="1"/>
  <c r="V21714" i="1"/>
  <c r="V21715" i="1"/>
  <c r="V21716" i="1"/>
  <c r="V21717" i="1"/>
  <c r="V21718" i="1"/>
  <c r="V21719" i="1"/>
  <c r="V21720" i="1"/>
  <c r="V21721" i="1"/>
  <c r="V21722" i="1"/>
  <c r="V21723" i="1"/>
  <c r="V21724" i="1"/>
  <c r="V21725" i="1"/>
  <c r="V21726" i="1"/>
  <c r="V21727" i="1"/>
  <c r="V21728" i="1"/>
  <c r="V21729" i="1"/>
  <c r="V21730" i="1"/>
  <c r="V21731" i="1"/>
  <c r="V21732" i="1"/>
  <c r="V21733" i="1"/>
  <c r="V21734" i="1"/>
  <c r="V21735" i="1"/>
  <c r="V21736" i="1"/>
  <c r="V21737" i="1"/>
  <c r="V21738" i="1"/>
  <c r="V21739" i="1"/>
  <c r="V21740" i="1"/>
  <c r="V21741" i="1"/>
  <c r="V21742" i="1"/>
  <c r="V21743" i="1"/>
  <c r="V21744" i="1"/>
  <c r="V21745" i="1"/>
  <c r="V21746" i="1"/>
  <c r="V21747" i="1"/>
  <c r="V21748" i="1"/>
  <c r="V21749" i="1"/>
  <c r="V21750" i="1"/>
  <c r="V21751" i="1"/>
  <c r="V21752" i="1"/>
  <c r="V21753" i="1"/>
  <c r="V21754" i="1"/>
  <c r="V21755" i="1"/>
  <c r="V21756" i="1"/>
  <c r="V21757" i="1"/>
  <c r="V21758" i="1"/>
  <c r="V21759" i="1"/>
  <c r="V21760" i="1"/>
  <c r="V21761" i="1"/>
  <c r="V21762" i="1"/>
  <c r="V21763" i="1"/>
  <c r="V21764" i="1"/>
  <c r="V21765" i="1"/>
  <c r="V21766" i="1"/>
  <c r="V21767" i="1"/>
  <c r="V21768" i="1"/>
  <c r="V21769" i="1"/>
  <c r="V21770" i="1"/>
  <c r="V21771" i="1"/>
  <c r="V21772" i="1"/>
  <c r="V21773" i="1"/>
  <c r="V21774" i="1"/>
  <c r="V21775" i="1"/>
  <c r="V21776" i="1"/>
  <c r="V21777" i="1"/>
  <c r="V21778" i="1"/>
  <c r="V21779" i="1"/>
  <c r="V21780" i="1"/>
  <c r="V21781" i="1"/>
  <c r="V21782" i="1"/>
  <c r="V21783" i="1"/>
  <c r="V21784" i="1"/>
  <c r="V21785" i="1"/>
  <c r="V21786" i="1"/>
  <c r="V21787" i="1"/>
  <c r="V21788" i="1"/>
  <c r="V21789" i="1"/>
  <c r="V21790" i="1"/>
  <c r="V21791" i="1"/>
  <c r="V21792" i="1"/>
  <c r="V21793" i="1"/>
  <c r="V21794" i="1"/>
  <c r="V21795" i="1"/>
  <c r="V21796" i="1"/>
  <c r="V21797" i="1"/>
  <c r="V21798" i="1"/>
  <c r="V21799" i="1"/>
  <c r="V21800" i="1"/>
  <c r="V21801" i="1"/>
  <c r="V21802" i="1"/>
  <c r="V21803" i="1"/>
  <c r="V21804" i="1"/>
  <c r="V21805" i="1"/>
  <c r="V21806" i="1"/>
  <c r="V21807" i="1"/>
  <c r="V21808" i="1"/>
  <c r="V21809" i="1"/>
  <c r="V21810" i="1"/>
  <c r="V21811" i="1"/>
  <c r="V21812" i="1"/>
  <c r="V21813" i="1"/>
  <c r="V21814" i="1"/>
  <c r="V21815" i="1"/>
  <c r="V21816" i="1"/>
  <c r="V21817" i="1"/>
  <c r="V21818" i="1"/>
  <c r="V21819" i="1"/>
  <c r="V21820" i="1"/>
  <c r="V21821" i="1"/>
  <c r="V21822" i="1"/>
  <c r="V21823" i="1"/>
  <c r="V21824" i="1"/>
  <c r="V21825" i="1"/>
  <c r="V21826" i="1"/>
  <c r="V21827" i="1"/>
  <c r="V21828" i="1"/>
  <c r="V21829" i="1"/>
  <c r="V21830" i="1"/>
  <c r="V21831" i="1"/>
  <c r="V21832" i="1"/>
  <c r="V21833" i="1"/>
  <c r="V21834" i="1"/>
  <c r="V21835" i="1"/>
  <c r="V21836" i="1"/>
  <c r="V21837" i="1"/>
  <c r="V21838" i="1"/>
  <c r="V21839" i="1"/>
  <c r="V21840" i="1"/>
  <c r="V21841" i="1"/>
  <c r="V21842" i="1"/>
  <c r="V21843" i="1"/>
  <c r="V21844" i="1"/>
  <c r="V21845" i="1"/>
  <c r="V21846" i="1"/>
  <c r="V21847" i="1"/>
  <c r="V21848" i="1"/>
  <c r="V21849" i="1"/>
  <c r="V21850" i="1"/>
  <c r="V21851" i="1"/>
  <c r="V21852" i="1"/>
  <c r="V21853" i="1"/>
  <c r="V21854" i="1"/>
  <c r="V21855" i="1"/>
  <c r="V21856" i="1"/>
  <c r="V21857" i="1"/>
  <c r="V21858" i="1"/>
  <c r="V21859" i="1"/>
  <c r="V21860" i="1"/>
  <c r="V21861" i="1"/>
  <c r="V21862" i="1"/>
  <c r="V21863" i="1"/>
  <c r="V21864" i="1"/>
  <c r="V21865" i="1"/>
  <c r="V21866" i="1"/>
  <c r="V21867" i="1"/>
  <c r="V21868" i="1"/>
  <c r="V21869" i="1"/>
  <c r="V21870" i="1"/>
  <c r="V21871" i="1"/>
  <c r="V21872" i="1"/>
  <c r="V21873" i="1"/>
  <c r="V21874" i="1"/>
  <c r="V21875" i="1"/>
  <c r="V21876" i="1"/>
  <c r="V21877" i="1"/>
  <c r="V21878" i="1"/>
  <c r="V21879" i="1"/>
  <c r="V21880" i="1"/>
  <c r="V21881" i="1"/>
  <c r="V21882" i="1"/>
  <c r="V21883" i="1"/>
  <c r="V21884" i="1"/>
  <c r="V21885" i="1"/>
  <c r="V21886" i="1"/>
  <c r="V21887" i="1"/>
  <c r="V21888" i="1"/>
  <c r="V21889" i="1"/>
  <c r="V21890" i="1"/>
  <c r="V21891" i="1"/>
  <c r="V21892" i="1"/>
  <c r="V21893" i="1"/>
  <c r="V21894" i="1"/>
  <c r="V21895" i="1"/>
  <c r="V21896" i="1"/>
  <c r="V21897" i="1"/>
  <c r="V21898" i="1"/>
  <c r="V21899" i="1"/>
  <c r="V21900" i="1"/>
  <c r="V21901" i="1"/>
  <c r="V21902" i="1"/>
  <c r="V21903" i="1"/>
  <c r="V21904" i="1"/>
  <c r="V21905" i="1"/>
  <c r="V21906" i="1"/>
  <c r="V21907" i="1"/>
  <c r="V21908" i="1"/>
  <c r="V21909" i="1"/>
  <c r="V21910" i="1"/>
  <c r="V21911" i="1"/>
  <c r="V21912" i="1"/>
  <c r="V21913" i="1"/>
  <c r="V21914" i="1"/>
  <c r="V21915" i="1"/>
  <c r="V21916" i="1"/>
  <c r="V21917" i="1"/>
  <c r="V21918" i="1"/>
  <c r="V21919" i="1"/>
  <c r="V21920" i="1"/>
  <c r="V21921" i="1"/>
  <c r="V21922" i="1"/>
  <c r="V21923" i="1"/>
  <c r="V21924" i="1"/>
  <c r="V21925" i="1"/>
  <c r="V21926" i="1"/>
  <c r="V21927" i="1"/>
  <c r="V21928" i="1"/>
  <c r="V21929" i="1"/>
  <c r="V21930" i="1"/>
  <c r="V21931" i="1"/>
  <c r="V21932" i="1"/>
  <c r="V21933" i="1"/>
  <c r="V21934" i="1"/>
  <c r="V21935" i="1"/>
  <c r="V21936" i="1"/>
  <c r="V21937" i="1"/>
  <c r="V21938" i="1"/>
  <c r="V21939" i="1"/>
  <c r="V21940" i="1"/>
  <c r="V21941" i="1"/>
  <c r="V21942" i="1"/>
  <c r="V21943" i="1"/>
  <c r="V21944" i="1"/>
  <c r="V21945" i="1"/>
  <c r="V21946" i="1"/>
  <c r="V21947" i="1"/>
  <c r="V21948" i="1"/>
  <c r="V21949" i="1"/>
  <c r="V21950" i="1"/>
  <c r="V21951" i="1"/>
  <c r="V21952" i="1"/>
  <c r="V21953" i="1"/>
  <c r="V21954" i="1"/>
  <c r="V21955" i="1"/>
  <c r="V21956" i="1"/>
  <c r="V21957" i="1"/>
  <c r="V21958" i="1"/>
  <c r="V21959" i="1"/>
  <c r="V21960" i="1"/>
  <c r="V21961" i="1"/>
  <c r="V21962" i="1"/>
  <c r="V21963" i="1"/>
  <c r="V21964" i="1"/>
  <c r="V21965" i="1"/>
  <c r="V21966" i="1"/>
  <c r="V21967" i="1"/>
  <c r="V21968" i="1"/>
  <c r="V21969" i="1"/>
  <c r="V21970" i="1"/>
  <c r="V21971" i="1"/>
  <c r="V21972" i="1"/>
  <c r="V21973" i="1"/>
  <c r="V21974" i="1"/>
  <c r="V21975" i="1"/>
  <c r="V21976" i="1"/>
  <c r="V21977" i="1"/>
  <c r="V21978" i="1"/>
  <c r="V21979" i="1"/>
  <c r="V21980" i="1"/>
  <c r="V21981" i="1"/>
  <c r="V21982" i="1"/>
  <c r="V21983" i="1"/>
  <c r="V21984" i="1"/>
  <c r="V21985" i="1"/>
  <c r="V21986" i="1"/>
  <c r="V21987" i="1"/>
  <c r="V21988" i="1"/>
  <c r="V21989" i="1"/>
  <c r="V21990" i="1"/>
  <c r="V21991" i="1"/>
  <c r="V21992" i="1"/>
  <c r="V21993" i="1"/>
  <c r="V21994" i="1"/>
  <c r="V21995" i="1"/>
  <c r="V21996" i="1"/>
  <c r="V21997" i="1"/>
  <c r="V21998" i="1"/>
  <c r="V21999" i="1"/>
  <c r="V22000" i="1"/>
  <c r="V22001" i="1"/>
  <c r="V22002" i="1"/>
  <c r="V22003" i="1"/>
  <c r="V22004" i="1"/>
  <c r="V22005" i="1"/>
  <c r="V22006" i="1"/>
  <c r="V22007" i="1"/>
  <c r="V22008" i="1"/>
  <c r="V22009" i="1"/>
  <c r="V22010" i="1"/>
  <c r="V22011" i="1"/>
  <c r="V22012" i="1"/>
  <c r="V22013" i="1"/>
  <c r="V22014" i="1"/>
  <c r="V22015" i="1"/>
  <c r="V22016" i="1"/>
  <c r="V22017" i="1"/>
  <c r="V22018" i="1"/>
  <c r="V22019" i="1"/>
  <c r="V22020" i="1"/>
  <c r="V22021" i="1"/>
  <c r="V22022" i="1"/>
  <c r="V22023" i="1"/>
  <c r="V22024" i="1"/>
  <c r="V22025" i="1"/>
  <c r="V22026" i="1"/>
  <c r="V22027" i="1"/>
  <c r="V22028" i="1"/>
  <c r="V22029" i="1"/>
  <c r="V22030" i="1"/>
  <c r="V22031" i="1"/>
  <c r="V22032" i="1"/>
  <c r="V22033" i="1"/>
  <c r="V22034" i="1"/>
  <c r="V22035" i="1"/>
  <c r="V22036" i="1"/>
  <c r="V22037" i="1"/>
  <c r="V22038" i="1"/>
  <c r="V22039" i="1"/>
  <c r="V22040" i="1"/>
  <c r="V22041" i="1"/>
  <c r="V22042" i="1"/>
  <c r="V22043" i="1"/>
  <c r="V22044" i="1"/>
  <c r="V22045" i="1"/>
  <c r="V22046" i="1"/>
  <c r="V22047" i="1"/>
  <c r="V22048" i="1"/>
  <c r="V22049" i="1"/>
  <c r="V22050" i="1"/>
  <c r="V22051" i="1"/>
  <c r="V22052" i="1"/>
  <c r="V22053" i="1"/>
  <c r="V22054" i="1"/>
  <c r="V22055" i="1"/>
  <c r="V22056" i="1"/>
  <c r="V22057" i="1"/>
  <c r="V22058" i="1"/>
  <c r="V22059" i="1"/>
  <c r="V22060" i="1"/>
  <c r="V22061" i="1"/>
  <c r="V22062" i="1"/>
  <c r="V22063" i="1"/>
  <c r="V22064" i="1"/>
  <c r="V22065" i="1"/>
  <c r="V22066" i="1"/>
  <c r="V22067" i="1"/>
  <c r="V22068" i="1"/>
  <c r="V22069" i="1"/>
  <c r="V22070" i="1"/>
  <c r="V22071" i="1"/>
  <c r="V22072" i="1"/>
  <c r="V22073" i="1"/>
  <c r="V22074" i="1"/>
  <c r="V22075" i="1"/>
  <c r="V22076" i="1"/>
  <c r="V22077" i="1"/>
  <c r="V22078" i="1"/>
  <c r="V22079" i="1"/>
  <c r="V22080" i="1"/>
  <c r="V22081" i="1"/>
  <c r="V22082" i="1"/>
  <c r="V22083" i="1"/>
  <c r="V22084" i="1"/>
  <c r="V22085" i="1"/>
  <c r="V22086" i="1"/>
  <c r="V22087" i="1"/>
  <c r="V22088" i="1"/>
  <c r="V22089" i="1"/>
  <c r="V22090" i="1"/>
  <c r="V22091" i="1"/>
  <c r="V22092" i="1"/>
  <c r="V22093" i="1"/>
  <c r="V22094" i="1"/>
  <c r="V22095" i="1"/>
  <c r="V22096" i="1"/>
  <c r="V22097" i="1"/>
  <c r="V22098" i="1"/>
  <c r="V22099" i="1"/>
  <c r="V22100" i="1"/>
  <c r="V22101" i="1"/>
  <c r="V22102" i="1"/>
  <c r="V22103" i="1"/>
  <c r="V22104" i="1"/>
  <c r="V22105" i="1"/>
  <c r="V22106" i="1"/>
  <c r="V22107" i="1"/>
  <c r="V22108" i="1"/>
  <c r="V22109" i="1"/>
  <c r="V22110" i="1"/>
  <c r="V22111" i="1"/>
  <c r="V22112" i="1"/>
  <c r="V22113" i="1"/>
  <c r="V22114" i="1"/>
  <c r="V22115" i="1"/>
  <c r="V22116" i="1"/>
  <c r="V22117" i="1"/>
  <c r="V22118" i="1"/>
  <c r="V22119" i="1"/>
  <c r="V22120" i="1"/>
  <c r="V22121" i="1"/>
  <c r="V22122" i="1"/>
  <c r="V22123" i="1"/>
  <c r="V22124" i="1"/>
  <c r="V22125" i="1"/>
  <c r="V22126" i="1"/>
  <c r="V22127" i="1"/>
  <c r="V22128" i="1"/>
  <c r="V22129" i="1"/>
  <c r="V22130" i="1"/>
  <c r="V22131" i="1"/>
  <c r="V22132" i="1"/>
  <c r="V22133" i="1"/>
  <c r="V22134" i="1"/>
  <c r="V22135" i="1"/>
  <c r="V22136" i="1"/>
  <c r="V22137" i="1"/>
  <c r="V22138" i="1"/>
  <c r="V22139" i="1"/>
  <c r="V22140" i="1"/>
  <c r="V22141" i="1"/>
  <c r="V22142" i="1"/>
  <c r="V22143" i="1"/>
  <c r="V22144" i="1"/>
  <c r="V22145" i="1"/>
  <c r="V22146" i="1"/>
  <c r="V22147" i="1"/>
  <c r="V22148" i="1"/>
  <c r="V22149" i="1"/>
  <c r="V22150" i="1"/>
  <c r="V22151" i="1"/>
  <c r="V22152" i="1"/>
  <c r="V22153" i="1"/>
  <c r="V22154" i="1"/>
  <c r="V22155" i="1"/>
  <c r="V22156" i="1"/>
  <c r="V22157" i="1"/>
  <c r="V22158" i="1"/>
  <c r="V22159" i="1"/>
  <c r="V22160" i="1"/>
  <c r="V22161" i="1"/>
  <c r="V22162" i="1"/>
  <c r="V22163" i="1"/>
  <c r="V22164" i="1"/>
  <c r="V22165" i="1"/>
  <c r="V22166" i="1"/>
  <c r="V22167" i="1"/>
  <c r="V22168" i="1"/>
  <c r="V22169" i="1"/>
  <c r="V22170" i="1"/>
  <c r="V22171" i="1"/>
  <c r="V22172" i="1"/>
  <c r="V22173" i="1"/>
  <c r="V22174" i="1"/>
  <c r="V22175" i="1"/>
  <c r="V22176" i="1"/>
  <c r="V22177" i="1"/>
  <c r="V22178" i="1"/>
  <c r="V22179" i="1"/>
  <c r="V22180" i="1"/>
  <c r="V22181" i="1"/>
  <c r="V22182" i="1"/>
  <c r="V22183" i="1"/>
  <c r="V22184" i="1"/>
  <c r="V22185" i="1"/>
  <c r="V22186" i="1"/>
  <c r="V22187" i="1"/>
  <c r="V22188" i="1"/>
  <c r="V22189" i="1"/>
  <c r="V22190" i="1"/>
  <c r="V22191" i="1"/>
  <c r="V22192" i="1"/>
  <c r="V22193" i="1"/>
  <c r="V22194" i="1"/>
  <c r="V22195" i="1"/>
  <c r="V22196" i="1"/>
  <c r="V22197" i="1"/>
  <c r="V22198" i="1"/>
  <c r="V22199" i="1"/>
  <c r="V22200" i="1"/>
  <c r="V22201" i="1"/>
  <c r="V22202" i="1"/>
  <c r="V22203" i="1"/>
  <c r="V22204" i="1"/>
  <c r="V22205" i="1"/>
  <c r="V22206" i="1"/>
  <c r="V22207" i="1"/>
  <c r="V22208" i="1"/>
  <c r="V22209" i="1"/>
  <c r="V22210" i="1"/>
  <c r="V22211" i="1"/>
  <c r="V22212" i="1"/>
  <c r="V22213" i="1"/>
  <c r="V22214" i="1"/>
  <c r="V22215" i="1"/>
  <c r="V22216" i="1"/>
  <c r="V22217" i="1"/>
  <c r="V22218" i="1"/>
  <c r="V22219" i="1"/>
  <c r="V22220" i="1"/>
  <c r="V22221" i="1"/>
  <c r="V22222" i="1"/>
  <c r="V22223" i="1"/>
  <c r="V22224" i="1"/>
  <c r="V22225" i="1"/>
  <c r="V22226" i="1"/>
  <c r="V22227" i="1"/>
  <c r="V22228" i="1"/>
  <c r="V22229" i="1"/>
  <c r="V22230" i="1"/>
  <c r="V22231" i="1"/>
  <c r="V22232" i="1"/>
  <c r="V22233" i="1"/>
  <c r="V22234" i="1"/>
  <c r="V22235" i="1"/>
  <c r="V22236" i="1"/>
  <c r="V22237" i="1"/>
  <c r="V22238" i="1"/>
  <c r="V22239" i="1"/>
  <c r="V22240" i="1"/>
  <c r="V22241" i="1"/>
  <c r="V22242" i="1"/>
  <c r="V22243" i="1"/>
  <c r="V22244" i="1"/>
  <c r="V22245" i="1"/>
  <c r="V22246" i="1"/>
  <c r="V22247" i="1"/>
  <c r="V22248" i="1"/>
  <c r="V22249" i="1"/>
  <c r="V22250" i="1"/>
  <c r="V22251" i="1"/>
  <c r="V22252" i="1"/>
  <c r="V22253" i="1"/>
  <c r="V22254" i="1"/>
  <c r="V22255" i="1"/>
  <c r="V22256" i="1"/>
  <c r="V22257" i="1"/>
  <c r="V22258" i="1"/>
  <c r="V22259" i="1"/>
  <c r="V22260" i="1"/>
  <c r="V22261" i="1"/>
  <c r="V22262" i="1"/>
  <c r="V22263" i="1"/>
  <c r="V22264" i="1"/>
  <c r="V22265" i="1"/>
  <c r="V22266" i="1"/>
  <c r="V22267" i="1"/>
  <c r="V22268" i="1"/>
  <c r="V22269" i="1"/>
  <c r="V22270" i="1"/>
  <c r="V22271" i="1"/>
  <c r="V22272" i="1"/>
  <c r="V22273" i="1"/>
  <c r="V22274" i="1"/>
  <c r="V22275" i="1"/>
  <c r="V22276" i="1"/>
  <c r="V22277" i="1"/>
  <c r="V22278" i="1"/>
  <c r="V22279" i="1"/>
  <c r="V22280" i="1"/>
  <c r="V22281" i="1"/>
  <c r="V22282" i="1"/>
  <c r="V22283" i="1"/>
  <c r="V22284" i="1"/>
  <c r="V22285" i="1"/>
  <c r="V22286" i="1"/>
  <c r="V22287" i="1"/>
  <c r="V22288" i="1"/>
  <c r="V22289" i="1"/>
  <c r="V22290" i="1"/>
  <c r="V22291" i="1"/>
  <c r="V22292" i="1"/>
  <c r="V22293" i="1"/>
  <c r="V22294" i="1"/>
  <c r="V22295" i="1"/>
  <c r="V22296" i="1"/>
  <c r="V22297" i="1"/>
  <c r="V22298" i="1"/>
  <c r="V22299" i="1"/>
  <c r="V22300" i="1"/>
  <c r="V22301" i="1"/>
  <c r="V22302" i="1"/>
  <c r="V22303" i="1"/>
  <c r="V22304" i="1"/>
  <c r="V22305" i="1"/>
  <c r="V22306" i="1"/>
  <c r="V22307" i="1"/>
  <c r="V22308" i="1"/>
  <c r="V22309" i="1"/>
  <c r="V22310" i="1"/>
  <c r="V22311" i="1"/>
  <c r="V22312" i="1"/>
  <c r="V22313" i="1"/>
  <c r="V22314" i="1"/>
  <c r="V22315" i="1"/>
  <c r="V22316" i="1"/>
  <c r="V22317" i="1"/>
  <c r="V22318" i="1"/>
  <c r="V22319" i="1"/>
  <c r="V22320" i="1"/>
  <c r="V22321" i="1"/>
  <c r="V22322" i="1"/>
  <c r="V22323" i="1"/>
  <c r="V22324" i="1"/>
  <c r="V22325" i="1"/>
  <c r="V22326" i="1"/>
  <c r="V22327" i="1"/>
  <c r="V22328" i="1"/>
  <c r="V22329" i="1"/>
  <c r="V22330" i="1"/>
  <c r="V22331" i="1"/>
  <c r="V22332" i="1"/>
  <c r="V22333" i="1"/>
  <c r="V22334" i="1"/>
  <c r="V22335" i="1"/>
  <c r="V22336" i="1"/>
  <c r="V22337" i="1"/>
  <c r="V22338" i="1"/>
  <c r="V22339" i="1"/>
  <c r="V22340" i="1"/>
  <c r="V22341" i="1"/>
  <c r="V22342" i="1"/>
  <c r="V22343" i="1"/>
  <c r="V22344" i="1"/>
  <c r="V22345" i="1"/>
  <c r="V22346" i="1"/>
  <c r="V22347" i="1"/>
  <c r="V22348" i="1"/>
  <c r="V22349" i="1"/>
  <c r="V22350" i="1"/>
  <c r="V22351" i="1"/>
  <c r="V22352" i="1"/>
  <c r="V22353" i="1"/>
  <c r="V22354" i="1"/>
  <c r="V22355" i="1"/>
  <c r="V22356" i="1"/>
  <c r="V22357" i="1"/>
  <c r="V22358" i="1"/>
  <c r="V22359" i="1"/>
  <c r="V22360" i="1"/>
  <c r="V22361" i="1"/>
  <c r="V22362" i="1"/>
  <c r="V22363" i="1"/>
  <c r="V22364" i="1"/>
  <c r="V22365" i="1"/>
  <c r="V22366" i="1"/>
  <c r="V22367" i="1"/>
  <c r="V22368" i="1"/>
  <c r="V22369" i="1"/>
  <c r="V22370" i="1"/>
  <c r="V22371" i="1"/>
  <c r="V22372" i="1"/>
  <c r="V22373" i="1"/>
  <c r="V22374" i="1"/>
  <c r="V22375" i="1"/>
  <c r="V22376" i="1"/>
  <c r="V22377" i="1"/>
  <c r="V22378" i="1"/>
  <c r="V22379" i="1"/>
  <c r="V22380" i="1"/>
  <c r="V22381" i="1"/>
  <c r="V22382" i="1"/>
  <c r="V22383" i="1"/>
  <c r="V22384" i="1"/>
  <c r="V22385" i="1"/>
  <c r="V22386" i="1"/>
  <c r="V22387" i="1"/>
  <c r="V22388" i="1"/>
  <c r="V22389" i="1"/>
  <c r="V22390" i="1"/>
  <c r="V22391" i="1"/>
  <c r="V22392" i="1"/>
  <c r="V22393" i="1"/>
  <c r="V22394" i="1"/>
  <c r="V22395" i="1"/>
  <c r="V22396" i="1"/>
  <c r="V22397" i="1"/>
  <c r="V22398" i="1"/>
  <c r="V22399" i="1"/>
  <c r="V22400" i="1"/>
  <c r="V22401" i="1"/>
  <c r="V22402" i="1"/>
  <c r="V22403" i="1"/>
  <c r="V22404" i="1"/>
  <c r="V22405" i="1"/>
  <c r="V22406" i="1"/>
  <c r="V22407" i="1"/>
  <c r="V22408" i="1"/>
  <c r="V22409" i="1"/>
  <c r="V22410" i="1"/>
  <c r="V22411" i="1"/>
  <c r="V22412" i="1"/>
  <c r="V22413" i="1"/>
  <c r="V22414" i="1"/>
  <c r="V22415" i="1"/>
  <c r="V22416" i="1"/>
  <c r="V22417" i="1"/>
  <c r="V22418" i="1"/>
  <c r="V22419" i="1"/>
  <c r="V22420" i="1"/>
  <c r="V22421" i="1"/>
  <c r="V22422" i="1"/>
  <c r="V22423" i="1"/>
  <c r="V22424" i="1"/>
  <c r="V22425" i="1"/>
  <c r="V22426" i="1"/>
  <c r="V22427" i="1"/>
  <c r="V22428" i="1"/>
  <c r="V22429" i="1"/>
  <c r="V22430" i="1"/>
  <c r="V22431" i="1"/>
  <c r="V22432" i="1"/>
  <c r="V22433" i="1"/>
  <c r="V22434" i="1"/>
  <c r="V22435" i="1"/>
  <c r="V22436" i="1"/>
  <c r="V22437" i="1"/>
  <c r="V22438" i="1"/>
  <c r="V22439" i="1"/>
  <c r="V22440" i="1"/>
  <c r="V22441" i="1"/>
  <c r="V22442" i="1"/>
  <c r="V22443" i="1"/>
  <c r="V22444" i="1"/>
  <c r="V22445" i="1"/>
  <c r="V22446" i="1"/>
  <c r="V22447" i="1"/>
  <c r="V22448" i="1"/>
  <c r="V22449" i="1"/>
  <c r="V22450" i="1"/>
  <c r="V22451" i="1"/>
  <c r="V22452" i="1"/>
  <c r="V22453" i="1"/>
  <c r="V22454" i="1"/>
  <c r="V22455" i="1"/>
  <c r="V22456" i="1"/>
  <c r="V22457" i="1"/>
  <c r="V22458" i="1"/>
  <c r="V22459" i="1"/>
  <c r="V22460" i="1"/>
  <c r="V22461" i="1"/>
  <c r="V22462" i="1"/>
  <c r="V22463" i="1"/>
  <c r="V22464" i="1"/>
  <c r="V22465" i="1"/>
  <c r="V22466" i="1"/>
  <c r="V22467" i="1"/>
  <c r="V22468" i="1"/>
  <c r="V22469" i="1"/>
  <c r="V22470" i="1"/>
  <c r="V22471" i="1"/>
  <c r="V22472" i="1"/>
  <c r="V22473" i="1"/>
  <c r="V22474" i="1"/>
  <c r="V22475" i="1"/>
  <c r="V22476" i="1"/>
  <c r="V22477" i="1"/>
  <c r="V22478" i="1"/>
  <c r="V22479" i="1"/>
  <c r="V22480" i="1"/>
  <c r="V22481" i="1"/>
  <c r="V22482" i="1"/>
  <c r="V22483" i="1"/>
  <c r="V22484" i="1"/>
  <c r="V22485" i="1"/>
  <c r="V22486" i="1"/>
  <c r="V22487" i="1"/>
  <c r="V22488" i="1"/>
  <c r="V22489" i="1"/>
  <c r="V22490" i="1"/>
  <c r="V22491" i="1"/>
  <c r="V22492" i="1"/>
  <c r="V22493" i="1"/>
  <c r="V22494" i="1"/>
  <c r="V22495" i="1"/>
  <c r="V22496" i="1"/>
  <c r="V22497" i="1"/>
  <c r="V22498" i="1"/>
  <c r="V22499" i="1"/>
  <c r="V22500" i="1"/>
  <c r="V22501" i="1"/>
  <c r="V22502" i="1"/>
  <c r="V22503" i="1"/>
  <c r="V22504" i="1"/>
  <c r="V22505" i="1"/>
  <c r="V22506" i="1"/>
  <c r="V22507" i="1"/>
  <c r="V22508" i="1"/>
  <c r="V22509" i="1"/>
  <c r="V22510" i="1"/>
  <c r="V22511" i="1"/>
  <c r="V22512" i="1"/>
  <c r="V22513" i="1"/>
  <c r="V22514" i="1"/>
  <c r="V22515" i="1"/>
  <c r="V22516" i="1"/>
  <c r="V22517" i="1"/>
  <c r="V22518" i="1"/>
  <c r="V22519" i="1"/>
  <c r="V22520" i="1"/>
  <c r="V22521" i="1"/>
  <c r="V22522" i="1"/>
  <c r="V22523" i="1"/>
  <c r="V22524" i="1"/>
  <c r="V22525" i="1"/>
  <c r="V22526" i="1"/>
  <c r="V22527" i="1"/>
  <c r="V22528" i="1"/>
  <c r="V22529" i="1"/>
  <c r="V22530" i="1"/>
  <c r="V22531" i="1"/>
  <c r="V22532" i="1"/>
  <c r="V22533" i="1"/>
  <c r="V22534" i="1"/>
  <c r="V22535" i="1"/>
  <c r="V22536" i="1"/>
  <c r="V22537" i="1"/>
  <c r="V22538" i="1"/>
  <c r="V22539" i="1"/>
  <c r="V22540" i="1"/>
  <c r="V22541" i="1"/>
  <c r="V22542" i="1"/>
  <c r="V22543" i="1"/>
  <c r="V22544" i="1"/>
  <c r="V22545" i="1"/>
  <c r="V22546" i="1"/>
  <c r="V22547" i="1"/>
  <c r="V22548" i="1"/>
  <c r="V22549" i="1"/>
  <c r="V22550" i="1"/>
  <c r="V22551" i="1"/>
  <c r="V22552" i="1"/>
  <c r="V22553" i="1"/>
  <c r="V22554" i="1"/>
  <c r="V22555" i="1"/>
  <c r="V22556" i="1"/>
  <c r="V22557" i="1"/>
  <c r="V22558" i="1"/>
  <c r="V22559" i="1"/>
  <c r="V22560" i="1"/>
  <c r="V22561" i="1"/>
  <c r="V22562" i="1"/>
  <c r="V22563" i="1"/>
  <c r="V22564" i="1"/>
  <c r="V22565" i="1"/>
  <c r="V22566" i="1"/>
  <c r="V22567" i="1"/>
  <c r="V22568" i="1"/>
  <c r="V22569" i="1"/>
  <c r="V22570" i="1"/>
  <c r="V22571" i="1"/>
  <c r="V22572" i="1"/>
  <c r="V22573" i="1"/>
  <c r="V22574" i="1"/>
  <c r="V22575" i="1"/>
  <c r="V22576" i="1"/>
  <c r="V22577" i="1"/>
  <c r="V22578" i="1"/>
  <c r="V22579" i="1"/>
  <c r="V22580" i="1"/>
  <c r="V22581" i="1"/>
  <c r="V22582" i="1"/>
  <c r="V22583" i="1"/>
  <c r="V22584" i="1"/>
  <c r="V22585" i="1"/>
  <c r="V22586" i="1"/>
  <c r="V22587" i="1"/>
  <c r="V22588" i="1"/>
  <c r="V22589" i="1"/>
  <c r="V22590" i="1"/>
  <c r="V22591" i="1"/>
  <c r="V22592" i="1"/>
  <c r="V22593" i="1"/>
  <c r="V22594" i="1"/>
  <c r="V22595" i="1"/>
  <c r="V22596" i="1"/>
  <c r="V22597" i="1"/>
  <c r="V22598" i="1"/>
  <c r="V22599" i="1"/>
  <c r="V22600" i="1"/>
  <c r="V22601" i="1"/>
  <c r="V22602" i="1"/>
  <c r="V22603" i="1"/>
  <c r="V22604" i="1"/>
  <c r="V22605" i="1"/>
  <c r="V22606" i="1"/>
  <c r="V22607" i="1"/>
  <c r="V22608" i="1"/>
  <c r="V22609" i="1"/>
  <c r="V22610" i="1"/>
  <c r="V22611" i="1"/>
  <c r="V22612" i="1"/>
  <c r="V22613" i="1"/>
  <c r="V22614" i="1"/>
  <c r="V22615" i="1"/>
  <c r="V22616" i="1"/>
  <c r="V22617" i="1"/>
  <c r="V22618" i="1"/>
  <c r="V22619" i="1"/>
  <c r="V22620" i="1"/>
  <c r="V22621" i="1"/>
  <c r="V22622" i="1"/>
  <c r="V22623" i="1"/>
  <c r="V22624" i="1"/>
  <c r="V22625" i="1"/>
  <c r="V22626" i="1"/>
  <c r="V22627" i="1"/>
  <c r="V22628" i="1"/>
  <c r="V22629" i="1"/>
  <c r="V22630" i="1"/>
  <c r="V22631" i="1"/>
  <c r="V22632" i="1"/>
  <c r="V22633" i="1"/>
  <c r="V22634" i="1"/>
  <c r="V22635" i="1"/>
  <c r="V22636" i="1"/>
  <c r="V22637" i="1"/>
  <c r="V22638" i="1"/>
  <c r="V22639" i="1"/>
  <c r="V22640" i="1"/>
  <c r="V22641" i="1"/>
  <c r="V22642" i="1"/>
  <c r="V22643" i="1"/>
  <c r="V22644" i="1"/>
  <c r="V22645" i="1"/>
  <c r="V22646" i="1"/>
  <c r="V22647" i="1"/>
  <c r="V22648" i="1"/>
  <c r="V22649" i="1"/>
  <c r="V22650" i="1"/>
  <c r="V22651" i="1"/>
  <c r="V22652" i="1"/>
  <c r="V22653" i="1"/>
  <c r="V22654" i="1"/>
  <c r="V22655" i="1"/>
  <c r="V22656" i="1"/>
  <c r="V22657" i="1"/>
  <c r="V22658" i="1"/>
  <c r="V22659" i="1"/>
  <c r="V22660" i="1"/>
  <c r="V22661" i="1"/>
  <c r="V22662" i="1"/>
  <c r="V22663" i="1"/>
  <c r="V22664" i="1"/>
  <c r="V22665" i="1"/>
  <c r="V22666" i="1"/>
  <c r="V22667" i="1"/>
  <c r="V22668" i="1"/>
  <c r="V22669" i="1"/>
  <c r="V22670" i="1"/>
  <c r="V22671" i="1"/>
  <c r="V22672" i="1"/>
  <c r="V22673" i="1"/>
  <c r="V22674" i="1"/>
  <c r="V22675" i="1"/>
  <c r="V22676" i="1"/>
  <c r="V22677" i="1"/>
  <c r="V22678" i="1"/>
  <c r="V22679" i="1"/>
  <c r="V22680" i="1"/>
  <c r="V22681" i="1"/>
  <c r="V22682" i="1"/>
  <c r="V22683" i="1"/>
  <c r="V22684" i="1"/>
  <c r="V22685" i="1"/>
  <c r="V22686" i="1"/>
  <c r="V22687" i="1"/>
  <c r="V22688" i="1"/>
  <c r="V22689" i="1"/>
  <c r="V22690" i="1"/>
  <c r="V22691" i="1"/>
  <c r="V22692" i="1"/>
  <c r="V22693" i="1"/>
  <c r="V22694" i="1"/>
  <c r="V22695" i="1"/>
  <c r="V22696" i="1"/>
  <c r="V22697" i="1"/>
  <c r="V22698" i="1"/>
  <c r="V22699" i="1"/>
  <c r="V22700" i="1"/>
  <c r="V22701" i="1"/>
  <c r="V22702" i="1"/>
  <c r="V22703" i="1"/>
  <c r="V22704" i="1"/>
  <c r="V22705" i="1"/>
  <c r="V22706" i="1"/>
  <c r="V22707" i="1"/>
  <c r="V22708" i="1"/>
  <c r="V22709" i="1"/>
  <c r="V22710" i="1"/>
  <c r="V22711" i="1"/>
  <c r="V22712" i="1"/>
  <c r="V22713" i="1"/>
  <c r="V22714" i="1"/>
  <c r="V22715" i="1"/>
  <c r="V22716" i="1"/>
  <c r="V22717" i="1"/>
  <c r="V22718" i="1"/>
  <c r="V22719" i="1"/>
  <c r="V22720" i="1"/>
  <c r="V22721" i="1"/>
  <c r="V22722" i="1"/>
  <c r="V22723" i="1"/>
  <c r="V22724" i="1"/>
  <c r="V22725" i="1"/>
  <c r="V22726" i="1"/>
  <c r="V22727" i="1"/>
  <c r="V22728" i="1"/>
  <c r="V22729" i="1"/>
  <c r="V22730" i="1"/>
  <c r="V22731" i="1"/>
  <c r="V22732" i="1"/>
  <c r="V22733" i="1"/>
  <c r="V22734" i="1"/>
  <c r="V22735" i="1"/>
  <c r="V22736" i="1"/>
  <c r="V22737" i="1"/>
  <c r="V22738" i="1"/>
  <c r="V22739" i="1"/>
  <c r="V22740" i="1"/>
  <c r="V22741" i="1"/>
  <c r="V22742" i="1"/>
  <c r="V22743" i="1"/>
  <c r="V22744" i="1"/>
  <c r="V22745" i="1"/>
  <c r="V22746" i="1"/>
  <c r="V22747" i="1"/>
  <c r="V22748" i="1"/>
  <c r="V22749" i="1"/>
  <c r="V22750" i="1"/>
  <c r="V22751" i="1"/>
  <c r="V22752" i="1"/>
  <c r="V22753" i="1"/>
  <c r="V22754" i="1"/>
  <c r="V22755" i="1"/>
  <c r="V22756" i="1"/>
  <c r="V22757" i="1"/>
  <c r="V22758" i="1"/>
  <c r="V22759" i="1"/>
  <c r="V22760" i="1"/>
  <c r="V22761" i="1"/>
  <c r="V22762" i="1"/>
  <c r="V22763" i="1"/>
  <c r="V22764" i="1"/>
  <c r="V22765" i="1"/>
  <c r="V22766" i="1"/>
  <c r="V22767" i="1"/>
  <c r="V22768" i="1"/>
  <c r="V22769" i="1"/>
  <c r="V22770" i="1"/>
  <c r="V22771" i="1"/>
  <c r="V22772" i="1"/>
  <c r="V22773" i="1"/>
  <c r="V22774" i="1"/>
  <c r="V22775" i="1"/>
  <c r="V22776" i="1"/>
  <c r="V22777" i="1"/>
  <c r="V22778" i="1"/>
  <c r="V22779" i="1"/>
  <c r="V22780" i="1"/>
  <c r="V22781" i="1"/>
  <c r="V22782" i="1"/>
  <c r="V22783" i="1"/>
  <c r="V22784" i="1"/>
  <c r="V22785" i="1"/>
  <c r="V22786" i="1"/>
  <c r="V22787" i="1"/>
  <c r="V22788" i="1"/>
  <c r="V22789" i="1"/>
  <c r="V22790" i="1"/>
  <c r="V22791" i="1"/>
  <c r="V22792" i="1"/>
  <c r="V22793" i="1"/>
  <c r="V22794" i="1"/>
  <c r="V22795" i="1"/>
  <c r="V22796" i="1"/>
  <c r="V22797" i="1"/>
  <c r="V22798" i="1"/>
  <c r="V22799" i="1"/>
  <c r="V22800" i="1"/>
  <c r="V22801" i="1"/>
  <c r="V22802" i="1"/>
  <c r="V22803" i="1"/>
  <c r="V22804" i="1"/>
  <c r="V22805" i="1"/>
  <c r="V22806" i="1"/>
  <c r="V22807" i="1"/>
  <c r="V22808" i="1"/>
  <c r="V22809" i="1"/>
  <c r="V22810" i="1"/>
  <c r="V22811" i="1"/>
  <c r="V22812" i="1"/>
  <c r="V22813" i="1"/>
  <c r="V22814" i="1"/>
  <c r="V22815" i="1"/>
  <c r="V22816" i="1"/>
  <c r="V22817" i="1"/>
  <c r="V22818" i="1"/>
  <c r="V22819" i="1"/>
  <c r="V22820" i="1"/>
  <c r="V22821" i="1"/>
  <c r="V22822" i="1"/>
  <c r="V22823" i="1"/>
  <c r="V22824" i="1"/>
  <c r="V22825" i="1"/>
  <c r="V22826" i="1"/>
  <c r="V22827" i="1"/>
  <c r="V22828" i="1"/>
  <c r="V22829" i="1"/>
  <c r="V22830" i="1"/>
  <c r="V22831" i="1"/>
  <c r="V22832" i="1"/>
  <c r="V22833" i="1"/>
  <c r="V22834" i="1"/>
  <c r="V22835" i="1"/>
  <c r="V22836" i="1"/>
  <c r="V22837" i="1"/>
  <c r="V22838" i="1"/>
  <c r="V22839" i="1"/>
  <c r="V22840" i="1"/>
  <c r="V22841" i="1"/>
  <c r="V22842" i="1"/>
  <c r="V22843" i="1"/>
  <c r="V22844" i="1"/>
  <c r="V22845" i="1"/>
  <c r="V22846" i="1"/>
  <c r="V22847" i="1"/>
  <c r="V22848" i="1"/>
  <c r="V22849" i="1"/>
  <c r="V22850" i="1"/>
  <c r="V22851" i="1"/>
  <c r="V22852" i="1"/>
  <c r="V22853" i="1"/>
  <c r="V22854" i="1"/>
  <c r="V22855" i="1"/>
  <c r="V22856" i="1"/>
  <c r="V22857" i="1"/>
  <c r="V22858" i="1"/>
  <c r="V22859" i="1"/>
  <c r="V22860" i="1"/>
  <c r="V22861" i="1"/>
  <c r="V22862" i="1"/>
  <c r="V22863" i="1"/>
  <c r="V22864" i="1"/>
  <c r="V22865" i="1"/>
  <c r="V22866" i="1"/>
  <c r="V22867" i="1"/>
  <c r="V22868" i="1"/>
  <c r="V22869" i="1"/>
  <c r="V22870" i="1"/>
  <c r="V22871" i="1"/>
  <c r="V22872" i="1"/>
  <c r="V22873" i="1"/>
  <c r="V22874" i="1"/>
  <c r="V22875" i="1"/>
  <c r="V22876" i="1"/>
  <c r="V22877" i="1"/>
  <c r="V22878" i="1"/>
  <c r="V22879" i="1"/>
  <c r="V22880" i="1"/>
  <c r="V22881" i="1"/>
  <c r="V22882" i="1"/>
  <c r="V22883" i="1"/>
  <c r="V22884" i="1"/>
  <c r="V22885" i="1"/>
  <c r="V22886" i="1"/>
  <c r="V22887" i="1"/>
  <c r="V22888" i="1"/>
  <c r="V22889" i="1"/>
  <c r="V22890" i="1"/>
  <c r="V22891" i="1"/>
  <c r="V22892" i="1"/>
  <c r="V22893" i="1"/>
  <c r="V22894" i="1"/>
  <c r="V22895" i="1"/>
  <c r="V22896" i="1"/>
  <c r="V22897" i="1"/>
  <c r="V22898" i="1"/>
  <c r="V22899" i="1"/>
  <c r="V22900" i="1"/>
  <c r="V22901" i="1"/>
  <c r="V22902" i="1"/>
  <c r="V22903" i="1"/>
  <c r="V22904" i="1"/>
  <c r="V22905" i="1"/>
  <c r="V22906" i="1"/>
  <c r="V22907" i="1"/>
  <c r="V22908" i="1"/>
  <c r="V22909" i="1"/>
  <c r="V22910" i="1"/>
  <c r="V22911" i="1"/>
  <c r="V22912" i="1"/>
  <c r="V22913" i="1"/>
  <c r="V22914" i="1"/>
  <c r="V22915" i="1"/>
  <c r="V22916" i="1"/>
  <c r="V22917" i="1"/>
  <c r="V22918" i="1"/>
  <c r="V22919" i="1"/>
  <c r="V22920" i="1"/>
  <c r="V22921" i="1"/>
  <c r="V22922" i="1"/>
  <c r="V22923" i="1"/>
  <c r="V22924" i="1"/>
  <c r="V22925" i="1"/>
  <c r="V22926" i="1"/>
  <c r="V22927" i="1"/>
  <c r="V22928" i="1"/>
  <c r="V22929" i="1"/>
  <c r="V22930" i="1"/>
  <c r="V22931" i="1"/>
  <c r="V22932" i="1"/>
  <c r="V22933" i="1"/>
  <c r="V22934" i="1"/>
  <c r="V22935" i="1"/>
  <c r="V22936" i="1"/>
  <c r="V22937" i="1"/>
  <c r="V22938" i="1"/>
  <c r="V22939" i="1"/>
  <c r="V22940" i="1"/>
  <c r="V22941" i="1"/>
  <c r="V22942" i="1"/>
  <c r="V22943" i="1"/>
  <c r="V22944" i="1"/>
  <c r="V22945" i="1"/>
  <c r="V22946" i="1"/>
  <c r="V22947" i="1"/>
  <c r="V22948" i="1"/>
  <c r="V22949" i="1"/>
  <c r="V22950" i="1"/>
  <c r="V22951" i="1"/>
  <c r="V22952" i="1"/>
  <c r="V22953" i="1"/>
  <c r="V22954" i="1"/>
  <c r="V22955" i="1"/>
  <c r="V22956" i="1"/>
  <c r="V22957" i="1"/>
  <c r="V22958" i="1"/>
  <c r="V22959" i="1"/>
  <c r="V22960" i="1"/>
  <c r="V22961" i="1"/>
  <c r="V22962" i="1"/>
  <c r="V22963" i="1"/>
  <c r="V22964" i="1"/>
  <c r="V22965" i="1"/>
  <c r="V22966" i="1"/>
  <c r="V22967" i="1"/>
  <c r="V22968" i="1"/>
  <c r="V22969" i="1"/>
  <c r="V22970" i="1"/>
  <c r="V22971" i="1"/>
  <c r="V22972" i="1"/>
  <c r="V22973" i="1"/>
  <c r="V22974" i="1"/>
  <c r="V22975" i="1"/>
  <c r="V22976" i="1"/>
  <c r="V22977" i="1"/>
  <c r="V22978" i="1"/>
  <c r="V22979" i="1"/>
  <c r="V22980" i="1"/>
  <c r="V22981" i="1"/>
  <c r="V22982" i="1"/>
  <c r="V22983" i="1"/>
  <c r="V22984" i="1"/>
  <c r="V22985" i="1"/>
  <c r="V22986" i="1"/>
  <c r="V22987" i="1"/>
  <c r="V22988" i="1"/>
  <c r="V22989" i="1"/>
  <c r="V22990" i="1"/>
  <c r="V22991" i="1"/>
  <c r="V22992" i="1"/>
  <c r="V22993" i="1"/>
  <c r="V22994" i="1"/>
  <c r="V22995" i="1"/>
  <c r="V22996" i="1"/>
  <c r="V22997" i="1"/>
  <c r="V22998" i="1"/>
  <c r="V22999" i="1"/>
  <c r="V23000" i="1"/>
  <c r="V23001" i="1"/>
  <c r="V23002" i="1"/>
  <c r="V23003" i="1"/>
  <c r="V23004" i="1"/>
  <c r="V23005" i="1"/>
  <c r="V23006" i="1"/>
  <c r="V23007" i="1"/>
  <c r="V23008" i="1"/>
  <c r="V23009" i="1"/>
  <c r="V23010" i="1"/>
  <c r="V23011" i="1"/>
  <c r="V23012" i="1"/>
  <c r="V23013" i="1"/>
  <c r="V23014" i="1"/>
  <c r="V23015" i="1"/>
  <c r="V23016" i="1"/>
  <c r="V23017" i="1"/>
  <c r="V23018" i="1"/>
  <c r="V23019" i="1"/>
  <c r="V23020" i="1"/>
  <c r="V23021" i="1"/>
  <c r="V23022" i="1"/>
  <c r="V23023" i="1"/>
  <c r="V23024" i="1"/>
  <c r="V23025" i="1"/>
  <c r="V23026" i="1"/>
  <c r="V23027" i="1"/>
  <c r="V23028" i="1"/>
  <c r="V23029" i="1"/>
  <c r="V23030" i="1"/>
  <c r="V23031" i="1"/>
  <c r="V23032" i="1"/>
  <c r="V23033" i="1"/>
  <c r="V23034" i="1"/>
  <c r="V23035" i="1"/>
  <c r="V23036" i="1"/>
  <c r="V23037" i="1"/>
  <c r="V23038" i="1"/>
  <c r="V23039" i="1"/>
  <c r="V23040" i="1"/>
  <c r="V23041" i="1"/>
  <c r="V23042" i="1"/>
  <c r="V23043" i="1"/>
  <c r="V23044" i="1"/>
  <c r="V23045" i="1"/>
  <c r="V23046" i="1"/>
  <c r="V23047" i="1"/>
  <c r="V23048" i="1"/>
  <c r="V23049" i="1"/>
  <c r="V23050" i="1"/>
  <c r="V23051" i="1"/>
  <c r="V23052" i="1"/>
  <c r="V23053" i="1"/>
  <c r="V23054" i="1"/>
  <c r="V23055" i="1"/>
  <c r="V23056" i="1"/>
  <c r="V23057" i="1"/>
  <c r="V23058" i="1"/>
  <c r="V23059" i="1"/>
  <c r="V23060" i="1"/>
  <c r="V23061" i="1"/>
  <c r="V23062" i="1"/>
  <c r="V23063" i="1"/>
  <c r="V23064" i="1"/>
  <c r="V23065" i="1"/>
  <c r="V23066" i="1"/>
  <c r="V23067" i="1"/>
  <c r="V23068" i="1"/>
  <c r="V23069" i="1"/>
  <c r="V23070" i="1"/>
  <c r="V23071" i="1"/>
  <c r="V23072" i="1"/>
  <c r="V23073" i="1"/>
  <c r="V23074" i="1"/>
  <c r="V23075" i="1"/>
  <c r="V23076" i="1"/>
  <c r="V23077" i="1"/>
  <c r="V23078" i="1"/>
  <c r="V23079" i="1"/>
  <c r="V23080" i="1"/>
  <c r="V23081" i="1"/>
  <c r="V23082" i="1"/>
  <c r="V23083" i="1"/>
  <c r="V23084" i="1"/>
  <c r="V23085" i="1"/>
  <c r="V23086" i="1"/>
  <c r="V23087" i="1"/>
  <c r="V23088" i="1"/>
  <c r="V23089" i="1"/>
  <c r="V23090" i="1"/>
  <c r="V23091" i="1"/>
  <c r="V23092" i="1"/>
  <c r="V23093" i="1"/>
  <c r="V23094" i="1"/>
  <c r="V23095" i="1"/>
  <c r="V23096" i="1"/>
  <c r="V23097" i="1"/>
  <c r="V23098" i="1"/>
  <c r="V23099" i="1"/>
  <c r="V23100" i="1"/>
  <c r="V23101" i="1"/>
  <c r="V23102" i="1"/>
  <c r="V23103" i="1"/>
  <c r="V23104" i="1"/>
  <c r="V23105" i="1"/>
  <c r="V23106" i="1"/>
  <c r="V23107" i="1"/>
  <c r="V23108" i="1"/>
  <c r="V23109" i="1"/>
  <c r="V23110" i="1"/>
  <c r="V23111" i="1"/>
  <c r="V23112" i="1"/>
  <c r="V23113" i="1"/>
  <c r="V23114" i="1"/>
  <c r="V23115" i="1"/>
  <c r="V23116" i="1"/>
  <c r="V23117" i="1"/>
  <c r="V23118" i="1"/>
  <c r="V23119" i="1"/>
  <c r="V23120" i="1"/>
  <c r="V23121" i="1"/>
  <c r="V23122" i="1"/>
  <c r="V23123" i="1"/>
  <c r="V23124" i="1"/>
  <c r="V23125" i="1"/>
  <c r="V23126" i="1"/>
  <c r="V23127" i="1"/>
  <c r="V23128" i="1"/>
  <c r="V23129" i="1"/>
  <c r="V23130" i="1"/>
  <c r="V23131" i="1"/>
  <c r="V23132" i="1"/>
  <c r="V23133" i="1"/>
  <c r="V23134" i="1"/>
  <c r="V23135" i="1"/>
  <c r="V23136" i="1"/>
  <c r="V23137" i="1"/>
  <c r="V23138" i="1"/>
  <c r="V23139" i="1"/>
  <c r="V23140" i="1"/>
  <c r="V23141" i="1"/>
  <c r="V23142" i="1"/>
  <c r="V23143" i="1"/>
  <c r="V23144" i="1"/>
  <c r="V23145" i="1"/>
  <c r="V23146" i="1"/>
  <c r="V23147" i="1"/>
  <c r="V23148" i="1"/>
  <c r="V23149" i="1"/>
  <c r="V23150" i="1"/>
  <c r="V23151" i="1"/>
  <c r="V23152" i="1"/>
  <c r="V23153" i="1"/>
  <c r="V23154" i="1"/>
  <c r="V23155" i="1"/>
  <c r="V23156" i="1"/>
  <c r="V23157" i="1"/>
  <c r="V23158" i="1"/>
  <c r="V23159" i="1"/>
  <c r="V23160" i="1"/>
  <c r="V23161" i="1"/>
  <c r="V23162" i="1"/>
  <c r="V23163" i="1"/>
  <c r="V23164" i="1"/>
  <c r="V23165" i="1"/>
  <c r="V23166" i="1"/>
  <c r="V23167" i="1"/>
  <c r="V23168" i="1"/>
  <c r="V23169" i="1"/>
  <c r="V23170" i="1"/>
  <c r="V23171" i="1"/>
  <c r="V23172" i="1"/>
  <c r="V23173" i="1"/>
  <c r="V23174" i="1"/>
  <c r="V23175" i="1"/>
  <c r="V23176" i="1"/>
  <c r="V23177" i="1"/>
  <c r="V23178" i="1"/>
  <c r="V23179" i="1"/>
  <c r="V23180" i="1"/>
  <c r="V23181" i="1"/>
  <c r="V23182" i="1"/>
  <c r="V23183" i="1"/>
  <c r="V23184" i="1"/>
  <c r="V23185" i="1"/>
  <c r="V23186" i="1"/>
  <c r="V23187" i="1"/>
  <c r="V23188" i="1"/>
  <c r="V23189" i="1"/>
  <c r="V23190" i="1"/>
  <c r="V23191" i="1"/>
  <c r="V23192" i="1"/>
  <c r="V23193" i="1"/>
  <c r="V23194" i="1"/>
  <c r="V23195" i="1"/>
  <c r="V23196" i="1"/>
  <c r="V23197" i="1"/>
  <c r="V23198" i="1"/>
  <c r="V23199" i="1"/>
  <c r="V23200" i="1"/>
  <c r="V23201" i="1"/>
  <c r="V23202" i="1"/>
  <c r="V23203" i="1"/>
  <c r="V23204" i="1"/>
  <c r="V23205" i="1"/>
  <c r="V23206" i="1"/>
  <c r="V23207" i="1"/>
  <c r="V23208" i="1"/>
  <c r="V23209" i="1"/>
  <c r="V23210" i="1"/>
  <c r="V23211" i="1"/>
  <c r="V23212" i="1"/>
  <c r="V23213" i="1"/>
  <c r="V23214" i="1"/>
  <c r="V23215" i="1"/>
  <c r="V23216" i="1"/>
  <c r="V23217" i="1"/>
  <c r="V23218" i="1"/>
  <c r="V23219" i="1"/>
  <c r="V23220" i="1"/>
  <c r="V23221" i="1"/>
  <c r="V23222" i="1"/>
  <c r="V23223" i="1"/>
  <c r="V23224" i="1"/>
  <c r="V23225" i="1"/>
  <c r="V23226" i="1"/>
  <c r="V23227" i="1"/>
  <c r="V23228" i="1"/>
  <c r="V23229" i="1"/>
  <c r="V23230" i="1"/>
  <c r="V23231" i="1"/>
  <c r="V23232" i="1"/>
  <c r="V23233" i="1"/>
  <c r="V23234" i="1"/>
  <c r="V23235" i="1"/>
  <c r="V23236" i="1"/>
  <c r="V23237" i="1"/>
  <c r="V23238" i="1"/>
  <c r="V23239" i="1"/>
  <c r="V23240" i="1"/>
  <c r="V23241" i="1"/>
  <c r="V23242" i="1"/>
  <c r="V23243" i="1"/>
  <c r="V23244" i="1"/>
  <c r="V23245" i="1"/>
  <c r="V23246" i="1"/>
  <c r="V23247" i="1"/>
  <c r="V23248" i="1"/>
  <c r="V23249" i="1"/>
  <c r="V23250" i="1"/>
  <c r="V23251" i="1"/>
  <c r="V23252" i="1"/>
  <c r="V23253" i="1"/>
  <c r="V23254" i="1"/>
  <c r="V23255" i="1"/>
  <c r="V23256" i="1"/>
  <c r="V23257" i="1"/>
  <c r="V23258" i="1"/>
  <c r="V23259" i="1"/>
  <c r="V23260" i="1"/>
  <c r="V23261" i="1"/>
  <c r="V23262" i="1"/>
  <c r="V23263" i="1"/>
  <c r="V23264" i="1"/>
  <c r="V23265" i="1"/>
  <c r="V23266" i="1"/>
  <c r="V23267" i="1"/>
  <c r="V23268" i="1"/>
  <c r="V23269" i="1"/>
  <c r="V23270" i="1"/>
  <c r="V23271" i="1"/>
  <c r="V23272" i="1"/>
  <c r="V23273" i="1"/>
  <c r="V23274" i="1"/>
  <c r="V23275" i="1"/>
  <c r="V23276" i="1"/>
  <c r="V23277" i="1"/>
  <c r="V23278" i="1"/>
  <c r="V23279" i="1"/>
  <c r="V23280" i="1"/>
  <c r="V23281" i="1"/>
  <c r="V23282" i="1"/>
  <c r="V23283" i="1"/>
  <c r="V23284" i="1"/>
  <c r="V23285" i="1"/>
  <c r="V23286" i="1"/>
  <c r="V23287" i="1"/>
  <c r="V23288" i="1"/>
  <c r="V23289" i="1"/>
  <c r="V23290" i="1"/>
  <c r="V23291" i="1"/>
  <c r="V23292" i="1"/>
  <c r="V23293" i="1"/>
  <c r="V23294" i="1"/>
  <c r="V23295" i="1"/>
  <c r="V23296" i="1"/>
  <c r="V23297" i="1"/>
  <c r="V23298" i="1"/>
  <c r="V23299" i="1"/>
  <c r="V23300" i="1"/>
  <c r="V23301" i="1"/>
  <c r="V23302" i="1"/>
  <c r="V23303" i="1"/>
  <c r="V23304" i="1"/>
  <c r="V23305" i="1"/>
  <c r="V23306" i="1"/>
  <c r="V23307" i="1"/>
  <c r="V23308" i="1"/>
  <c r="V23309" i="1"/>
  <c r="V23310" i="1"/>
  <c r="V23311" i="1"/>
  <c r="V23312" i="1"/>
  <c r="V23313" i="1"/>
  <c r="V23314" i="1"/>
  <c r="V23315" i="1"/>
  <c r="V23316" i="1"/>
  <c r="V23317" i="1"/>
  <c r="V23318" i="1"/>
  <c r="V23319" i="1"/>
  <c r="V23320" i="1"/>
  <c r="V23321" i="1"/>
  <c r="V23322" i="1"/>
  <c r="V23323" i="1"/>
  <c r="V23324" i="1"/>
  <c r="V23325" i="1"/>
  <c r="V23326" i="1"/>
  <c r="V23327" i="1"/>
  <c r="V23328" i="1"/>
  <c r="V23329" i="1"/>
  <c r="V23330" i="1"/>
  <c r="V23331" i="1"/>
  <c r="V23332" i="1"/>
  <c r="V23333" i="1"/>
  <c r="V23334" i="1"/>
  <c r="V23335" i="1"/>
  <c r="V23336" i="1"/>
  <c r="V23337" i="1"/>
  <c r="V23338" i="1"/>
  <c r="V23339" i="1"/>
  <c r="V23340" i="1"/>
  <c r="V23341" i="1"/>
  <c r="V23342" i="1"/>
  <c r="V23343" i="1"/>
  <c r="V23344" i="1"/>
  <c r="V23345" i="1"/>
  <c r="V23346" i="1"/>
  <c r="V23347" i="1"/>
  <c r="V23348" i="1"/>
  <c r="V23349" i="1"/>
  <c r="V23350" i="1"/>
  <c r="V23351" i="1"/>
  <c r="V23352" i="1"/>
  <c r="V23353" i="1"/>
  <c r="V23354" i="1"/>
  <c r="V23355" i="1"/>
  <c r="V23356" i="1"/>
  <c r="V23357" i="1"/>
  <c r="V23358" i="1"/>
  <c r="V23359" i="1"/>
  <c r="V23360" i="1"/>
  <c r="V23361" i="1"/>
  <c r="V23362" i="1"/>
  <c r="V23363" i="1"/>
  <c r="V23364" i="1"/>
  <c r="V23365" i="1"/>
  <c r="V23366" i="1"/>
  <c r="V23367" i="1"/>
  <c r="V23368" i="1"/>
  <c r="V23369" i="1"/>
  <c r="V23370" i="1"/>
  <c r="V23371" i="1"/>
  <c r="V23372" i="1"/>
  <c r="V23373" i="1"/>
  <c r="V23374" i="1"/>
  <c r="V23375" i="1"/>
  <c r="V23376" i="1"/>
  <c r="V23377" i="1"/>
  <c r="V23378" i="1"/>
  <c r="V23379" i="1"/>
  <c r="V23380" i="1"/>
  <c r="V23381" i="1"/>
  <c r="V23382" i="1"/>
  <c r="V23383" i="1"/>
  <c r="V23384" i="1"/>
  <c r="V23385" i="1"/>
  <c r="V23386" i="1"/>
  <c r="V23387" i="1"/>
  <c r="V23388" i="1"/>
  <c r="V23389" i="1"/>
  <c r="V23390" i="1"/>
  <c r="V23391" i="1"/>
  <c r="V23392" i="1"/>
  <c r="V23393" i="1"/>
  <c r="V23394" i="1"/>
  <c r="V23395" i="1"/>
  <c r="V23396" i="1"/>
  <c r="V23397" i="1"/>
  <c r="V23398" i="1"/>
  <c r="V23399" i="1"/>
  <c r="V23400" i="1"/>
  <c r="V23401" i="1"/>
  <c r="V23402" i="1"/>
  <c r="V23403" i="1"/>
  <c r="V23404" i="1"/>
  <c r="V23405" i="1"/>
  <c r="V23406" i="1"/>
  <c r="V23407" i="1"/>
  <c r="V23408" i="1"/>
  <c r="V23409" i="1"/>
  <c r="V23410" i="1"/>
  <c r="V23411" i="1"/>
  <c r="V23412" i="1"/>
  <c r="V23413" i="1"/>
  <c r="V23414" i="1"/>
  <c r="V23415" i="1"/>
  <c r="V23416" i="1"/>
  <c r="V23417" i="1"/>
  <c r="V23418" i="1"/>
  <c r="V23419" i="1"/>
  <c r="V23420" i="1"/>
  <c r="V23421" i="1"/>
  <c r="V23422" i="1"/>
  <c r="V23423" i="1"/>
  <c r="V23424" i="1"/>
  <c r="V23425" i="1"/>
  <c r="V23426" i="1"/>
  <c r="V23427" i="1"/>
  <c r="V23428" i="1"/>
  <c r="V23429" i="1"/>
  <c r="V23430" i="1"/>
  <c r="V23431" i="1"/>
  <c r="V23432" i="1"/>
  <c r="V23433" i="1"/>
  <c r="V23434" i="1"/>
  <c r="V23435" i="1"/>
  <c r="V23436" i="1"/>
  <c r="V23437" i="1"/>
  <c r="V23438" i="1"/>
  <c r="V23439" i="1"/>
  <c r="V23440" i="1"/>
  <c r="V23441" i="1"/>
  <c r="V23442" i="1"/>
  <c r="V23443" i="1"/>
  <c r="V23444" i="1"/>
  <c r="V23445" i="1"/>
  <c r="V23446" i="1"/>
  <c r="V23447" i="1"/>
  <c r="V23448" i="1"/>
  <c r="V23449" i="1"/>
  <c r="V23450" i="1"/>
  <c r="V23451" i="1"/>
  <c r="V23452" i="1"/>
  <c r="V23453" i="1"/>
  <c r="V23454" i="1"/>
  <c r="V23455" i="1"/>
  <c r="V23456" i="1"/>
  <c r="V23457" i="1"/>
  <c r="V23458" i="1"/>
  <c r="V23459" i="1"/>
  <c r="V23460" i="1"/>
  <c r="V23461" i="1"/>
  <c r="V23462" i="1"/>
  <c r="V23463" i="1"/>
  <c r="V23464" i="1"/>
  <c r="V23465" i="1"/>
  <c r="V23466" i="1"/>
  <c r="V23467" i="1"/>
  <c r="V23468" i="1"/>
  <c r="V23469" i="1"/>
  <c r="V23470" i="1"/>
  <c r="V23471" i="1"/>
  <c r="V23472" i="1"/>
  <c r="V23473" i="1"/>
  <c r="V23474" i="1"/>
  <c r="V23475" i="1"/>
  <c r="V23476" i="1"/>
  <c r="V23477" i="1"/>
  <c r="V23478" i="1"/>
  <c r="V23479" i="1"/>
  <c r="V23480" i="1"/>
  <c r="V23481" i="1"/>
  <c r="V23482" i="1"/>
  <c r="V23483" i="1"/>
  <c r="V23484" i="1"/>
  <c r="V23485" i="1"/>
  <c r="V23486" i="1"/>
  <c r="V23487" i="1"/>
  <c r="V23488" i="1"/>
  <c r="V23489" i="1"/>
  <c r="V23490" i="1"/>
  <c r="V23491" i="1"/>
  <c r="V23492" i="1"/>
  <c r="V23493" i="1"/>
  <c r="V23494" i="1"/>
  <c r="V23495" i="1"/>
  <c r="V23496" i="1"/>
  <c r="V23497" i="1"/>
  <c r="V23498" i="1"/>
  <c r="V23499" i="1"/>
  <c r="V23500" i="1"/>
  <c r="V23501" i="1"/>
  <c r="V23502" i="1"/>
  <c r="V23503" i="1"/>
  <c r="V23504" i="1"/>
  <c r="V23505" i="1"/>
  <c r="V23506" i="1"/>
  <c r="V23507" i="1"/>
  <c r="V23508" i="1"/>
  <c r="V23509" i="1"/>
  <c r="V23510" i="1"/>
  <c r="V23511" i="1"/>
  <c r="V23512" i="1"/>
  <c r="V23513" i="1"/>
  <c r="V23514" i="1"/>
  <c r="V23515" i="1"/>
  <c r="V23516" i="1"/>
  <c r="V23517" i="1"/>
  <c r="V23518" i="1"/>
  <c r="V23519" i="1"/>
  <c r="V23520" i="1"/>
  <c r="V23521" i="1"/>
  <c r="V23522" i="1"/>
  <c r="V23523" i="1"/>
  <c r="V23524" i="1"/>
  <c r="V23525" i="1"/>
  <c r="V23526" i="1"/>
  <c r="V23527" i="1"/>
  <c r="V23528" i="1"/>
  <c r="V23529" i="1"/>
  <c r="V23530" i="1"/>
  <c r="V23531" i="1"/>
  <c r="V23532" i="1"/>
  <c r="V23533" i="1"/>
  <c r="V23534" i="1"/>
  <c r="V23535" i="1"/>
  <c r="V23536" i="1"/>
  <c r="V23537" i="1"/>
  <c r="V23538" i="1"/>
  <c r="V23539" i="1"/>
  <c r="V23540" i="1"/>
  <c r="V23541" i="1"/>
  <c r="V23542" i="1"/>
  <c r="V23543" i="1"/>
  <c r="V23544" i="1"/>
  <c r="V23545" i="1"/>
  <c r="V23546" i="1"/>
  <c r="V23547" i="1"/>
  <c r="V23548" i="1"/>
  <c r="V23549" i="1"/>
  <c r="V23550" i="1"/>
  <c r="V23551" i="1"/>
  <c r="V23552" i="1"/>
  <c r="V23553" i="1"/>
  <c r="V23554" i="1"/>
  <c r="V23555" i="1"/>
  <c r="V23556" i="1"/>
  <c r="V23557" i="1"/>
  <c r="V23558" i="1"/>
  <c r="V23559" i="1"/>
  <c r="V23560" i="1"/>
  <c r="V23561" i="1"/>
  <c r="V23562" i="1"/>
  <c r="V23563" i="1"/>
  <c r="V23564" i="1"/>
  <c r="V23565" i="1"/>
  <c r="V23566" i="1"/>
  <c r="V23567" i="1"/>
  <c r="V23568" i="1"/>
  <c r="V23569" i="1"/>
  <c r="V23570" i="1"/>
  <c r="V23571" i="1"/>
  <c r="V23572" i="1"/>
  <c r="V23573" i="1"/>
  <c r="V23574" i="1"/>
  <c r="V23575" i="1"/>
  <c r="V23576" i="1"/>
  <c r="V23577" i="1"/>
  <c r="V23578" i="1"/>
  <c r="V23579" i="1"/>
  <c r="V23580" i="1"/>
  <c r="V23581" i="1"/>
  <c r="V23582" i="1"/>
  <c r="V23583" i="1"/>
  <c r="V23584" i="1"/>
  <c r="V23585" i="1"/>
  <c r="V23586" i="1"/>
  <c r="V23587" i="1"/>
  <c r="V23588" i="1"/>
  <c r="V23589" i="1"/>
  <c r="V23590" i="1"/>
  <c r="V23591" i="1"/>
  <c r="V23592" i="1"/>
  <c r="V23593" i="1"/>
  <c r="V23594" i="1"/>
  <c r="V23595" i="1"/>
  <c r="V23596" i="1"/>
  <c r="V23597" i="1"/>
  <c r="V23598" i="1"/>
  <c r="V23599" i="1"/>
  <c r="V23600" i="1"/>
  <c r="V23601" i="1"/>
  <c r="V23602" i="1"/>
  <c r="V23603" i="1"/>
  <c r="V23604" i="1"/>
  <c r="V23605" i="1"/>
  <c r="V23606" i="1"/>
  <c r="V23607" i="1"/>
  <c r="V23608" i="1"/>
  <c r="V23609" i="1"/>
  <c r="V23610" i="1"/>
  <c r="V23611" i="1"/>
  <c r="V23612" i="1"/>
  <c r="V23613" i="1"/>
  <c r="V23614" i="1"/>
  <c r="V23615" i="1"/>
  <c r="V23616" i="1"/>
  <c r="V23617" i="1"/>
  <c r="V23618" i="1"/>
  <c r="V23619" i="1"/>
  <c r="V23620" i="1"/>
  <c r="V23621" i="1"/>
  <c r="V23622" i="1"/>
  <c r="V23623" i="1"/>
  <c r="V23624" i="1"/>
  <c r="V23625" i="1"/>
  <c r="V23626" i="1"/>
  <c r="V23627" i="1"/>
  <c r="V23628" i="1"/>
  <c r="V23629" i="1"/>
  <c r="V23630" i="1"/>
  <c r="V23631" i="1"/>
  <c r="V23632" i="1"/>
  <c r="V23633" i="1"/>
  <c r="V23634" i="1"/>
  <c r="V23635" i="1"/>
  <c r="V23636" i="1"/>
  <c r="V23637" i="1"/>
  <c r="V23638" i="1"/>
  <c r="V23639" i="1"/>
  <c r="V23640" i="1"/>
  <c r="V23641" i="1"/>
  <c r="V23642" i="1"/>
  <c r="V23643" i="1"/>
  <c r="V23644" i="1"/>
  <c r="V23645" i="1"/>
  <c r="V23646" i="1"/>
  <c r="V23647" i="1"/>
  <c r="V23648" i="1"/>
  <c r="V23649" i="1"/>
  <c r="V23650" i="1"/>
  <c r="V23651" i="1"/>
  <c r="V23652" i="1"/>
  <c r="V23653" i="1"/>
  <c r="V23654" i="1"/>
  <c r="V23655" i="1"/>
  <c r="V23656" i="1"/>
  <c r="V23657" i="1"/>
  <c r="V23658" i="1"/>
  <c r="V23659" i="1"/>
  <c r="V23660" i="1"/>
  <c r="V23661" i="1"/>
  <c r="V23662" i="1"/>
  <c r="V23663" i="1"/>
  <c r="V23664" i="1"/>
  <c r="V23665" i="1"/>
  <c r="V23666" i="1"/>
  <c r="V23667" i="1"/>
  <c r="V23668" i="1"/>
  <c r="V23669" i="1"/>
  <c r="V23670" i="1"/>
  <c r="V23671" i="1"/>
  <c r="V23672" i="1"/>
  <c r="V23673" i="1"/>
  <c r="V23674" i="1"/>
  <c r="V23675" i="1"/>
  <c r="V23676" i="1"/>
  <c r="V23677" i="1"/>
  <c r="V23678" i="1"/>
  <c r="V23679" i="1"/>
  <c r="V23680" i="1"/>
  <c r="V23681" i="1"/>
  <c r="V23682" i="1"/>
  <c r="V23683" i="1"/>
  <c r="V23684" i="1"/>
  <c r="V23685" i="1"/>
  <c r="V23686" i="1"/>
  <c r="V23687" i="1"/>
  <c r="V23688" i="1"/>
  <c r="V23689" i="1"/>
  <c r="V23690" i="1"/>
  <c r="V23691" i="1"/>
  <c r="V23692" i="1"/>
  <c r="V23693" i="1"/>
  <c r="V23694" i="1"/>
  <c r="V23695" i="1"/>
  <c r="V23696" i="1"/>
  <c r="V23697" i="1"/>
  <c r="V23698" i="1"/>
  <c r="V23699" i="1"/>
  <c r="V23700" i="1"/>
  <c r="V23701" i="1"/>
  <c r="V23702" i="1"/>
  <c r="V23703" i="1"/>
  <c r="V23704" i="1"/>
  <c r="V23705" i="1"/>
  <c r="V23706" i="1"/>
  <c r="V23707" i="1"/>
  <c r="V23708" i="1"/>
  <c r="V23709" i="1"/>
  <c r="V23710" i="1"/>
  <c r="V23711" i="1"/>
  <c r="V23712" i="1"/>
  <c r="V23713" i="1"/>
  <c r="V23714" i="1"/>
  <c r="V23715" i="1"/>
  <c r="V23716" i="1"/>
  <c r="V23717" i="1"/>
  <c r="V23718" i="1"/>
  <c r="V23719" i="1"/>
  <c r="V23720" i="1"/>
  <c r="V23721" i="1"/>
  <c r="V23722" i="1"/>
  <c r="V23723" i="1"/>
  <c r="V23724" i="1"/>
  <c r="V23725" i="1"/>
  <c r="V23726" i="1"/>
  <c r="V23727" i="1"/>
  <c r="V23728" i="1"/>
  <c r="V23729" i="1"/>
  <c r="V23730" i="1"/>
  <c r="V23731" i="1"/>
  <c r="V23732" i="1"/>
  <c r="V23733" i="1"/>
  <c r="V23734" i="1"/>
  <c r="V23735" i="1"/>
  <c r="V23736" i="1"/>
  <c r="V23737" i="1"/>
  <c r="V23738" i="1"/>
  <c r="V23739" i="1"/>
  <c r="V23740" i="1"/>
  <c r="V23741" i="1"/>
  <c r="V23742" i="1"/>
  <c r="V23743" i="1"/>
  <c r="V23744" i="1"/>
  <c r="V23745" i="1"/>
  <c r="V23746" i="1"/>
  <c r="V23747" i="1"/>
  <c r="V23748" i="1"/>
  <c r="V23749" i="1"/>
  <c r="V23750" i="1"/>
  <c r="V23751" i="1"/>
  <c r="V23752" i="1"/>
  <c r="V23753" i="1"/>
  <c r="V23754" i="1"/>
  <c r="V23755" i="1"/>
  <c r="V23756" i="1"/>
  <c r="V23757" i="1"/>
  <c r="V23758" i="1"/>
  <c r="V23759" i="1"/>
  <c r="V23760" i="1"/>
  <c r="V23761" i="1"/>
  <c r="V23762" i="1"/>
  <c r="V23763" i="1"/>
  <c r="V23764" i="1"/>
  <c r="V23765" i="1"/>
  <c r="V23766" i="1"/>
  <c r="V23767" i="1"/>
  <c r="V23768" i="1"/>
  <c r="V23769" i="1"/>
  <c r="V23770" i="1"/>
  <c r="V23771" i="1"/>
  <c r="V23772" i="1"/>
  <c r="V23773" i="1"/>
  <c r="V23774" i="1"/>
  <c r="V23775" i="1"/>
  <c r="V23776" i="1"/>
  <c r="V23777" i="1"/>
  <c r="V23778" i="1"/>
  <c r="V23779" i="1"/>
  <c r="V23780" i="1"/>
  <c r="V23781" i="1"/>
  <c r="V23782" i="1"/>
  <c r="V23783" i="1"/>
  <c r="V23784" i="1"/>
  <c r="V23785" i="1"/>
  <c r="V23786" i="1"/>
  <c r="V23787" i="1"/>
  <c r="V23788" i="1"/>
  <c r="V23789" i="1"/>
  <c r="V23790" i="1"/>
  <c r="V23791" i="1"/>
  <c r="V23792" i="1"/>
  <c r="V23793" i="1"/>
  <c r="V23794" i="1"/>
  <c r="V23795" i="1"/>
  <c r="V23796" i="1"/>
  <c r="V23797" i="1"/>
  <c r="V23798" i="1"/>
  <c r="V23799" i="1"/>
  <c r="V23800" i="1"/>
  <c r="V23801" i="1"/>
  <c r="V23802" i="1"/>
  <c r="V23803" i="1"/>
  <c r="V23804" i="1"/>
  <c r="V23805" i="1"/>
  <c r="V23806" i="1"/>
  <c r="V23807" i="1"/>
  <c r="V23808" i="1"/>
  <c r="V23809" i="1"/>
  <c r="V23810" i="1"/>
  <c r="V23811" i="1"/>
  <c r="V23812" i="1"/>
  <c r="V23813" i="1"/>
  <c r="V23814" i="1"/>
  <c r="V23815" i="1"/>
  <c r="V23816" i="1"/>
  <c r="V23817" i="1"/>
  <c r="V23818" i="1"/>
  <c r="V23819" i="1"/>
  <c r="V23820" i="1"/>
  <c r="V23821" i="1"/>
  <c r="V23822" i="1"/>
  <c r="V23823" i="1"/>
  <c r="V23824" i="1"/>
  <c r="V23825" i="1"/>
  <c r="V23826" i="1"/>
  <c r="V23827" i="1"/>
  <c r="V23828" i="1"/>
  <c r="V23829" i="1"/>
  <c r="V23830" i="1"/>
  <c r="V23831" i="1"/>
  <c r="V23832" i="1"/>
  <c r="V23833" i="1"/>
  <c r="V23834" i="1"/>
  <c r="V23835" i="1"/>
  <c r="V23836" i="1"/>
  <c r="V23837" i="1"/>
  <c r="V23838" i="1"/>
  <c r="V23839" i="1"/>
  <c r="V23840" i="1"/>
  <c r="V23841" i="1"/>
  <c r="V23842" i="1"/>
  <c r="V23843" i="1"/>
  <c r="V23844" i="1"/>
  <c r="V23845" i="1"/>
  <c r="V23846" i="1"/>
  <c r="V23847" i="1"/>
  <c r="V23848" i="1"/>
  <c r="V23849" i="1"/>
  <c r="V23850" i="1"/>
  <c r="V23851" i="1"/>
  <c r="V23852" i="1"/>
  <c r="V23853" i="1"/>
  <c r="V23854" i="1"/>
  <c r="V23855" i="1"/>
  <c r="V23856" i="1"/>
  <c r="V23857" i="1"/>
  <c r="V23858" i="1"/>
  <c r="V23859" i="1"/>
  <c r="V23860" i="1"/>
  <c r="V23861" i="1"/>
  <c r="V23862" i="1"/>
  <c r="V23863" i="1"/>
  <c r="V23864" i="1"/>
  <c r="V23865" i="1"/>
  <c r="V23866" i="1"/>
  <c r="V23867" i="1"/>
  <c r="V23868" i="1"/>
  <c r="V23869" i="1"/>
  <c r="V23870" i="1"/>
  <c r="V23871" i="1"/>
  <c r="V23872" i="1"/>
  <c r="V23873" i="1"/>
  <c r="V23874" i="1"/>
  <c r="V23875" i="1"/>
  <c r="V23876" i="1"/>
  <c r="V23877" i="1"/>
  <c r="V23878" i="1"/>
  <c r="V23879" i="1"/>
  <c r="V23880" i="1"/>
  <c r="V23881" i="1"/>
  <c r="V23882" i="1"/>
  <c r="V23883" i="1"/>
  <c r="V23884" i="1"/>
  <c r="V23885" i="1"/>
  <c r="V23886" i="1"/>
  <c r="V23887" i="1"/>
  <c r="V23888" i="1"/>
  <c r="V23889" i="1"/>
  <c r="V23890" i="1"/>
  <c r="V23891" i="1"/>
  <c r="V23892" i="1"/>
  <c r="V23893" i="1"/>
  <c r="V23894" i="1"/>
  <c r="V23895" i="1"/>
  <c r="V23896" i="1"/>
  <c r="V23897" i="1"/>
  <c r="V23898" i="1"/>
  <c r="V23899" i="1"/>
  <c r="V23900" i="1"/>
  <c r="V23901" i="1"/>
  <c r="V23902" i="1"/>
  <c r="V23903" i="1"/>
  <c r="V23904" i="1"/>
  <c r="V23905" i="1"/>
  <c r="V23906" i="1"/>
  <c r="V23907" i="1"/>
  <c r="V23908" i="1"/>
  <c r="V23909" i="1"/>
  <c r="V23910" i="1"/>
  <c r="V23911" i="1"/>
  <c r="V23912" i="1"/>
  <c r="V23913" i="1"/>
  <c r="V23914" i="1"/>
  <c r="V23915" i="1"/>
  <c r="V23916" i="1"/>
  <c r="V23917" i="1"/>
  <c r="V23918" i="1"/>
  <c r="V23919" i="1"/>
  <c r="V23920" i="1"/>
  <c r="V23921" i="1"/>
  <c r="V23922" i="1"/>
  <c r="V23923" i="1"/>
  <c r="V23924" i="1"/>
  <c r="V23925" i="1"/>
  <c r="V23926" i="1"/>
  <c r="V23927" i="1"/>
  <c r="V23928" i="1"/>
  <c r="V23929" i="1"/>
  <c r="V23930" i="1"/>
  <c r="V23931" i="1"/>
  <c r="V23932" i="1"/>
  <c r="V23933" i="1"/>
  <c r="V23934" i="1"/>
  <c r="V23935" i="1"/>
  <c r="V23936" i="1"/>
  <c r="V23937" i="1"/>
  <c r="V23938" i="1"/>
  <c r="V23939" i="1"/>
  <c r="V23940" i="1"/>
  <c r="V23941" i="1"/>
  <c r="V23942" i="1"/>
  <c r="V23943" i="1"/>
  <c r="V23944" i="1"/>
  <c r="V23945" i="1"/>
  <c r="V23946" i="1"/>
  <c r="V23947" i="1"/>
  <c r="V23948" i="1"/>
  <c r="V23949" i="1"/>
  <c r="V23950" i="1"/>
  <c r="V23951" i="1"/>
  <c r="V23952" i="1"/>
  <c r="V23953" i="1"/>
  <c r="V23954" i="1"/>
  <c r="V23955" i="1"/>
  <c r="V23956" i="1"/>
  <c r="V23957" i="1"/>
  <c r="V23958" i="1"/>
  <c r="V23959" i="1"/>
  <c r="V23960" i="1"/>
  <c r="V23961" i="1"/>
  <c r="V23962" i="1"/>
  <c r="V23963" i="1"/>
  <c r="V23964" i="1"/>
  <c r="V23965" i="1"/>
  <c r="V23966" i="1"/>
  <c r="V23967" i="1"/>
  <c r="V23968" i="1"/>
  <c r="V23969" i="1"/>
  <c r="V23970" i="1"/>
  <c r="V23971" i="1"/>
  <c r="V23972" i="1"/>
  <c r="V23973" i="1"/>
  <c r="V23974" i="1"/>
  <c r="V23975" i="1"/>
  <c r="V23976" i="1"/>
  <c r="V23977" i="1"/>
  <c r="V23978" i="1"/>
  <c r="V23979" i="1"/>
  <c r="V23980" i="1"/>
  <c r="V23981" i="1"/>
  <c r="V23982" i="1"/>
  <c r="V23983" i="1"/>
  <c r="V23984" i="1"/>
  <c r="V23985" i="1"/>
  <c r="V23986" i="1"/>
  <c r="V23987" i="1"/>
  <c r="V23988" i="1"/>
  <c r="V23989" i="1"/>
  <c r="V23990" i="1"/>
  <c r="V23991" i="1"/>
  <c r="V23992" i="1"/>
  <c r="V23993" i="1"/>
  <c r="V23994" i="1"/>
  <c r="V23995" i="1"/>
  <c r="V23996" i="1"/>
  <c r="V23997" i="1"/>
  <c r="V23998" i="1"/>
  <c r="V23999" i="1"/>
  <c r="V24000" i="1"/>
  <c r="V24001" i="1"/>
  <c r="V24002" i="1"/>
  <c r="V24003" i="1"/>
  <c r="V24004" i="1"/>
  <c r="V24005" i="1"/>
  <c r="V24006" i="1"/>
  <c r="V24007" i="1"/>
  <c r="V24008" i="1"/>
  <c r="V24009" i="1"/>
  <c r="V24010" i="1"/>
  <c r="V24011" i="1"/>
  <c r="V24012" i="1"/>
  <c r="V24013" i="1"/>
  <c r="V24014" i="1"/>
  <c r="V24015" i="1"/>
  <c r="V24016" i="1"/>
  <c r="V24017" i="1"/>
  <c r="V24018" i="1"/>
  <c r="V24019" i="1"/>
  <c r="V24020" i="1"/>
  <c r="V24021" i="1"/>
  <c r="V24022" i="1"/>
  <c r="V24023" i="1"/>
  <c r="V24024" i="1"/>
  <c r="V24025" i="1"/>
  <c r="V24026" i="1"/>
  <c r="V24027" i="1"/>
  <c r="V24028" i="1"/>
  <c r="V24029" i="1"/>
  <c r="V24030" i="1"/>
  <c r="V24031" i="1"/>
  <c r="V24032" i="1"/>
  <c r="V24033" i="1"/>
  <c r="V24034" i="1"/>
  <c r="V24035" i="1"/>
  <c r="V24036" i="1"/>
  <c r="V24037" i="1"/>
  <c r="V24038" i="1"/>
  <c r="V24039" i="1"/>
  <c r="V24040" i="1"/>
  <c r="V24041" i="1"/>
  <c r="V24042" i="1"/>
  <c r="V24043" i="1"/>
  <c r="V24044" i="1"/>
  <c r="V24045" i="1"/>
  <c r="V24046" i="1"/>
  <c r="V24047" i="1"/>
  <c r="V24048" i="1"/>
  <c r="V24049" i="1"/>
  <c r="V24050" i="1"/>
  <c r="V24051" i="1"/>
  <c r="V24052" i="1"/>
  <c r="V24053" i="1"/>
  <c r="V24054" i="1"/>
  <c r="V24055" i="1"/>
  <c r="V24056" i="1"/>
  <c r="V24057" i="1"/>
  <c r="V24058" i="1"/>
  <c r="V24059" i="1"/>
  <c r="V24060" i="1"/>
  <c r="V24061" i="1"/>
  <c r="V24062" i="1"/>
  <c r="V24063" i="1"/>
  <c r="V24064" i="1"/>
  <c r="V24065" i="1"/>
  <c r="V24066" i="1"/>
  <c r="V24067" i="1"/>
  <c r="V24068" i="1"/>
  <c r="V24069" i="1"/>
  <c r="V24070" i="1"/>
  <c r="V24071" i="1"/>
  <c r="V24072" i="1"/>
  <c r="V24073" i="1"/>
  <c r="V24074" i="1"/>
  <c r="V24075" i="1"/>
  <c r="V24076" i="1"/>
  <c r="V24077" i="1"/>
  <c r="V24078" i="1"/>
  <c r="V24079" i="1"/>
  <c r="V24080" i="1"/>
  <c r="V24081" i="1"/>
  <c r="V24082" i="1"/>
  <c r="V24083" i="1"/>
  <c r="V24084" i="1"/>
  <c r="V24085" i="1"/>
  <c r="V24086" i="1"/>
  <c r="V24087" i="1"/>
  <c r="V24088" i="1"/>
  <c r="V24089" i="1"/>
  <c r="V24090" i="1"/>
  <c r="V24091" i="1"/>
  <c r="V24092" i="1"/>
  <c r="V24093" i="1"/>
  <c r="V24094" i="1"/>
  <c r="V24095" i="1"/>
  <c r="V24096" i="1"/>
  <c r="V24097" i="1"/>
  <c r="V24098" i="1"/>
  <c r="V24099" i="1"/>
  <c r="V24100" i="1"/>
  <c r="V24101" i="1"/>
  <c r="V24102" i="1"/>
  <c r="V24103" i="1"/>
  <c r="V24104" i="1"/>
  <c r="V24105" i="1"/>
  <c r="V24106" i="1"/>
  <c r="V24107" i="1"/>
  <c r="V24108" i="1"/>
  <c r="V24109" i="1"/>
  <c r="V24110" i="1"/>
  <c r="V24111" i="1"/>
  <c r="V24112" i="1"/>
  <c r="V24113" i="1"/>
  <c r="V24114" i="1"/>
  <c r="V24115" i="1"/>
  <c r="V24116" i="1"/>
  <c r="V24117" i="1"/>
  <c r="V24118" i="1"/>
  <c r="V24119" i="1"/>
  <c r="V24120" i="1"/>
  <c r="V24121" i="1"/>
  <c r="V24122" i="1"/>
  <c r="V24123" i="1"/>
  <c r="V24124" i="1"/>
  <c r="V24125" i="1"/>
  <c r="V24126" i="1"/>
  <c r="V24127" i="1"/>
  <c r="V24128" i="1"/>
  <c r="V24129" i="1"/>
  <c r="V24130" i="1"/>
  <c r="V24131" i="1"/>
  <c r="V24132" i="1"/>
  <c r="V24133" i="1"/>
  <c r="V24134" i="1"/>
  <c r="V24135" i="1"/>
  <c r="V24136" i="1"/>
  <c r="V24137" i="1"/>
  <c r="V24138" i="1"/>
  <c r="V24139" i="1"/>
  <c r="V24140" i="1"/>
  <c r="V24141" i="1"/>
  <c r="V24142" i="1"/>
  <c r="V24143" i="1"/>
  <c r="V24144" i="1"/>
  <c r="V24145" i="1"/>
  <c r="V24146" i="1"/>
  <c r="V24147" i="1"/>
  <c r="V24148" i="1"/>
  <c r="V24149" i="1"/>
  <c r="V24150" i="1"/>
  <c r="V24151" i="1"/>
  <c r="V24152" i="1"/>
  <c r="V24153" i="1"/>
  <c r="V24154" i="1"/>
  <c r="V24155" i="1"/>
  <c r="V24156" i="1"/>
  <c r="V24157" i="1"/>
  <c r="V24158" i="1"/>
  <c r="V24159" i="1"/>
  <c r="V24160" i="1"/>
  <c r="V24161" i="1"/>
  <c r="V24162" i="1"/>
  <c r="V24163" i="1"/>
  <c r="V24164" i="1"/>
  <c r="V24165" i="1"/>
  <c r="V24166" i="1"/>
  <c r="V24167" i="1"/>
  <c r="V24168" i="1"/>
  <c r="V24169" i="1"/>
  <c r="V24170" i="1"/>
  <c r="V24171" i="1"/>
  <c r="V24172" i="1"/>
  <c r="V24173" i="1"/>
  <c r="V24174" i="1"/>
  <c r="V24175" i="1"/>
  <c r="V24176" i="1"/>
  <c r="V24177" i="1"/>
  <c r="V24178" i="1"/>
  <c r="V24179" i="1"/>
  <c r="V24180" i="1"/>
  <c r="V24181" i="1"/>
  <c r="V24182" i="1"/>
  <c r="V24183" i="1"/>
  <c r="V24184" i="1"/>
  <c r="V24185" i="1"/>
  <c r="V24186" i="1"/>
  <c r="V24187" i="1"/>
  <c r="V24188" i="1"/>
  <c r="V24189" i="1"/>
  <c r="V24190" i="1"/>
  <c r="V24191" i="1"/>
  <c r="V24192" i="1"/>
  <c r="V24193" i="1"/>
  <c r="V24194" i="1"/>
  <c r="V24195" i="1"/>
  <c r="V24196" i="1"/>
  <c r="V24197" i="1"/>
  <c r="V24198" i="1"/>
  <c r="V24199" i="1"/>
  <c r="V24200" i="1"/>
  <c r="V24201" i="1"/>
  <c r="V24202" i="1"/>
  <c r="V24203" i="1"/>
  <c r="V24204" i="1"/>
  <c r="V24205" i="1"/>
  <c r="V24206" i="1"/>
  <c r="V24207" i="1"/>
  <c r="V24208" i="1"/>
  <c r="V24209" i="1"/>
  <c r="V24210" i="1"/>
  <c r="V24211" i="1"/>
  <c r="V24212" i="1"/>
  <c r="V24213" i="1"/>
  <c r="V24214" i="1"/>
  <c r="V24215" i="1"/>
  <c r="V24216" i="1"/>
  <c r="V24217" i="1"/>
  <c r="V24218" i="1"/>
  <c r="V24219" i="1"/>
  <c r="V24220" i="1"/>
  <c r="V24221" i="1"/>
  <c r="V24222" i="1"/>
  <c r="V24223" i="1"/>
  <c r="V24224" i="1"/>
  <c r="V24225" i="1"/>
  <c r="V24226" i="1"/>
  <c r="V24227" i="1"/>
  <c r="V24228" i="1"/>
  <c r="V24229" i="1"/>
  <c r="V24230" i="1"/>
  <c r="V24231" i="1"/>
  <c r="V24232" i="1"/>
  <c r="V24233" i="1"/>
  <c r="V24234" i="1"/>
  <c r="V24235" i="1"/>
  <c r="V24236" i="1"/>
  <c r="V24237" i="1"/>
  <c r="V24238" i="1"/>
  <c r="V24239" i="1"/>
  <c r="V24240" i="1"/>
  <c r="V24241" i="1"/>
  <c r="V24242" i="1"/>
  <c r="V24243" i="1"/>
  <c r="V24244" i="1"/>
  <c r="V24245" i="1"/>
  <c r="V24246" i="1"/>
  <c r="V24247" i="1"/>
  <c r="V24248" i="1"/>
  <c r="V24249" i="1"/>
  <c r="V24250" i="1"/>
  <c r="V24251" i="1"/>
  <c r="V24252" i="1"/>
  <c r="V24253" i="1"/>
  <c r="V24254" i="1"/>
  <c r="V24255" i="1"/>
  <c r="V24256" i="1"/>
  <c r="V24257" i="1"/>
  <c r="V24258" i="1"/>
  <c r="V24259" i="1"/>
  <c r="V24260" i="1"/>
  <c r="V24261" i="1"/>
  <c r="V24262" i="1"/>
  <c r="V24263" i="1"/>
  <c r="V24264" i="1"/>
  <c r="V24265" i="1"/>
  <c r="V24266" i="1"/>
  <c r="V24267" i="1"/>
  <c r="V24268" i="1"/>
  <c r="V24269" i="1"/>
  <c r="V24270" i="1"/>
  <c r="V24271" i="1"/>
  <c r="V24272" i="1"/>
  <c r="V24273" i="1"/>
  <c r="V24274" i="1"/>
  <c r="V24275" i="1"/>
  <c r="V24276" i="1"/>
  <c r="V24277" i="1"/>
  <c r="V24278" i="1"/>
  <c r="V24279" i="1"/>
  <c r="V24280" i="1"/>
  <c r="V24281" i="1"/>
  <c r="V24282" i="1"/>
  <c r="V24283" i="1"/>
  <c r="V24284" i="1"/>
  <c r="V24285" i="1"/>
  <c r="V24286" i="1"/>
  <c r="V24287" i="1"/>
  <c r="V24288" i="1"/>
  <c r="V24289" i="1"/>
  <c r="V24290" i="1"/>
  <c r="V24291" i="1"/>
  <c r="V24292" i="1"/>
  <c r="V24293" i="1"/>
  <c r="V24294" i="1"/>
  <c r="V24295" i="1"/>
  <c r="V24296" i="1"/>
  <c r="V24297" i="1"/>
  <c r="V24298" i="1"/>
  <c r="V24299" i="1"/>
  <c r="V24300" i="1"/>
  <c r="V24301" i="1"/>
  <c r="V24302" i="1"/>
  <c r="V24303" i="1"/>
  <c r="V24304" i="1"/>
  <c r="V24305" i="1"/>
  <c r="V24306" i="1"/>
  <c r="V24307" i="1"/>
  <c r="V24308" i="1"/>
  <c r="V24309" i="1"/>
  <c r="V24310" i="1"/>
  <c r="V24311" i="1"/>
  <c r="V24312" i="1"/>
  <c r="V24313" i="1"/>
  <c r="V24314" i="1"/>
  <c r="V24315" i="1"/>
  <c r="V24316" i="1"/>
  <c r="V24317" i="1"/>
  <c r="V24318" i="1"/>
  <c r="V24319" i="1"/>
  <c r="V24320" i="1"/>
  <c r="V24321" i="1"/>
  <c r="V24322" i="1"/>
  <c r="V24323" i="1"/>
  <c r="V24324" i="1"/>
  <c r="V24325" i="1"/>
  <c r="V24326" i="1"/>
  <c r="V24327" i="1"/>
  <c r="V24328" i="1"/>
  <c r="V24329" i="1"/>
  <c r="V24330" i="1"/>
  <c r="V24331" i="1"/>
  <c r="V24332" i="1"/>
  <c r="V24333" i="1"/>
  <c r="V24334" i="1"/>
  <c r="V24335" i="1"/>
  <c r="V24336" i="1"/>
  <c r="V24337" i="1"/>
  <c r="V24338" i="1"/>
  <c r="V24339" i="1"/>
  <c r="V24340" i="1"/>
  <c r="V24341" i="1"/>
  <c r="V24342" i="1"/>
  <c r="V24343" i="1"/>
  <c r="V24344" i="1"/>
  <c r="V24345" i="1"/>
  <c r="V24346" i="1"/>
  <c r="V24347" i="1"/>
  <c r="V24348" i="1"/>
  <c r="V24349" i="1"/>
  <c r="V24350" i="1"/>
  <c r="V24351" i="1"/>
  <c r="V24352" i="1"/>
  <c r="V24353" i="1"/>
  <c r="V24354" i="1"/>
  <c r="V24355" i="1"/>
  <c r="V24356" i="1"/>
  <c r="V24357" i="1"/>
  <c r="V24358" i="1"/>
  <c r="V24359" i="1"/>
  <c r="V24360" i="1"/>
  <c r="V24361" i="1"/>
  <c r="V24362" i="1"/>
  <c r="V24363" i="1"/>
  <c r="V24364" i="1"/>
  <c r="V24365" i="1"/>
  <c r="V24366" i="1"/>
  <c r="V24367" i="1"/>
  <c r="V24368" i="1"/>
  <c r="V24369" i="1"/>
  <c r="V24370" i="1"/>
  <c r="V24371" i="1"/>
  <c r="V24372" i="1"/>
  <c r="V24373" i="1"/>
  <c r="V24374" i="1"/>
  <c r="V24375" i="1"/>
  <c r="V24376" i="1"/>
  <c r="V24377" i="1"/>
  <c r="V24378" i="1"/>
  <c r="V24379" i="1"/>
  <c r="V24380" i="1"/>
  <c r="V24381" i="1"/>
  <c r="V24382" i="1"/>
  <c r="V24383" i="1"/>
  <c r="V24384" i="1"/>
  <c r="V24385" i="1"/>
  <c r="V24386" i="1"/>
  <c r="V24387" i="1"/>
  <c r="V24388" i="1"/>
  <c r="V24389" i="1"/>
  <c r="V24390" i="1"/>
  <c r="V24391" i="1"/>
  <c r="V24392" i="1"/>
  <c r="V24393" i="1"/>
  <c r="V24394" i="1"/>
  <c r="V24395" i="1"/>
  <c r="V24396" i="1"/>
  <c r="V24397" i="1"/>
  <c r="V24398" i="1"/>
  <c r="V24399" i="1"/>
  <c r="V24400" i="1"/>
  <c r="V24401" i="1"/>
  <c r="V24402" i="1"/>
  <c r="V24403" i="1"/>
  <c r="V24404" i="1"/>
  <c r="V24405" i="1"/>
  <c r="V24406" i="1"/>
  <c r="V24407" i="1"/>
  <c r="V24408" i="1"/>
  <c r="V24409" i="1"/>
  <c r="V24410" i="1"/>
  <c r="V24411" i="1"/>
  <c r="V24412" i="1"/>
  <c r="V24413" i="1"/>
  <c r="V24414" i="1"/>
  <c r="V24415" i="1"/>
  <c r="V24416" i="1"/>
  <c r="V24417" i="1"/>
  <c r="V24418" i="1"/>
  <c r="V24419" i="1"/>
  <c r="V24420" i="1"/>
  <c r="V24421" i="1"/>
  <c r="V24422" i="1"/>
  <c r="V24423" i="1"/>
  <c r="V24424" i="1"/>
  <c r="V24425" i="1"/>
  <c r="V24426" i="1"/>
  <c r="V24427" i="1"/>
  <c r="V24428" i="1"/>
  <c r="V24429" i="1"/>
  <c r="V24430" i="1"/>
  <c r="V24431" i="1"/>
  <c r="V24432" i="1"/>
  <c r="V24433" i="1"/>
  <c r="V24434" i="1"/>
  <c r="V24435" i="1"/>
  <c r="V24436" i="1"/>
  <c r="V24437" i="1"/>
  <c r="V24438" i="1"/>
  <c r="V24439" i="1"/>
  <c r="V24440" i="1"/>
  <c r="V24441" i="1"/>
  <c r="V24442" i="1"/>
  <c r="V24443" i="1"/>
  <c r="V24444" i="1"/>
  <c r="V24445" i="1"/>
  <c r="V24446" i="1"/>
  <c r="V24447" i="1"/>
  <c r="V24448" i="1"/>
  <c r="V24449" i="1"/>
  <c r="V24450" i="1"/>
  <c r="V24451" i="1"/>
  <c r="V24452" i="1"/>
  <c r="V24453" i="1"/>
  <c r="V24454" i="1"/>
  <c r="V24455" i="1"/>
  <c r="V24456" i="1"/>
  <c r="V24457" i="1"/>
  <c r="V24458" i="1"/>
  <c r="V24459" i="1"/>
  <c r="V24460" i="1"/>
  <c r="V24461" i="1"/>
  <c r="V24462" i="1"/>
  <c r="V24463" i="1"/>
  <c r="V24464" i="1"/>
  <c r="V24465" i="1"/>
  <c r="V24466" i="1"/>
  <c r="V24467" i="1"/>
  <c r="V24468" i="1"/>
  <c r="V24469" i="1"/>
  <c r="V24470" i="1"/>
  <c r="V24471" i="1"/>
  <c r="V24472" i="1"/>
  <c r="V24473" i="1"/>
  <c r="V24474" i="1"/>
  <c r="V24475" i="1"/>
  <c r="V24476" i="1"/>
  <c r="V24477" i="1"/>
  <c r="V24478" i="1"/>
  <c r="V24479" i="1"/>
  <c r="V24480" i="1"/>
  <c r="V24481" i="1"/>
  <c r="V24482" i="1"/>
  <c r="V24483" i="1"/>
  <c r="V24484" i="1"/>
  <c r="V24485" i="1"/>
  <c r="V24486" i="1"/>
  <c r="V24487" i="1"/>
  <c r="V24488" i="1"/>
  <c r="V24489" i="1"/>
  <c r="V24490" i="1"/>
  <c r="V24491" i="1"/>
  <c r="V24492" i="1"/>
  <c r="V24493" i="1"/>
  <c r="V24494" i="1"/>
  <c r="V24495" i="1"/>
  <c r="V24496" i="1"/>
  <c r="V24497" i="1"/>
  <c r="V24498" i="1"/>
  <c r="V24499" i="1"/>
  <c r="V24500" i="1"/>
  <c r="V24501" i="1"/>
  <c r="V24502" i="1"/>
  <c r="V24503" i="1"/>
  <c r="V24504" i="1"/>
  <c r="V24505" i="1"/>
  <c r="V24506" i="1"/>
  <c r="V24507" i="1"/>
  <c r="V24508" i="1"/>
  <c r="V24509" i="1"/>
  <c r="V24510" i="1"/>
  <c r="V24511" i="1"/>
  <c r="V24512" i="1"/>
  <c r="V24513" i="1"/>
  <c r="V24514" i="1"/>
  <c r="V24515" i="1"/>
  <c r="V24516" i="1"/>
  <c r="V24517" i="1"/>
  <c r="V24518" i="1"/>
  <c r="V24519" i="1"/>
  <c r="V24520" i="1"/>
  <c r="V24521" i="1"/>
  <c r="V24522" i="1"/>
  <c r="V24523" i="1"/>
  <c r="V24524" i="1"/>
  <c r="V24525" i="1"/>
  <c r="V24526" i="1"/>
  <c r="V24527" i="1"/>
  <c r="V24528" i="1"/>
  <c r="V24529" i="1"/>
  <c r="V24530" i="1"/>
  <c r="V24531" i="1"/>
  <c r="V24532" i="1"/>
  <c r="V24533" i="1"/>
  <c r="V24534" i="1"/>
  <c r="V24535" i="1"/>
  <c r="V24536" i="1"/>
  <c r="V24537" i="1"/>
  <c r="V24538" i="1"/>
  <c r="V24539" i="1"/>
  <c r="V24540" i="1"/>
  <c r="V24541" i="1"/>
  <c r="V24542" i="1"/>
  <c r="V24543" i="1"/>
  <c r="V24544" i="1"/>
  <c r="V24545" i="1"/>
  <c r="V24546" i="1"/>
  <c r="V24547" i="1"/>
  <c r="V24548" i="1"/>
  <c r="V24549" i="1"/>
  <c r="V24550" i="1"/>
  <c r="V24551" i="1"/>
  <c r="V24552" i="1"/>
  <c r="V24553" i="1"/>
  <c r="V24554" i="1"/>
  <c r="V24555" i="1"/>
  <c r="V24556" i="1"/>
  <c r="V24557" i="1"/>
  <c r="V24558" i="1"/>
  <c r="V24559" i="1"/>
  <c r="V24560" i="1"/>
  <c r="V24561" i="1"/>
  <c r="V24562" i="1"/>
  <c r="V24563" i="1"/>
  <c r="V24564" i="1"/>
  <c r="V24565" i="1"/>
  <c r="V24566" i="1"/>
  <c r="V24567" i="1"/>
  <c r="V24568" i="1"/>
  <c r="V24569" i="1"/>
  <c r="V24570" i="1"/>
  <c r="V24571" i="1"/>
  <c r="V24572" i="1"/>
  <c r="V24573" i="1"/>
  <c r="V24574" i="1"/>
  <c r="V24575" i="1"/>
  <c r="V24576" i="1"/>
  <c r="V24577" i="1"/>
  <c r="V24578" i="1"/>
  <c r="V24579" i="1"/>
  <c r="V24580" i="1"/>
  <c r="V24581" i="1"/>
  <c r="V24582" i="1"/>
  <c r="V24583" i="1"/>
  <c r="V24584" i="1"/>
  <c r="V24585" i="1"/>
  <c r="V24586" i="1"/>
  <c r="V24587" i="1"/>
  <c r="V24588" i="1"/>
  <c r="V24589" i="1"/>
  <c r="V24590" i="1"/>
  <c r="V24591" i="1"/>
  <c r="V24592" i="1"/>
  <c r="V24593" i="1"/>
  <c r="V24594" i="1"/>
  <c r="V24595" i="1"/>
  <c r="V24596" i="1"/>
  <c r="V24597" i="1"/>
  <c r="V24598" i="1"/>
  <c r="V24599" i="1"/>
  <c r="V24600" i="1"/>
  <c r="V24601" i="1"/>
  <c r="V24602" i="1"/>
  <c r="V24603" i="1"/>
  <c r="V24604" i="1"/>
  <c r="V24605" i="1"/>
  <c r="V24606" i="1"/>
  <c r="V24607" i="1"/>
  <c r="V24608" i="1"/>
  <c r="V24609" i="1"/>
  <c r="V24610" i="1"/>
  <c r="V24611" i="1"/>
  <c r="V24612" i="1"/>
  <c r="V24613" i="1"/>
  <c r="V24614" i="1"/>
  <c r="V24615" i="1"/>
  <c r="V24616" i="1"/>
  <c r="V24617" i="1"/>
  <c r="V24618" i="1"/>
  <c r="V24619" i="1"/>
  <c r="V24620" i="1"/>
  <c r="V24621" i="1"/>
  <c r="V24622" i="1"/>
  <c r="V24623" i="1"/>
  <c r="V24624" i="1"/>
  <c r="V24625" i="1"/>
  <c r="V24626" i="1"/>
  <c r="V24627" i="1"/>
  <c r="V24628" i="1"/>
  <c r="V24629" i="1"/>
  <c r="V24630" i="1"/>
  <c r="V24631" i="1"/>
  <c r="V24632" i="1"/>
  <c r="V24633" i="1"/>
  <c r="V24634" i="1"/>
  <c r="V24635" i="1"/>
  <c r="V24636" i="1"/>
  <c r="V24637" i="1"/>
  <c r="V24638" i="1"/>
  <c r="V24639" i="1"/>
  <c r="V24640" i="1"/>
  <c r="V24641" i="1"/>
  <c r="V24642" i="1"/>
  <c r="V24643" i="1"/>
  <c r="V24644" i="1"/>
  <c r="V24645" i="1"/>
  <c r="V24646" i="1"/>
  <c r="V24647" i="1"/>
  <c r="V24648" i="1"/>
  <c r="V24649" i="1"/>
  <c r="V24650" i="1"/>
  <c r="V24651" i="1"/>
  <c r="V24652" i="1"/>
  <c r="V24653" i="1"/>
  <c r="V24654" i="1"/>
  <c r="V24655" i="1"/>
  <c r="V24656" i="1"/>
  <c r="V24657" i="1"/>
  <c r="V24658" i="1"/>
  <c r="V24659" i="1"/>
  <c r="V24660" i="1"/>
  <c r="V24661" i="1"/>
  <c r="V24662" i="1"/>
  <c r="V24663" i="1"/>
  <c r="V24664" i="1"/>
  <c r="V24665" i="1"/>
  <c r="V24666" i="1"/>
  <c r="V24667" i="1"/>
  <c r="V24668" i="1"/>
  <c r="V24669" i="1"/>
  <c r="V24670" i="1"/>
  <c r="V24671" i="1"/>
  <c r="V24672" i="1"/>
  <c r="V24673" i="1"/>
  <c r="V24674" i="1"/>
  <c r="V24675" i="1"/>
  <c r="V24676" i="1"/>
  <c r="V24677" i="1"/>
  <c r="V24678" i="1"/>
  <c r="V24679" i="1"/>
  <c r="V24680" i="1"/>
  <c r="V24681" i="1"/>
  <c r="V24682" i="1"/>
  <c r="V24683" i="1"/>
  <c r="V24684" i="1"/>
  <c r="V24685" i="1"/>
  <c r="V24686" i="1"/>
  <c r="V24687" i="1"/>
  <c r="V24688" i="1"/>
  <c r="V24689" i="1"/>
  <c r="V24690" i="1"/>
  <c r="V24691" i="1"/>
  <c r="V24692" i="1"/>
  <c r="V24693" i="1"/>
  <c r="V24694" i="1"/>
  <c r="V24695" i="1"/>
  <c r="V24696" i="1"/>
  <c r="V24697" i="1"/>
  <c r="V24698" i="1"/>
  <c r="V24699" i="1"/>
  <c r="V24700" i="1"/>
  <c r="V24701" i="1"/>
  <c r="V24702" i="1"/>
  <c r="V24703" i="1"/>
  <c r="V24704" i="1"/>
  <c r="V24705" i="1"/>
  <c r="V24706" i="1"/>
  <c r="V24707" i="1"/>
  <c r="V24708" i="1"/>
  <c r="V24709" i="1"/>
  <c r="V24710" i="1"/>
  <c r="V24711" i="1"/>
  <c r="V24712" i="1"/>
  <c r="V24713" i="1"/>
  <c r="V24714" i="1"/>
  <c r="V24715" i="1"/>
  <c r="V24716" i="1"/>
  <c r="V24717" i="1"/>
  <c r="V24718" i="1"/>
  <c r="V24719" i="1"/>
  <c r="V24720" i="1"/>
  <c r="V24721" i="1"/>
  <c r="V24722" i="1"/>
  <c r="V24723" i="1"/>
  <c r="V24724" i="1"/>
  <c r="V24725" i="1"/>
  <c r="V24726" i="1"/>
  <c r="V24727" i="1"/>
  <c r="V24728" i="1"/>
  <c r="V24729" i="1"/>
  <c r="V24730" i="1"/>
  <c r="V24731" i="1"/>
  <c r="V24732" i="1"/>
  <c r="V24733" i="1"/>
  <c r="V24734" i="1"/>
  <c r="V24735" i="1"/>
  <c r="V24736" i="1"/>
  <c r="V24737" i="1"/>
  <c r="V24738" i="1"/>
  <c r="V24739" i="1"/>
  <c r="V24740" i="1"/>
  <c r="V24741" i="1"/>
  <c r="V24742" i="1"/>
  <c r="V24743" i="1"/>
  <c r="V24744" i="1"/>
  <c r="V24745" i="1"/>
  <c r="V24746" i="1"/>
  <c r="V24747" i="1"/>
  <c r="V24748" i="1"/>
  <c r="V24749" i="1"/>
  <c r="V24750" i="1"/>
  <c r="V24751" i="1"/>
  <c r="V24752" i="1"/>
  <c r="V24753" i="1"/>
  <c r="V24754" i="1"/>
  <c r="V24755" i="1"/>
  <c r="V24756" i="1"/>
  <c r="V24757" i="1"/>
  <c r="V24758" i="1"/>
  <c r="V24759" i="1"/>
  <c r="V24760" i="1"/>
  <c r="V24761" i="1"/>
  <c r="V24762" i="1"/>
  <c r="V24763" i="1"/>
  <c r="V24764" i="1"/>
  <c r="V24765" i="1"/>
  <c r="V24766" i="1"/>
  <c r="V24767" i="1"/>
  <c r="V24768" i="1"/>
  <c r="V24769" i="1"/>
  <c r="V24770" i="1"/>
  <c r="V24771" i="1"/>
  <c r="V24772" i="1"/>
  <c r="V24773" i="1"/>
  <c r="V24774" i="1"/>
  <c r="V24775" i="1"/>
  <c r="V24776" i="1"/>
  <c r="V24777" i="1"/>
  <c r="V24778" i="1"/>
  <c r="V24779" i="1"/>
  <c r="V24780" i="1"/>
  <c r="V24781" i="1"/>
  <c r="V24782" i="1"/>
  <c r="V24783" i="1"/>
  <c r="V24784" i="1"/>
  <c r="V24785" i="1"/>
  <c r="V24786" i="1"/>
  <c r="V24787" i="1"/>
  <c r="V24788" i="1"/>
  <c r="V24789" i="1"/>
  <c r="V24790" i="1"/>
  <c r="V24791" i="1"/>
  <c r="V24792" i="1"/>
  <c r="V24793" i="1"/>
  <c r="V24794" i="1"/>
  <c r="V24795" i="1"/>
  <c r="V24796" i="1"/>
  <c r="V24797" i="1"/>
  <c r="V24798" i="1"/>
  <c r="V24799" i="1"/>
  <c r="V24800" i="1"/>
  <c r="V24801" i="1"/>
  <c r="V24802" i="1"/>
  <c r="V24803" i="1"/>
  <c r="V24804" i="1"/>
  <c r="V24805" i="1"/>
  <c r="V24806" i="1"/>
  <c r="V24807" i="1"/>
  <c r="V24808" i="1"/>
  <c r="V24809" i="1"/>
  <c r="V24810" i="1"/>
  <c r="V24811" i="1"/>
  <c r="V24812" i="1"/>
  <c r="V24813" i="1"/>
  <c r="V24814" i="1"/>
  <c r="V24815" i="1"/>
  <c r="V24816" i="1"/>
  <c r="V24817" i="1"/>
  <c r="V24818" i="1"/>
  <c r="V24819" i="1"/>
  <c r="V24820" i="1"/>
  <c r="V24821" i="1"/>
  <c r="V24822" i="1"/>
  <c r="V24823" i="1"/>
  <c r="V24824" i="1"/>
  <c r="V24825" i="1"/>
  <c r="V24826" i="1"/>
  <c r="V24827" i="1"/>
  <c r="V24828" i="1"/>
  <c r="V24829" i="1"/>
  <c r="V24830" i="1"/>
  <c r="V24831" i="1"/>
  <c r="V24832" i="1"/>
  <c r="V24833" i="1"/>
  <c r="V24834" i="1"/>
  <c r="V24835" i="1"/>
  <c r="V24836" i="1"/>
  <c r="V24837" i="1"/>
  <c r="V24838" i="1"/>
  <c r="V24839" i="1"/>
  <c r="V24840" i="1"/>
  <c r="V24841" i="1"/>
  <c r="V24842" i="1"/>
  <c r="V24843" i="1"/>
  <c r="V24844" i="1"/>
  <c r="V24845" i="1"/>
  <c r="V24846" i="1"/>
  <c r="V24847" i="1"/>
  <c r="V24848" i="1"/>
  <c r="V24849" i="1"/>
  <c r="V24850" i="1"/>
  <c r="V24851" i="1"/>
  <c r="V24852" i="1"/>
  <c r="V24853" i="1"/>
  <c r="V24854" i="1"/>
  <c r="V24855" i="1"/>
  <c r="V24856" i="1"/>
  <c r="V24857" i="1"/>
  <c r="V24858" i="1"/>
  <c r="V24859" i="1"/>
  <c r="V24860" i="1"/>
  <c r="V24861" i="1"/>
  <c r="V24862" i="1"/>
  <c r="V24863" i="1"/>
  <c r="V24864" i="1"/>
  <c r="V24865" i="1"/>
  <c r="V24866" i="1"/>
  <c r="V24867" i="1"/>
  <c r="V24868" i="1"/>
  <c r="V24869" i="1"/>
  <c r="V24870" i="1"/>
  <c r="V24871" i="1"/>
  <c r="V24872" i="1"/>
  <c r="V24873" i="1"/>
  <c r="V24874" i="1"/>
  <c r="V24875" i="1"/>
  <c r="V24876" i="1"/>
  <c r="V24877" i="1"/>
  <c r="V24878" i="1"/>
  <c r="V24879" i="1"/>
  <c r="V24880" i="1"/>
  <c r="V24881" i="1"/>
  <c r="V24882" i="1"/>
  <c r="V24883" i="1"/>
  <c r="V24884" i="1"/>
  <c r="V24885" i="1"/>
  <c r="V24886" i="1"/>
  <c r="V24887" i="1"/>
  <c r="V24888" i="1"/>
  <c r="V24889" i="1"/>
  <c r="V24890" i="1"/>
  <c r="V24891" i="1"/>
  <c r="V24892" i="1"/>
  <c r="V24893" i="1"/>
  <c r="V24894" i="1"/>
  <c r="V24895" i="1"/>
  <c r="V24896" i="1"/>
  <c r="V24897" i="1"/>
  <c r="V24898" i="1"/>
  <c r="V24899" i="1"/>
  <c r="V24900" i="1"/>
  <c r="V24901" i="1"/>
  <c r="V24902" i="1"/>
  <c r="V24903" i="1"/>
  <c r="V24904" i="1"/>
  <c r="V24905" i="1"/>
  <c r="V24906" i="1"/>
  <c r="V24907" i="1"/>
  <c r="V24908" i="1"/>
  <c r="V24909" i="1"/>
  <c r="V24910" i="1"/>
  <c r="V24911" i="1"/>
  <c r="V24912" i="1"/>
  <c r="V24913" i="1"/>
  <c r="V24914" i="1"/>
  <c r="V24915" i="1"/>
  <c r="V24916" i="1"/>
  <c r="V24917" i="1"/>
  <c r="V24918" i="1"/>
  <c r="V24919" i="1"/>
  <c r="V24920" i="1"/>
  <c r="V24921" i="1"/>
  <c r="V24922" i="1"/>
  <c r="V24923" i="1"/>
  <c r="V24924" i="1"/>
  <c r="V24925" i="1"/>
  <c r="V24926" i="1"/>
  <c r="V24927" i="1"/>
  <c r="V24928" i="1"/>
  <c r="V24929" i="1"/>
  <c r="V24930" i="1"/>
  <c r="V24931" i="1"/>
  <c r="V24932" i="1"/>
  <c r="V24933" i="1"/>
  <c r="V24934" i="1"/>
  <c r="V24935" i="1"/>
  <c r="V24936" i="1"/>
  <c r="V24937" i="1"/>
  <c r="V24938" i="1"/>
  <c r="V24939" i="1"/>
  <c r="V24940" i="1"/>
  <c r="V24941" i="1"/>
  <c r="V24942" i="1"/>
  <c r="V24943" i="1"/>
  <c r="V24944" i="1"/>
  <c r="V24945" i="1"/>
  <c r="V24946" i="1"/>
  <c r="V24947" i="1"/>
  <c r="V24948" i="1"/>
  <c r="V24949" i="1"/>
  <c r="V24950" i="1"/>
  <c r="V24951" i="1"/>
  <c r="V24952" i="1"/>
  <c r="V24953" i="1"/>
  <c r="V24954" i="1"/>
  <c r="V24955" i="1"/>
  <c r="V24956" i="1"/>
  <c r="V24957" i="1"/>
  <c r="V24958" i="1"/>
  <c r="V24959" i="1"/>
  <c r="V24960" i="1"/>
  <c r="V24961" i="1"/>
  <c r="V24962" i="1"/>
  <c r="V24963" i="1"/>
  <c r="V24964" i="1"/>
  <c r="V24965" i="1"/>
  <c r="V24966" i="1"/>
  <c r="V24967" i="1"/>
  <c r="V24968" i="1"/>
  <c r="V24969" i="1"/>
  <c r="V24970" i="1"/>
  <c r="V24971" i="1"/>
  <c r="V24972" i="1"/>
  <c r="V24973" i="1"/>
  <c r="V24974" i="1"/>
  <c r="V24975" i="1"/>
  <c r="V24976" i="1"/>
  <c r="V24977" i="1"/>
  <c r="V24978" i="1"/>
  <c r="V24979" i="1"/>
  <c r="V24980" i="1"/>
  <c r="V24981" i="1"/>
  <c r="V24982" i="1"/>
  <c r="V24983" i="1"/>
  <c r="V24984" i="1"/>
  <c r="V24985" i="1"/>
  <c r="V24986" i="1"/>
  <c r="V24987" i="1"/>
  <c r="V24988" i="1"/>
  <c r="V24989" i="1"/>
  <c r="V24990" i="1"/>
  <c r="V24991" i="1"/>
  <c r="V24992" i="1"/>
  <c r="V24993" i="1"/>
  <c r="V24994" i="1"/>
  <c r="V24995" i="1"/>
  <c r="V24996" i="1"/>
  <c r="V24997" i="1"/>
  <c r="V24998" i="1"/>
  <c r="V24999" i="1"/>
  <c r="V25000" i="1"/>
  <c r="V25001" i="1"/>
  <c r="V25002" i="1"/>
  <c r="V25003" i="1"/>
  <c r="V25004" i="1"/>
  <c r="V25005" i="1"/>
  <c r="V25006" i="1"/>
  <c r="V25007" i="1"/>
  <c r="V25008" i="1"/>
  <c r="V25009" i="1"/>
  <c r="V25010" i="1"/>
  <c r="V25011" i="1"/>
  <c r="V25012" i="1"/>
  <c r="V25013" i="1"/>
  <c r="V25014" i="1"/>
  <c r="V25015" i="1"/>
  <c r="V25016" i="1"/>
  <c r="V25017" i="1"/>
  <c r="V25018" i="1"/>
  <c r="V25019" i="1"/>
  <c r="V25020" i="1"/>
  <c r="V25021" i="1"/>
  <c r="V25022" i="1"/>
  <c r="V25023" i="1"/>
  <c r="V25024" i="1"/>
  <c r="V25025" i="1"/>
  <c r="V25026" i="1"/>
  <c r="V25027" i="1"/>
  <c r="V25028" i="1"/>
  <c r="V25029" i="1"/>
  <c r="V25030" i="1"/>
  <c r="V25031" i="1"/>
  <c r="V25032" i="1"/>
  <c r="V25033" i="1"/>
  <c r="V25034" i="1"/>
  <c r="V25035" i="1"/>
  <c r="V25036" i="1"/>
  <c r="V25037" i="1"/>
  <c r="V25038" i="1"/>
  <c r="V25039" i="1"/>
  <c r="V25040" i="1"/>
  <c r="V25041" i="1"/>
  <c r="V25042" i="1"/>
  <c r="V25043" i="1"/>
  <c r="V25044" i="1"/>
  <c r="V25045" i="1"/>
  <c r="V25046" i="1"/>
  <c r="V25047" i="1"/>
  <c r="V25048" i="1"/>
  <c r="V25049" i="1"/>
  <c r="V25050" i="1"/>
  <c r="V25051" i="1"/>
  <c r="V25052" i="1"/>
  <c r="V25053" i="1"/>
  <c r="V25054" i="1"/>
  <c r="V25055" i="1"/>
  <c r="V25056" i="1"/>
  <c r="V25057" i="1"/>
  <c r="V25058" i="1"/>
  <c r="V25059" i="1"/>
  <c r="V25060" i="1"/>
  <c r="V25061" i="1"/>
  <c r="V25062" i="1"/>
  <c r="V25063" i="1"/>
  <c r="V25064" i="1"/>
  <c r="V25065" i="1"/>
  <c r="V25066" i="1"/>
  <c r="V25067" i="1"/>
  <c r="V25068" i="1"/>
  <c r="V25069" i="1"/>
  <c r="V25070" i="1"/>
  <c r="V25071" i="1"/>
  <c r="V25072" i="1"/>
  <c r="V25073" i="1"/>
  <c r="V25074" i="1"/>
  <c r="V25075" i="1"/>
  <c r="V25076" i="1"/>
  <c r="V25077" i="1"/>
  <c r="V25078" i="1"/>
  <c r="V25079" i="1"/>
  <c r="V25080" i="1"/>
  <c r="V25081" i="1"/>
  <c r="V25082" i="1"/>
  <c r="V25083" i="1"/>
  <c r="V25084" i="1"/>
  <c r="V25085" i="1"/>
  <c r="V25086" i="1"/>
  <c r="V25087" i="1"/>
  <c r="V25088" i="1"/>
  <c r="V25089" i="1"/>
  <c r="V25090" i="1"/>
  <c r="V25091" i="1"/>
  <c r="V25092" i="1"/>
  <c r="V25093" i="1"/>
  <c r="V25094" i="1"/>
  <c r="V25095" i="1"/>
  <c r="V25096" i="1"/>
  <c r="V25097" i="1"/>
  <c r="V25098" i="1"/>
  <c r="V25099" i="1"/>
  <c r="V25100" i="1"/>
  <c r="V25101" i="1"/>
  <c r="V25102" i="1"/>
  <c r="V25103" i="1"/>
  <c r="V25104" i="1"/>
  <c r="V25105" i="1"/>
  <c r="V25106" i="1"/>
  <c r="V25107" i="1"/>
  <c r="V25108" i="1"/>
  <c r="V25109" i="1"/>
  <c r="V25110" i="1"/>
  <c r="V25111" i="1"/>
  <c r="V25112" i="1"/>
  <c r="V25113" i="1"/>
  <c r="V25114" i="1"/>
  <c r="V25115" i="1"/>
  <c r="V25116" i="1"/>
  <c r="V25117" i="1"/>
  <c r="V25118" i="1"/>
  <c r="V25119" i="1"/>
  <c r="V25120" i="1"/>
  <c r="V25121" i="1"/>
  <c r="V25122" i="1"/>
  <c r="V25123" i="1"/>
  <c r="V25124" i="1"/>
  <c r="V25125" i="1"/>
  <c r="V25126" i="1"/>
  <c r="V25127" i="1"/>
  <c r="V25128" i="1"/>
  <c r="V25129" i="1"/>
  <c r="V25130" i="1"/>
  <c r="V25131" i="1"/>
  <c r="V25132" i="1"/>
  <c r="V25133" i="1"/>
  <c r="V25134" i="1"/>
  <c r="V25135" i="1"/>
  <c r="V25136" i="1"/>
  <c r="V25137" i="1"/>
  <c r="V25138" i="1"/>
  <c r="V25139" i="1"/>
  <c r="V25140" i="1"/>
  <c r="V25141" i="1"/>
  <c r="V25142" i="1"/>
  <c r="V25143" i="1"/>
  <c r="V25144" i="1"/>
  <c r="V25145" i="1"/>
  <c r="V25146" i="1"/>
  <c r="V25147" i="1"/>
  <c r="V25148" i="1"/>
  <c r="V25149" i="1"/>
  <c r="V25150" i="1"/>
  <c r="V25151" i="1"/>
  <c r="V25152" i="1"/>
  <c r="V25153" i="1"/>
  <c r="V25154" i="1"/>
  <c r="V25155" i="1"/>
  <c r="V25156" i="1"/>
  <c r="V25157" i="1"/>
  <c r="V25158" i="1"/>
  <c r="V25159" i="1"/>
  <c r="V25160" i="1"/>
  <c r="V25161" i="1"/>
  <c r="V25162" i="1"/>
  <c r="V25163" i="1"/>
  <c r="V25164" i="1"/>
  <c r="V25165" i="1"/>
  <c r="V25166" i="1"/>
  <c r="V25167" i="1"/>
  <c r="V25168" i="1"/>
  <c r="V25169" i="1"/>
  <c r="V25170" i="1"/>
  <c r="V25171" i="1"/>
  <c r="V25172" i="1"/>
  <c r="V25173" i="1"/>
  <c r="V25174" i="1"/>
  <c r="V25175" i="1"/>
  <c r="V25176" i="1"/>
  <c r="V25177" i="1"/>
  <c r="V25178" i="1"/>
  <c r="V25179" i="1"/>
  <c r="V25180" i="1"/>
  <c r="V25181" i="1"/>
  <c r="V25182" i="1"/>
  <c r="V25183" i="1"/>
  <c r="V25184" i="1"/>
  <c r="V25185" i="1"/>
  <c r="V25186" i="1"/>
  <c r="V25187" i="1"/>
  <c r="V25188" i="1"/>
  <c r="V25189" i="1"/>
  <c r="V25190" i="1"/>
  <c r="V25191" i="1"/>
  <c r="V25192" i="1"/>
  <c r="V25193" i="1"/>
  <c r="V25194" i="1"/>
  <c r="V25195" i="1"/>
  <c r="V25196" i="1"/>
  <c r="V25197" i="1"/>
  <c r="V25198" i="1"/>
  <c r="V25199" i="1"/>
  <c r="V25200" i="1"/>
  <c r="V25201" i="1"/>
  <c r="V25202" i="1"/>
  <c r="V25203" i="1"/>
  <c r="V25204" i="1"/>
  <c r="V25205" i="1"/>
  <c r="V25206" i="1"/>
  <c r="V25207" i="1"/>
  <c r="V25208" i="1"/>
  <c r="V25209" i="1"/>
  <c r="V25210" i="1"/>
  <c r="V25211" i="1"/>
  <c r="V25212" i="1"/>
  <c r="V25213" i="1"/>
  <c r="V25214" i="1"/>
  <c r="V25215" i="1"/>
  <c r="V25216" i="1"/>
  <c r="V25217" i="1"/>
  <c r="V25218" i="1"/>
  <c r="V25219" i="1"/>
  <c r="V25220" i="1"/>
  <c r="V25221" i="1"/>
  <c r="V25222" i="1"/>
  <c r="V25223" i="1"/>
  <c r="V25224" i="1"/>
  <c r="V25225" i="1"/>
  <c r="V25226" i="1"/>
  <c r="V25227" i="1"/>
  <c r="V25228" i="1"/>
  <c r="V25229" i="1"/>
  <c r="V25230" i="1"/>
  <c r="V25231" i="1"/>
  <c r="V25232" i="1"/>
  <c r="V25233" i="1"/>
  <c r="V25234" i="1"/>
  <c r="V25235" i="1"/>
  <c r="V25236" i="1"/>
  <c r="V25237" i="1"/>
  <c r="V25238" i="1"/>
  <c r="V25239" i="1"/>
  <c r="V25240" i="1"/>
  <c r="V25241" i="1"/>
  <c r="V25242" i="1"/>
  <c r="V25243" i="1"/>
  <c r="V25244" i="1"/>
  <c r="V25245" i="1"/>
  <c r="V25246" i="1"/>
  <c r="V25247" i="1"/>
  <c r="V25248" i="1"/>
  <c r="V25249" i="1"/>
  <c r="V25250" i="1"/>
  <c r="V25251" i="1"/>
  <c r="V25252" i="1"/>
  <c r="V25253" i="1"/>
  <c r="V25254" i="1"/>
  <c r="V25255" i="1"/>
  <c r="V25256" i="1"/>
  <c r="V25257" i="1"/>
  <c r="V25258" i="1"/>
  <c r="V25259" i="1"/>
  <c r="V25260" i="1"/>
  <c r="V25261" i="1"/>
  <c r="V25262" i="1"/>
  <c r="V25263" i="1"/>
  <c r="V25264" i="1"/>
  <c r="V25265" i="1"/>
  <c r="V25266" i="1"/>
  <c r="V25267" i="1"/>
  <c r="V25268" i="1"/>
  <c r="V25269" i="1"/>
  <c r="V25270" i="1"/>
  <c r="V25271" i="1"/>
  <c r="V25272" i="1"/>
  <c r="V25273" i="1"/>
  <c r="V25274" i="1"/>
  <c r="V25275" i="1"/>
  <c r="V25276" i="1"/>
  <c r="V25277" i="1"/>
  <c r="V25278" i="1"/>
  <c r="V25279" i="1"/>
  <c r="V25280" i="1"/>
  <c r="V25281" i="1"/>
  <c r="V25282" i="1"/>
  <c r="V25283" i="1"/>
  <c r="V25284" i="1"/>
  <c r="V25285" i="1"/>
  <c r="V25286" i="1"/>
  <c r="V25287" i="1"/>
  <c r="V25288" i="1"/>
  <c r="V25289" i="1"/>
  <c r="V25290" i="1"/>
  <c r="V25291" i="1"/>
  <c r="V25292" i="1"/>
  <c r="V25293" i="1"/>
  <c r="V25294" i="1"/>
  <c r="V25295" i="1"/>
  <c r="V25296" i="1"/>
  <c r="V25297" i="1"/>
  <c r="V25298" i="1"/>
  <c r="V25299" i="1"/>
  <c r="V25300" i="1"/>
  <c r="V25301" i="1"/>
  <c r="V25302" i="1"/>
  <c r="V25303" i="1"/>
  <c r="V25304" i="1"/>
  <c r="V25305" i="1"/>
  <c r="V25306" i="1"/>
  <c r="V25307" i="1"/>
  <c r="V25308" i="1"/>
  <c r="V25309" i="1"/>
  <c r="V25310" i="1"/>
  <c r="V25311" i="1"/>
  <c r="V25312" i="1"/>
  <c r="V25313" i="1"/>
  <c r="V25314" i="1"/>
  <c r="V25315" i="1"/>
  <c r="V25316" i="1"/>
  <c r="V25317" i="1"/>
  <c r="V25318" i="1"/>
  <c r="V25319" i="1"/>
  <c r="V25320" i="1"/>
  <c r="V25321" i="1"/>
  <c r="V25322" i="1"/>
  <c r="V25323" i="1"/>
  <c r="V25324" i="1"/>
  <c r="V25325" i="1"/>
  <c r="V25326" i="1"/>
  <c r="V25327" i="1"/>
  <c r="V25328" i="1"/>
  <c r="V25329" i="1"/>
  <c r="V25330" i="1"/>
  <c r="V25331" i="1"/>
  <c r="V25332" i="1"/>
  <c r="V25333" i="1"/>
  <c r="V25334" i="1"/>
  <c r="V25335" i="1"/>
  <c r="V25336" i="1"/>
  <c r="V25337" i="1"/>
  <c r="V25338" i="1"/>
  <c r="V25339" i="1"/>
  <c r="V25340" i="1"/>
  <c r="V25341" i="1"/>
  <c r="V25342" i="1"/>
  <c r="V25343" i="1"/>
  <c r="V25344" i="1"/>
  <c r="V25345" i="1"/>
  <c r="V25346" i="1"/>
  <c r="V25347" i="1"/>
  <c r="V25348" i="1"/>
  <c r="V25349" i="1"/>
  <c r="V25350" i="1"/>
  <c r="V25351" i="1"/>
  <c r="V25352" i="1"/>
  <c r="V25353" i="1"/>
  <c r="V25354" i="1"/>
  <c r="V25355" i="1"/>
  <c r="V25356" i="1"/>
  <c r="V25357" i="1"/>
  <c r="V25358" i="1"/>
  <c r="V25359" i="1"/>
  <c r="V25360" i="1"/>
  <c r="V25361" i="1"/>
  <c r="V25362" i="1"/>
  <c r="V25363" i="1"/>
  <c r="V25364" i="1"/>
  <c r="V25365" i="1"/>
  <c r="V25366" i="1"/>
  <c r="V25367" i="1"/>
  <c r="V25368" i="1"/>
  <c r="V25369" i="1"/>
  <c r="V25370" i="1"/>
  <c r="V25371" i="1"/>
  <c r="V25372" i="1"/>
  <c r="V25373" i="1"/>
  <c r="V25374" i="1"/>
  <c r="V25375" i="1"/>
  <c r="V25376" i="1"/>
  <c r="V25377" i="1"/>
  <c r="V25378" i="1"/>
  <c r="V25379" i="1"/>
  <c r="V25380" i="1"/>
  <c r="V25381" i="1"/>
  <c r="V25382" i="1"/>
  <c r="V25383" i="1"/>
  <c r="V25384" i="1"/>
  <c r="V25385" i="1"/>
  <c r="V25386" i="1"/>
  <c r="V25387" i="1"/>
  <c r="V25388" i="1"/>
  <c r="V25389" i="1"/>
  <c r="V25390" i="1"/>
  <c r="V25391" i="1"/>
  <c r="V25392" i="1"/>
  <c r="V25393" i="1"/>
  <c r="V25394" i="1"/>
  <c r="V25395" i="1"/>
  <c r="V25396" i="1"/>
  <c r="V25397" i="1"/>
  <c r="V25398" i="1"/>
  <c r="V25399" i="1"/>
  <c r="V25400" i="1"/>
  <c r="V25401" i="1"/>
  <c r="V25402" i="1"/>
  <c r="V25403" i="1"/>
  <c r="V25404" i="1"/>
  <c r="V25405" i="1"/>
  <c r="V25406" i="1"/>
  <c r="V25407" i="1"/>
  <c r="V25408" i="1"/>
  <c r="V25409" i="1"/>
  <c r="V25410" i="1"/>
  <c r="V25411" i="1"/>
  <c r="V25412" i="1"/>
  <c r="V25413" i="1"/>
  <c r="V25414" i="1"/>
  <c r="V25415" i="1"/>
  <c r="V25416" i="1"/>
  <c r="V25417" i="1"/>
  <c r="V25418" i="1"/>
  <c r="V25419" i="1"/>
  <c r="V25420" i="1"/>
  <c r="V25421" i="1"/>
  <c r="V25422" i="1"/>
  <c r="V25423" i="1"/>
  <c r="V25424" i="1"/>
  <c r="V25425" i="1"/>
  <c r="V25426" i="1"/>
  <c r="V25427" i="1"/>
  <c r="V25428" i="1"/>
  <c r="V25429" i="1"/>
  <c r="V25430" i="1"/>
  <c r="V25431" i="1"/>
  <c r="V25432" i="1"/>
  <c r="V25433" i="1"/>
  <c r="V25434" i="1"/>
  <c r="V25435" i="1"/>
  <c r="V25436" i="1"/>
  <c r="V25437" i="1"/>
  <c r="V25438" i="1"/>
  <c r="V25439" i="1"/>
  <c r="V25440" i="1"/>
  <c r="V25441" i="1"/>
  <c r="V25442" i="1"/>
  <c r="V25443" i="1"/>
  <c r="V25444" i="1"/>
  <c r="V25445" i="1"/>
  <c r="V25446" i="1"/>
  <c r="V25447" i="1"/>
  <c r="V25448" i="1"/>
  <c r="V25449" i="1"/>
  <c r="V25450" i="1"/>
  <c r="V25451" i="1"/>
  <c r="V25452" i="1"/>
  <c r="V25453" i="1"/>
  <c r="V25454" i="1"/>
  <c r="V25455" i="1"/>
  <c r="V25456" i="1"/>
  <c r="V25457" i="1"/>
  <c r="V25458" i="1"/>
  <c r="V25459" i="1"/>
  <c r="V25460" i="1"/>
  <c r="V25461" i="1"/>
  <c r="V25462" i="1"/>
  <c r="V25463" i="1"/>
  <c r="V25464" i="1"/>
  <c r="V25465" i="1"/>
  <c r="V25466" i="1"/>
  <c r="V25467" i="1"/>
  <c r="V25468" i="1"/>
  <c r="V25469" i="1"/>
  <c r="V25470" i="1"/>
  <c r="V25471" i="1"/>
  <c r="V25472" i="1"/>
  <c r="V25473" i="1"/>
  <c r="V25474" i="1"/>
  <c r="V25475" i="1"/>
  <c r="V25476" i="1"/>
  <c r="V25477" i="1"/>
  <c r="V25478" i="1"/>
  <c r="V25479" i="1"/>
  <c r="V25480" i="1"/>
  <c r="V25481" i="1"/>
  <c r="V25482" i="1"/>
  <c r="V25483" i="1"/>
  <c r="V25484" i="1"/>
  <c r="V25485" i="1"/>
  <c r="V25486" i="1"/>
  <c r="V25487" i="1"/>
  <c r="V25488" i="1"/>
  <c r="V25489" i="1"/>
  <c r="V25490" i="1"/>
  <c r="V25491" i="1"/>
  <c r="V25492" i="1"/>
  <c r="V25493" i="1"/>
  <c r="V25494" i="1"/>
  <c r="V25495" i="1"/>
  <c r="V25496" i="1"/>
  <c r="V25497" i="1"/>
  <c r="V25498" i="1"/>
  <c r="V25499" i="1"/>
  <c r="V25500" i="1"/>
  <c r="V25501" i="1"/>
  <c r="V25502" i="1"/>
  <c r="V25503" i="1"/>
  <c r="V25504" i="1"/>
  <c r="V25505" i="1"/>
  <c r="V25506" i="1"/>
  <c r="V25507" i="1"/>
  <c r="V25508" i="1"/>
  <c r="V25509" i="1"/>
  <c r="V25510" i="1"/>
  <c r="V25511" i="1"/>
  <c r="V25512" i="1"/>
  <c r="V25513" i="1"/>
  <c r="V25514" i="1"/>
  <c r="V25515" i="1"/>
  <c r="V25516" i="1"/>
  <c r="V25517" i="1"/>
  <c r="V25518" i="1"/>
  <c r="V25519" i="1"/>
  <c r="V25520" i="1"/>
  <c r="V25521" i="1"/>
  <c r="V25522" i="1"/>
  <c r="V25523" i="1"/>
  <c r="V25524" i="1"/>
  <c r="V25525" i="1"/>
  <c r="V25526" i="1"/>
  <c r="V25527" i="1"/>
  <c r="V25528" i="1"/>
  <c r="V25529" i="1"/>
  <c r="V25530" i="1"/>
  <c r="V25531" i="1"/>
  <c r="V25532" i="1"/>
  <c r="V25533" i="1"/>
  <c r="V25534" i="1"/>
  <c r="V25535" i="1"/>
  <c r="V25536" i="1"/>
  <c r="V25537" i="1"/>
  <c r="V25538" i="1"/>
  <c r="V25539" i="1"/>
  <c r="V25540" i="1"/>
  <c r="V25541" i="1"/>
  <c r="V25542" i="1"/>
  <c r="V25543" i="1"/>
  <c r="V25544" i="1"/>
  <c r="V25545" i="1"/>
  <c r="V25546" i="1"/>
  <c r="V25547" i="1"/>
  <c r="V25548" i="1"/>
  <c r="V25549" i="1"/>
  <c r="V25550" i="1"/>
  <c r="V25551" i="1"/>
  <c r="V25552" i="1"/>
  <c r="V25553" i="1"/>
  <c r="V25554" i="1"/>
  <c r="V25555" i="1"/>
  <c r="V25556" i="1"/>
  <c r="V25557" i="1"/>
  <c r="V25558" i="1"/>
  <c r="V25559" i="1"/>
  <c r="V25560" i="1"/>
  <c r="V25561" i="1"/>
  <c r="V25562" i="1"/>
  <c r="V25563" i="1"/>
  <c r="V25564" i="1"/>
  <c r="V25565" i="1"/>
  <c r="V25566" i="1"/>
  <c r="V25567" i="1"/>
  <c r="V25568" i="1"/>
  <c r="V25569" i="1"/>
  <c r="V25570" i="1"/>
  <c r="V25571" i="1"/>
  <c r="V25572" i="1"/>
  <c r="V25573" i="1"/>
  <c r="V25574" i="1"/>
  <c r="V25575" i="1"/>
  <c r="V25576" i="1"/>
  <c r="V25577" i="1"/>
  <c r="V25578" i="1"/>
  <c r="V25579" i="1"/>
  <c r="V25580" i="1"/>
  <c r="V25581" i="1"/>
  <c r="V25582" i="1"/>
  <c r="V25583" i="1"/>
  <c r="V25584" i="1"/>
  <c r="V25585" i="1"/>
  <c r="V25586" i="1"/>
  <c r="V25587" i="1"/>
  <c r="V25588" i="1"/>
  <c r="V25589" i="1"/>
  <c r="V25590" i="1"/>
  <c r="V25591" i="1"/>
  <c r="V25592" i="1"/>
  <c r="V25593" i="1"/>
  <c r="V25594" i="1"/>
  <c r="V25595" i="1"/>
  <c r="V25596" i="1"/>
  <c r="V25597" i="1"/>
  <c r="V25598" i="1"/>
  <c r="V25599" i="1"/>
  <c r="V25600" i="1"/>
  <c r="V25601" i="1"/>
  <c r="V25602" i="1"/>
  <c r="V25603" i="1"/>
  <c r="V25604" i="1"/>
  <c r="V25605" i="1"/>
  <c r="V25606" i="1"/>
  <c r="V25607" i="1"/>
  <c r="V25608" i="1"/>
  <c r="V25609" i="1"/>
  <c r="V25610" i="1"/>
  <c r="V25611" i="1"/>
  <c r="V25612" i="1"/>
  <c r="V25613" i="1"/>
  <c r="V25614" i="1"/>
  <c r="V25615" i="1"/>
  <c r="V25616" i="1"/>
  <c r="V25617" i="1"/>
  <c r="V25618" i="1"/>
  <c r="V25619" i="1"/>
  <c r="V25620" i="1"/>
  <c r="V25621" i="1"/>
  <c r="V25622" i="1"/>
  <c r="V25623" i="1"/>
  <c r="V25624" i="1"/>
  <c r="V25625" i="1"/>
  <c r="V25626" i="1"/>
  <c r="V25627" i="1"/>
  <c r="V25628" i="1"/>
  <c r="V25629" i="1"/>
  <c r="V25630" i="1"/>
  <c r="V25631" i="1"/>
  <c r="V25632" i="1"/>
  <c r="V25633" i="1"/>
  <c r="V25634" i="1"/>
  <c r="V25635" i="1"/>
  <c r="V25636" i="1"/>
  <c r="V25637" i="1"/>
  <c r="V25638" i="1"/>
  <c r="V25639" i="1"/>
  <c r="V25640" i="1"/>
  <c r="V25641" i="1"/>
  <c r="V25642" i="1"/>
  <c r="V25643" i="1"/>
  <c r="V25644" i="1"/>
  <c r="V25645" i="1"/>
  <c r="V25646" i="1"/>
  <c r="V25647" i="1"/>
  <c r="V25648" i="1"/>
  <c r="V25649" i="1"/>
  <c r="V25650" i="1"/>
  <c r="V25651" i="1"/>
  <c r="V25652" i="1"/>
  <c r="V25653" i="1"/>
  <c r="V25654" i="1"/>
  <c r="V25655" i="1"/>
  <c r="V25656" i="1"/>
  <c r="V25657" i="1"/>
  <c r="V25658" i="1"/>
  <c r="V25659" i="1"/>
  <c r="V25660" i="1"/>
  <c r="V25661" i="1"/>
  <c r="V25662" i="1"/>
  <c r="V25663" i="1"/>
  <c r="V25664" i="1"/>
  <c r="V25665" i="1"/>
  <c r="V25666" i="1"/>
  <c r="V25667" i="1"/>
  <c r="V25668" i="1"/>
  <c r="V25669" i="1"/>
  <c r="V25670" i="1"/>
  <c r="V25671" i="1"/>
  <c r="V25672" i="1"/>
  <c r="V25673" i="1"/>
  <c r="V25674" i="1"/>
  <c r="V25675" i="1"/>
  <c r="V25676" i="1"/>
  <c r="V25677" i="1"/>
  <c r="V25678" i="1"/>
  <c r="V25679" i="1"/>
  <c r="V25680" i="1"/>
  <c r="V25681" i="1"/>
  <c r="V25682" i="1"/>
  <c r="V25683" i="1"/>
  <c r="V25684" i="1"/>
  <c r="V25685" i="1"/>
  <c r="V25686" i="1"/>
  <c r="V25687" i="1"/>
  <c r="V25688" i="1"/>
  <c r="V25689" i="1"/>
  <c r="V25690" i="1"/>
  <c r="V25691" i="1"/>
  <c r="V25692" i="1"/>
  <c r="V25693" i="1"/>
  <c r="V25694" i="1"/>
  <c r="V25695" i="1"/>
  <c r="V25696" i="1"/>
  <c r="V25697" i="1"/>
  <c r="V25698" i="1"/>
  <c r="V25699" i="1"/>
  <c r="V25700" i="1"/>
  <c r="V25701" i="1"/>
  <c r="V25702" i="1"/>
  <c r="V25703" i="1"/>
  <c r="V25704" i="1"/>
  <c r="V25705" i="1"/>
  <c r="V25706" i="1"/>
  <c r="V25707" i="1"/>
  <c r="V25708" i="1"/>
  <c r="V25709" i="1"/>
  <c r="V25710" i="1"/>
  <c r="V25711" i="1"/>
  <c r="V25712" i="1"/>
  <c r="V25713" i="1"/>
  <c r="V25714" i="1"/>
  <c r="V25715" i="1"/>
  <c r="V25716" i="1"/>
  <c r="V25717" i="1"/>
  <c r="V25718" i="1"/>
  <c r="V25719" i="1"/>
  <c r="V25720" i="1"/>
  <c r="V25721" i="1"/>
  <c r="V25722" i="1"/>
  <c r="V25723" i="1"/>
  <c r="V25724" i="1"/>
  <c r="V25725" i="1"/>
  <c r="V25726" i="1"/>
  <c r="V25727" i="1"/>
  <c r="V25728" i="1"/>
  <c r="V25729" i="1"/>
  <c r="V25730" i="1"/>
  <c r="V25731" i="1"/>
  <c r="V25732" i="1"/>
  <c r="V25733" i="1"/>
  <c r="V25734" i="1"/>
  <c r="V25735" i="1"/>
  <c r="V25736" i="1"/>
  <c r="V25737" i="1"/>
  <c r="V25738" i="1"/>
  <c r="V25739" i="1"/>
  <c r="V25740" i="1"/>
  <c r="V25741" i="1"/>
  <c r="V25742" i="1"/>
  <c r="V25743" i="1"/>
  <c r="V25744" i="1"/>
  <c r="V25745" i="1"/>
  <c r="V25746" i="1"/>
  <c r="V25747" i="1"/>
  <c r="V25748" i="1"/>
  <c r="V25749" i="1"/>
  <c r="V25750" i="1"/>
  <c r="V25751" i="1"/>
  <c r="V25752" i="1"/>
  <c r="V25753" i="1"/>
  <c r="V25754" i="1"/>
  <c r="V25755" i="1"/>
  <c r="V25756" i="1"/>
  <c r="V25757" i="1"/>
  <c r="V25758" i="1"/>
  <c r="V25759" i="1"/>
  <c r="V25760" i="1"/>
  <c r="V25761" i="1"/>
  <c r="V25762" i="1"/>
  <c r="V25763" i="1"/>
  <c r="V25764" i="1"/>
  <c r="V25765" i="1"/>
  <c r="V25766" i="1"/>
  <c r="V25767" i="1"/>
  <c r="V25768" i="1"/>
  <c r="V25769" i="1"/>
  <c r="V25770" i="1"/>
  <c r="V25771" i="1"/>
  <c r="V25772" i="1"/>
  <c r="V25773" i="1"/>
  <c r="V25774" i="1"/>
  <c r="V25775" i="1"/>
  <c r="V25776" i="1"/>
  <c r="V25777" i="1"/>
  <c r="V25778" i="1"/>
  <c r="V25779" i="1"/>
  <c r="V25780" i="1"/>
  <c r="V25781" i="1"/>
  <c r="V25782" i="1"/>
  <c r="V25783" i="1"/>
  <c r="V25784" i="1"/>
  <c r="V25785" i="1"/>
  <c r="V25786" i="1"/>
  <c r="V25787" i="1"/>
  <c r="V25788" i="1"/>
  <c r="V25789" i="1"/>
  <c r="V25790" i="1"/>
  <c r="V25791" i="1"/>
  <c r="V25792" i="1"/>
  <c r="V25793" i="1"/>
  <c r="V25794" i="1"/>
  <c r="V25795" i="1"/>
  <c r="V25796" i="1"/>
  <c r="V25797" i="1"/>
  <c r="V25798" i="1"/>
  <c r="V25799" i="1"/>
  <c r="V25800" i="1"/>
  <c r="V25801" i="1"/>
  <c r="V25802" i="1"/>
  <c r="V25803" i="1"/>
  <c r="V25804" i="1"/>
  <c r="V25805" i="1"/>
  <c r="V25806" i="1"/>
  <c r="V25807" i="1"/>
  <c r="V25808" i="1"/>
  <c r="V25809" i="1"/>
  <c r="V25810" i="1"/>
  <c r="V25811" i="1"/>
  <c r="V25812" i="1"/>
  <c r="V25813" i="1"/>
  <c r="V25814" i="1"/>
  <c r="V25815" i="1"/>
  <c r="V25816" i="1"/>
  <c r="V25817" i="1"/>
  <c r="V25818" i="1"/>
  <c r="V25819" i="1"/>
  <c r="V25820" i="1"/>
  <c r="V25821" i="1"/>
  <c r="V25822" i="1"/>
  <c r="V25823" i="1"/>
  <c r="V25824" i="1"/>
  <c r="V25825" i="1"/>
  <c r="V25826" i="1"/>
  <c r="V25827" i="1"/>
  <c r="V25828" i="1"/>
  <c r="V25829" i="1"/>
  <c r="V25830" i="1"/>
  <c r="V25831" i="1"/>
  <c r="V25832" i="1"/>
  <c r="V25833" i="1"/>
  <c r="V25834" i="1"/>
  <c r="V25835" i="1"/>
  <c r="V25836" i="1"/>
  <c r="V25837" i="1"/>
  <c r="V25838" i="1"/>
  <c r="V25839" i="1"/>
  <c r="V25840" i="1"/>
  <c r="V25841" i="1"/>
  <c r="V25842" i="1"/>
  <c r="V25843" i="1"/>
  <c r="V25844" i="1"/>
  <c r="V25845" i="1"/>
  <c r="V25846" i="1"/>
  <c r="V25847" i="1"/>
  <c r="V25848" i="1"/>
  <c r="V25849" i="1"/>
  <c r="V25850" i="1"/>
  <c r="V25851" i="1"/>
  <c r="V25852" i="1"/>
  <c r="V25853" i="1"/>
  <c r="V25854" i="1"/>
  <c r="V25855" i="1"/>
  <c r="V25856" i="1"/>
  <c r="V25857" i="1"/>
  <c r="V25858" i="1"/>
  <c r="V25859" i="1"/>
  <c r="V25860" i="1"/>
  <c r="V25861" i="1"/>
  <c r="V25862" i="1"/>
  <c r="V25863" i="1"/>
  <c r="V25864" i="1"/>
  <c r="V25865" i="1"/>
  <c r="V25866" i="1"/>
  <c r="V25867" i="1"/>
  <c r="V25868" i="1"/>
  <c r="V25869" i="1"/>
  <c r="V25870" i="1"/>
  <c r="V25871" i="1"/>
  <c r="V25872" i="1"/>
  <c r="V25873" i="1"/>
  <c r="V25874" i="1"/>
  <c r="V25875" i="1"/>
  <c r="V25876" i="1"/>
  <c r="V25877" i="1"/>
  <c r="V25878" i="1"/>
  <c r="V25879" i="1"/>
  <c r="V25880" i="1"/>
  <c r="V25881" i="1"/>
  <c r="V25882" i="1"/>
  <c r="V25883" i="1"/>
  <c r="V25884" i="1"/>
  <c r="V25885" i="1"/>
  <c r="V25886" i="1"/>
  <c r="V25887" i="1"/>
  <c r="V25888" i="1"/>
  <c r="V25889" i="1"/>
  <c r="V25890" i="1"/>
  <c r="V25891" i="1"/>
  <c r="V25892" i="1"/>
  <c r="V25893" i="1"/>
  <c r="V25894" i="1"/>
  <c r="V25895" i="1"/>
  <c r="V25896" i="1"/>
  <c r="V25897" i="1"/>
  <c r="V25898" i="1"/>
  <c r="V25899" i="1"/>
  <c r="V25900" i="1"/>
  <c r="V25901" i="1"/>
  <c r="V25902" i="1"/>
  <c r="V25903" i="1"/>
  <c r="V25904" i="1"/>
  <c r="V25905" i="1"/>
  <c r="V25906" i="1"/>
  <c r="V25907" i="1"/>
  <c r="V25908" i="1"/>
  <c r="V25909" i="1"/>
  <c r="V25910" i="1"/>
  <c r="V25911" i="1"/>
  <c r="V25912" i="1"/>
  <c r="V25913" i="1"/>
  <c r="V25914" i="1"/>
  <c r="V25915" i="1"/>
  <c r="V25916" i="1"/>
  <c r="V25917" i="1"/>
  <c r="V25918" i="1"/>
  <c r="V25919" i="1"/>
  <c r="V25920" i="1"/>
  <c r="V25921" i="1"/>
  <c r="V25922" i="1"/>
  <c r="V25923" i="1"/>
  <c r="V25924" i="1"/>
  <c r="V25925" i="1"/>
  <c r="V25926" i="1"/>
  <c r="V25927" i="1"/>
  <c r="V25928" i="1"/>
  <c r="V25929" i="1"/>
  <c r="V25930" i="1"/>
  <c r="V25931" i="1"/>
  <c r="V25932" i="1"/>
  <c r="V25933" i="1"/>
  <c r="V25934" i="1"/>
  <c r="V25935" i="1"/>
  <c r="V25936" i="1"/>
  <c r="V25937" i="1"/>
  <c r="V25938" i="1"/>
  <c r="V25939" i="1"/>
  <c r="V25940" i="1"/>
  <c r="V25941" i="1"/>
  <c r="V25942" i="1"/>
  <c r="V25943" i="1"/>
  <c r="V25944" i="1"/>
  <c r="V25945" i="1"/>
  <c r="V25946" i="1"/>
  <c r="V25947" i="1"/>
  <c r="V25948" i="1"/>
  <c r="V25949" i="1"/>
  <c r="V25950" i="1"/>
  <c r="V25951" i="1"/>
  <c r="V25952" i="1"/>
  <c r="V25953" i="1"/>
  <c r="V25954" i="1"/>
  <c r="V25955" i="1"/>
  <c r="V25956" i="1"/>
  <c r="V25957" i="1"/>
  <c r="V25958" i="1"/>
  <c r="V25959" i="1"/>
  <c r="V25960" i="1"/>
  <c r="V25961" i="1"/>
  <c r="V25962" i="1"/>
  <c r="V25963" i="1"/>
  <c r="V25964" i="1"/>
  <c r="V25965" i="1"/>
  <c r="V25966" i="1"/>
  <c r="V25967" i="1"/>
  <c r="V25968" i="1"/>
  <c r="V25969" i="1"/>
  <c r="V25970" i="1"/>
  <c r="V25971" i="1"/>
  <c r="V25972" i="1"/>
  <c r="V25973" i="1"/>
  <c r="V25974" i="1"/>
  <c r="V25975" i="1"/>
  <c r="V25976" i="1"/>
  <c r="V25977" i="1"/>
  <c r="V25978" i="1"/>
  <c r="V25979" i="1"/>
  <c r="V25980" i="1"/>
  <c r="V25981" i="1"/>
  <c r="V25982" i="1"/>
  <c r="V25983" i="1"/>
  <c r="V25984" i="1"/>
  <c r="V25985" i="1"/>
  <c r="V25986" i="1"/>
  <c r="V25987" i="1"/>
  <c r="V25988" i="1"/>
  <c r="V25989" i="1"/>
  <c r="V25990" i="1"/>
  <c r="V25991" i="1"/>
  <c r="V25992" i="1"/>
  <c r="V25993" i="1"/>
  <c r="V25994" i="1"/>
  <c r="V25995" i="1"/>
  <c r="V25996" i="1"/>
  <c r="V25997" i="1"/>
  <c r="V25998" i="1"/>
  <c r="V25999" i="1"/>
  <c r="V26000" i="1"/>
  <c r="V26001" i="1"/>
  <c r="V26002" i="1"/>
  <c r="V26003" i="1"/>
  <c r="V26004" i="1"/>
  <c r="V26005" i="1"/>
  <c r="V26006" i="1"/>
  <c r="V26007" i="1"/>
  <c r="V26008" i="1"/>
  <c r="V26009" i="1"/>
  <c r="V26010" i="1"/>
  <c r="V26011" i="1"/>
  <c r="V26012" i="1"/>
  <c r="V26013" i="1"/>
  <c r="V26014" i="1"/>
  <c r="V26015" i="1"/>
  <c r="V26016" i="1"/>
  <c r="V26017" i="1"/>
  <c r="V26018" i="1"/>
  <c r="V26019" i="1"/>
  <c r="V26020" i="1"/>
  <c r="V26021" i="1"/>
  <c r="V26022" i="1"/>
  <c r="V26023" i="1"/>
  <c r="V26024" i="1"/>
  <c r="V26025" i="1"/>
  <c r="V26026" i="1"/>
  <c r="V26027" i="1"/>
  <c r="V26028" i="1"/>
  <c r="V26029" i="1"/>
  <c r="V26030" i="1"/>
  <c r="V26031" i="1"/>
  <c r="V26032" i="1"/>
  <c r="V26033" i="1"/>
  <c r="V26034" i="1"/>
  <c r="V26035" i="1"/>
  <c r="V26036" i="1"/>
  <c r="V26037" i="1"/>
  <c r="V26038" i="1"/>
  <c r="V26039" i="1"/>
  <c r="V26040" i="1"/>
  <c r="V26041" i="1"/>
  <c r="V26042" i="1"/>
  <c r="V26043" i="1"/>
  <c r="V26044" i="1"/>
  <c r="V26045" i="1"/>
  <c r="V26046" i="1"/>
  <c r="V26047" i="1"/>
  <c r="V26048" i="1"/>
  <c r="V26049" i="1"/>
  <c r="V26050" i="1"/>
  <c r="V26051" i="1"/>
  <c r="V26052" i="1"/>
  <c r="V26053" i="1"/>
  <c r="V26054" i="1"/>
  <c r="V26055" i="1"/>
  <c r="V26056" i="1"/>
  <c r="V26057" i="1"/>
  <c r="V26058" i="1"/>
  <c r="V26059" i="1"/>
  <c r="V26060" i="1"/>
  <c r="V26061" i="1"/>
  <c r="V26062" i="1"/>
  <c r="V26063" i="1"/>
  <c r="V26064" i="1"/>
  <c r="V26065" i="1"/>
  <c r="V26066" i="1"/>
  <c r="V26067" i="1"/>
  <c r="V26068" i="1"/>
  <c r="V26069" i="1"/>
  <c r="V26070" i="1"/>
  <c r="V26071" i="1"/>
  <c r="V26072" i="1"/>
  <c r="V26073" i="1"/>
  <c r="V26074" i="1"/>
  <c r="V26075" i="1"/>
  <c r="V26076" i="1"/>
  <c r="V26077" i="1"/>
  <c r="V26078" i="1"/>
  <c r="V26079" i="1"/>
  <c r="V26080" i="1"/>
  <c r="V26081" i="1"/>
  <c r="V26082" i="1"/>
  <c r="V26083" i="1"/>
  <c r="V26084" i="1"/>
  <c r="V26085" i="1"/>
  <c r="V26086" i="1"/>
  <c r="V26087" i="1"/>
  <c r="V26088" i="1"/>
  <c r="V26089" i="1"/>
  <c r="V26090" i="1"/>
  <c r="V26091" i="1"/>
  <c r="V26092" i="1"/>
  <c r="V26093" i="1"/>
  <c r="V26094" i="1"/>
  <c r="V26095" i="1"/>
  <c r="V26096" i="1"/>
  <c r="V26097" i="1"/>
  <c r="V26098" i="1"/>
  <c r="V26099" i="1"/>
  <c r="V26100" i="1"/>
  <c r="V26101" i="1"/>
  <c r="V26102" i="1"/>
  <c r="V26103" i="1"/>
  <c r="V26104" i="1"/>
  <c r="V26105" i="1"/>
  <c r="V26106" i="1"/>
  <c r="V26107" i="1"/>
  <c r="V26108" i="1"/>
  <c r="V26109" i="1"/>
  <c r="V26110" i="1"/>
  <c r="V26111" i="1"/>
  <c r="V26112" i="1"/>
  <c r="V26113" i="1"/>
  <c r="V26114" i="1"/>
  <c r="V26115" i="1"/>
  <c r="V26116" i="1"/>
  <c r="V26117" i="1"/>
  <c r="V26118" i="1"/>
  <c r="V26119" i="1"/>
  <c r="V26120" i="1"/>
  <c r="V26121" i="1"/>
  <c r="V26122" i="1"/>
  <c r="V26123" i="1"/>
  <c r="V26124" i="1"/>
  <c r="V26125" i="1"/>
  <c r="V26126" i="1"/>
  <c r="V26127" i="1"/>
  <c r="V26128" i="1"/>
  <c r="V26129" i="1"/>
  <c r="V26130" i="1"/>
  <c r="V26131" i="1"/>
  <c r="V26132" i="1"/>
  <c r="V26133" i="1"/>
  <c r="V26134" i="1"/>
  <c r="V26135" i="1"/>
  <c r="V26136" i="1"/>
  <c r="V26137" i="1"/>
  <c r="V26138" i="1"/>
  <c r="V26139" i="1"/>
  <c r="V26140" i="1"/>
  <c r="V26141" i="1"/>
  <c r="V26142" i="1"/>
  <c r="V26143" i="1"/>
  <c r="V26144" i="1"/>
  <c r="V26145" i="1"/>
  <c r="V26146" i="1"/>
  <c r="V26147" i="1"/>
  <c r="V26148" i="1"/>
  <c r="V26149" i="1"/>
  <c r="V26150" i="1"/>
  <c r="V26151" i="1"/>
  <c r="V26152" i="1"/>
  <c r="V26153" i="1"/>
  <c r="V26154" i="1"/>
  <c r="V26155" i="1"/>
  <c r="V26156" i="1"/>
  <c r="V26157" i="1"/>
  <c r="V26158" i="1"/>
  <c r="V26159" i="1"/>
  <c r="V26160" i="1"/>
  <c r="V26161" i="1"/>
  <c r="V26162" i="1"/>
  <c r="V26163" i="1"/>
  <c r="V26164" i="1"/>
  <c r="V26165" i="1"/>
  <c r="V26166" i="1"/>
  <c r="V26167" i="1"/>
  <c r="V26168" i="1"/>
  <c r="V26169" i="1"/>
  <c r="V26170" i="1"/>
  <c r="V26171" i="1"/>
  <c r="V26172" i="1"/>
  <c r="V26173" i="1"/>
  <c r="V26174" i="1"/>
  <c r="V26175" i="1"/>
  <c r="V26176" i="1"/>
  <c r="V26177" i="1"/>
  <c r="V26178" i="1"/>
  <c r="V26179" i="1"/>
  <c r="V26180" i="1"/>
  <c r="V26181" i="1"/>
  <c r="V26182" i="1"/>
  <c r="V26183" i="1"/>
  <c r="V26184" i="1"/>
  <c r="V26185" i="1"/>
  <c r="V26186" i="1"/>
  <c r="V26187" i="1"/>
  <c r="V26188" i="1"/>
  <c r="V26189" i="1"/>
  <c r="V26190" i="1"/>
  <c r="V26191" i="1"/>
  <c r="V26192" i="1"/>
  <c r="V26193" i="1"/>
  <c r="V26194" i="1"/>
  <c r="V26195" i="1"/>
  <c r="V26196" i="1"/>
  <c r="V26197" i="1"/>
  <c r="V26198" i="1"/>
  <c r="V26199" i="1"/>
  <c r="V26200" i="1"/>
  <c r="V26201" i="1"/>
  <c r="V26202" i="1"/>
  <c r="V26203" i="1"/>
  <c r="V26204" i="1"/>
  <c r="V26205" i="1"/>
  <c r="V26206" i="1"/>
  <c r="V26207" i="1"/>
  <c r="V26208" i="1"/>
  <c r="V26209" i="1"/>
  <c r="V26210" i="1"/>
  <c r="V26211" i="1"/>
  <c r="V26212" i="1"/>
  <c r="V26213" i="1"/>
  <c r="V26214" i="1"/>
  <c r="V26215" i="1"/>
  <c r="V26216" i="1"/>
  <c r="V26217" i="1"/>
  <c r="V26218" i="1"/>
  <c r="V26219" i="1"/>
  <c r="V26220" i="1"/>
  <c r="V26221" i="1"/>
  <c r="V26222" i="1"/>
  <c r="V26223" i="1"/>
  <c r="V26224" i="1"/>
  <c r="V26225" i="1"/>
  <c r="V26226" i="1"/>
  <c r="V26227" i="1"/>
  <c r="V26228" i="1"/>
  <c r="V26229" i="1"/>
  <c r="V26230" i="1"/>
  <c r="V26231" i="1"/>
  <c r="V26232" i="1"/>
  <c r="V26233" i="1"/>
  <c r="V26234" i="1"/>
  <c r="V26235" i="1"/>
  <c r="V26236" i="1"/>
  <c r="V26237" i="1"/>
  <c r="V26238" i="1"/>
  <c r="V26239" i="1"/>
  <c r="V26240" i="1"/>
  <c r="V26241" i="1"/>
  <c r="V26242" i="1"/>
  <c r="V26243" i="1"/>
  <c r="V26244" i="1"/>
  <c r="V26245" i="1"/>
  <c r="V26246" i="1"/>
  <c r="V26247" i="1"/>
  <c r="V26248" i="1"/>
  <c r="V26249" i="1"/>
  <c r="V26250" i="1"/>
  <c r="V26251" i="1"/>
  <c r="V26252" i="1"/>
  <c r="V26253" i="1"/>
  <c r="V26254" i="1"/>
  <c r="V26255" i="1"/>
  <c r="V26256" i="1"/>
  <c r="V26257" i="1"/>
  <c r="V26258" i="1"/>
  <c r="V26259" i="1"/>
  <c r="V26260" i="1"/>
  <c r="V26261" i="1"/>
  <c r="V26262" i="1"/>
  <c r="V26263" i="1"/>
  <c r="V26264" i="1"/>
  <c r="V26265" i="1"/>
  <c r="V26266" i="1"/>
  <c r="V26267" i="1"/>
  <c r="V26268" i="1"/>
  <c r="V26269" i="1"/>
  <c r="V26270" i="1"/>
  <c r="V26271" i="1"/>
  <c r="V26272" i="1"/>
  <c r="V26273" i="1"/>
  <c r="V26274" i="1"/>
  <c r="V26275" i="1"/>
  <c r="V26276" i="1"/>
  <c r="V26277" i="1"/>
  <c r="V26278" i="1"/>
  <c r="V26279" i="1"/>
  <c r="V26280" i="1"/>
  <c r="V26281" i="1"/>
  <c r="V26282" i="1"/>
  <c r="V26283" i="1"/>
  <c r="V26284" i="1"/>
  <c r="V26285" i="1"/>
  <c r="V26286" i="1"/>
  <c r="V26287" i="1"/>
  <c r="V26288" i="1"/>
  <c r="V26289" i="1"/>
  <c r="V26290" i="1"/>
  <c r="V26291" i="1"/>
  <c r="V26292" i="1"/>
  <c r="V26293" i="1"/>
  <c r="V26294" i="1"/>
  <c r="V26295" i="1"/>
  <c r="V26296" i="1"/>
  <c r="V26297" i="1"/>
  <c r="V26298" i="1"/>
  <c r="V26299" i="1"/>
  <c r="V26300" i="1"/>
  <c r="V26301" i="1"/>
  <c r="V26302" i="1"/>
  <c r="V26303" i="1"/>
  <c r="V26304" i="1"/>
  <c r="V26305" i="1"/>
  <c r="V26306" i="1"/>
  <c r="V26307" i="1"/>
  <c r="V26308" i="1"/>
  <c r="V26309" i="1"/>
  <c r="V26310" i="1"/>
  <c r="V26311" i="1"/>
  <c r="V26312" i="1"/>
  <c r="V26313" i="1"/>
  <c r="V26314" i="1"/>
  <c r="V26315" i="1"/>
  <c r="V26316" i="1"/>
  <c r="V26317" i="1"/>
  <c r="V26318" i="1"/>
  <c r="V26319" i="1"/>
  <c r="V26320" i="1"/>
  <c r="V26321" i="1"/>
  <c r="V26322" i="1"/>
  <c r="V26323" i="1"/>
  <c r="V26324" i="1"/>
  <c r="V26325" i="1"/>
  <c r="V26326" i="1"/>
  <c r="V26327" i="1"/>
  <c r="V26328" i="1"/>
  <c r="V26329" i="1"/>
  <c r="V26330" i="1"/>
  <c r="V26331" i="1"/>
  <c r="V26332" i="1"/>
  <c r="V26333" i="1"/>
  <c r="V26334" i="1"/>
  <c r="V26335" i="1"/>
  <c r="V26336" i="1"/>
  <c r="V26337" i="1"/>
  <c r="V26338" i="1"/>
  <c r="V26339" i="1"/>
  <c r="V26340" i="1"/>
  <c r="V26341" i="1"/>
  <c r="V26342" i="1"/>
  <c r="V26343" i="1"/>
  <c r="V26344" i="1"/>
  <c r="V26345" i="1"/>
  <c r="V26346" i="1"/>
  <c r="V26347" i="1"/>
  <c r="V26348" i="1"/>
  <c r="V26349" i="1"/>
  <c r="V26350" i="1"/>
  <c r="V26351" i="1"/>
  <c r="V26352" i="1"/>
  <c r="V26353" i="1"/>
  <c r="V26354" i="1"/>
  <c r="V26355" i="1"/>
  <c r="V26356" i="1"/>
  <c r="V26357" i="1"/>
  <c r="V26358" i="1"/>
  <c r="V26359" i="1"/>
  <c r="V26360" i="1"/>
  <c r="V26361" i="1"/>
  <c r="V26362" i="1"/>
  <c r="V26363" i="1"/>
  <c r="V26364" i="1"/>
  <c r="V26365" i="1"/>
  <c r="V26366" i="1"/>
  <c r="V26367" i="1"/>
  <c r="V26368" i="1"/>
  <c r="V26369" i="1"/>
  <c r="V26370" i="1"/>
  <c r="V26371" i="1"/>
  <c r="V26372" i="1"/>
  <c r="V26373" i="1"/>
  <c r="V26374" i="1"/>
  <c r="V26375" i="1"/>
  <c r="V26376" i="1"/>
  <c r="V26377" i="1"/>
  <c r="V26378" i="1"/>
  <c r="V26379" i="1"/>
  <c r="V26380" i="1"/>
  <c r="V26381" i="1"/>
  <c r="V26382" i="1"/>
  <c r="V26383" i="1"/>
  <c r="V26384" i="1"/>
  <c r="V26385" i="1"/>
  <c r="V26386" i="1"/>
  <c r="V26387" i="1"/>
  <c r="V26388" i="1"/>
  <c r="V26389" i="1"/>
  <c r="V26390" i="1"/>
  <c r="V26391" i="1"/>
  <c r="V26392" i="1"/>
  <c r="V26393" i="1"/>
  <c r="V26394" i="1"/>
  <c r="V26395" i="1"/>
  <c r="V26396" i="1"/>
  <c r="V26397" i="1"/>
  <c r="V26398" i="1"/>
  <c r="V26399" i="1"/>
  <c r="V26400" i="1"/>
  <c r="V26401" i="1"/>
  <c r="V26402" i="1"/>
  <c r="V26403" i="1"/>
  <c r="V26404" i="1"/>
  <c r="V26405" i="1"/>
  <c r="V26406" i="1"/>
  <c r="V26407" i="1"/>
  <c r="V26408" i="1"/>
  <c r="V26409" i="1"/>
  <c r="V26410" i="1"/>
  <c r="V26411" i="1"/>
  <c r="V26412" i="1"/>
  <c r="V26413" i="1"/>
  <c r="V26414" i="1"/>
  <c r="V26415" i="1"/>
  <c r="V26416" i="1"/>
  <c r="V26417" i="1"/>
  <c r="V26418" i="1"/>
  <c r="V26419" i="1"/>
  <c r="V26420" i="1"/>
  <c r="V26421" i="1"/>
  <c r="V26422" i="1"/>
  <c r="V26423" i="1"/>
  <c r="V26424" i="1"/>
  <c r="V26425" i="1"/>
  <c r="V26426" i="1"/>
  <c r="V26427" i="1"/>
  <c r="V26428" i="1"/>
  <c r="V26429" i="1"/>
  <c r="V26430" i="1"/>
  <c r="V26431" i="1"/>
  <c r="V26432" i="1"/>
  <c r="V26433" i="1"/>
  <c r="V26434" i="1"/>
  <c r="V26435" i="1"/>
  <c r="V26436" i="1"/>
  <c r="V26437" i="1"/>
  <c r="V26438" i="1"/>
  <c r="V26439" i="1"/>
  <c r="V26440" i="1"/>
  <c r="V26441" i="1"/>
  <c r="V26442" i="1"/>
  <c r="V26443" i="1"/>
  <c r="V26444" i="1"/>
  <c r="V26445" i="1"/>
  <c r="V26446" i="1"/>
  <c r="V26447" i="1"/>
  <c r="V26448" i="1"/>
  <c r="V26449" i="1"/>
  <c r="V26450" i="1"/>
  <c r="V26451" i="1"/>
  <c r="V26452" i="1"/>
  <c r="V26453" i="1"/>
  <c r="V26454" i="1"/>
  <c r="V26455" i="1"/>
  <c r="V26456" i="1"/>
  <c r="V26457" i="1"/>
  <c r="V26458" i="1"/>
  <c r="V26459" i="1"/>
  <c r="V26460" i="1"/>
  <c r="V26461" i="1"/>
  <c r="V26462" i="1"/>
  <c r="V26463" i="1"/>
  <c r="V26464" i="1"/>
  <c r="V26465" i="1"/>
  <c r="V26466" i="1"/>
  <c r="V26467" i="1"/>
  <c r="V26468" i="1"/>
  <c r="V26469" i="1"/>
  <c r="V26470" i="1"/>
  <c r="V26471" i="1"/>
  <c r="V26472" i="1"/>
  <c r="V26473" i="1"/>
  <c r="V26474" i="1"/>
  <c r="V26475" i="1"/>
  <c r="V26476" i="1"/>
  <c r="V26477" i="1"/>
  <c r="V26478" i="1"/>
  <c r="V26479" i="1"/>
  <c r="V26480" i="1"/>
  <c r="V26481" i="1"/>
  <c r="V26482" i="1"/>
  <c r="V26483" i="1"/>
  <c r="V26484" i="1"/>
  <c r="V26485" i="1"/>
  <c r="V26486" i="1"/>
  <c r="V26487" i="1"/>
  <c r="V26488" i="1"/>
  <c r="V26489" i="1"/>
  <c r="V26490" i="1"/>
  <c r="V26491" i="1"/>
  <c r="V26492" i="1"/>
  <c r="V26493" i="1"/>
  <c r="V26494" i="1"/>
  <c r="V26495" i="1"/>
  <c r="V26496" i="1"/>
  <c r="V26497" i="1"/>
  <c r="V26498" i="1"/>
  <c r="V26499" i="1"/>
  <c r="V26500" i="1"/>
  <c r="V26501" i="1"/>
  <c r="V26502" i="1"/>
  <c r="V26503" i="1"/>
  <c r="V26504" i="1"/>
  <c r="V26505" i="1"/>
  <c r="V26506" i="1"/>
  <c r="V26507" i="1"/>
  <c r="V26508" i="1"/>
  <c r="V26509" i="1"/>
  <c r="V26510" i="1"/>
  <c r="V26511" i="1"/>
  <c r="V26512" i="1"/>
  <c r="V26513" i="1"/>
  <c r="V26514" i="1"/>
  <c r="V26515" i="1"/>
  <c r="V26516" i="1"/>
  <c r="V26517" i="1"/>
  <c r="V26518" i="1"/>
  <c r="V26519" i="1"/>
  <c r="V26520" i="1"/>
  <c r="V26521" i="1"/>
  <c r="V26522" i="1"/>
  <c r="V26523" i="1"/>
  <c r="V26524" i="1"/>
  <c r="V26525" i="1"/>
  <c r="V26526" i="1"/>
  <c r="V26527" i="1"/>
  <c r="V26528" i="1"/>
  <c r="V26529" i="1"/>
  <c r="V26530" i="1"/>
  <c r="V26531" i="1"/>
  <c r="V26532" i="1"/>
  <c r="V26533" i="1"/>
  <c r="V26534" i="1"/>
  <c r="V26535" i="1"/>
  <c r="V26536" i="1"/>
  <c r="V26537" i="1"/>
  <c r="V26538" i="1"/>
  <c r="V26539" i="1"/>
  <c r="V26540" i="1"/>
  <c r="V26541" i="1"/>
  <c r="V26542" i="1"/>
  <c r="V26543" i="1"/>
  <c r="V26544" i="1"/>
  <c r="V26545" i="1"/>
  <c r="V26546" i="1"/>
  <c r="V26547" i="1"/>
  <c r="V26548" i="1"/>
  <c r="V26549" i="1"/>
  <c r="V26550" i="1"/>
  <c r="V26551" i="1"/>
  <c r="V26552" i="1"/>
  <c r="V26553" i="1"/>
  <c r="V26554" i="1"/>
  <c r="V26555" i="1"/>
  <c r="V26556" i="1"/>
  <c r="V26557" i="1"/>
  <c r="V26558" i="1"/>
  <c r="V26559" i="1"/>
  <c r="V26560" i="1"/>
  <c r="V26561" i="1"/>
  <c r="V26562" i="1"/>
  <c r="V26563" i="1"/>
  <c r="V26564" i="1"/>
  <c r="V26565" i="1"/>
  <c r="V26566" i="1"/>
  <c r="V26567" i="1"/>
  <c r="V26568" i="1"/>
  <c r="V26569" i="1"/>
  <c r="V26570" i="1"/>
  <c r="V26571" i="1"/>
  <c r="V26572" i="1"/>
  <c r="V26573" i="1"/>
  <c r="V26574" i="1"/>
  <c r="V26575" i="1"/>
  <c r="V26576" i="1"/>
  <c r="V26577" i="1"/>
  <c r="V26578" i="1"/>
  <c r="V26579" i="1"/>
  <c r="V26580" i="1"/>
  <c r="V26581" i="1"/>
  <c r="V26582" i="1"/>
  <c r="V26583" i="1"/>
  <c r="V26584" i="1"/>
  <c r="V26585" i="1"/>
  <c r="V26586" i="1"/>
  <c r="V26587" i="1"/>
  <c r="V26588" i="1"/>
  <c r="V26589" i="1"/>
  <c r="V26590" i="1"/>
  <c r="V26591" i="1"/>
  <c r="V26592" i="1"/>
  <c r="V26593" i="1"/>
  <c r="V26594" i="1"/>
  <c r="V26595" i="1"/>
  <c r="V26596" i="1"/>
  <c r="V26597" i="1"/>
  <c r="V26598" i="1"/>
  <c r="V26599" i="1"/>
  <c r="V26600" i="1"/>
  <c r="V26601" i="1"/>
  <c r="V26602" i="1"/>
  <c r="V26603" i="1"/>
  <c r="V26604" i="1"/>
  <c r="V26605" i="1"/>
  <c r="V26606" i="1"/>
  <c r="V26607" i="1"/>
  <c r="V26608" i="1"/>
  <c r="V26609" i="1"/>
  <c r="V26610" i="1"/>
  <c r="V26611" i="1"/>
  <c r="V26612" i="1"/>
  <c r="V26613" i="1"/>
  <c r="V26614" i="1"/>
  <c r="V26615" i="1"/>
  <c r="V26616" i="1"/>
  <c r="V26617" i="1"/>
  <c r="V26618" i="1"/>
  <c r="V26619" i="1"/>
  <c r="V26620" i="1"/>
  <c r="V26621" i="1"/>
  <c r="V26622" i="1"/>
  <c r="V26623" i="1"/>
  <c r="V26624" i="1"/>
  <c r="V26625" i="1"/>
  <c r="V26626" i="1"/>
  <c r="V26627" i="1"/>
  <c r="V26628" i="1"/>
  <c r="V26629" i="1"/>
  <c r="V26630" i="1"/>
  <c r="V26631" i="1"/>
  <c r="V26632" i="1"/>
  <c r="V26633" i="1"/>
  <c r="V26634" i="1"/>
  <c r="V26635" i="1"/>
  <c r="V26636" i="1"/>
  <c r="V26637" i="1"/>
  <c r="V26638" i="1"/>
  <c r="V26639" i="1"/>
  <c r="V26640" i="1"/>
  <c r="V26641" i="1"/>
  <c r="V26642" i="1"/>
  <c r="V26643" i="1"/>
  <c r="V26644" i="1"/>
  <c r="V26645" i="1"/>
  <c r="V26646" i="1"/>
  <c r="V26647" i="1"/>
  <c r="V26648" i="1"/>
  <c r="V26649" i="1"/>
  <c r="V26650" i="1"/>
  <c r="V26651" i="1"/>
  <c r="V26652" i="1"/>
  <c r="V26653" i="1"/>
  <c r="V26654" i="1"/>
  <c r="V26655" i="1"/>
  <c r="V26656" i="1"/>
  <c r="V26657" i="1"/>
  <c r="V26658" i="1"/>
  <c r="V26659" i="1"/>
  <c r="V26660" i="1"/>
  <c r="V26661" i="1"/>
  <c r="V26662" i="1"/>
  <c r="V26663" i="1"/>
  <c r="V26664" i="1"/>
  <c r="V26665" i="1"/>
  <c r="V26666" i="1"/>
  <c r="V26667" i="1"/>
  <c r="V26668" i="1"/>
  <c r="V26669" i="1"/>
  <c r="V26670" i="1"/>
  <c r="V26671" i="1"/>
  <c r="V26672" i="1"/>
  <c r="V26673" i="1"/>
  <c r="V26674" i="1"/>
  <c r="V26675" i="1"/>
  <c r="V26676" i="1"/>
  <c r="V26677" i="1"/>
  <c r="V26678" i="1"/>
  <c r="V26679" i="1"/>
  <c r="V26680" i="1"/>
  <c r="V26681" i="1"/>
  <c r="V26682" i="1"/>
  <c r="V26683" i="1"/>
  <c r="V26684" i="1"/>
  <c r="V26685" i="1"/>
  <c r="V26686" i="1"/>
  <c r="V26687" i="1"/>
  <c r="V26688" i="1"/>
  <c r="V26689" i="1"/>
  <c r="V26690" i="1"/>
  <c r="V26691" i="1"/>
  <c r="V26692" i="1"/>
  <c r="V26693" i="1"/>
  <c r="V26694" i="1"/>
  <c r="V26695" i="1"/>
  <c r="V26696" i="1"/>
  <c r="V26697" i="1"/>
  <c r="V26698" i="1"/>
  <c r="V26699" i="1"/>
  <c r="V26700" i="1"/>
  <c r="V26701" i="1"/>
  <c r="V26702" i="1"/>
  <c r="V26703" i="1"/>
  <c r="V26704" i="1"/>
  <c r="V26705" i="1"/>
  <c r="V26706" i="1"/>
  <c r="V26707" i="1"/>
  <c r="V26708" i="1"/>
  <c r="V26709" i="1"/>
  <c r="V26710" i="1"/>
  <c r="V26711" i="1"/>
  <c r="V26712" i="1"/>
  <c r="V26713" i="1"/>
  <c r="V26714" i="1"/>
  <c r="V26715" i="1"/>
  <c r="V26716" i="1"/>
  <c r="V26717" i="1"/>
  <c r="V26718" i="1"/>
  <c r="V26719" i="1"/>
  <c r="V26720" i="1"/>
  <c r="V26721" i="1"/>
  <c r="V26722" i="1"/>
  <c r="V26723" i="1"/>
  <c r="V26724" i="1"/>
  <c r="V26725" i="1"/>
  <c r="V26726" i="1"/>
  <c r="V26727" i="1"/>
  <c r="V26728" i="1"/>
  <c r="V26729" i="1"/>
  <c r="V26730" i="1"/>
  <c r="V26731" i="1"/>
  <c r="V26732" i="1"/>
  <c r="V26733" i="1"/>
  <c r="V26734" i="1"/>
  <c r="V26735" i="1"/>
  <c r="V26736" i="1"/>
  <c r="V26737" i="1"/>
  <c r="V26738" i="1"/>
  <c r="V26739" i="1"/>
  <c r="V26740" i="1"/>
  <c r="V26741" i="1"/>
  <c r="V26742" i="1"/>
  <c r="V26743" i="1"/>
  <c r="V26744" i="1"/>
  <c r="V26745" i="1"/>
  <c r="V26746" i="1"/>
  <c r="V26747" i="1"/>
  <c r="V26748" i="1"/>
  <c r="V26749" i="1"/>
  <c r="V26750" i="1"/>
  <c r="V26751" i="1"/>
  <c r="V26752" i="1"/>
  <c r="V26753" i="1"/>
  <c r="V26754" i="1"/>
  <c r="V26755" i="1"/>
  <c r="V26756" i="1"/>
  <c r="V26757" i="1"/>
  <c r="V26758" i="1"/>
  <c r="V26759" i="1"/>
  <c r="V26760" i="1"/>
  <c r="V26761" i="1"/>
  <c r="V26762" i="1"/>
  <c r="V26763" i="1"/>
  <c r="V26764" i="1"/>
  <c r="V26765" i="1"/>
  <c r="V26766" i="1"/>
  <c r="V26767" i="1"/>
  <c r="V26768" i="1"/>
  <c r="V26769" i="1"/>
  <c r="V26770" i="1"/>
  <c r="V26771" i="1"/>
  <c r="V26772" i="1"/>
  <c r="V26773" i="1"/>
  <c r="V26774" i="1"/>
  <c r="V26775" i="1"/>
  <c r="V26776" i="1"/>
  <c r="V26777" i="1"/>
  <c r="V26778" i="1"/>
  <c r="V26779" i="1"/>
  <c r="V26780" i="1"/>
  <c r="V26781" i="1"/>
  <c r="V26782" i="1"/>
  <c r="V26783" i="1"/>
  <c r="V26784" i="1"/>
  <c r="V26785" i="1"/>
  <c r="V26786" i="1"/>
  <c r="V26787" i="1"/>
  <c r="V26788" i="1"/>
  <c r="V26789" i="1"/>
  <c r="V26790" i="1"/>
  <c r="V26791" i="1"/>
  <c r="V26792" i="1"/>
  <c r="V26793" i="1"/>
  <c r="V26794" i="1"/>
  <c r="V26795" i="1"/>
  <c r="V26796" i="1"/>
  <c r="V26797" i="1"/>
  <c r="V26798" i="1"/>
  <c r="V26799" i="1"/>
  <c r="V26800" i="1"/>
  <c r="V26801" i="1"/>
  <c r="V26802" i="1"/>
  <c r="V26803" i="1"/>
  <c r="V26804" i="1"/>
  <c r="V26805" i="1"/>
  <c r="V26806" i="1"/>
  <c r="V26807" i="1"/>
  <c r="V26808" i="1"/>
  <c r="V26809" i="1"/>
  <c r="V26810" i="1"/>
  <c r="V26811" i="1"/>
  <c r="V26812" i="1"/>
  <c r="V26813" i="1"/>
  <c r="V26814" i="1"/>
  <c r="V26815" i="1"/>
  <c r="V26816" i="1"/>
  <c r="V26817" i="1"/>
  <c r="V26818" i="1"/>
  <c r="V26819" i="1"/>
  <c r="V26820" i="1"/>
  <c r="V26821" i="1"/>
  <c r="V26822" i="1"/>
  <c r="V26823" i="1"/>
  <c r="V26824" i="1"/>
  <c r="V26825" i="1"/>
  <c r="V26826" i="1"/>
  <c r="V26827" i="1"/>
  <c r="V26828" i="1"/>
  <c r="V26829" i="1"/>
  <c r="V26830" i="1"/>
  <c r="V26831" i="1"/>
  <c r="V26832" i="1"/>
  <c r="V26833" i="1"/>
  <c r="V26834" i="1"/>
  <c r="V26835" i="1"/>
  <c r="V26836" i="1"/>
  <c r="V26837" i="1"/>
  <c r="V26838" i="1"/>
  <c r="V26839" i="1"/>
  <c r="V26840" i="1"/>
  <c r="V26841" i="1"/>
  <c r="V26842" i="1"/>
  <c r="V26843" i="1"/>
  <c r="V26844" i="1"/>
  <c r="V26845" i="1"/>
  <c r="V26846" i="1"/>
  <c r="V26847" i="1"/>
  <c r="V26848" i="1"/>
  <c r="V26849" i="1"/>
  <c r="V26850" i="1"/>
  <c r="V26851" i="1"/>
  <c r="V26852" i="1"/>
  <c r="V26853" i="1"/>
  <c r="V26854" i="1"/>
  <c r="V26855" i="1"/>
  <c r="V26856" i="1"/>
  <c r="V26857" i="1"/>
  <c r="V26858" i="1"/>
  <c r="V26859" i="1"/>
  <c r="V26860" i="1"/>
  <c r="V26861" i="1"/>
  <c r="V26862" i="1"/>
  <c r="V26863" i="1"/>
  <c r="V26864" i="1"/>
  <c r="V26865" i="1"/>
  <c r="V26866" i="1"/>
  <c r="V26867" i="1"/>
  <c r="V26868" i="1"/>
  <c r="V26869" i="1"/>
  <c r="V26870" i="1"/>
  <c r="V26871" i="1"/>
  <c r="V26872" i="1"/>
  <c r="V26873" i="1"/>
  <c r="V26874" i="1"/>
  <c r="V26875" i="1"/>
  <c r="V26876" i="1"/>
  <c r="V26877" i="1"/>
  <c r="V26878" i="1"/>
  <c r="V26879" i="1"/>
  <c r="V26880" i="1"/>
  <c r="V26881" i="1"/>
  <c r="V26882" i="1"/>
  <c r="V26883" i="1"/>
  <c r="V26884" i="1"/>
  <c r="V26885" i="1"/>
  <c r="V26886" i="1"/>
  <c r="V26887" i="1"/>
  <c r="V26888" i="1"/>
  <c r="V26889" i="1"/>
  <c r="V26890" i="1"/>
  <c r="V26891" i="1"/>
  <c r="V26892" i="1"/>
  <c r="V26893" i="1"/>
  <c r="V26894" i="1"/>
  <c r="V26895" i="1"/>
  <c r="V26896" i="1"/>
  <c r="V26897" i="1"/>
  <c r="V26898" i="1"/>
  <c r="V26899" i="1"/>
  <c r="V26900" i="1"/>
  <c r="V26901" i="1"/>
  <c r="V26902" i="1"/>
  <c r="V26903" i="1"/>
  <c r="V26904" i="1"/>
  <c r="V26905" i="1"/>
  <c r="V26906" i="1"/>
  <c r="V26907" i="1"/>
  <c r="V26908" i="1"/>
  <c r="V26909" i="1"/>
  <c r="V26910" i="1"/>
  <c r="V26911" i="1"/>
  <c r="V26912" i="1"/>
  <c r="V26913" i="1"/>
  <c r="V26914" i="1"/>
  <c r="V26915" i="1"/>
  <c r="V26916" i="1"/>
  <c r="V26917" i="1"/>
  <c r="V26918" i="1"/>
  <c r="V26919" i="1"/>
  <c r="V26920" i="1"/>
  <c r="V26921" i="1"/>
  <c r="V26922" i="1"/>
  <c r="V26923" i="1"/>
  <c r="V26924" i="1"/>
  <c r="V26925" i="1"/>
  <c r="V26926" i="1"/>
  <c r="V26927" i="1"/>
  <c r="V26928" i="1"/>
  <c r="V26929" i="1"/>
  <c r="V26930" i="1"/>
  <c r="V26931" i="1"/>
  <c r="V26932" i="1"/>
  <c r="V26933" i="1"/>
  <c r="V26934" i="1"/>
  <c r="V26935" i="1"/>
  <c r="V26936" i="1"/>
  <c r="V26937" i="1"/>
  <c r="V26938" i="1"/>
  <c r="V26939" i="1"/>
  <c r="V26940" i="1"/>
  <c r="V26941" i="1"/>
  <c r="V26942" i="1"/>
  <c r="V26943" i="1"/>
  <c r="V26944" i="1"/>
  <c r="V26945" i="1"/>
  <c r="V26946" i="1"/>
  <c r="V26947" i="1"/>
  <c r="V26948" i="1"/>
  <c r="V26949" i="1"/>
  <c r="V26950" i="1"/>
  <c r="V26951" i="1"/>
  <c r="V26952" i="1"/>
  <c r="V26953" i="1"/>
  <c r="V26954" i="1"/>
  <c r="V26955" i="1"/>
  <c r="V26956" i="1"/>
  <c r="V26957" i="1"/>
  <c r="V26958" i="1"/>
  <c r="V26959" i="1"/>
  <c r="V26960" i="1"/>
  <c r="V26961" i="1"/>
  <c r="V26962" i="1"/>
  <c r="V26963" i="1"/>
  <c r="V26964" i="1"/>
  <c r="V26965" i="1"/>
  <c r="V26966" i="1"/>
  <c r="V26967" i="1"/>
  <c r="V26968" i="1"/>
  <c r="V26969" i="1"/>
  <c r="V26970" i="1"/>
  <c r="V26971" i="1"/>
  <c r="V26972" i="1"/>
  <c r="V26973" i="1"/>
  <c r="V26974" i="1"/>
  <c r="V26975" i="1"/>
  <c r="V26976" i="1"/>
  <c r="V26977" i="1"/>
  <c r="V26978" i="1"/>
  <c r="V26979" i="1"/>
  <c r="V26980" i="1"/>
  <c r="V26981" i="1"/>
  <c r="V26982" i="1"/>
  <c r="V26983" i="1"/>
  <c r="V26984" i="1"/>
  <c r="V26985" i="1"/>
  <c r="V26986" i="1"/>
  <c r="V26987" i="1"/>
  <c r="V26988" i="1"/>
  <c r="V26989" i="1"/>
  <c r="V26990" i="1"/>
  <c r="V26991" i="1"/>
  <c r="V26992" i="1"/>
  <c r="V26993" i="1"/>
  <c r="V26994" i="1"/>
  <c r="V26995" i="1"/>
  <c r="V26996" i="1"/>
  <c r="V26997" i="1"/>
  <c r="V26998" i="1"/>
  <c r="V26999" i="1"/>
  <c r="V27000" i="1"/>
  <c r="V27001" i="1"/>
  <c r="V27002" i="1"/>
  <c r="V27003" i="1"/>
  <c r="V27004" i="1"/>
  <c r="V27005" i="1"/>
  <c r="V27006" i="1"/>
  <c r="V27007" i="1"/>
  <c r="V27008" i="1"/>
  <c r="V27009" i="1"/>
  <c r="V27010" i="1"/>
  <c r="V27011" i="1"/>
  <c r="V27012" i="1"/>
  <c r="V27013" i="1"/>
  <c r="V27014" i="1"/>
  <c r="V27015" i="1"/>
  <c r="V27016" i="1"/>
  <c r="V27017" i="1"/>
  <c r="V27018" i="1"/>
  <c r="V27019" i="1"/>
  <c r="V27020" i="1"/>
  <c r="V27021" i="1"/>
  <c r="V27022" i="1"/>
  <c r="V27023" i="1"/>
  <c r="V27024" i="1"/>
  <c r="V27025" i="1"/>
  <c r="V27026" i="1"/>
  <c r="V27027" i="1"/>
  <c r="V27028" i="1"/>
  <c r="V27029" i="1"/>
  <c r="V27030" i="1"/>
  <c r="V27031" i="1"/>
  <c r="V27032" i="1"/>
  <c r="V27033" i="1"/>
  <c r="V27034" i="1"/>
  <c r="V27035" i="1"/>
  <c r="V27036" i="1"/>
  <c r="V27037" i="1"/>
  <c r="V27038" i="1"/>
  <c r="V27039" i="1"/>
  <c r="V27040" i="1"/>
  <c r="V27041" i="1"/>
  <c r="V27042" i="1"/>
  <c r="V27043" i="1"/>
  <c r="V27044" i="1"/>
  <c r="V27045" i="1"/>
  <c r="V27046" i="1"/>
  <c r="V27047" i="1"/>
  <c r="V27048" i="1"/>
  <c r="V27049" i="1"/>
  <c r="V27050" i="1"/>
  <c r="V27051" i="1"/>
  <c r="V27052" i="1"/>
  <c r="V27053" i="1"/>
  <c r="V27054" i="1"/>
  <c r="V27055" i="1"/>
  <c r="V27056" i="1"/>
  <c r="V27057" i="1"/>
  <c r="V27058" i="1"/>
  <c r="V27059" i="1"/>
  <c r="V27060" i="1"/>
  <c r="V27061" i="1"/>
  <c r="V27062" i="1"/>
  <c r="V27063" i="1"/>
  <c r="V27064" i="1"/>
  <c r="V27065" i="1"/>
  <c r="V27066" i="1"/>
  <c r="V27067" i="1"/>
  <c r="V27068" i="1"/>
  <c r="V27069" i="1"/>
  <c r="V27070" i="1"/>
  <c r="V27071" i="1"/>
  <c r="V27072" i="1"/>
  <c r="V27073" i="1"/>
  <c r="V27074" i="1"/>
  <c r="V27075" i="1"/>
  <c r="V27076" i="1"/>
  <c r="V27077" i="1"/>
  <c r="V27078" i="1"/>
  <c r="V27079" i="1"/>
  <c r="V27080" i="1"/>
  <c r="V27081" i="1"/>
  <c r="V27082" i="1"/>
  <c r="V27083" i="1"/>
  <c r="V27084" i="1"/>
  <c r="V27085" i="1"/>
  <c r="V27086" i="1"/>
  <c r="V27087" i="1"/>
  <c r="V27088" i="1"/>
  <c r="V27089" i="1"/>
  <c r="V27090" i="1"/>
  <c r="V27091" i="1"/>
  <c r="V27092" i="1"/>
  <c r="V27093" i="1"/>
  <c r="V27094" i="1"/>
  <c r="V27095" i="1"/>
  <c r="V27096" i="1"/>
  <c r="V27097" i="1"/>
  <c r="V27098" i="1"/>
  <c r="V27099" i="1"/>
  <c r="V27100" i="1"/>
  <c r="V27101" i="1"/>
  <c r="V27102" i="1"/>
  <c r="V27103" i="1"/>
  <c r="V27104" i="1"/>
  <c r="V27105" i="1"/>
  <c r="V27106" i="1"/>
  <c r="V27107" i="1"/>
  <c r="V27108" i="1"/>
  <c r="V27109" i="1"/>
  <c r="V27110" i="1"/>
  <c r="V27111" i="1"/>
  <c r="V27112" i="1"/>
  <c r="V27113" i="1"/>
  <c r="V27114" i="1"/>
  <c r="V27115" i="1"/>
  <c r="V27116" i="1"/>
  <c r="V27117" i="1"/>
  <c r="V27118" i="1"/>
  <c r="V27119" i="1"/>
  <c r="V27120" i="1"/>
  <c r="V27121" i="1"/>
  <c r="V27122" i="1"/>
  <c r="V27123" i="1"/>
  <c r="V27124" i="1"/>
  <c r="V27125" i="1"/>
  <c r="V27126" i="1"/>
  <c r="V27127" i="1"/>
  <c r="V27128" i="1"/>
  <c r="V27129" i="1"/>
  <c r="V27130" i="1"/>
  <c r="V27131" i="1"/>
  <c r="V27132" i="1"/>
  <c r="V27133" i="1"/>
  <c r="V27134" i="1"/>
  <c r="V27135" i="1"/>
  <c r="V27136" i="1"/>
  <c r="V27137" i="1"/>
  <c r="V27138" i="1"/>
  <c r="V27139" i="1"/>
  <c r="V27140" i="1"/>
  <c r="V27141" i="1"/>
  <c r="V27142" i="1"/>
  <c r="V27143" i="1"/>
  <c r="V27144" i="1"/>
  <c r="V27145" i="1"/>
  <c r="V27146" i="1"/>
  <c r="V27147" i="1"/>
  <c r="V27148" i="1"/>
  <c r="V27149" i="1"/>
  <c r="V27150" i="1"/>
  <c r="V27151" i="1"/>
  <c r="V27152" i="1"/>
  <c r="V27153" i="1"/>
  <c r="V27154" i="1"/>
  <c r="V27155" i="1"/>
  <c r="V27156" i="1"/>
  <c r="V27157" i="1"/>
  <c r="V27158" i="1"/>
  <c r="V27159" i="1"/>
  <c r="V27160" i="1"/>
  <c r="V27161" i="1"/>
  <c r="V27162" i="1"/>
  <c r="V27163" i="1"/>
  <c r="V27164" i="1"/>
  <c r="V27165" i="1"/>
  <c r="V27166" i="1"/>
  <c r="V27167" i="1"/>
  <c r="V27168" i="1"/>
  <c r="V27169" i="1"/>
  <c r="V27170" i="1"/>
  <c r="V27171" i="1"/>
  <c r="V27172" i="1"/>
  <c r="V27173" i="1"/>
  <c r="V27174" i="1"/>
  <c r="V27175" i="1"/>
  <c r="V27176" i="1"/>
  <c r="V27177" i="1"/>
  <c r="V27178" i="1"/>
  <c r="V27179" i="1"/>
  <c r="V27180" i="1"/>
  <c r="V27181" i="1"/>
  <c r="V27182" i="1"/>
  <c r="V27183" i="1"/>
  <c r="V27184" i="1"/>
  <c r="V27185" i="1"/>
  <c r="V27186" i="1"/>
  <c r="V27187" i="1"/>
  <c r="V27188" i="1"/>
  <c r="V27189" i="1"/>
  <c r="V27190" i="1"/>
  <c r="V27191" i="1"/>
  <c r="V27192" i="1"/>
  <c r="V27193" i="1"/>
  <c r="V27194" i="1"/>
  <c r="V27195" i="1"/>
  <c r="V27196" i="1"/>
  <c r="V27197" i="1"/>
  <c r="V27198" i="1"/>
  <c r="V27199" i="1"/>
  <c r="V27200" i="1"/>
  <c r="V27201" i="1"/>
  <c r="V27202" i="1"/>
  <c r="V27203" i="1"/>
  <c r="V27204" i="1"/>
  <c r="V27205" i="1"/>
  <c r="V27206" i="1"/>
  <c r="V27207" i="1"/>
  <c r="V27208" i="1"/>
  <c r="V27209" i="1"/>
  <c r="V27210" i="1"/>
  <c r="V27211" i="1"/>
  <c r="V27212" i="1"/>
  <c r="V27213" i="1"/>
  <c r="V27214" i="1"/>
  <c r="V27215" i="1"/>
  <c r="V27216" i="1"/>
  <c r="V27217" i="1"/>
  <c r="V27218" i="1"/>
  <c r="V27219" i="1"/>
  <c r="V27220" i="1"/>
  <c r="V27221" i="1"/>
  <c r="V27222" i="1"/>
  <c r="V27223" i="1"/>
  <c r="V27224" i="1"/>
  <c r="V27225" i="1"/>
  <c r="V27226" i="1"/>
  <c r="V27227" i="1"/>
  <c r="V27228" i="1"/>
  <c r="V27229" i="1"/>
  <c r="V27230" i="1"/>
  <c r="V27231" i="1"/>
  <c r="V27232" i="1"/>
  <c r="V27233" i="1"/>
  <c r="V27234" i="1"/>
  <c r="V27235" i="1"/>
  <c r="V27236" i="1"/>
  <c r="V27237" i="1"/>
  <c r="V27238" i="1"/>
  <c r="V27239" i="1"/>
  <c r="V27240" i="1"/>
  <c r="V27241" i="1"/>
  <c r="V27242" i="1"/>
  <c r="V27243" i="1"/>
  <c r="V27244" i="1"/>
  <c r="V27245" i="1"/>
  <c r="V27246" i="1"/>
  <c r="V27247" i="1"/>
  <c r="V27248" i="1"/>
  <c r="V27249" i="1"/>
  <c r="V27250" i="1"/>
  <c r="V27251" i="1"/>
  <c r="V27252" i="1"/>
  <c r="V27253" i="1"/>
  <c r="V27254" i="1"/>
  <c r="V27255" i="1"/>
  <c r="V27256" i="1"/>
  <c r="V27257" i="1"/>
  <c r="V27258" i="1"/>
  <c r="V27259" i="1"/>
  <c r="V27260" i="1"/>
  <c r="V27261" i="1"/>
  <c r="V27262" i="1"/>
  <c r="V27263" i="1"/>
  <c r="V27264" i="1"/>
  <c r="V27265" i="1"/>
  <c r="V27266" i="1"/>
  <c r="V27267" i="1"/>
  <c r="V27268" i="1"/>
  <c r="V27269" i="1"/>
  <c r="V27270" i="1"/>
  <c r="V27271" i="1"/>
  <c r="V27272" i="1"/>
  <c r="V27273" i="1"/>
  <c r="V27274" i="1"/>
  <c r="V27275" i="1"/>
  <c r="V27276" i="1"/>
  <c r="V27277" i="1"/>
  <c r="V27278" i="1"/>
  <c r="V27279" i="1"/>
  <c r="V27280" i="1"/>
  <c r="V27281" i="1"/>
  <c r="V27282" i="1"/>
  <c r="V27283" i="1"/>
  <c r="V27284" i="1"/>
  <c r="V27285" i="1"/>
  <c r="V27286" i="1"/>
  <c r="V27287" i="1"/>
  <c r="V27288" i="1"/>
  <c r="V27289" i="1"/>
  <c r="V27290" i="1"/>
  <c r="V27291" i="1"/>
  <c r="V27292" i="1"/>
  <c r="V27293" i="1"/>
  <c r="V27294" i="1"/>
  <c r="V27295" i="1"/>
  <c r="V27296" i="1"/>
  <c r="V27297" i="1"/>
  <c r="V27298" i="1"/>
  <c r="V27299" i="1"/>
  <c r="V27300" i="1"/>
  <c r="V27301" i="1"/>
  <c r="V27302" i="1"/>
  <c r="V27303" i="1"/>
  <c r="V27304" i="1"/>
  <c r="V27305" i="1"/>
  <c r="V27306" i="1"/>
  <c r="V27307" i="1"/>
  <c r="V27308" i="1"/>
  <c r="V27309" i="1"/>
  <c r="V27310" i="1"/>
  <c r="V27311" i="1"/>
  <c r="V27312" i="1"/>
  <c r="V27313" i="1"/>
  <c r="V27314" i="1"/>
  <c r="V27315" i="1"/>
  <c r="V27316" i="1"/>
  <c r="V27317" i="1"/>
  <c r="V27318" i="1"/>
  <c r="V27319" i="1"/>
  <c r="V27320" i="1"/>
  <c r="V27321" i="1"/>
  <c r="V27322" i="1"/>
  <c r="V27323" i="1"/>
  <c r="V27324" i="1"/>
  <c r="V27325" i="1"/>
  <c r="V27326" i="1"/>
  <c r="V27327" i="1"/>
  <c r="V27328" i="1"/>
  <c r="V27329" i="1"/>
  <c r="V27330" i="1"/>
  <c r="V27331" i="1"/>
  <c r="V27332" i="1"/>
  <c r="V27333" i="1"/>
  <c r="V27334" i="1"/>
  <c r="V27335" i="1"/>
  <c r="V27336" i="1"/>
  <c r="V27337" i="1"/>
  <c r="V27338" i="1"/>
  <c r="V27339" i="1"/>
  <c r="V27340" i="1"/>
  <c r="V27341" i="1"/>
  <c r="V27342" i="1"/>
  <c r="V27343" i="1"/>
  <c r="V27344" i="1"/>
  <c r="V27345" i="1"/>
  <c r="V27346" i="1"/>
  <c r="V27347" i="1"/>
  <c r="V27348" i="1"/>
  <c r="V27349" i="1"/>
  <c r="V27350" i="1"/>
  <c r="V27351" i="1"/>
  <c r="V27352" i="1"/>
  <c r="V27353" i="1"/>
  <c r="V27354" i="1"/>
  <c r="V27355" i="1"/>
  <c r="V27356" i="1"/>
  <c r="V27357" i="1"/>
  <c r="V27358" i="1"/>
  <c r="V27359" i="1"/>
  <c r="V27360" i="1"/>
  <c r="V27361" i="1"/>
  <c r="V27362" i="1"/>
  <c r="V27363" i="1"/>
  <c r="V27364" i="1"/>
  <c r="V27365" i="1"/>
  <c r="V27366" i="1"/>
  <c r="V27367" i="1"/>
  <c r="V27368" i="1"/>
  <c r="V27369" i="1"/>
  <c r="V27370" i="1"/>
  <c r="V27371" i="1"/>
  <c r="V27372" i="1"/>
  <c r="V27373" i="1"/>
  <c r="V27374" i="1"/>
  <c r="V27375" i="1"/>
  <c r="V27376" i="1"/>
  <c r="V27377" i="1"/>
  <c r="V27378" i="1"/>
  <c r="V27379" i="1"/>
  <c r="V27380" i="1"/>
  <c r="V27381" i="1"/>
  <c r="V27382" i="1"/>
  <c r="V27383" i="1"/>
  <c r="V27384" i="1"/>
  <c r="V27385" i="1"/>
  <c r="V27386" i="1"/>
  <c r="V27387" i="1"/>
  <c r="V27388" i="1"/>
  <c r="V27389" i="1"/>
  <c r="V27390" i="1"/>
  <c r="V27391" i="1"/>
  <c r="V27392" i="1"/>
  <c r="V27393" i="1"/>
  <c r="V27394" i="1"/>
  <c r="V27395" i="1"/>
  <c r="V27396" i="1"/>
  <c r="V27397" i="1"/>
  <c r="V27398" i="1"/>
  <c r="V27399" i="1"/>
  <c r="V27400" i="1"/>
  <c r="V27401" i="1"/>
  <c r="V27402" i="1"/>
  <c r="V27403" i="1"/>
  <c r="V27404" i="1"/>
  <c r="V27405" i="1"/>
  <c r="V27406" i="1"/>
  <c r="V27407" i="1"/>
  <c r="V27408" i="1"/>
  <c r="V27409" i="1"/>
  <c r="V27410" i="1"/>
  <c r="V27411" i="1"/>
  <c r="V27412" i="1"/>
  <c r="V27413" i="1"/>
  <c r="V27414" i="1"/>
  <c r="V27415" i="1"/>
  <c r="V27416" i="1"/>
  <c r="V27417" i="1"/>
  <c r="V27418" i="1"/>
  <c r="V27419" i="1"/>
  <c r="V27420" i="1"/>
  <c r="V27421" i="1"/>
  <c r="V27422" i="1"/>
  <c r="V27423" i="1"/>
  <c r="V27424" i="1"/>
  <c r="V27425" i="1"/>
  <c r="V27426" i="1"/>
  <c r="V27427" i="1"/>
  <c r="V27428" i="1"/>
  <c r="V27429" i="1"/>
  <c r="V27430" i="1"/>
  <c r="V27431" i="1"/>
  <c r="V27432" i="1"/>
  <c r="V27433" i="1"/>
  <c r="V27434" i="1"/>
  <c r="V27435" i="1"/>
  <c r="V27436" i="1"/>
  <c r="V27437" i="1"/>
  <c r="V27438" i="1"/>
  <c r="V27439" i="1"/>
  <c r="V27440" i="1"/>
  <c r="V27441" i="1"/>
  <c r="V27442" i="1"/>
  <c r="V27443" i="1"/>
  <c r="V27444" i="1"/>
  <c r="V27445" i="1"/>
  <c r="V27446" i="1"/>
  <c r="V27447" i="1"/>
  <c r="V27448" i="1"/>
  <c r="V27449" i="1"/>
  <c r="V27450" i="1"/>
  <c r="V27451" i="1"/>
  <c r="V27452" i="1"/>
  <c r="V27453" i="1"/>
  <c r="V27454" i="1"/>
  <c r="V27455" i="1"/>
  <c r="V27456" i="1"/>
  <c r="V27457" i="1"/>
  <c r="V27458" i="1"/>
  <c r="V27459" i="1"/>
  <c r="V27460" i="1"/>
  <c r="V27461" i="1"/>
  <c r="V27462" i="1"/>
  <c r="V27463" i="1"/>
  <c r="V27464" i="1"/>
  <c r="V27465" i="1"/>
  <c r="V27466" i="1"/>
  <c r="V27467" i="1"/>
  <c r="V27468" i="1"/>
  <c r="V27469" i="1"/>
  <c r="V27470" i="1"/>
  <c r="V27471" i="1"/>
  <c r="V27472" i="1"/>
  <c r="V27473" i="1"/>
  <c r="V27474" i="1"/>
  <c r="V27475" i="1"/>
  <c r="V27476" i="1"/>
  <c r="V27477" i="1"/>
  <c r="V27478" i="1"/>
  <c r="V27479" i="1"/>
  <c r="V27480" i="1"/>
  <c r="V27481" i="1"/>
  <c r="V27482" i="1"/>
  <c r="V27483" i="1"/>
  <c r="V27484" i="1"/>
  <c r="V27485" i="1"/>
  <c r="V27486" i="1"/>
  <c r="V27487" i="1"/>
  <c r="V27488" i="1"/>
  <c r="V27489" i="1"/>
  <c r="V27490" i="1"/>
  <c r="V27491" i="1"/>
  <c r="V27492" i="1"/>
  <c r="V27493" i="1"/>
  <c r="V27494" i="1"/>
  <c r="V27495" i="1"/>
  <c r="V27496" i="1"/>
  <c r="V27497" i="1"/>
  <c r="V27498" i="1"/>
  <c r="V27499" i="1"/>
  <c r="V27500" i="1"/>
  <c r="V27501" i="1"/>
  <c r="V27502" i="1"/>
  <c r="V27503" i="1"/>
  <c r="V27504" i="1"/>
  <c r="V27505" i="1"/>
  <c r="V27506" i="1"/>
  <c r="V27507" i="1"/>
  <c r="V27508" i="1"/>
  <c r="V27509" i="1"/>
  <c r="V27510" i="1"/>
  <c r="V27511" i="1"/>
  <c r="V27512" i="1"/>
  <c r="V27513" i="1"/>
  <c r="V27514" i="1"/>
  <c r="V27515" i="1"/>
  <c r="V27516" i="1"/>
  <c r="V27517" i="1"/>
  <c r="V27518" i="1"/>
  <c r="V27519" i="1"/>
  <c r="V27520" i="1"/>
  <c r="V27521" i="1"/>
  <c r="V27522" i="1"/>
  <c r="V27523" i="1"/>
  <c r="V27524" i="1"/>
  <c r="V27525" i="1"/>
  <c r="V27526" i="1"/>
  <c r="V27527" i="1"/>
  <c r="V27528" i="1"/>
  <c r="V27529" i="1"/>
  <c r="V27530" i="1"/>
  <c r="V27531" i="1"/>
  <c r="V27532" i="1"/>
  <c r="V27533" i="1"/>
  <c r="V27534" i="1"/>
  <c r="V27535" i="1"/>
  <c r="V27536" i="1"/>
  <c r="V27537" i="1"/>
  <c r="V27538" i="1"/>
  <c r="V27539" i="1"/>
  <c r="V27540" i="1"/>
  <c r="V27541" i="1"/>
  <c r="V27542" i="1"/>
  <c r="V27543" i="1"/>
  <c r="V27544" i="1"/>
  <c r="V27545" i="1"/>
  <c r="V27546" i="1"/>
  <c r="V27547" i="1"/>
  <c r="V27548" i="1"/>
  <c r="V27549" i="1"/>
  <c r="V27550" i="1"/>
  <c r="V27551" i="1"/>
  <c r="V27552" i="1"/>
  <c r="V27553" i="1"/>
  <c r="V27554" i="1"/>
  <c r="V27555" i="1"/>
  <c r="V27556" i="1"/>
  <c r="V27557" i="1"/>
  <c r="V27558" i="1"/>
  <c r="V27559" i="1"/>
  <c r="V27560" i="1"/>
  <c r="V27561" i="1"/>
  <c r="V27562" i="1"/>
  <c r="V27563" i="1"/>
  <c r="V27564" i="1"/>
  <c r="V27565" i="1"/>
  <c r="V27566" i="1"/>
  <c r="V27567" i="1"/>
  <c r="V27568" i="1"/>
  <c r="V27569" i="1"/>
  <c r="V27570" i="1"/>
  <c r="V27571" i="1"/>
  <c r="V27572" i="1"/>
  <c r="V27573" i="1"/>
  <c r="V27574" i="1"/>
  <c r="V27575" i="1"/>
  <c r="V27576" i="1"/>
  <c r="V27577" i="1"/>
  <c r="V27578" i="1"/>
  <c r="V27579" i="1"/>
  <c r="V27580" i="1"/>
  <c r="V27581" i="1"/>
  <c r="V27582" i="1"/>
  <c r="V27583" i="1"/>
  <c r="V27584" i="1"/>
  <c r="V27585" i="1"/>
  <c r="V27586" i="1"/>
  <c r="V27587" i="1"/>
  <c r="V27588" i="1"/>
  <c r="V27589" i="1"/>
  <c r="V27590" i="1"/>
  <c r="V27591" i="1"/>
  <c r="V27592" i="1"/>
  <c r="V27593" i="1"/>
  <c r="V27594" i="1"/>
  <c r="V27595" i="1"/>
  <c r="V27596" i="1"/>
  <c r="V27597" i="1"/>
  <c r="V27598" i="1"/>
  <c r="V27599" i="1"/>
  <c r="V27600" i="1"/>
  <c r="V27601" i="1"/>
  <c r="V27602" i="1"/>
  <c r="V27603" i="1"/>
  <c r="V27604" i="1"/>
  <c r="V27605" i="1"/>
  <c r="V27606" i="1"/>
  <c r="V27607" i="1"/>
  <c r="V27608" i="1"/>
  <c r="V27609" i="1"/>
  <c r="V27610" i="1"/>
  <c r="V27611" i="1"/>
  <c r="V27612" i="1"/>
  <c r="V27613" i="1"/>
  <c r="V27614" i="1"/>
  <c r="V27615" i="1"/>
  <c r="V27616" i="1"/>
  <c r="V27617" i="1"/>
  <c r="V27618" i="1"/>
  <c r="V27619" i="1"/>
  <c r="V27620" i="1"/>
  <c r="V27621" i="1"/>
  <c r="V27622" i="1"/>
  <c r="V27623" i="1"/>
  <c r="V27624" i="1"/>
  <c r="V27625" i="1"/>
  <c r="V27626" i="1"/>
  <c r="V27627" i="1"/>
  <c r="V27628" i="1"/>
  <c r="V27629" i="1"/>
  <c r="V27630" i="1"/>
  <c r="V27631" i="1"/>
  <c r="V27632" i="1"/>
  <c r="V27633" i="1"/>
  <c r="V27634" i="1"/>
  <c r="V27635" i="1"/>
  <c r="V27636" i="1"/>
  <c r="V27637" i="1"/>
  <c r="V27638" i="1"/>
  <c r="V27639" i="1"/>
  <c r="V27640" i="1"/>
  <c r="V27641" i="1"/>
  <c r="V27642" i="1"/>
  <c r="V27643" i="1"/>
  <c r="V27644" i="1"/>
  <c r="V27645" i="1"/>
  <c r="V27646" i="1"/>
  <c r="V27647" i="1"/>
  <c r="V27648" i="1"/>
  <c r="V27649" i="1"/>
  <c r="V27650" i="1"/>
  <c r="V27651" i="1"/>
  <c r="V27652" i="1"/>
  <c r="V27653" i="1"/>
  <c r="V27654" i="1"/>
  <c r="V27655" i="1"/>
  <c r="V27656" i="1"/>
  <c r="V27657" i="1"/>
  <c r="V27658" i="1"/>
  <c r="V27659" i="1"/>
  <c r="V27660" i="1"/>
  <c r="V27661" i="1"/>
  <c r="V27662" i="1"/>
  <c r="V27663" i="1"/>
  <c r="V27664" i="1"/>
  <c r="V27665" i="1"/>
  <c r="V27666" i="1"/>
  <c r="V27667" i="1"/>
  <c r="V27668" i="1"/>
  <c r="V27669" i="1"/>
  <c r="V27670" i="1"/>
  <c r="V27671" i="1"/>
  <c r="V27672" i="1"/>
  <c r="V27673" i="1"/>
  <c r="V27674" i="1"/>
  <c r="V27675" i="1"/>
  <c r="V27676" i="1"/>
  <c r="V27677" i="1"/>
  <c r="V27678" i="1"/>
  <c r="V27679" i="1"/>
  <c r="V27680" i="1"/>
  <c r="V27681" i="1"/>
  <c r="V27682" i="1"/>
  <c r="V27683" i="1"/>
  <c r="V27684" i="1"/>
  <c r="V27685" i="1"/>
  <c r="V27686" i="1"/>
  <c r="V27687" i="1"/>
  <c r="V27688" i="1"/>
  <c r="V27689" i="1"/>
  <c r="V27690" i="1"/>
  <c r="V27691" i="1"/>
  <c r="V27692" i="1"/>
  <c r="V27693" i="1"/>
  <c r="V27694" i="1"/>
  <c r="V27695" i="1"/>
  <c r="V27696" i="1"/>
  <c r="V27697" i="1"/>
  <c r="V27698" i="1"/>
  <c r="V27699" i="1"/>
  <c r="V27700" i="1"/>
  <c r="V27701" i="1"/>
  <c r="V27702" i="1"/>
  <c r="V27703" i="1"/>
  <c r="V27704" i="1"/>
  <c r="V27705" i="1"/>
  <c r="V27706" i="1"/>
  <c r="V27707" i="1"/>
  <c r="V27708" i="1"/>
  <c r="V27709" i="1"/>
  <c r="V27710" i="1"/>
  <c r="V27711" i="1"/>
  <c r="V27712" i="1"/>
  <c r="V27713" i="1"/>
  <c r="V27714" i="1"/>
  <c r="V27715" i="1"/>
  <c r="V27716" i="1"/>
  <c r="V27717" i="1"/>
  <c r="V27718" i="1"/>
  <c r="V27719" i="1"/>
  <c r="V27720" i="1"/>
  <c r="V27721" i="1"/>
  <c r="V27722" i="1"/>
  <c r="V27723" i="1"/>
  <c r="V27724" i="1"/>
  <c r="V27725" i="1"/>
  <c r="V27726" i="1"/>
  <c r="V27727" i="1"/>
  <c r="V27728" i="1"/>
  <c r="V27729" i="1"/>
  <c r="V27730" i="1"/>
  <c r="V27731" i="1"/>
  <c r="V27732" i="1"/>
  <c r="V27733" i="1"/>
  <c r="V27734" i="1"/>
  <c r="V27735" i="1"/>
  <c r="V27736" i="1"/>
  <c r="V27737" i="1"/>
  <c r="V27738" i="1"/>
  <c r="V27739" i="1"/>
  <c r="V27740" i="1"/>
  <c r="V27741" i="1"/>
  <c r="V27742" i="1"/>
  <c r="V27743" i="1"/>
  <c r="V27744" i="1"/>
  <c r="V27745" i="1"/>
  <c r="V27746" i="1"/>
  <c r="V27747" i="1"/>
  <c r="V27748" i="1"/>
  <c r="V27749" i="1"/>
  <c r="V27750" i="1"/>
  <c r="V27751" i="1"/>
  <c r="V27752" i="1"/>
  <c r="V27753" i="1"/>
  <c r="V27754" i="1"/>
  <c r="V27755" i="1"/>
  <c r="V27756" i="1"/>
  <c r="V27757" i="1"/>
  <c r="V27758" i="1"/>
  <c r="V27759" i="1"/>
  <c r="V27760" i="1"/>
  <c r="V27761" i="1"/>
  <c r="V27762" i="1"/>
  <c r="V27763" i="1"/>
  <c r="V27764" i="1"/>
  <c r="V27765" i="1"/>
  <c r="V27766" i="1"/>
  <c r="V27767" i="1"/>
  <c r="V27768" i="1"/>
  <c r="V27769" i="1"/>
  <c r="V27770" i="1"/>
  <c r="V27771" i="1"/>
  <c r="V27772" i="1"/>
  <c r="V27773" i="1"/>
  <c r="V27774" i="1"/>
  <c r="V27775" i="1"/>
  <c r="V27776" i="1"/>
  <c r="V27777" i="1"/>
  <c r="V27778" i="1"/>
  <c r="V27779" i="1"/>
  <c r="V27780" i="1"/>
  <c r="V27781" i="1"/>
  <c r="V27782" i="1"/>
  <c r="V27783" i="1"/>
  <c r="V27784" i="1"/>
  <c r="V27785" i="1"/>
  <c r="V27786" i="1"/>
  <c r="V27787" i="1"/>
  <c r="V27788" i="1"/>
  <c r="V27789" i="1"/>
  <c r="V27790" i="1"/>
  <c r="V27791" i="1"/>
  <c r="V27792" i="1"/>
  <c r="V27793" i="1"/>
  <c r="V27794" i="1"/>
  <c r="V27795" i="1"/>
  <c r="V27796" i="1"/>
  <c r="V27797" i="1"/>
  <c r="V27798" i="1"/>
  <c r="V27799" i="1"/>
  <c r="V27800" i="1"/>
  <c r="V27801" i="1"/>
  <c r="V27802" i="1"/>
  <c r="V27803" i="1"/>
  <c r="V27804" i="1"/>
  <c r="V27805" i="1"/>
  <c r="V27806" i="1"/>
  <c r="V27807" i="1"/>
  <c r="V27808" i="1"/>
  <c r="V27809" i="1"/>
  <c r="V27810" i="1"/>
  <c r="V27811" i="1"/>
  <c r="V27812" i="1"/>
  <c r="V27813" i="1"/>
  <c r="V27814" i="1"/>
  <c r="V27815" i="1"/>
  <c r="V27816" i="1"/>
  <c r="V27817" i="1"/>
  <c r="V27818" i="1"/>
  <c r="V27819" i="1"/>
  <c r="V27820" i="1"/>
  <c r="V27821" i="1"/>
  <c r="V27822" i="1"/>
  <c r="V27823" i="1"/>
  <c r="V27824" i="1"/>
  <c r="V27825" i="1"/>
  <c r="V27826" i="1"/>
  <c r="V27827" i="1"/>
  <c r="V27828" i="1"/>
  <c r="V27829" i="1"/>
  <c r="V27830" i="1"/>
  <c r="V27831" i="1"/>
  <c r="V27832" i="1"/>
  <c r="V27833" i="1"/>
  <c r="V27834" i="1"/>
  <c r="V27835" i="1"/>
  <c r="V27836" i="1"/>
  <c r="V27837" i="1"/>
  <c r="V27838" i="1"/>
  <c r="V27839" i="1"/>
  <c r="V27840" i="1"/>
  <c r="V27841" i="1"/>
  <c r="V27842" i="1"/>
  <c r="V27843" i="1"/>
  <c r="V27844" i="1"/>
  <c r="V27845" i="1"/>
  <c r="V27846" i="1"/>
  <c r="V27847" i="1"/>
  <c r="V27848" i="1"/>
  <c r="V27849" i="1"/>
  <c r="V27850" i="1"/>
  <c r="V27851" i="1"/>
  <c r="V27852" i="1"/>
  <c r="V27853" i="1"/>
  <c r="V27854" i="1"/>
  <c r="V27855" i="1"/>
  <c r="V27856" i="1"/>
  <c r="V27857" i="1"/>
  <c r="V27858" i="1"/>
  <c r="V27859" i="1"/>
  <c r="V27860" i="1"/>
  <c r="V27861" i="1"/>
  <c r="V27862" i="1"/>
  <c r="V27863" i="1"/>
  <c r="V27864" i="1"/>
  <c r="V27865" i="1"/>
  <c r="V27866" i="1"/>
  <c r="V27867" i="1"/>
  <c r="V27868" i="1"/>
  <c r="V27869" i="1"/>
  <c r="V27870" i="1"/>
  <c r="V27871" i="1"/>
  <c r="V27872" i="1"/>
  <c r="V27873" i="1"/>
  <c r="V27874" i="1"/>
  <c r="V27875" i="1"/>
  <c r="V27876" i="1"/>
  <c r="V27877" i="1"/>
  <c r="V27878" i="1"/>
  <c r="V27879" i="1"/>
  <c r="V27880" i="1"/>
  <c r="V27881" i="1"/>
  <c r="V27882" i="1"/>
  <c r="V27883" i="1"/>
  <c r="V27884" i="1"/>
  <c r="V27885" i="1"/>
  <c r="V27886" i="1"/>
  <c r="V27887" i="1"/>
  <c r="V27888" i="1"/>
  <c r="V27889" i="1"/>
  <c r="V27890" i="1"/>
  <c r="V27891" i="1"/>
  <c r="V27892" i="1"/>
  <c r="V27893" i="1"/>
  <c r="V27894" i="1"/>
  <c r="V27895" i="1"/>
  <c r="V27896" i="1"/>
  <c r="V27897" i="1"/>
  <c r="V27898" i="1"/>
  <c r="V27899" i="1"/>
  <c r="V27900" i="1"/>
  <c r="V27901" i="1"/>
  <c r="V27902" i="1"/>
  <c r="V27903" i="1"/>
  <c r="V27904" i="1"/>
  <c r="V27905" i="1"/>
  <c r="V27906" i="1"/>
  <c r="V27907" i="1"/>
  <c r="V27908" i="1"/>
  <c r="V27909" i="1"/>
  <c r="V27910" i="1"/>
  <c r="V27911" i="1"/>
  <c r="V27912" i="1"/>
  <c r="V27913" i="1"/>
  <c r="V27914" i="1"/>
  <c r="V27915" i="1"/>
  <c r="V27916" i="1"/>
  <c r="V27917" i="1"/>
  <c r="V27918" i="1"/>
  <c r="V27919" i="1"/>
  <c r="V27920" i="1"/>
  <c r="V27921" i="1"/>
  <c r="V27922" i="1"/>
  <c r="V27923" i="1"/>
  <c r="V27924" i="1"/>
  <c r="V27925" i="1"/>
  <c r="V27926" i="1"/>
  <c r="V27927" i="1"/>
  <c r="V27928" i="1"/>
  <c r="V27929" i="1"/>
  <c r="V27930" i="1"/>
  <c r="V27931" i="1"/>
  <c r="V27932" i="1"/>
  <c r="V27933" i="1"/>
  <c r="V27934" i="1"/>
  <c r="V27935" i="1"/>
  <c r="V27936" i="1"/>
  <c r="V27937" i="1"/>
  <c r="V27938" i="1"/>
  <c r="V27939" i="1"/>
  <c r="V27940" i="1"/>
  <c r="V27941" i="1"/>
  <c r="V27942" i="1"/>
  <c r="V27943" i="1"/>
  <c r="V27944" i="1"/>
  <c r="V27945" i="1"/>
  <c r="V27946" i="1"/>
  <c r="V27947" i="1"/>
  <c r="V27948" i="1"/>
  <c r="V27949" i="1"/>
  <c r="V27950" i="1"/>
  <c r="V27951" i="1"/>
  <c r="V27952" i="1"/>
  <c r="V27953" i="1"/>
  <c r="V27954" i="1"/>
  <c r="V27955" i="1"/>
  <c r="V27956" i="1"/>
  <c r="V27957" i="1"/>
  <c r="V27958" i="1"/>
  <c r="V27959" i="1"/>
  <c r="V27960" i="1"/>
  <c r="V27961" i="1"/>
  <c r="V27962" i="1"/>
  <c r="V27963" i="1"/>
  <c r="V27964" i="1"/>
  <c r="V27965" i="1"/>
  <c r="V27966" i="1"/>
  <c r="V27967" i="1"/>
  <c r="V27968" i="1"/>
  <c r="V27969" i="1"/>
  <c r="V27970" i="1"/>
  <c r="V27971" i="1"/>
  <c r="V27972" i="1"/>
  <c r="V27973" i="1"/>
  <c r="V27974" i="1"/>
  <c r="V27975" i="1"/>
  <c r="V27976" i="1"/>
  <c r="V27977" i="1"/>
  <c r="V27978" i="1"/>
  <c r="V27979" i="1"/>
  <c r="V27980" i="1"/>
  <c r="V27981" i="1"/>
  <c r="V27982" i="1"/>
  <c r="V27983" i="1"/>
  <c r="V27984" i="1"/>
  <c r="V27985" i="1"/>
  <c r="V27986" i="1"/>
  <c r="V27987" i="1"/>
  <c r="V27988" i="1"/>
  <c r="V27989" i="1"/>
  <c r="V27990" i="1"/>
  <c r="V27991" i="1"/>
  <c r="V27992" i="1"/>
  <c r="V27993" i="1"/>
  <c r="V27994" i="1"/>
  <c r="V27995" i="1"/>
  <c r="V27996" i="1"/>
  <c r="V27997" i="1"/>
  <c r="V27998" i="1"/>
  <c r="V27999" i="1"/>
  <c r="V28000" i="1"/>
  <c r="V28001" i="1"/>
  <c r="V28002" i="1"/>
  <c r="V28003" i="1"/>
  <c r="V28004" i="1"/>
  <c r="V28005" i="1"/>
  <c r="V28006" i="1"/>
  <c r="V28007" i="1"/>
  <c r="V28008" i="1"/>
  <c r="V28009" i="1"/>
  <c r="V28010" i="1"/>
  <c r="V28011" i="1"/>
  <c r="V28012" i="1"/>
  <c r="V28013" i="1"/>
  <c r="V28014" i="1"/>
  <c r="V28015" i="1"/>
  <c r="V28016" i="1"/>
  <c r="V28017" i="1"/>
  <c r="V28018" i="1"/>
  <c r="V28019" i="1"/>
  <c r="V28020" i="1"/>
  <c r="V28021" i="1"/>
  <c r="V28022" i="1"/>
  <c r="V28023" i="1"/>
  <c r="V28024" i="1"/>
  <c r="V28025" i="1"/>
  <c r="V28026" i="1"/>
  <c r="V28027" i="1"/>
  <c r="V28028" i="1"/>
  <c r="V28029" i="1"/>
  <c r="V28030" i="1"/>
  <c r="V28031" i="1"/>
  <c r="V28032" i="1"/>
  <c r="V28033" i="1"/>
  <c r="V28034" i="1"/>
  <c r="V28035" i="1"/>
  <c r="V28036" i="1"/>
  <c r="V28037" i="1"/>
  <c r="V28038" i="1"/>
  <c r="V28039" i="1"/>
  <c r="V28040" i="1"/>
  <c r="V28041" i="1"/>
  <c r="V28042" i="1"/>
  <c r="V28043" i="1"/>
  <c r="V28044" i="1"/>
  <c r="V28045" i="1"/>
  <c r="V28046" i="1"/>
  <c r="V28047" i="1"/>
  <c r="V28048" i="1"/>
  <c r="V28049" i="1"/>
  <c r="V28050" i="1"/>
  <c r="V28051" i="1"/>
  <c r="V28052" i="1"/>
  <c r="V28053" i="1"/>
  <c r="V28054" i="1"/>
  <c r="V28055" i="1"/>
  <c r="V28056" i="1"/>
  <c r="V28057" i="1"/>
  <c r="V28058" i="1"/>
  <c r="V28059" i="1"/>
  <c r="V28060" i="1"/>
  <c r="V28061" i="1"/>
  <c r="V28062" i="1"/>
  <c r="V28063" i="1"/>
  <c r="V28064" i="1"/>
  <c r="V28065" i="1"/>
  <c r="V28066" i="1"/>
  <c r="V28067" i="1"/>
  <c r="V28068" i="1"/>
  <c r="V28069" i="1"/>
  <c r="V28070" i="1"/>
  <c r="V28071" i="1"/>
  <c r="V28072" i="1"/>
  <c r="V28073" i="1"/>
  <c r="V28074" i="1"/>
  <c r="V28075" i="1"/>
  <c r="V28076" i="1"/>
  <c r="V28077" i="1"/>
  <c r="V28078" i="1"/>
  <c r="V28079" i="1"/>
  <c r="V28080" i="1"/>
  <c r="V28081" i="1"/>
  <c r="V28082" i="1"/>
  <c r="V28083" i="1"/>
  <c r="V28084" i="1"/>
  <c r="V28085" i="1"/>
  <c r="V28086" i="1"/>
  <c r="V28087" i="1"/>
  <c r="V28088" i="1"/>
  <c r="V28089" i="1"/>
  <c r="V28090" i="1"/>
  <c r="V28091" i="1"/>
  <c r="V28092" i="1"/>
  <c r="V28093" i="1"/>
  <c r="V28094" i="1"/>
  <c r="V28095" i="1"/>
  <c r="V28096" i="1"/>
  <c r="V28097" i="1"/>
  <c r="V28098" i="1"/>
  <c r="V28099" i="1"/>
  <c r="V28100" i="1"/>
  <c r="V28101" i="1"/>
  <c r="V28102" i="1"/>
  <c r="V28103" i="1"/>
  <c r="V28104" i="1"/>
  <c r="V28105" i="1"/>
  <c r="V28106" i="1"/>
  <c r="V28107" i="1"/>
  <c r="V28108" i="1"/>
  <c r="V28109" i="1"/>
  <c r="V28110" i="1"/>
  <c r="V28111" i="1"/>
  <c r="V28112" i="1"/>
  <c r="V28113" i="1"/>
  <c r="V28114" i="1"/>
  <c r="V28115" i="1"/>
  <c r="V28116" i="1"/>
  <c r="V28117" i="1"/>
  <c r="V28118" i="1"/>
  <c r="V28119" i="1"/>
  <c r="V28120" i="1"/>
  <c r="V28121" i="1"/>
  <c r="V28122" i="1"/>
  <c r="V28123" i="1"/>
  <c r="V28124" i="1"/>
  <c r="V28125" i="1"/>
  <c r="V28126" i="1"/>
  <c r="V28127" i="1"/>
  <c r="V28128" i="1"/>
  <c r="V28129" i="1"/>
  <c r="V28130" i="1"/>
  <c r="V28131" i="1"/>
  <c r="V28132" i="1"/>
  <c r="V28133" i="1"/>
  <c r="V28134" i="1"/>
  <c r="V28135" i="1"/>
  <c r="V28136" i="1"/>
  <c r="V28137" i="1"/>
  <c r="V28138" i="1"/>
  <c r="V28139" i="1"/>
  <c r="V28140" i="1"/>
  <c r="V28141" i="1"/>
  <c r="V28142" i="1"/>
  <c r="V28143" i="1"/>
  <c r="V28144" i="1"/>
  <c r="V28145" i="1"/>
  <c r="V28146" i="1"/>
  <c r="V28147" i="1"/>
  <c r="V28148" i="1"/>
  <c r="V28149" i="1"/>
  <c r="V28150" i="1"/>
  <c r="V28151" i="1"/>
  <c r="V28152" i="1"/>
  <c r="V28153" i="1"/>
  <c r="V28154" i="1"/>
  <c r="V28155" i="1"/>
  <c r="V28156" i="1"/>
  <c r="V28157" i="1"/>
  <c r="V28158" i="1"/>
  <c r="V28159" i="1"/>
  <c r="V28160" i="1"/>
  <c r="V28161" i="1"/>
  <c r="V28162" i="1"/>
  <c r="V28163" i="1"/>
  <c r="V28164" i="1"/>
  <c r="V28165" i="1"/>
  <c r="V28166" i="1"/>
  <c r="V28167" i="1"/>
  <c r="V28168" i="1"/>
  <c r="V28169" i="1"/>
  <c r="V28170" i="1"/>
  <c r="V28171" i="1"/>
  <c r="V28172" i="1"/>
  <c r="V28173" i="1"/>
  <c r="V28174" i="1"/>
  <c r="V28175" i="1"/>
  <c r="V28176" i="1"/>
  <c r="V28177" i="1"/>
  <c r="V28178" i="1"/>
  <c r="V28179" i="1"/>
  <c r="V28180" i="1"/>
  <c r="V28181" i="1"/>
  <c r="V28182" i="1"/>
  <c r="V28183" i="1"/>
  <c r="V28184" i="1"/>
  <c r="V28185" i="1"/>
  <c r="V28186" i="1"/>
  <c r="V28187" i="1"/>
  <c r="V28188" i="1"/>
  <c r="V28189" i="1"/>
  <c r="V28190" i="1"/>
  <c r="V28191" i="1"/>
  <c r="V28192" i="1"/>
  <c r="V28193" i="1"/>
  <c r="V28194" i="1"/>
  <c r="V28195" i="1"/>
  <c r="V28196" i="1"/>
  <c r="V28197" i="1"/>
  <c r="V28198" i="1"/>
  <c r="V28199" i="1"/>
  <c r="V28200" i="1"/>
  <c r="V28201" i="1"/>
  <c r="V28202" i="1"/>
  <c r="V28203" i="1"/>
  <c r="V28204" i="1"/>
  <c r="V28205" i="1"/>
  <c r="V28206" i="1"/>
  <c r="V28207" i="1"/>
  <c r="V28208" i="1"/>
  <c r="V28209" i="1"/>
  <c r="V28210" i="1"/>
  <c r="V28211" i="1"/>
  <c r="V28212" i="1"/>
  <c r="V28213" i="1"/>
  <c r="V28214" i="1"/>
  <c r="V28215" i="1"/>
  <c r="V28216" i="1"/>
  <c r="V28217" i="1"/>
  <c r="V28218" i="1"/>
  <c r="V28219" i="1"/>
  <c r="V28220" i="1"/>
  <c r="V28221" i="1"/>
  <c r="V28222" i="1"/>
  <c r="V28223" i="1"/>
  <c r="V28224" i="1"/>
  <c r="V28225" i="1"/>
  <c r="V28226" i="1"/>
  <c r="V28227" i="1"/>
  <c r="V28228" i="1"/>
  <c r="V28229" i="1"/>
  <c r="V28230" i="1"/>
  <c r="V28231" i="1"/>
  <c r="V28232" i="1"/>
  <c r="V28233" i="1"/>
  <c r="V28234" i="1"/>
  <c r="V28235" i="1"/>
  <c r="V28236" i="1"/>
  <c r="V28237" i="1"/>
  <c r="V28238" i="1"/>
  <c r="V28239" i="1"/>
  <c r="V28240" i="1"/>
  <c r="V28241" i="1"/>
  <c r="V28242" i="1"/>
  <c r="V28243" i="1"/>
  <c r="V28244" i="1"/>
  <c r="V28245" i="1"/>
  <c r="V28246" i="1"/>
  <c r="V28247" i="1"/>
  <c r="V28248" i="1"/>
  <c r="V28249" i="1"/>
  <c r="V28250" i="1"/>
  <c r="V28251" i="1"/>
  <c r="V28252" i="1"/>
  <c r="V28253" i="1"/>
  <c r="V28254" i="1"/>
  <c r="V28255" i="1"/>
  <c r="V28256" i="1"/>
  <c r="V28257" i="1"/>
  <c r="V28258" i="1"/>
  <c r="V28259" i="1"/>
  <c r="V28260" i="1"/>
  <c r="V28261" i="1"/>
  <c r="V28262" i="1"/>
  <c r="V28263" i="1"/>
  <c r="V28264" i="1"/>
  <c r="V28265" i="1"/>
  <c r="V28266" i="1"/>
  <c r="V28267" i="1"/>
  <c r="V28268" i="1"/>
  <c r="V28269" i="1"/>
  <c r="V28270" i="1"/>
  <c r="V28271" i="1"/>
  <c r="V28272" i="1"/>
  <c r="V28273" i="1"/>
  <c r="V28274" i="1"/>
  <c r="V28275" i="1"/>
  <c r="V28276" i="1"/>
  <c r="V28277" i="1"/>
  <c r="V28278" i="1"/>
  <c r="V28279" i="1"/>
  <c r="V28280" i="1"/>
  <c r="V28281" i="1"/>
  <c r="V28282" i="1"/>
  <c r="V28283" i="1"/>
  <c r="V28284" i="1"/>
  <c r="V28285" i="1"/>
  <c r="V28286" i="1"/>
  <c r="V28287" i="1"/>
  <c r="V28288" i="1"/>
  <c r="V28289" i="1"/>
  <c r="V28290" i="1"/>
  <c r="V28291" i="1"/>
  <c r="V28292" i="1"/>
  <c r="V28293" i="1"/>
  <c r="V28294" i="1"/>
  <c r="V28295" i="1"/>
  <c r="V28296" i="1"/>
  <c r="V28297" i="1"/>
  <c r="V28298" i="1"/>
  <c r="V28299" i="1"/>
  <c r="V28300" i="1"/>
  <c r="V28301" i="1"/>
  <c r="V28302" i="1"/>
  <c r="V28303" i="1"/>
  <c r="V28304" i="1"/>
  <c r="V28305" i="1"/>
  <c r="V28306" i="1"/>
  <c r="V28307" i="1"/>
  <c r="V28308" i="1"/>
  <c r="V28309" i="1"/>
  <c r="V28310" i="1"/>
  <c r="V28311" i="1"/>
  <c r="V28312" i="1"/>
  <c r="V28313" i="1"/>
  <c r="V28314" i="1"/>
  <c r="V28315" i="1"/>
  <c r="V28316" i="1"/>
  <c r="V28317" i="1"/>
  <c r="V28318" i="1"/>
  <c r="V28319" i="1"/>
  <c r="V28320" i="1"/>
  <c r="V28321" i="1"/>
  <c r="V28322" i="1"/>
  <c r="V28323" i="1"/>
  <c r="V28324" i="1"/>
  <c r="V28325" i="1"/>
  <c r="V28326" i="1"/>
  <c r="V28327" i="1"/>
  <c r="V28328" i="1"/>
  <c r="V28329" i="1"/>
  <c r="V28330" i="1"/>
  <c r="V28331" i="1"/>
  <c r="V28332" i="1"/>
  <c r="V28333" i="1"/>
  <c r="V28334" i="1"/>
  <c r="V28335" i="1"/>
  <c r="V28336" i="1"/>
  <c r="V28337" i="1"/>
  <c r="V28338" i="1"/>
  <c r="V28339" i="1"/>
  <c r="V28340" i="1"/>
  <c r="V28341" i="1"/>
  <c r="V28342" i="1"/>
  <c r="V28343" i="1"/>
  <c r="V28344" i="1"/>
  <c r="V28345" i="1"/>
  <c r="V28346" i="1"/>
  <c r="V28347" i="1"/>
  <c r="V28348" i="1"/>
  <c r="V28349" i="1"/>
  <c r="V28350" i="1"/>
  <c r="V28351" i="1"/>
  <c r="V28352" i="1"/>
  <c r="V28353" i="1"/>
  <c r="V28354" i="1"/>
  <c r="V28355" i="1"/>
  <c r="V28356" i="1"/>
  <c r="V28357" i="1"/>
  <c r="V28358" i="1"/>
  <c r="V28359" i="1"/>
  <c r="V28360" i="1"/>
  <c r="V28361" i="1"/>
  <c r="V28362" i="1"/>
  <c r="V28363" i="1"/>
  <c r="V28364" i="1"/>
  <c r="V28365" i="1"/>
  <c r="V28366" i="1"/>
  <c r="V28367" i="1"/>
  <c r="V28368" i="1"/>
  <c r="V28369" i="1"/>
  <c r="V28370" i="1"/>
  <c r="V28371" i="1"/>
  <c r="V28372" i="1"/>
  <c r="V28373" i="1"/>
  <c r="V28374" i="1"/>
  <c r="V28375" i="1"/>
  <c r="V28376" i="1"/>
  <c r="V28377" i="1"/>
  <c r="V28378" i="1"/>
  <c r="V28379" i="1"/>
  <c r="V28380" i="1"/>
  <c r="V28381" i="1"/>
  <c r="V28382" i="1"/>
  <c r="V28383" i="1"/>
  <c r="V28384" i="1"/>
  <c r="V28385" i="1"/>
  <c r="V28386" i="1"/>
  <c r="V28387" i="1"/>
  <c r="V28388" i="1"/>
  <c r="V28389" i="1"/>
  <c r="V28390" i="1"/>
  <c r="V28391" i="1"/>
  <c r="V28392" i="1"/>
  <c r="V28393" i="1"/>
  <c r="V28394" i="1"/>
  <c r="V28395" i="1"/>
  <c r="V28396" i="1"/>
  <c r="V28397" i="1"/>
  <c r="V28398" i="1"/>
  <c r="V28399" i="1"/>
  <c r="V28400" i="1"/>
  <c r="V28401" i="1"/>
  <c r="V28402" i="1"/>
  <c r="V28403" i="1"/>
  <c r="V28404" i="1"/>
  <c r="V28405" i="1"/>
  <c r="V28406" i="1"/>
  <c r="V28407" i="1"/>
  <c r="V28408" i="1"/>
  <c r="V28409" i="1"/>
  <c r="V28410" i="1"/>
  <c r="V28411" i="1"/>
  <c r="V28412" i="1"/>
  <c r="V28413" i="1"/>
  <c r="V28414" i="1"/>
  <c r="V28415" i="1"/>
  <c r="V28416" i="1"/>
  <c r="V28417" i="1"/>
  <c r="V28418" i="1"/>
  <c r="V28419" i="1"/>
  <c r="V28420" i="1"/>
  <c r="V28421" i="1"/>
  <c r="V28422" i="1"/>
  <c r="V28423" i="1"/>
  <c r="V28424" i="1"/>
  <c r="V28425" i="1"/>
  <c r="V28426" i="1"/>
  <c r="V28427" i="1"/>
  <c r="V28428" i="1"/>
  <c r="V28429" i="1"/>
  <c r="V28430" i="1"/>
  <c r="V28431" i="1"/>
  <c r="V28432" i="1"/>
  <c r="V28433" i="1"/>
  <c r="V28434" i="1"/>
  <c r="V28435" i="1"/>
  <c r="V28436" i="1"/>
  <c r="V28437" i="1"/>
  <c r="V28438" i="1"/>
  <c r="V28439" i="1"/>
  <c r="V28440" i="1"/>
  <c r="V28441" i="1"/>
  <c r="V28442" i="1"/>
  <c r="V28443" i="1"/>
  <c r="V28444" i="1"/>
  <c r="V28445" i="1"/>
  <c r="V28446" i="1"/>
  <c r="V28447" i="1"/>
  <c r="V28448" i="1"/>
  <c r="V28449" i="1"/>
  <c r="V28450" i="1"/>
  <c r="V28451" i="1"/>
  <c r="V28452" i="1"/>
  <c r="V28453" i="1"/>
  <c r="V28454" i="1"/>
  <c r="V28455" i="1"/>
  <c r="V28456" i="1"/>
  <c r="V28457" i="1"/>
  <c r="V28458" i="1"/>
  <c r="V28459" i="1"/>
  <c r="V28460" i="1"/>
  <c r="V28461" i="1"/>
  <c r="V28462" i="1"/>
  <c r="V28463" i="1"/>
  <c r="V28464" i="1"/>
  <c r="V28465" i="1"/>
  <c r="V28466" i="1"/>
  <c r="V28467" i="1"/>
  <c r="V28468" i="1"/>
  <c r="V28469" i="1"/>
  <c r="V28470" i="1"/>
  <c r="V28471" i="1"/>
  <c r="V28472" i="1"/>
  <c r="V28473" i="1"/>
  <c r="V28474" i="1"/>
  <c r="V28475" i="1"/>
  <c r="V28476" i="1"/>
  <c r="V28477" i="1"/>
  <c r="V28478" i="1"/>
  <c r="V28479" i="1"/>
  <c r="V28480" i="1"/>
  <c r="V28481" i="1"/>
  <c r="V28482" i="1"/>
  <c r="V28483" i="1"/>
  <c r="V28484" i="1"/>
  <c r="V28485" i="1"/>
  <c r="V28486" i="1"/>
  <c r="V28487" i="1"/>
  <c r="V28488" i="1"/>
  <c r="V28489" i="1"/>
  <c r="V28490" i="1"/>
  <c r="V28491" i="1"/>
  <c r="V28492" i="1"/>
  <c r="V28493" i="1"/>
  <c r="V28494" i="1"/>
  <c r="V28495" i="1"/>
  <c r="V28496" i="1"/>
  <c r="V28497" i="1"/>
  <c r="V28498" i="1"/>
  <c r="V28499" i="1"/>
  <c r="V28500" i="1"/>
  <c r="V28501" i="1"/>
  <c r="V28502" i="1"/>
  <c r="V28503" i="1"/>
  <c r="V28504" i="1"/>
  <c r="V28505" i="1"/>
  <c r="V28506" i="1"/>
  <c r="V28507" i="1"/>
  <c r="V28508" i="1"/>
  <c r="V28509" i="1"/>
  <c r="V28510" i="1"/>
  <c r="V28511" i="1"/>
  <c r="V28512" i="1"/>
  <c r="V28513" i="1"/>
  <c r="V28514" i="1"/>
  <c r="V28515" i="1"/>
  <c r="V28516" i="1"/>
  <c r="V28517" i="1"/>
  <c r="V28518" i="1"/>
  <c r="V28519" i="1"/>
  <c r="V28520" i="1"/>
  <c r="V28521" i="1"/>
  <c r="V28522" i="1"/>
  <c r="V28523" i="1"/>
  <c r="V28524" i="1"/>
  <c r="V28525" i="1"/>
  <c r="V28526" i="1"/>
  <c r="V28527" i="1"/>
  <c r="V28528" i="1"/>
  <c r="V28529" i="1"/>
  <c r="V28530" i="1"/>
  <c r="V28531" i="1"/>
  <c r="V28532" i="1"/>
  <c r="V28533" i="1"/>
  <c r="V28534" i="1"/>
  <c r="V28535" i="1"/>
  <c r="V28536" i="1"/>
  <c r="V28537" i="1"/>
  <c r="V28538" i="1"/>
  <c r="V28539" i="1"/>
  <c r="V28540" i="1"/>
  <c r="V28541" i="1"/>
  <c r="V28542" i="1"/>
  <c r="V28543" i="1"/>
  <c r="V28544" i="1"/>
  <c r="V28545" i="1"/>
  <c r="V28546" i="1"/>
  <c r="V28547" i="1"/>
  <c r="V28548" i="1"/>
  <c r="V28549" i="1"/>
  <c r="V28550" i="1"/>
  <c r="V28551" i="1"/>
  <c r="V28552" i="1"/>
  <c r="V28553" i="1"/>
  <c r="V28554" i="1"/>
  <c r="V28555" i="1"/>
  <c r="V28556" i="1"/>
  <c r="V28557" i="1"/>
  <c r="V28558" i="1"/>
  <c r="V28559" i="1"/>
  <c r="V28560" i="1"/>
  <c r="V28561" i="1"/>
  <c r="V28562" i="1"/>
  <c r="V28563" i="1"/>
  <c r="V28564" i="1"/>
  <c r="V28565" i="1"/>
  <c r="V28566" i="1"/>
  <c r="V28567" i="1"/>
  <c r="V28568" i="1"/>
  <c r="V28569" i="1"/>
  <c r="V28570" i="1"/>
  <c r="V28571" i="1"/>
  <c r="V28572" i="1"/>
  <c r="V28573" i="1"/>
  <c r="V28574" i="1"/>
  <c r="V28575" i="1"/>
  <c r="V28576" i="1"/>
  <c r="V28577" i="1"/>
  <c r="V28578" i="1"/>
  <c r="V28579" i="1"/>
  <c r="V28580" i="1"/>
  <c r="V28581" i="1"/>
  <c r="V28582" i="1"/>
  <c r="V28583" i="1"/>
  <c r="V28584" i="1"/>
  <c r="V28585" i="1"/>
  <c r="V28586" i="1"/>
  <c r="V28587" i="1"/>
  <c r="V28588" i="1"/>
  <c r="V28589" i="1"/>
  <c r="V28590" i="1"/>
  <c r="V28591" i="1"/>
  <c r="V28592" i="1"/>
  <c r="V28593" i="1"/>
  <c r="V28594" i="1"/>
  <c r="V28595" i="1"/>
  <c r="V28596" i="1"/>
  <c r="V28597" i="1"/>
  <c r="V28598" i="1"/>
  <c r="V28599" i="1"/>
  <c r="V28600" i="1"/>
  <c r="V28601" i="1"/>
  <c r="V28602" i="1"/>
  <c r="V28603" i="1"/>
  <c r="V28604" i="1"/>
  <c r="V28605" i="1"/>
  <c r="V28606" i="1"/>
  <c r="V28607" i="1"/>
  <c r="V28608" i="1"/>
  <c r="V28609" i="1"/>
  <c r="V28610" i="1"/>
  <c r="V28611" i="1"/>
  <c r="V28612" i="1"/>
  <c r="V28613" i="1"/>
  <c r="V28614" i="1"/>
  <c r="V28615" i="1"/>
  <c r="V28616" i="1"/>
  <c r="V28617" i="1"/>
  <c r="V28618" i="1"/>
  <c r="V28619" i="1"/>
  <c r="V28620" i="1"/>
  <c r="V28621" i="1"/>
  <c r="V28622" i="1"/>
  <c r="V28623" i="1"/>
  <c r="V28624" i="1"/>
  <c r="V28625" i="1"/>
  <c r="V28626" i="1"/>
  <c r="V28627" i="1"/>
  <c r="V28628" i="1"/>
  <c r="V28629" i="1"/>
  <c r="V28630" i="1"/>
  <c r="V28631" i="1"/>
  <c r="V28632" i="1"/>
  <c r="V28633" i="1"/>
  <c r="V28634" i="1"/>
  <c r="V28635" i="1"/>
  <c r="V28636" i="1"/>
  <c r="V28637" i="1"/>
  <c r="V28638" i="1"/>
  <c r="V28639" i="1"/>
  <c r="V28640" i="1"/>
  <c r="V28641" i="1"/>
  <c r="V28642" i="1"/>
  <c r="V28643" i="1"/>
  <c r="V28644" i="1"/>
  <c r="V28645" i="1"/>
  <c r="V28646" i="1"/>
  <c r="V28647" i="1"/>
  <c r="V28648" i="1"/>
  <c r="V28649" i="1"/>
  <c r="V28650" i="1"/>
  <c r="V28651" i="1"/>
  <c r="V28652" i="1"/>
  <c r="V28653" i="1"/>
  <c r="V28654" i="1"/>
  <c r="V28655" i="1"/>
  <c r="V28656" i="1"/>
  <c r="V28657" i="1"/>
  <c r="V28658" i="1"/>
  <c r="V28659" i="1"/>
  <c r="V28660" i="1"/>
  <c r="V28661" i="1"/>
  <c r="V28662" i="1"/>
  <c r="V28663" i="1"/>
  <c r="V28664" i="1"/>
  <c r="V28665" i="1"/>
  <c r="V28666" i="1"/>
  <c r="V28667" i="1"/>
  <c r="V28668" i="1"/>
  <c r="V28669" i="1"/>
  <c r="V28670" i="1"/>
  <c r="V28671" i="1"/>
  <c r="V28672" i="1"/>
  <c r="V28673" i="1"/>
  <c r="V28674" i="1"/>
  <c r="V28675" i="1"/>
  <c r="V28676" i="1"/>
  <c r="V28677" i="1"/>
  <c r="V28678" i="1"/>
  <c r="V28679" i="1"/>
  <c r="V28680" i="1"/>
  <c r="V28681" i="1"/>
  <c r="V28682" i="1"/>
  <c r="V28683" i="1"/>
  <c r="V28684" i="1"/>
  <c r="V28685" i="1"/>
  <c r="V28686" i="1"/>
  <c r="V28687" i="1"/>
  <c r="V28688" i="1"/>
  <c r="V28689" i="1"/>
  <c r="V28690" i="1"/>
  <c r="V28691" i="1"/>
  <c r="V28692" i="1"/>
  <c r="V28693" i="1"/>
  <c r="V28694" i="1"/>
  <c r="V28695" i="1"/>
  <c r="V28696" i="1"/>
  <c r="V28697" i="1"/>
  <c r="V28698" i="1"/>
  <c r="V28699" i="1"/>
  <c r="V28700" i="1"/>
  <c r="V28701" i="1"/>
  <c r="V28702" i="1"/>
  <c r="V28703" i="1"/>
  <c r="V28704" i="1"/>
  <c r="V28705" i="1"/>
  <c r="V28706" i="1"/>
  <c r="V28707" i="1"/>
  <c r="V28708" i="1"/>
  <c r="V28709" i="1"/>
  <c r="V28710" i="1"/>
  <c r="V28711" i="1"/>
  <c r="V28712" i="1"/>
  <c r="V28713" i="1"/>
  <c r="V28714" i="1"/>
  <c r="V28715" i="1"/>
  <c r="V28716" i="1"/>
  <c r="V28717" i="1"/>
  <c r="V28718" i="1"/>
  <c r="V28719" i="1"/>
  <c r="V28720" i="1"/>
  <c r="V28721" i="1"/>
  <c r="V28722" i="1"/>
  <c r="V28723" i="1"/>
  <c r="V28724" i="1"/>
  <c r="V28725" i="1"/>
  <c r="V28726" i="1"/>
  <c r="V28727" i="1"/>
  <c r="V28728" i="1"/>
  <c r="V28729" i="1"/>
  <c r="V28730" i="1"/>
  <c r="V28731" i="1"/>
  <c r="V28732" i="1"/>
  <c r="V28733" i="1"/>
  <c r="V28734" i="1"/>
  <c r="V28735" i="1"/>
  <c r="V28736" i="1"/>
  <c r="V28737" i="1"/>
  <c r="V28738" i="1"/>
  <c r="V28739" i="1"/>
  <c r="V28740" i="1"/>
  <c r="V28741" i="1"/>
  <c r="V28742" i="1"/>
  <c r="V28743" i="1"/>
  <c r="V28744" i="1"/>
  <c r="V28745" i="1"/>
  <c r="V28746" i="1"/>
  <c r="V28747" i="1"/>
  <c r="V28748" i="1"/>
  <c r="V28749" i="1"/>
  <c r="V28750" i="1"/>
  <c r="V28751" i="1"/>
  <c r="V28752" i="1"/>
  <c r="V28753" i="1"/>
  <c r="V28754" i="1"/>
  <c r="V28755" i="1"/>
  <c r="V28756" i="1"/>
  <c r="V28757" i="1"/>
  <c r="V28758" i="1"/>
  <c r="V28759" i="1"/>
  <c r="V28760" i="1"/>
  <c r="V28761" i="1"/>
  <c r="V28762" i="1"/>
  <c r="V28763" i="1"/>
  <c r="V28764" i="1"/>
  <c r="V28765" i="1"/>
  <c r="V28766" i="1"/>
  <c r="V28767" i="1"/>
  <c r="V28768" i="1"/>
  <c r="V28769" i="1"/>
  <c r="V28770" i="1"/>
  <c r="V28771" i="1"/>
  <c r="V28772" i="1"/>
  <c r="V28773" i="1"/>
  <c r="V28774" i="1"/>
  <c r="V28775" i="1"/>
  <c r="V28776" i="1"/>
  <c r="V28777" i="1"/>
  <c r="V28778" i="1"/>
  <c r="V28779" i="1"/>
  <c r="V28780" i="1"/>
  <c r="V28781" i="1"/>
  <c r="V28782" i="1"/>
  <c r="V28783" i="1"/>
  <c r="V28784" i="1"/>
  <c r="V28785" i="1"/>
  <c r="V28786" i="1"/>
  <c r="V28787" i="1"/>
  <c r="V28788" i="1"/>
  <c r="V28789" i="1"/>
  <c r="V28790" i="1"/>
  <c r="V28791" i="1"/>
  <c r="V28792" i="1"/>
  <c r="V28793" i="1"/>
  <c r="V28794" i="1"/>
  <c r="V28795" i="1"/>
  <c r="V28796" i="1"/>
  <c r="V28797" i="1"/>
  <c r="V28798" i="1"/>
  <c r="V28799" i="1"/>
  <c r="V28800" i="1"/>
  <c r="V28801" i="1"/>
  <c r="V28802" i="1"/>
  <c r="V28803" i="1"/>
  <c r="V28804" i="1"/>
  <c r="V28805" i="1"/>
  <c r="V28806" i="1"/>
  <c r="V28807" i="1"/>
  <c r="V28808" i="1"/>
  <c r="V28809" i="1"/>
  <c r="V28810" i="1"/>
  <c r="V28811" i="1"/>
  <c r="V28812" i="1"/>
  <c r="V28813" i="1"/>
  <c r="V28814" i="1"/>
  <c r="V28815" i="1"/>
  <c r="V28816" i="1"/>
  <c r="V28817" i="1"/>
  <c r="V28818" i="1"/>
  <c r="V28819" i="1"/>
  <c r="V28820" i="1"/>
  <c r="V28821" i="1"/>
  <c r="V28822" i="1"/>
  <c r="V28823" i="1"/>
  <c r="V28824" i="1"/>
  <c r="V28825" i="1"/>
  <c r="V28826" i="1"/>
  <c r="V28827" i="1"/>
  <c r="V28828" i="1"/>
  <c r="V28829" i="1"/>
  <c r="V28830" i="1"/>
  <c r="V28831" i="1"/>
  <c r="V28832" i="1"/>
  <c r="V28833" i="1"/>
  <c r="V28834" i="1"/>
  <c r="V28835" i="1"/>
  <c r="V28836" i="1"/>
  <c r="V28837" i="1"/>
  <c r="V28838" i="1"/>
  <c r="V28839" i="1"/>
  <c r="V28840" i="1"/>
  <c r="V28841" i="1"/>
  <c r="V28842" i="1"/>
  <c r="V28843" i="1"/>
  <c r="V28844" i="1"/>
  <c r="V28845" i="1"/>
  <c r="V28846" i="1"/>
  <c r="V28847" i="1"/>
  <c r="V28848" i="1"/>
  <c r="V28849" i="1"/>
  <c r="V28850" i="1"/>
  <c r="V28851" i="1"/>
  <c r="V28852" i="1"/>
  <c r="V28853" i="1"/>
  <c r="V28854" i="1"/>
  <c r="V28855" i="1"/>
  <c r="V28856" i="1"/>
  <c r="V28857" i="1"/>
  <c r="V28858" i="1"/>
  <c r="V28859" i="1"/>
  <c r="V28860" i="1"/>
  <c r="V28861" i="1"/>
  <c r="V28862" i="1"/>
  <c r="V28863" i="1"/>
  <c r="V28864" i="1"/>
  <c r="V28865" i="1"/>
  <c r="V28866" i="1"/>
  <c r="V28867" i="1"/>
  <c r="V28868" i="1"/>
  <c r="V28869" i="1"/>
  <c r="V28870" i="1"/>
  <c r="V28871" i="1"/>
  <c r="V28872" i="1"/>
  <c r="V28873" i="1"/>
  <c r="V28874" i="1"/>
  <c r="V28875" i="1"/>
  <c r="V28876" i="1"/>
  <c r="V28877" i="1"/>
  <c r="V28878" i="1"/>
  <c r="V28879" i="1"/>
  <c r="V28880" i="1"/>
  <c r="V28881" i="1"/>
  <c r="V28882" i="1"/>
  <c r="V28883" i="1"/>
  <c r="V28884" i="1"/>
  <c r="V28885" i="1"/>
  <c r="V28886" i="1"/>
  <c r="V28887" i="1"/>
  <c r="V28888" i="1"/>
  <c r="V28889" i="1"/>
  <c r="V28890" i="1"/>
  <c r="V28891" i="1"/>
  <c r="V28892" i="1"/>
  <c r="V28893" i="1"/>
  <c r="V28894" i="1"/>
  <c r="V28895" i="1"/>
  <c r="V28896" i="1"/>
  <c r="V28897" i="1"/>
  <c r="V28898" i="1"/>
  <c r="V28899" i="1"/>
  <c r="V28900" i="1"/>
  <c r="V28901" i="1"/>
  <c r="V28902" i="1"/>
  <c r="V28903" i="1"/>
  <c r="V28904" i="1"/>
  <c r="V28905" i="1"/>
  <c r="V28906" i="1"/>
  <c r="V28907" i="1"/>
  <c r="V28908" i="1"/>
  <c r="V28909" i="1"/>
  <c r="V28910" i="1"/>
  <c r="V28911" i="1"/>
  <c r="V28912" i="1"/>
  <c r="V28913" i="1"/>
  <c r="V28914" i="1"/>
  <c r="V28915" i="1"/>
  <c r="V28916" i="1"/>
  <c r="V28917" i="1"/>
  <c r="V28918" i="1"/>
  <c r="V28919" i="1"/>
  <c r="V28920" i="1"/>
  <c r="V28921" i="1"/>
  <c r="V28922" i="1"/>
  <c r="V28923" i="1"/>
  <c r="V28924" i="1"/>
  <c r="V28925" i="1"/>
  <c r="V28926" i="1"/>
  <c r="V28927" i="1"/>
  <c r="V28928" i="1"/>
  <c r="V28929" i="1"/>
  <c r="V28930" i="1"/>
  <c r="V28931" i="1"/>
  <c r="V28932" i="1"/>
  <c r="V28933" i="1"/>
  <c r="V28934" i="1"/>
  <c r="V28935" i="1"/>
  <c r="V28936" i="1"/>
  <c r="V28937" i="1"/>
  <c r="V28938" i="1"/>
  <c r="V28939" i="1"/>
  <c r="V28940" i="1"/>
  <c r="V28941" i="1"/>
  <c r="V28942" i="1"/>
  <c r="V28943" i="1"/>
  <c r="V28944" i="1"/>
  <c r="V28945" i="1"/>
  <c r="V28946" i="1"/>
  <c r="V28947" i="1"/>
  <c r="V28948" i="1"/>
  <c r="V28949" i="1"/>
  <c r="V28950" i="1"/>
  <c r="V28951" i="1"/>
  <c r="V28952" i="1"/>
  <c r="V28953" i="1"/>
  <c r="V28954" i="1"/>
  <c r="V28955" i="1"/>
  <c r="V28956" i="1"/>
  <c r="V28957" i="1"/>
  <c r="V28958" i="1"/>
  <c r="V28959" i="1"/>
  <c r="V28960" i="1"/>
  <c r="V28961" i="1"/>
  <c r="V28962" i="1"/>
  <c r="V28963" i="1"/>
  <c r="V28964" i="1"/>
  <c r="V28965" i="1"/>
  <c r="V28966" i="1"/>
  <c r="V28967" i="1"/>
  <c r="V28968" i="1"/>
  <c r="V28969" i="1"/>
  <c r="V28970" i="1"/>
  <c r="V28971" i="1"/>
  <c r="V28972" i="1"/>
  <c r="V28973" i="1"/>
  <c r="V28974" i="1"/>
  <c r="V28975" i="1"/>
  <c r="V28976" i="1"/>
  <c r="V28977" i="1"/>
  <c r="V28978" i="1"/>
  <c r="V28979" i="1"/>
  <c r="V28980" i="1"/>
  <c r="V28981" i="1"/>
  <c r="V28982" i="1"/>
  <c r="V28983" i="1"/>
  <c r="V28984" i="1"/>
  <c r="V28985" i="1"/>
  <c r="V28986" i="1"/>
  <c r="V28987" i="1"/>
  <c r="V28988" i="1"/>
  <c r="V28989" i="1"/>
  <c r="V28990" i="1"/>
  <c r="V28991" i="1"/>
  <c r="V28992" i="1"/>
  <c r="V28993" i="1"/>
  <c r="V28994" i="1"/>
  <c r="V28995" i="1"/>
  <c r="V28996" i="1"/>
  <c r="V28997" i="1"/>
  <c r="V28998" i="1"/>
  <c r="V28999" i="1"/>
  <c r="V29000" i="1"/>
  <c r="V29001" i="1"/>
  <c r="V29002" i="1"/>
  <c r="V29003" i="1"/>
  <c r="V29004" i="1"/>
  <c r="V29005" i="1"/>
  <c r="V29006" i="1"/>
  <c r="V29007" i="1"/>
  <c r="V29008" i="1"/>
  <c r="V29009" i="1"/>
  <c r="V29010" i="1"/>
  <c r="V29011" i="1"/>
  <c r="V29012" i="1"/>
  <c r="V29013" i="1"/>
  <c r="V29014" i="1"/>
  <c r="V29015" i="1"/>
  <c r="V29016" i="1"/>
  <c r="V29017" i="1"/>
  <c r="V29018" i="1"/>
  <c r="V29019" i="1"/>
  <c r="V29020" i="1"/>
  <c r="V29021" i="1"/>
  <c r="V29022" i="1"/>
  <c r="V29023" i="1"/>
  <c r="V29024" i="1"/>
  <c r="V29025" i="1"/>
  <c r="V29026" i="1"/>
  <c r="V29027" i="1"/>
  <c r="V29028" i="1"/>
  <c r="V29029" i="1"/>
  <c r="V29030" i="1"/>
  <c r="V29031" i="1"/>
  <c r="V29032" i="1"/>
  <c r="V29033" i="1"/>
  <c r="V29034" i="1"/>
  <c r="V29035" i="1"/>
  <c r="V29036" i="1"/>
  <c r="V29037" i="1"/>
  <c r="V29038" i="1"/>
  <c r="V29039" i="1"/>
  <c r="V29040" i="1"/>
  <c r="V29041" i="1"/>
  <c r="V29042" i="1"/>
  <c r="V29043" i="1"/>
  <c r="V29044" i="1"/>
  <c r="V29045" i="1"/>
  <c r="V29046" i="1"/>
  <c r="V29047" i="1"/>
  <c r="V29048" i="1"/>
  <c r="V29049" i="1"/>
  <c r="V29050" i="1"/>
  <c r="V29051" i="1"/>
  <c r="V29052" i="1"/>
  <c r="V29053" i="1"/>
  <c r="V29054" i="1"/>
  <c r="V29055" i="1"/>
  <c r="V29056" i="1"/>
  <c r="V29057" i="1"/>
  <c r="V29058" i="1"/>
  <c r="V29059" i="1"/>
  <c r="V29060" i="1"/>
  <c r="V29061" i="1"/>
  <c r="V29062" i="1"/>
  <c r="V29063" i="1"/>
  <c r="V29064" i="1"/>
  <c r="V29065" i="1"/>
  <c r="V29066" i="1"/>
  <c r="V29067" i="1"/>
  <c r="V29068" i="1"/>
  <c r="V29069" i="1"/>
  <c r="V29070" i="1"/>
  <c r="V29071" i="1"/>
  <c r="V29072" i="1"/>
  <c r="V29073" i="1"/>
  <c r="V29074" i="1"/>
  <c r="V29075" i="1"/>
  <c r="V29076" i="1"/>
  <c r="V29077" i="1"/>
  <c r="V29078" i="1"/>
  <c r="V29079" i="1"/>
  <c r="V29080" i="1"/>
  <c r="V29081" i="1"/>
  <c r="V29082" i="1"/>
  <c r="V29083" i="1"/>
  <c r="V29084" i="1"/>
  <c r="V29085" i="1"/>
  <c r="V29086" i="1"/>
  <c r="V29087" i="1"/>
  <c r="V29088" i="1"/>
  <c r="V29089" i="1"/>
  <c r="V29090" i="1"/>
  <c r="V29091" i="1"/>
  <c r="V29092" i="1"/>
  <c r="V29093" i="1"/>
  <c r="V29094" i="1"/>
  <c r="V29095" i="1"/>
  <c r="V29096" i="1"/>
  <c r="V29097" i="1"/>
  <c r="V29098" i="1"/>
  <c r="V29099" i="1"/>
  <c r="V29100" i="1"/>
  <c r="V29101" i="1"/>
  <c r="V29102" i="1"/>
  <c r="V29103" i="1"/>
  <c r="V29104" i="1"/>
  <c r="V29105" i="1"/>
  <c r="V29106" i="1"/>
  <c r="V29107" i="1"/>
  <c r="V29108" i="1"/>
  <c r="V29109" i="1"/>
  <c r="V29110" i="1"/>
  <c r="V29111" i="1"/>
  <c r="V29112" i="1"/>
  <c r="V29113" i="1"/>
  <c r="V29114" i="1"/>
  <c r="V29115" i="1"/>
  <c r="V29116" i="1"/>
  <c r="V29117" i="1"/>
  <c r="V29118" i="1"/>
  <c r="V29119" i="1"/>
  <c r="V29120" i="1"/>
  <c r="V29121" i="1"/>
  <c r="V29122" i="1"/>
  <c r="V29123" i="1"/>
  <c r="V29124" i="1"/>
  <c r="V29125" i="1"/>
  <c r="V29126" i="1"/>
  <c r="V29127" i="1"/>
  <c r="V29128" i="1"/>
  <c r="V29129" i="1"/>
  <c r="V29130" i="1"/>
  <c r="V29131" i="1"/>
  <c r="V29132" i="1"/>
  <c r="V29133" i="1"/>
  <c r="V29134" i="1"/>
  <c r="V29135" i="1"/>
  <c r="V29136" i="1"/>
  <c r="V29137" i="1"/>
  <c r="V29138" i="1"/>
  <c r="V29139" i="1"/>
  <c r="V29140" i="1"/>
  <c r="V29141" i="1"/>
  <c r="V29142" i="1"/>
  <c r="V29143" i="1"/>
  <c r="V29144" i="1"/>
  <c r="V29145" i="1"/>
  <c r="V29146" i="1"/>
  <c r="V29147" i="1"/>
  <c r="V29148" i="1"/>
  <c r="V29149" i="1"/>
  <c r="V29150" i="1"/>
  <c r="V29151" i="1"/>
  <c r="V29152" i="1"/>
  <c r="V29153" i="1"/>
  <c r="V29154" i="1"/>
  <c r="V29155" i="1"/>
  <c r="V29156" i="1"/>
  <c r="V29157" i="1"/>
  <c r="V29158" i="1"/>
  <c r="V29159" i="1"/>
  <c r="V29160" i="1"/>
  <c r="V29161" i="1"/>
  <c r="V29162" i="1"/>
  <c r="V29163" i="1"/>
  <c r="V29164" i="1"/>
  <c r="V29165" i="1"/>
  <c r="V29166" i="1"/>
  <c r="V29167" i="1"/>
  <c r="V29168" i="1"/>
  <c r="V29169" i="1"/>
  <c r="V29170" i="1"/>
  <c r="V29171" i="1"/>
  <c r="V29172" i="1"/>
  <c r="V29173" i="1"/>
  <c r="V29174" i="1"/>
  <c r="V29175" i="1"/>
  <c r="V29176" i="1"/>
  <c r="V29177" i="1"/>
  <c r="V29178" i="1"/>
  <c r="V29179" i="1"/>
  <c r="V29180" i="1"/>
  <c r="V29181" i="1"/>
  <c r="V29182" i="1"/>
  <c r="V29183" i="1"/>
  <c r="V29184" i="1"/>
  <c r="V29185" i="1"/>
  <c r="V29186" i="1"/>
  <c r="V29187" i="1"/>
  <c r="V29188" i="1"/>
  <c r="V29189" i="1"/>
  <c r="V29190" i="1"/>
  <c r="V29191" i="1"/>
  <c r="V29192" i="1"/>
  <c r="V29193" i="1"/>
  <c r="V29194" i="1"/>
  <c r="V29195" i="1"/>
  <c r="V29196" i="1"/>
  <c r="V29197" i="1"/>
  <c r="V29198" i="1"/>
  <c r="V29199" i="1"/>
  <c r="V29200" i="1"/>
  <c r="V29201" i="1"/>
  <c r="V29202" i="1"/>
  <c r="V29203" i="1"/>
  <c r="V29204" i="1"/>
  <c r="V29205" i="1"/>
  <c r="V29206" i="1"/>
  <c r="V29207" i="1"/>
  <c r="V29208" i="1"/>
  <c r="V29209" i="1"/>
  <c r="V29210" i="1"/>
  <c r="V29211" i="1"/>
  <c r="V29212" i="1"/>
  <c r="V29213" i="1"/>
  <c r="V29214" i="1"/>
  <c r="V29215" i="1"/>
  <c r="V29216" i="1"/>
  <c r="V29217" i="1"/>
  <c r="V29218" i="1"/>
  <c r="V29219" i="1"/>
  <c r="V29220" i="1"/>
  <c r="V29221" i="1"/>
  <c r="V29222" i="1"/>
  <c r="V29223" i="1"/>
  <c r="V29224" i="1"/>
  <c r="V29225" i="1"/>
  <c r="V29226" i="1"/>
  <c r="V29227" i="1"/>
  <c r="V29228" i="1"/>
  <c r="V29229" i="1"/>
  <c r="V29230" i="1"/>
  <c r="V29231" i="1"/>
  <c r="V29232" i="1"/>
  <c r="V29233" i="1"/>
  <c r="V29234" i="1"/>
  <c r="V29235" i="1"/>
  <c r="V29236" i="1"/>
  <c r="V29237" i="1"/>
  <c r="V29238" i="1"/>
  <c r="V29239" i="1"/>
  <c r="V29240" i="1"/>
  <c r="V29241" i="1"/>
  <c r="V29242" i="1"/>
  <c r="V29243" i="1"/>
  <c r="V29244" i="1"/>
  <c r="V29245" i="1"/>
  <c r="V29246" i="1"/>
  <c r="V29247" i="1"/>
  <c r="V29248" i="1"/>
  <c r="V29249" i="1"/>
  <c r="V29250" i="1"/>
  <c r="V29251" i="1"/>
  <c r="V29252" i="1"/>
  <c r="V29253" i="1"/>
  <c r="V29254" i="1"/>
  <c r="V29255" i="1"/>
  <c r="V29256" i="1"/>
  <c r="V29257" i="1"/>
  <c r="V29258" i="1"/>
  <c r="V29259" i="1"/>
  <c r="V29260" i="1"/>
  <c r="V29261" i="1"/>
  <c r="V29262" i="1"/>
  <c r="V29263" i="1"/>
  <c r="V29264" i="1"/>
  <c r="V29265" i="1"/>
  <c r="V29266" i="1"/>
  <c r="V29267" i="1"/>
  <c r="V29268" i="1"/>
  <c r="V29269" i="1"/>
  <c r="V29270" i="1"/>
  <c r="V29271" i="1"/>
  <c r="V29272" i="1"/>
  <c r="V29273" i="1"/>
  <c r="V29274" i="1"/>
  <c r="V29275" i="1"/>
  <c r="V29276" i="1"/>
  <c r="V29277" i="1"/>
  <c r="V29278" i="1"/>
  <c r="V29279" i="1"/>
  <c r="V29280" i="1"/>
  <c r="V29281" i="1"/>
  <c r="V29282" i="1"/>
  <c r="V29283" i="1"/>
  <c r="V29284" i="1"/>
  <c r="V29285" i="1"/>
  <c r="V29286" i="1"/>
  <c r="V29287" i="1"/>
  <c r="V29288" i="1"/>
  <c r="V29289" i="1"/>
  <c r="V29290" i="1"/>
  <c r="V29291" i="1"/>
  <c r="V29292" i="1"/>
  <c r="V29293" i="1"/>
  <c r="V29294" i="1"/>
  <c r="V29295" i="1"/>
  <c r="V29296" i="1"/>
  <c r="V29297" i="1"/>
  <c r="V29298" i="1"/>
  <c r="V29299" i="1"/>
  <c r="V29300" i="1"/>
  <c r="V29301" i="1"/>
  <c r="V29302" i="1"/>
  <c r="V29303" i="1"/>
  <c r="V29304" i="1"/>
  <c r="V29305" i="1"/>
  <c r="V29306" i="1"/>
  <c r="V29307" i="1"/>
  <c r="V29308" i="1"/>
  <c r="V29309" i="1"/>
  <c r="V29310" i="1"/>
  <c r="V29311" i="1"/>
  <c r="V29312" i="1"/>
  <c r="V29313" i="1"/>
  <c r="V29314" i="1"/>
  <c r="V29315" i="1"/>
  <c r="V29316" i="1"/>
  <c r="V29317" i="1"/>
  <c r="V29318" i="1"/>
  <c r="V29319" i="1"/>
  <c r="V29320" i="1"/>
  <c r="V29321" i="1"/>
  <c r="V29322" i="1"/>
  <c r="V29323" i="1"/>
  <c r="V29324" i="1"/>
  <c r="V29325" i="1"/>
  <c r="V29326" i="1"/>
  <c r="V29327" i="1"/>
  <c r="V29328" i="1"/>
  <c r="V29329" i="1"/>
  <c r="V29330" i="1"/>
  <c r="V29331" i="1"/>
  <c r="V29332" i="1"/>
  <c r="V29333" i="1"/>
  <c r="V29334" i="1"/>
  <c r="V29335" i="1"/>
  <c r="V29336" i="1"/>
  <c r="V29337" i="1"/>
  <c r="V29338" i="1"/>
  <c r="V29339" i="1"/>
  <c r="V29340" i="1"/>
  <c r="V29341" i="1"/>
  <c r="V29342" i="1"/>
  <c r="V29343" i="1"/>
  <c r="V29344" i="1"/>
  <c r="V29345" i="1"/>
  <c r="V29346" i="1"/>
  <c r="V29347" i="1"/>
  <c r="V29348" i="1"/>
  <c r="V29349" i="1"/>
  <c r="V29350" i="1"/>
  <c r="V29351" i="1"/>
  <c r="V29352" i="1"/>
  <c r="V29353" i="1"/>
  <c r="V29354" i="1"/>
  <c r="V29355" i="1"/>
  <c r="V29356" i="1"/>
  <c r="V29357" i="1"/>
  <c r="V29358" i="1"/>
  <c r="V29359" i="1"/>
  <c r="V29360" i="1"/>
  <c r="V29361" i="1"/>
  <c r="V29362" i="1"/>
  <c r="V29363" i="1"/>
  <c r="V29364" i="1"/>
  <c r="V29365" i="1"/>
  <c r="V29366" i="1"/>
  <c r="V29367" i="1"/>
  <c r="V29368" i="1"/>
  <c r="V29369" i="1"/>
  <c r="V29370" i="1"/>
  <c r="V29371" i="1"/>
  <c r="V29372" i="1"/>
  <c r="V29373" i="1"/>
  <c r="V29374" i="1"/>
  <c r="V29375" i="1"/>
  <c r="V29376" i="1"/>
  <c r="V29377" i="1"/>
  <c r="V29378" i="1"/>
  <c r="V29379" i="1"/>
  <c r="V29380" i="1"/>
  <c r="V29381" i="1"/>
  <c r="V29382" i="1"/>
  <c r="V29383" i="1"/>
  <c r="V29384" i="1"/>
  <c r="V29385" i="1"/>
  <c r="V29386" i="1"/>
  <c r="V29387" i="1"/>
  <c r="V29388" i="1"/>
  <c r="V29389" i="1"/>
  <c r="V29390" i="1"/>
  <c r="V29391" i="1"/>
  <c r="V29392" i="1"/>
  <c r="V29393" i="1"/>
  <c r="V29394" i="1"/>
  <c r="V29395" i="1"/>
  <c r="V29396" i="1"/>
  <c r="V29397" i="1"/>
  <c r="V29398" i="1"/>
  <c r="V29399" i="1"/>
  <c r="V29400" i="1"/>
  <c r="V29401" i="1"/>
  <c r="V29402" i="1"/>
  <c r="V29403" i="1"/>
  <c r="V29404" i="1"/>
  <c r="V29405" i="1"/>
  <c r="V29406" i="1"/>
  <c r="V29407" i="1"/>
  <c r="V29408" i="1"/>
  <c r="V29409" i="1"/>
  <c r="V29410" i="1"/>
  <c r="V29411" i="1"/>
  <c r="V29412" i="1"/>
  <c r="V29413" i="1"/>
  <c r="V29414" i="1"/>
  <c r="V29415" i="1"/>
  <c r="V29416" i="1"/>
  <c r="V29417" i="1"/>
  <c r="V29418" i="1"/>
  <c r="V29419" i="1"/>
  <c r="V29420" i="1"/>
  <c r="V29421" i="1"/>
  <c r="V29422" i="1"/>
  <c r="V29423" i="1"/>
  <c r="V29424" i="1"/>
  <c r="V29425" i="1"/>
  <c r="V29426" i="1"/>
  <c r="V29427" i="1"/>
  <c r="V29428" i="1"/>
  <c r="V29429" i="1"/>
  <c r="V29430" i="1"/>
  <c r="V29431" i="1"/>
  <c r="V29432" i="1"/>
  <c r="V29433" i="1"/>
  <c r="V29434" i="1"/>
  <c r="V29435" i="1"/>
  <c r="V29436" i="1"/>
  <c r="V29437" i="1"/>
  <c r="V29438" i="1"/>
  <c r="V29439" i="1"/>
  <c r="V29440" i="1"/>
  <c r="V29441" i="1"/>
  <c r="V29442" i="1"/>
  <c r="V29443" i="1"/>
  <c r="V29444" i="1"/>
  <c r="V29445" i="1"/>
  <c r="V29446" i="1"/>
  <c r="V29447" i="1"/>
  <c r="V29448" i="1"/>
  <c r="V29449" i="1"/>
  <c r="V29450" i="1"/>
  <c r="V29451" i="1"/>
  <c r="V29452" i="1"/>
  <c r="V29453" i="1"/>
  <c r="V29454" i="1"/>
  <c r="V29455" i="1"/>
  <c r="V29456" i="1"/>
  <c r="V29457" i="1"/>
  <c r="V29458" i="1"/>
  <c r="V29459" i="1"/>
  <c r="V29460" i="1"/>
  <c r="V29461" i="1"/>
  <c r="V29462" i="1"/>
  <c r="V29463" i="1"/>
  <c r="V29464" i="1"/>
  <c r="V29465" i="1"/>
  <c r="V29466" i="1"/>
  <c r="V29467" i="1"/>
  <c r="V29468" i="1"/>
  <c r="V29469" i="1"/>
  <c r="V29470" i="1"/>
  <c r="V29471" i="1"/>
  <c r="V29472" i="1"/>
  <c r="V29473" i="1"/>
  <c r="V29474" i="1"/>
  <c r="V29475" i="1"/>
  <c r="V29476" i="1"/>
  <c r="V29477" i="1"/>
  <c r="V29478" i="1"/>
  <c r="V29479" i="1"/>
  <c r="V29480" i="1"/>
  <c r="V29481" i="1"/>
  <c r="V29482" i="1"/>
  <c r="V29483" i="1"/>
  <c r="V29484" i="1"/>
  <c r="V29485" i="1"/>
  <c r="V29486" i="1"/>
  <c r="V29487" i="1"/>
  <c r="V29488" i="1"/>
  <c r="V29489" i="1"/>
  <c r="V29490" i="1"/>
  <c r="V29491" i="1"/>
  <c r="V29492" i="1"/>
  <c r="V29493" i="1"/>
  <c r="V29494" i="1"/>
  <c r="V29495" i="1"/>
  <c r="V29496" i="1"/>
  <c r="V29497" i="1"/>
  <c r="V29498" i="1"/>
  <c r="V29499" i="1"/>
  <c r="V29500" i="1"/>
  <c r="V29501" i="1"/>
  <c r="V29502" i="1"/>
  <c r="V29503" i="1"/>
  <c r="V29504" i="1"/>
  <c r="V29505" i="1"/>
  <c r="V29506" i="1"/>
  <c r="V29507" i="1"/>
  <c r="V29508" i="1"/>
  <c r="V29509" i="1"/>
  <c r="V29510" i="1"/>
  <c r="V29511" i="1"/>
  <c r="V29512" i="1"/>
  <c r="V29513" i="1"/>
  <c r="V29514" i="1"/>
  <c r="V29515" i="1"/>
  <c r="V29516" i="1"/>
  <c r="V29517" i="1"/>
  <c r="V29518" i="1"/>
  <c r="V29519" i="1"/>
  <c r="V29520" i="1"/>
  <c r="V29521" i="1"/>
  <c r="V29522" i="1"/>
  <c r="V29523" i="1"/>
  <c r="V29524" i="1"/>
  <c r="V29525" i="1"/>
  <c r="V29526" i="1"/>
  <c r="V29527" i="1"/>
  <c r="V29528" i="1"/>
  <c r="V29529" i="1"/>
  <c r="V29530" i="1"/>
  <c r="V29531" i="1"/>
  <c r="V29532" i="1"/>
  <c r="V29533" i="1"/>
  <c r="V29534" i="1"/>
  <c r="V29535" i="1"/>
  <c r="V29536" i="1"/>
  <c r="V29537" i="1"/>
  <c r="V29538" i="1"/>
  <c r="V29539" i="1"/>
  <c r="V29540" i="1"/>
  <c r="V29541" i="1"/>
  <c r="V29542" i="1"/>
  <c r="V29543" i="1"/>
  <c r="V29544" i="1"/>
  <c r="V29545" i="1"/>
  <c r="V29546" i="1"/>
  <c r="V29547" i="1"/>
  <c r="V29548" i="1"/>
  <c r="V29549" i="1"/>
  <c r="V29550" i="1"/>
  <c r="V29551" i="1"/>
  <c r="V29552" i="1"/>
  <c r="V29553" i="1"/>
  <c r="V29554" i="1"/>
  <c r="V29555" i="1"/>
  <c r="V29556" i="1"/>
  <c r="V29557" i="1"/>
  <c r="V29558" i="1"/>
  <c r="V29559" i="1"/>
  <c r="V29560" i="1"/>
  <c r="V29561" i="1"/>
  <c r="V29562" i="1"/>
  <c r="V29563" i="1"/>
  <c r="V29564" i="1"/>
  <c r="V29565" i="1"/>
  <c r="V29566" i="1"/>
  <c r="V29567" i="1"/>
  <c r="V29568" i="1"/>
  <c r="V29569" i="1"/>
  <c r="V29570" i="1"/>
  <c r="V29571" i="1"/>
  <c r="V29572" i="1"/>
  <c r="V29573" i="1"/>
  <c r="V29574" i="1"/>
  <c r="V29575" i="1"/>
  <c r="V29576" i="1"/>
  <c r="V29577" i="1"/>
  <c r="V29578" i="1"/>
  <c r="V29579" i="1"/>
  <c r="V29580" i="1"/>
  <c r="V29581" i="1"/>
  <c r="V29582" i="1"/>
  <c r="V29583" i="1"/>
  <c r="V29584" i="1"/>
  <c r="V29585" i="1"/>
  <c r="V29586" i="1"/>
  <c r="V29587" i="1"/>
  <c r="V29588" i="1"/>
  <c r="V29589" i="1"/>
  <c r="V29590" i="1"/>
  <c r="V29591" i="1"/>
  <c r="V29592" i="1"/>
  <c r="V29593" i="1"/>
  <c r="V29594" i="1"/>
  <c r="V29595" i="1"/>
  <c r="V29596" i="1"/>
  <c r="V29597" i="1"/>
  <c r="V29598" i="1"/>
  <c r="V29599" i="1"/>
  <c r="V29600" i="1"/>
  <c r="V29601" i="1"/>
  <c r="V29602" i="1"/>
  <c r="V29603" i="1"/>
  <c r="V29604" i="1"/>
  <c r="V29605" i="1"/>
  <c r="V29606" i="1"/>
  <c r="V29607" i="1"/>
  <c r="V29608" i="1"/>
  <c r="V29609" i="1"/>
  <c r="V29610" i="1"/>
  <c r="V29611" i="1"/>
  <c r="V29612" i="1"/>
  <c r="V29613" i="1"/>
  <c r="V29614" i="1"/>
  <c r="V29615" i="1"/>
  <c r="V29616" i="1"/>
  <c r="V29617" i="1"/>
  <c r="V29618" i="1"/>
  <c r="V29619" i="1"/>
  <c r="V29620" i="1"/>
  <c r="V29621" i="1"/>
  <c r="V29622" i="1"/>
  <c r="V29623" i="1"/>
  <c r="V29624" i="1"/>
  <c r="V29625" i="1"/>
  <c r="V29626" i="1"/>
  <c r="V29627" i="1"/>
  <c r="V29628" i="1"/>
  <c r="V29629" i="1"/>
  <c r="V29630" i="1"/>
  <c r="V29631" i="1"/>
  <c r="V29632" i="1"/>
  <c r="V29633" i="1"/>
  <c r="V29634" i="1"/>
  <c r="V29635" i="1"/>
  <c r="V29636" i="1"/>
  <c r="V29637" i="1"/>
  <c r="V29638" i="1"/>
  <c r="V29639" i="1"/>
  <c r="V29640" i="1"/>
  <c r="V29641" i="1"/>
  <c r="V29642" i="1"/>
  <c r="V29643" i="1"/>
  <c r="V29644" i="1"/>
  <c r="V29645" i="1"/>
  <c r="V29646" i="1"/>
  <c r="V29647" i="1"/>
  <c r="V29648" i="1"/>
  <c r="V29649" i="1"/>
  <c r="V29650" i="1"/>
  <c r="V29651" i="1"/>
  <c r="V29652" i="1"/>
  <c r="V29653" i="1"/>
  <c r="V29654" i="1"/>
  <c r="V29655" i="1"/>
  <c r="V29656" i="1"/>
  <c r="V29657" i="1"/>
  <c r="V29658" i="1"/>
  <c r="V29659" i="1"/>
  <c r="V29660" i="1"/>
  <c r="V29661" i="1"/>
  <c r="V29662" i="1"/>
  <c r="V29663" i="1"/>
  <c r="V29664" i="1"/>
  <c r="V29665" i="1"/>
  <c r="V29666" i="1"/>
  <c r="V29667" i="1"/>
  <c r="V29668" i="1"/>
  <c r="V29669" i="1"/>
  <c r="V29670" i="1"/>
  <c r="V29671" i="1"/>
  <c r="V29672" i="1"/>
  <c r="V29673" i="1"/>
  <c r="V29674" i="1"/>
  <c r="V29675" i="1"/>
  <c r="V29676" i="1"/>
  <c r="V29677" i="1"/>
  <c r="V29678" i="1"/>
  <c r="V29679" i="1"/>
  <c r="V29680" i="1"/>
  <c r="V29681" i="1"/>
  <c r="V29682" i="1"/>
  <c r="V29683" i="1"/>
  <c r="V29684" i="1"/>
  <c r="V29685" i="1"/>
  <c r="V29686" i="1"/>
  <c r="V29687" i="1"/>
  <c r="V29688" i="1"/>
  <c r="V29689" i="1"/>
  <c r="V29690" i="1"/>
  <c r="V29691" i="1"/>
  <c r="V29692" i="1"/>
  <c r="V29693" i="1"/>
  <c r="V29694" i="1"/>
  <c r="V29695" i="1"/>
  <c r="V29696" i="1"/>
  <c r="V29697" i="1"/>
  <c r="V29698" i="1"/>
  <c r="V29699" i="1"/>
  <c r="V29700" i="1"/>
  <c r="V29701" i="1"/>
  <c r="V29702" i="1"/>
  <c r="V29703" i="1"/>
  <c r="V29704" i="1"/>
  <c r="V29705" i="1"/>
  <c r="V29706" i="1"/>
  <c r="V29707" i="1"/>
  <c r="V29708" i="1"/>
  <c r="V29709" i="1"/>
  <c r="V29710" i="1"/>
  <c r="V29711" i="1"/>
  <c r="V29712" i="1"/>
  <c r="V29713" i="1"/>
  <c r="V29714" i="1"/>
  <c r="V29715" i="1"/>
  <c r="V29716" i="1"/>
  <c r="V29717" i="1"/>
  <c r="V29718" i="1"/>
  <c r="V29719" i="1"/>
  <c r="V29720" i="1"/>
  <c r="V29721" i="1"/>
  <c r="V29722" i="1"/>
  <c r="V29723" i="1"/>
  <c r="V29724" i="1"/>
  <c r="V29725" i="1"/>
  <c r="V29726" i="1"/>
  <c r="V29727" i="1"/>
  <c r="V29728" i="1"/>
  <c r="V29729" i="1"/>
  <c r="V29730" i="1"/>
  <c r="V29731" i="1"/>
  <c r="V29732" i="1"/>
  <c r="V29733" i="1"/>
  <c r="V29734" i="1"/>
  <c r="V29735" i="1"/>
  <c r="V29736" i="1"/>
  <c r="V29737" i="1"/>
  <c r="V29738" i="1"/>
  <c r="V29739" i="1"/>
  <c r="V29740" i="1"/>
  <c r="V29741" i="1"/>
  <c r="V29742" i="1"/>
  <c r="V29743" i="1"/>
  <c r="V29744" i="1"/>
  <c r="V29745" i="1"/>
  <c r="V29746" i="1"/>
  <c r="V29747" i="1"/>
  <c r="V29748" i="1"/>
  <c r="V29749" i="1"/>
  <c r="V29750" i="1"/>
  <c r="V29751" i="1"/>
  <c r="V29752" i="1"/>
  <c r="V29753" i="1"/>
  <c r="V29754" i="1"/>
  <c r="V29755" i="1"/>
  <c r="V29756" i="1"/>
  <c r="V29757" i="1"/>
  <c r="V29758" i="1"/>
  <c r="V29759" i="1"/>
  <c r="V29760" i="1"/>
  <c r="V29761" i="1"/>
  <c r="V29762" i="1"/>
  <c r="V29763" i="1"/>
  <c r="V29764" i="1"/>
  <c r="V29765" i="1"/>
  <c r="V29766" i="1"/>
  <c r="V29767" i="1"/>
  <c r="V29768" i="1"/>
  <c r="V29769" i="1"/>
  <c r="V29770" i="1"/>
  <c r="V29771" i="1"/>
  <c r="V29772" i="1"/>
  <c r="V29773" i="1"/>
  <c r="V29774" i="1"/>
  <c r="V29775" i="1"/>
  <c r="V29776" i="1"/>
  <c r="V29777" i="1"/>
  <c r="V29778" i="1"/>
  <c r="V29779" i="1"/>
  <c r="V29780" i="1"/>
  <c r="V29781" i="1"/>
  <c r="V29782" i="1"/>
  <c r="V29783" i="1"/>
  <c r="V29784" i="1"/>
  <c r="V29785" i="1"/>
  <c r="V29786" i="1"/>
  <c r="V29787" i="1"/>
  <c r="V29788" i="1"/>
  <c r="V29789" i="1"/>
  <c r="V29790" i="1"/>
  <c r="V29791" i="1"/>
  <c r="V29792" i="1"/>
  <c r="V29793" i="1"/>
  <c r="V29794" i="1"/>
  <c r="V29795" i="1"/>
  <c r="V29796" i="1"/>
  <c r="V29797" i="1"/>
  <c r="V29798" i="1"/>
  <c r="V29799" i="1"/>
  <c r="V29800" i="1"/>
  <c r="V29801" i="1"/>
  <c r="V29802" i="1"/>
  <c r="V29803" i="1"/>
  <c r="V29804" i="1"/>
  <c r="V29805" i="1"/>
  <c r="V29806" i="1"/>
  <c r="V29807" i="1"/>
  <c r="V29808" i="1"/>
  <c r="V29809" i="1"/>
  <c r="V29810" i="1"/>
  <c r="V29811" i="1"/>
  <c r="V29812" i="1"/>
  <c r="V29813" i="1"/>
  <c r="V29814" i="1"/>
  <c r="V29815" i="1"/>
  <c r="V29816" i="1"/>
  <c r="V29817" i="1"/>
  <c r="V29818" i="1"/>
  <c r="V29819" i="1"/>
  <c r="V29820" i="1"/>
  <c r="V29821" i="1"/>
  <c r="V29822" i="1"/>
  <c r="V29823" i="1"/>
  <c r="V29824" i="1"/>
  <c r="V29825" i="1"/>
  <c r="V29826" i="1"/>
  <c r="V29827" i="1"/>
  <c r="V29828" i="1"/>
  <c r="V29829" i="1"/>
  <c r="V29830" i="1"/>
  <c r="V29831" i="1"/>
  <c r="V29832" i="1"/>
  <c r="V29833" i="1"/>
  <c r="V29834" i="1"/>
  <c r="V29835" i="1"/>
  <c r="V29836" i="1"/>
  <c r="V29837" i="1"/>
  <c r="V29838" i="1"/>
  <c r="V29839" i="1"/>
  <c r="V29840" i="1"/>
  <c r="V29841" i="1"/>
  <c r="V29842" i="1"/>
  <c r="V29843" i="1"/>
  <c r="V29844" i="1"/>
  <c r="V29845" i="1"/>
  <c r="V29846" i="1"/>
  <c r="V29847" i="1"/>
  <c r="V29848" i="1"/>
  <c r="V29849" i="1"/>
  <c r="V29850" i="1"/>
  <c r="V29851" i="1"/>
  <c r="V29852" i="1"/>
  <c r="V29853" i="1"/>
  <c r="V29854" i="1"/>
  <c r="V29855" i="1"/>
  <c r="V29856" i="1"/>
  <c r="V29857" i="1"/>
  <c r="V29858" i="1"/>
  <c r="V29859" i="1"/>
  <c r="V29860" i="1"/>
  <c r="V29861" i="1"/>
  <c r="V29862" i="1"/>
  <c r="V29863" i="1"/>
  <c r="V29864" i="1"/>
  <c r="V29865" i="1"/>
  <c r="V29866" i="1"/>
  <c r="V29867" i="1"/>
  <c r="V29868" i="1"/>
  <c r="V29869" i="1"/>
  <c r="V29870" i="1"/>
  <c r="V29871" i="1"/>
  <c r="V29872" i="1"/>
  <c r="V29873" i="1"/>
  <c r="V29874" i="1"/>
  <c r="V29875" i="1"/>
  <c r="V29876" i="1"/>
  <c r="V29877" i="1"/>
  <c r="V29878" i="1"/>
  <c r="V29879" i="1"/>
  <c r="V29880" i="1"/>
  <c r="V29881" i="1"/>
  <c r="V29882" i="1"/>
  <c r="V29883" i="1"/>
  <c r="V29884" i="1"/>
  <c r="V29885" i="1"/>
  <c r="V29886" i="1"/>
  <c r="V29887" i="1"/>
  <c r="V29888" i="1"/>
  <c r="V29889" i="1"/>
  <c r="V29890" i="1"/>
  <c r="V29891" i="1"/>
  <c r="V29892" i="1"/>
  <c r="V29893" i="1"/>
  <c r="V29894" i="1"/>
  <c r="V29895" i="1"/>
  <c r="V29896" i="1"/>
  <c r="V29897" i="1"/>
  <c r="V29898" i="1"/>
  <c r="V29899" i="1"/>
  <c r="V29900" i="1"/>
  <c r="V29901" i="1"/>
  <c r="V29902" i="1"/>
  <c r="V29903" i="1"/>
  <c r="V29904" i="1"/>
  <c r="V29905" i="1"/>
  <c r="V29906" i="1"/>
  <c r="V29907" i="1"/>
  <c r="V29908" i="1"/>
  <c r="V29909" i="1"/>
  <c r="V29910" i="1"/>
  <c r="V29911" i="1"/>
  <c r="V29912" i="1"/>
  <c r="V29913" i="1"/>
  <c r="V29914" i="1"/>
  <c r="V29915" i="1"/>
  <c r="V29916" i="1"/>
  <c r="V29917" i="1"/>
  <c r="V29918" i="1"/>
  <c r="V29919" i="1"/>
  <c r="V29920" i="1"/>
  <c r="V29921" i="1"/>
  <c r="V29922" i="1"/>
  <c r="V29923" i="1"/>
  <c r="V29924" i="1"/>
  <c r="V29925" i="1"/>
  <c r="V29926" i="1"/>
  <c r="V29927" i="1"/>
  <c r="V29928" i="1"/>
  <c r="V29929" i="1"/>
  <c r="V29930" i="1"/>
  <c r="V29931" i="1"/>
  <c r="V29932" i="1"/>
  <c r="V29933" i="1"/>
  <c r="V29934" i="1"/>
  <c r="V29935" i="1"/>
  <c r="V29936" i="1"/>
  <c r="V29937" i="1"/>
  <c r="V29938" i="1"/>
  <c r="V29939" i="1"/>
  <c r="V29940" i="1"/>
  <c r="V29941" i="1"/>
  <c r="V29942" i="1"/>
  <c r="V29943" i="1"/>
  <c r="V29944" i="1"/>
  <c r="V29945" i="1"/>
  <c r="V29946" i="1"/>
  <c r="V29947" i="1"/>
  <c r="V29948" i="1"/>
  <c r="V29949" i="1"/>
  <c r="V29950" i="1"/>
  <c r="V29951" i="1"/>
  <c r="V29952" i="1"/>
  <c r="V29953" i="1"/>
  <c r="V29954" i="1"/>
  <c r="V29955" i="1"/>
  <c r="V29956" i="1"/>
  <c r="V29957" i="1"/>
  <c r="V29958" i="1"/>
  <c r="V29959" i="1"/>
  <c r="V29960" i="1"/>
  <c r="V29961" i="1"/>
  <c r="V29962" i="1"/>
  <c r="V29963" i="1"/>
  <c r="V29964" i="1"/>
  <c r="V29965" i="1"/>
  <c r="V29966" i="1"/>
  <c r="V29967" i="1"/>
  <c r="V29968" i="1"/>
  <c r="V29969" i="1"/>
  <c r="V29970" i="1"/>
  <c r="V29971" i="1"/>
  <c r="V29972" i="1"/>
  <c r="V29973" i="1"/>
  <c r="V29974" i="1"/>
  <c r="V29975" i="1"/>
  <c r="V29976" i="1"/>
  <c r="V29977" i="1"/>
  <c r="V29978" i="1"/>
  <c r="V29979" i="1"/>
  <c r="V29980" i="1"/>
  <c r="V29981" i="1"/>
  <c r="V29982" i="1"/>
  <c r="V29983" i="1"/>
  <c r="V29984" i="1"/>
  <c r="V29985" i="1"/>
  <c r="V29986" i="1"/>
  <c r="V29987" i="1"/>
  <c r="V29988" i="1"/>
  <c r="V29989" i="1"/>
  <c r="V29990" i="1"/>
  <c r="V29991" i="1"/>
  <c r="V29992" i="1"/>
  <c r="V29993" i="1"/>
  <c r="V29994" i="1"/>
  <c r="V29995" i="1"/>
  <c r="V29996" i="1"/>
  <c r="V29997" i="1"/>
  <c r="V29998" i="1"/>
  <c r="V29999" i="1"/>
  <c r="V30000" i="1"/>
  <c r="V30001" i="1"/>
  <c r="V30002" i="1"/>
  <c r="V30003" i="1"/>
  <c r="V30004" i="1"/>
  <c r="V30005" i="1"/>
  <c r="V30006" i="1"/>
  <c r="V30007" i="1"/>
  <c r="V30008" i="1"/>
  <c r="V30009" i="1"/>
  <c r="V30010" i="1"/>
  <c r="V30011" i="1"/>
  <c r="V30012" i="1"/>
  <c r="V30013" i="1"/>
  <c r="V30014" i="1"/>
  <c r="V30015" i="1"/>
  <c r="V30016" i="1"/>
  <c r="V30017" i="1"/>
  <c r="V30018" i="1"/>
  <c r="V30019" i="1"/>
  <c r="V30020" i="1"/>
  <c r="V30021" i="1"/>
  <c r="V30022" i="1"/>
  <c r="V30023" i="1"/>
  <c r="V30024" i="1"/>
  <c r="V30025" i="1"/>
  <c r="V30026" i="1"/>
  <c r="V30027" i="1"/>
  <c r="V30028" i="1"/>
  <c r="V30029" i="1"/>
  <c r="V30030" i="1"/>
  <c r="V30031" i="1"/>
  <c r="V30032" i="1"/>
  <c r="V30033" i="1"/>
  <c r="V30034" i="1"/>
  <c r="V30035" i="1"/>
  <c r="V30036" i="1"/>
  <c r="V30037" i="1"/>
  <c r="V30038" i="1"/>
  <c r="V30039" i="1"/>
  <c r="V30040" i="1"/>
  <c r="V30041" i="1"/>
  <c r="V30042" i="1"/>
  <c r="V30043" i="1"/>
  <c r="V30044" i="1"/>
  <c r="V30045" i="1"/>
  <c r="V30046" i="1"/>
  <c r="V30047" i="1"/>
  <c r="V30048" i="1"/>
  <c r="V30049" i="1"/>
  <c r="V30050" i="1"/>
  <c r="V30051" i="1"/>
  <c r="V30052" i="1"/>
  <c r="V30053" i="1"/>
  <c r="V30054" i="1"/>
  <c r="V30055" i="1"/>
  <c r="V30056" i="1"/>
  <c r="V30057" i="1"/>
  <c r="V30058" i="1"/>
  <c r="V30059" i="1"/>
  <c r="V30060" i="1"/>
  <c r="V30061" i="1"/>
  <c r="V30062" i="1"/>
  <c r="V30063" i="1"/>
  <c r="V30064" i="1"/>
  <c r="V30065" i="1"/>
  <c r="V30066" i="1"/>
  <c r="V30067" i="1"/>
  <c r="V30068" i="1"/>
  <c r="V30069" i="1"/>
  <c r="V30070" i="1"/>
  <c r="V30071" i="1"/>
  <c r="V30072" i="1"/>
  <c r="V30073" i="1"/>
  <c r="V30074" i="1"/>
  <c r="V30075" i="1"/>
  <c r="V30076" i="1"/>
  <c r="V30077" i="1"/>
  <c r="V30078" i="1"/>
  <c r="V30079" i="1"/>
  <c r="V30080" i="1"/>
  <c r="V30081" i="1"/>
  <c r="V30082" i="1"/>
  <c r="V30083" i="1"/>
  <c r="V30084" i="1"/>
  <c r="V30085" i="1"/>
  <c r="V30086" i="1"/>
  <c r="V30087" i="1"/>
  <c r="V30088" i="1"/>
  <c r="V30089" i="1"/>
  <c r="V30090" i="1"/>
  <c r="V30091" i="1"/>
  <c r="V30092" i="1"/>
  <c r="V30093" i="1"/>
  <c r="V30094" i="1"/>
  <c r="V30095" i="1"/>
  <c r="V30096" i="1"/>
  <c r="V30097" i="1"/>
  <c r="V30098" i="1"/>
  <c r="V30099" i="1"/>
  <c r="V30100" i="1"/>
  <c r="V30101" i="1"/>
  <c r="V30102" i="1"/>
  <c r="V30103" i="1"/>
  <c r="V30104" i="1"/>
  <c r="V30105" i="1"/>
  <c r="V30106" i="1"/>
  <c r="V30107" i="1"/>
  <c r="V30108" i="1"/>
  <c r="V30109" i="1"/>
  <c r="V30110" i="1"/>
  <c r="V30111" i="1"/>
  <c r="V30112" i="1"/>
  <c r="V30113" i="1"/>
  <c r="V30114" i="1"/>
  <c r="V30115" i="1"/>
  <c r="V30116" i="1"/>
  <c r="V30117" i="1"/>
  <c r="V30118" i="1"/>
  <c r="V30119" i="1"/>
  <c r="V30120" i="1"/>
  <c r="V30121" i="1"/>
  <c r="V30122" i="1"/>
  <c r="V30123" i="1"/>
  <c r="V30124" i="1"/>
  <c r="V30125" i="1"/>
  <c r="V30126" i="1"/>
  <c r="V30127" i="1"/>
  <c r="V30128" i="1"/>
  <c r="V30129" i="1"/>
  <c r="V30130" i="1"/>
  <c r="V30131" i="1"/>
  <c r="V30132" i="1"/>
  <c r="V30133" i="1"/>
  <c r="V30134" i="1"/>
  <c r="V30135" i="1"/>
  <c r="V30136" i="1"/>
  <c r="V30137" i="1"/>
  <c r="V30138" i="1"/>
  <c r="V30139" i="1"/>
  <c r="V30140" i="1"/>
  <c r="V30141" i="1"/>
  <c r="V30142" i="1"/>
  <c r="V30143" i="1"/>
  <c r="V30144" i="1"/>
  <c r="V30145" i="1"/>
  <c r="V30146" i="1"/>
  <c r="V30147" i="1"/>
  <c r="V30148" i="1"/>
  <c r="V30149" i="1"/>
  <c r="V30150" i="1"/>
  <c r="V30151" i="1"/>
  <c r="V30152" i="1"/>
  <c r="V30153" i="1"/>
  <c r="V30154" i="1"/>
  <c r="V30155" i="1"/>
  <c r="V30156" i="1"/>
  <c r="V30157" i="1"/>
  <c r="V30158" i="1"/>
  <c r="V30159" i="1"/>
  <c r="V30160" i="1"/>
  <c r="V30161" i="1"/>
  <c r="V30162" i="1"/>
  <c r="V30163" i="1"/>
  <c r="V30164" i="1"/>
  <c r="V30165" i="1"/>
  <c r="V30166" i="1"/>
  <c r="V30167" i="1"/>
  <c r="V30168" i="1"/>
  <c r="V30169" i="1"/>
  <c r="V30170" i="1"/>
  <c r="V30171" i="1"/>
  <c r="V30172" i="1"/>
  <c r="V30173" i="1"/>
  <c r="V30174" i="1"/>
  <c r="V30175" i="1"/>
  <c r="V30176" i="1"/>
  <c r="V30177" i="1"/>
  <c r="V30178" i="1"/>
  <c r="V30179" i="1"/>
  <c r="V30180" i="1"/>
  <c r="V30181" i="1"/>
  <c r="V30182" i="1"/>
  <c r="V30183" i="1"/>
  <c r="V30184" i="1"/>
  <c r="V30185" i="1"/>
  <c r="V30186" i="1"/>
  <c r="V30187" i="1"/>
  <c r="V30188" i="1"/>
  <c r="V30189" i="1"/>
  <c r="V30190" i="1"/>
  <c r="V30191" i="1"/>
  <c r="V30192" i="1"/>
  <c r="V30193" i="1"/>
  <c r="V30194" i="1"/>
  <c r="V30195" i="1"/>
  <c r="V30196" i="1"/>
  <c r="V30197" i="1"/>
  <c r="V30198" i="1"/>
  <c r="V30199" i="1"/>
  <c r="V30200" i="1"/>
  <c r="V30201" i="1"/>
  <c r="V30202" i="1"/>
  <c r="V30203" i="1"/>
  <c r="V30204" i="1"/>
  <c r="V30205" i="1"/>
  <c r="V30206" i="1"/>
  <c r="V30207" i="1"/>
  <c r="V30208" i="1"/>
  <c r="V30209" i="1"/>
  <c r="V30210" i="1"/>
  <c r="V30211" i="1"/>
  <c r="V30212" i="1"/>
  <c r="V30213" i="1"/>
  <c r="V30214" i="1"/>
  <c r="V30215" i="1"/>
  <c r="V30216" i="1"/>
  <c r="V30217" i="1"/>
  <c r="V30218" i="1"/>
  <c r="V30219" i="1"/>
  <c r="V30220" i="1"/>
  <c r="V30221" i="1"/>
  <c r="V30222" i="1"/>
  <c r="V30223" i="1"/>
  <c r="V30224" i="1"/>
  <c r="V30225" i="1"/>
  <c r="V30226" i="1"/>
  <c r="V30227" i="1"/>
  <c r="V30228" i="1"/>
  <c r="V30229" i="1"/>
  <c r="V30230" i="1"/>
  <c r="V30231" i="1"/>
  <c r="V30232" i="1"/>
  <c r="V30233" i="1"/>
  <c r="V30234" i="1"/>
  <c r="V30235" i="1"/>
  <c r="V30236" i="1"/>
  <c r="V30237" i="1"/>
  <c r="V30238" i="1"/>
  <c r="V30239" i="1"/>
  <c r="V30240" i="1"/>
  <c r="V30241" i="1"/>
  <c r="V30242" i="1"/>
  <c r="V30243" i="1"/>
  <c r="V30244" i="1"/>
  <c r="V30245" i="1"/>
  <c r="V30246" i="1"/>
  <c r="V30247" i="1"/>
  <c r="V30248" i="1"/>
  <c r="V30249" i="1"/>
  <c r="V30250" i="1"/>
  <c r="V30251" i="1"/>
  <c r="V30252" i="1"/>
  <c r="V30253" i="1"/>
  <c r="V30254" i="1"/>
  <c r="V30255" i="1"/>
  <c r="V30256" i="1"/>
  <c r="V30257" i="1"/>
  <c r="V30258" i="1"/>
  <c r="V30259" i="1"/>
  <c r="V30260" i="1"/>
  <c r="V30261" i="1"/>
  <c r="V30262" i="1"/>
  <c r="V30263" i="1"/>
  <c r="V30264" i="1"/>
  <c r="V30265" i="1"/>
  <c r="V30266" i="1"/>
  <c r="V30267" i="1"/>
  <c r="V30268" i="1"/>
  <c r="V30269" i="1"/>
  <c r="V30270" i="1"/>
  <c r="V30271" i="1"/>
  <c r="V30272" i="1"/>
  <c r="V30273" i="1"/>
  <c r="V30274" i="1"/>
  <c r="V30275" i="1"/>
  <c r="V30276" i="1"/>
  <c r="V30277" i="1"/>
  <c r="V30278" i="1"/>
  <c r="V30279" i="1"/>
  <c r="V30280" i="1"/>
  <c r="V30281" i="1"/>
  <c r="V30282" i="1"/>
  <c r="V30283" i="1"/>
  <c r="V30284" i="1"/>
  <c r="V30285" i="1"/>
  <c r="V30286" i="1"/>
  <c r="V30287" i="1"/>
  <c r="V30288" i="1"/>
  <c r="V30289" i="1"/>
  <c r="V30290" i="1"/>
  <c r="V30291" i="1"/>
  <c r="V30292" i="1"/>
  <c r="V30293" i="1"/>
  <c r="V30294" i="1"/>
  <c r="V30295" i="1"/>
  <c r="V30296" i="1"/>
  <c r="V30297" i="1"/>
  <c r="V30298" i="1"/>
  <c r="V30299" i="1"/>
  <c r="V30300" i="1"/>
  <c r="V30301" i="1"/>
  <c r="V30302" i="1"/>
  <c r="V30303" i="1"/>
  <c r="V30304" i="1"/>
  <c r="V30305" i="1"/>
  <c r="V30306" i="1"/>
  <c r="V30307" i="1"/>
  <c r="V30308" i="1"/>
  <c r="V30309" i="1"/>
  <c r="V30310" i="1"/>
  <c r="V30311" i="1"/>
  <c r="V30312" i="1"/>
  <c r="V30313" i="1"/>
  <c r="V30314" i="1"/>
  <c r="V30315" i="1"/>
  <c r="V30316" i="1"/>
  <c r="V30317" i="1"/>
  <c r="V30318" i="1"/>
  <c r="V30319" i="1"/>
  <c r="V30320" i="1"/>
  <c r="V30321" i="1"/>
  <c r="V30322" i="1"/>
  <c r="V30323" i="1"/>
  <c r="V30324" i="1"/>
  <c r="V30325" i="1"/>
  <c r="V30326" i="1"/>
  <c r="V30327" i="1"/>
  <c r="V30328" i="1"/>
  <c r="V30329" i="1"/>
  <c r="V30330" i="1"/>
  <c r="V30331" i="1"/>
  <c r="V30332" i="1"/>
  <c r="V30333" i="1"/>
  <c r="V30334" i="1"/>
  <c r="V30335" i="1"/>
  <c r="V30336" i="1"/>
  <c r="V30337" i="1"/>
  <c r="V30338" i="1"/>
  <c r="V30339" i="1"/>
  <c r="V30340" i="1"/>
  <c r="V30341" i="1"/>
  <c r="V30342" i="1"/>
  <c r="V30343" i="1"/>
  <c r="V30344" i="1"/>
  <c r="V30345" i="1"/>
  <c r="V30346" i="1"/>
  <c r="V30347" i="1"/>
  <c r="V30348" i="1"/>
  <c r="V30349" i="1"/>
  <c r="V30350" i="1"/>
  <c r="V30351" i="1"/>
  <c r="V30352" i="1"/>
  <c r="V30353" i="1"/>
  <c r="V30354" i="1"/>
  <c r="V30355" i="1"/>
  <c r="V30356" i="1"/>
  <c r="V30357" i="1"/>
  <c r="V30358" i="1"/>
  <c r="V30359" i="1"/>
  <c r="V30360" i="1"/>
  <c r="V30361" i="1"/>
  <c r="V30362" i="1"/>
  <c r="V30363" i="1"/>
  <c r="V30364" i="1"/>
  <c r="V30365" i="1"/>
  <c r="V30366" i="1"/>
  <c r="V30367" i="1"/>
  <c r="V30368" i="1"/>
  <c r="V30369" i="1"/>
  <c r="V30370" i="1"/>
  <c r="V30371" i="1"/>
  <c r="V30372" i="1"/>
  <c r="V30373" i="1"/>
  <c r="V30374" i="1"/>
  <c r="V30375" i="1"/>
  <c r="V30376" i="1"/>
  <c r="V30377" i="1"/>
  <c r="V30378" i="1"/>
  <c r="V30379" i="1"/>
  <c r="V30380" i="1"/>
  <c r="V30381" i="1"/>
  <c r="V30382" i="1"/>
  <c r="V30383" i="1"/>
  <c r="V30384" i="1"/>
  <c r="V30385" i="1"/>
  <c r="V30386" i="1"/>
  <c r="V30387" i="1"/>
  <c r="V30388" i="1"/>
  <c r="V30389" i="1"/>
  <c r="V30390" i="1"/>
  <c r="V30391" i="1"/>
  <c r="V30392" i="1"/>
  <c r="V30393" i="1"/>
  <c r="V30394" i="1"/>
  <c r="V30395" i="1"/>
  <c r="V30396" i="1"/>
  <c r="V30397" i="1"/>
  <c r="V30398" i="1"/>
  <c r="V30399" i="1"/>
  <c r="V30400" i="1"/>
  <c r="V30401" i="1"/>
  <c r="V30402" i="1"/>
  <c r="V30403" i="1"/>
  <c r="V30404" i="1"/>
  <c r="V30405" i="1"/>
  <c r="V30406" i="1"/>
  <c r="V30407" i="1"/>
  <c r="V30408" i="1"/>
  <c r="V30409" i="1"/>
  <c r="V30410" i="1"/>
  <c r="V30411" i="1"/>
  <c r="V30412" i="1"/>
  <c r="V30413" i="1"/>
  <c r="V30414" i="1"/>
  <c r="V30415" i="1"/>
  <c r="V30416" i="1"/>
  <c r="V30417" i="1"/>
  <c r="V30418" i="1"/>
  <c r="V30419" i="1"/>
  <c r="V30420" i="1"/>
  <c r="V30421" i="1"/>
  <c r="V30422" i="1"/>
  <c r="V30423" i="1"/>
  <c r="V30424" i="1"/>
  <c r="V30425" i="1"/>
  <c r="V30426" i="1"/>
  <c r="V30427" i="1"/>
  <c r="V30428" i="1"/>
  <c r="V30429" i="1"/>
  <c r="V30430" i="1"/>
  <c r="V30431" i="1"/>
  <c r="V30432" i="1"/>
  <c r="V30433" i="1"/>
  <c r="V30434" i="1"/>
  <c r="V30435" i="1"/>
  <c r="V30436" i="1"/>
  <c r="V30437" i="1"/>
  <c r="V30438" i="1"/>
  <c r="V30439" i="1"/>
  <c r="V30440" i="1"/>
  <c r="V30441" i="1"/>
  <c r="V30442" i="1"/>
  <c r="V30443" i="1"/>
  <c r="V30444" i="1"/>
  <c r="V30445" i="1"/>
  <c r="V30446" i="1"/>
  <c r="V30447" i="1"/>
  <c r="V30448" i="1"/>
  <c r="V30449" i="1"/>
  <c r="V30450" i="1"/>
  <c r="V30451" i="1"/>
  <c r="V30452" i="1"/>
  <c r="V30453" i="1"/>
  <c r="V30454" i="1"/>
  <c r="V30455" i="1"/>
  <c r="V30456" i="1"/>
  <c r="V30457" i="1"/>
  <c r="V30458" i="1"/>
  <c r="V30459" i="1"/>
  <c r="V30460" i="1"/>
  <c r="V30461" i="1"/>
  <c r="V30462" i="1"/>
  <c r="V30463" i="1"/>
  <c r="V30464" i="1"/>
  <c r="V30465" i="1"/>
  <c r="V30466" i="1"/>
  <c r="V30467" i="1"/>
  <c r="V30468" i="1"/>
  <c r="V30469" i="1"/>
  <c r="V30470" i="1"/>
  <c r="V30471" i="1"/>
  <c r="V30472" i="1"/>
  <c r="V30473" i="1"/>
  <c r="V30474" i="1"/>
  <c r="V30475" i="1"/>
  <c r="V30476" i="1"/>
  <c r="V30477" i="1"/>
  <c r="V30478" i="1"/>
  <c r="V30479" i="1"/>
  <c r="V30480" i="1"/>
  <c r="V30481" i="1"/>
  <c r="V30482" i="1"/>
  <c r="V30483" i="1"/>
  <c r="V30484" i="1"/>
  <c r="V30485" i="1"/>
  <c r="V30486" i="1"/>
  <c r="V30487" i="1"/>
  <c r="V30488" i="1"/>
  <c r="V30489" i="1"/>
  <c r="V30490" i="1"/>
  <c r="V30491" i="1"/>
  <c r="V30492" i="1"/>
  <c r="V30493" i="1"/>
  <c r="V30494" i="1"/>
  <c r="V30495" i="1"/>
  <c r="V30496" i="1"/>
  <c r="V30497" i="1"/>
  <c r="V30498" i="1"/>
  <c r="V30499" i="1"/>
  <c r="V30500" i="1"/>
  <c r="V30501" i="1"/>
  <c r="V30502" i="1"/>
  <c r="V30503" i="1"/>
  <c r="V30504" i="1"/>
  <c r="V30505" i="1"/>
  <c r="V30506" i="1"/>
  <c r="V30507" i="1"/>
  <c r="V30508" i="1"/>
  <c r="V30509" i="1"/>
  <c r="V30510" i="1"/>
  <c r="V30511" i="1"/>
  <c r="V30512" i="1"/>
  <c r="V30513" i="1"/>
  <c r="V30514" i="1"/>
  <c r="V30515" i="1"/>
  <c r="V30516" i="1"/>
  <c r="V30517" i="1"/>
  <c r="V30518" i="1"/>
  <c r="V30519" i="1"/>
  <c r="V30520" i="1"/>
  <c r="V30521" i="1"/>
  <c r="V30522" i="1"/>
  <c r="V30523" i="1"/>
  <c r="V30524" i="1"/>
  <c r="V30525" i="1"/>
  <c r="V30526" i="1"/>
  <c r="V30527" i="1"/>
  <c r="V30528" i="1"/>
  <c r="V30529" i="1"/>
  <c r="V30530" i="1"/>
  <c r="V30531" i="1"/>
  <c r="V30532" i="1"/>
  <c r="V30533" i="1"/>
  <c r="V30534" i="1"/>
  <c r="V30535" i="1"/>
  <c r="V30536" i="1"/>
  <c r="V30537" i="1"/>
  <c r="V30538" i="1"/>
  <c r="V30539" i="1"/>
  <c r="V30540" i="1"/>
  <c r="V30541" i="1"/>
  <c r="V30542" i="1"/>
  <c r="V30543" i="1"/>
  <c r="V30544" i="1"/>
  <c r="V30545" i="1"/>
  <c r="V30546" i="1"/>
  <c r="V30547" i="1"/>
  <c r="V30548" i="1"/>
  <c r="V30549" i="1"/>
  <c r="V30550" i="1"/>
  <c r="V30551" i="1"/>
  <c r="V30552" i="1"/>
  <c r="V30553" i="1"/>
  <c r="V30554" i="1"/>
  <c r="V30555" i="1"/>
  <c r="V30556" i="1"/>
  <c r="V30557" i="1"/>
  <c r="V30558" i="1"/>
  <c r="V30559" i="1"/>
  <c r="V30560" i="1"/>
  <c r="V30561" i="1"/>
  <c r="V30562" i="1"/>
  <c r="V30563" i="1"/>
  <c r="V30564" i="1"/>
  <c r="V30565" i="1"/>
  <c r="V30566" i="1"/>
  <c r="V30567" i="1"/>
  <c r="V30568" i="1"/>
  <c r="V30569" i="1"/>
  <c r="V30570" i="1"/>
  <c r="V30571" i="1"/>
  <c r="V30572" i="1"/>
  <c r="V30573" i="1"/>
  <c r="V30574" i="1"/>
  <c r="V30575" i="1"/>
  <c r="V30576" i="1"/>
  <c r="V30577" i="1"/>
  <c r="V30578" i="1"/>
  <c r="V30579" i="1"/>
  <c r="V30580" i="1"/>
  <c r="V30581" i="1"/>
  <c r="V30582" i="1"/>
  <c r="V30583" i="1"/>
  <c r="V30584" i="1"/>
  <c r="V30585" i="1"/>
  <c r="V30586" i="1"/>
  <c r="V30587" i="1"/>
  <c r="V30588" i="1"/>
  <c r="V30589" i="1"/>
  <c r="V30590" i="1"/>
  <c r="V30591" i="1"/>
  <c r="V30592" i="1"/>
  <c r="V30593" i="1"/>
  <c r="V30594" i="1"/>
  <c r="V30595" i="1"/>
  <c r="V30596" i="1"/>
  <c r="V30597" i="1"/>
  <c r="V30598" i="1"/>
  <c r="V30599" i="1"/>
  <c r="V30600" i="1"/>
  <c r="V30601" i="1"/>
  <c r="V30602" i="1"/>
  <c r="V30603" i="1"/>
  <c r="V30604" i="1"/>
  <c r="V30605" i="1"/>
  <c r="V30606" i="1"/>
  <c r="V30607" i="1"/>
  <c r="V30608" i="1"/>
  <c r="V30609" i="1"/>
  <c r="V30610" i="1"/>
  <c r="V30611" i="1"/>
  <c r="V30612" i="1"/>
  <c r="V30613" i="1"/>
  <c r="V30614" i="1"/>
  <c r="V30615" i="1"/>
  <c r="V30616" i="1"/>
  <c r="V30617" i="1"/>
  <c r="V30618" i="1"/>
  <c r="V30619" i="1"/>
  <c r="V30620" i="1"/>
  <c r="V30621" i="1"/>
  <c r="V30622" i="1"/>
  <c r="V30623" i="1"/>
  <c r="V30624" i="1"/>
  <c r="V30625" i="1"/>
  <c r="V30626" i="1"/>
  <c r="V30627" i="1"/>
  <c r="V30628" i="1"/>
  <c r="V30629" i="1"/>
  <c r="V30630" i="1"/>
  <c r="V30631" i="1"/>
  <c r="V30632" i="1"/>
  <c r="V30633" i="1"/>
  <c r="V30634" i="1"/>
  <c r="V30635" i="1"/>
  <c r="V30636" i="1"/>
  <c r="V30637" i="1"/>
  <c r="V30638" i="1"/>
  <c r="V30639" i="1"/>
  <c r="V30640" i="1"/>
  <c r="V30641" i="1"/>
  <c r="V30642" i="1"/>
  <c r="V30643" i="1"/>
  <c r="V30644" i="1"/>
  <c r="V30645" i="1"/>
  <c r="V30646" i="1"/>
  <c r="V30647" i="1"/>
  <c r="V30648" i="1"/>
  <c r="V30649" i="1"/>
  <c r="V30650" i="1"/>
  <c r="V30651" i="1"/>
  <c r="V30652" i="1"/>
  <c r="V30653" i="1"/>
  <c r="V30654" i="1"/>
  <c r="V30655" i="1"/>
  <c r="V30656" i="1"/>
  <c r="V30657" i="1"/>
  <c r="V30658" i="1"/>
  <c r="V30659" i="1"/>
  <c r="V30660" i="1"/>
  <c r="V30661" i="1"/>
  <c r="V30662" i="1"/>
  <c r="V30663" i="1"/>
  <c r="V30664" i="1"/>
  <c r="V30665" i="1"/>
  <c r="V30666" i="1"/>
  <c r="V30667" i="1"/>
  <c r="V30668" i="1"/>
  <c r="V30669" i="1"/>
  <c r="V30670" i="1"/>
  <c r="V30671" i="1"/>
  <c r="V30672" i="1"/>
  <c r="V30673" i="1"/>
  <c r="V30674" i="1"/>
  <c r="V30675" i="1"/>
  <c r="V30676" i="1"/>
  <c r="V30677" i="1"/>
  <c r="V30678" i="1"/>
  <c r="V30679" i="1"/>
  <c r="V30680" i="1"/>
  <c r="V30681" i="1"/>
  <c r="V30682" i="1"/>
  <c r="V30683" i="1"/>
  <c r="V30684" i="1"/>
  <c r="V30685" i="1"/>
  <c r="V30686" i="1"/>
  <c r="V30687" i="1"/>
  <c r="V30688" i="1"/>
  <c r="V30689" i="1"/>
  <c r="V30690" i="1"/>
  <c r="V30691" i="1"/>
  <c r="V30692" i="1"/>
  <c r="V30693" i="1"/>
  <c r="V30694" i="1"/>
  <c r="V30695" i="1"/>
  <c r="V30696" i="1"/>
  <c r="V30697" i="1"/>
  <c r="V30698" i="1"/>
  <c r="V30699" i="1"/>
  <c r="V30700" i="1"/>
  <c r="V30701" i="1"/>
  <c r="V30702" i="1"/>
  <c r="V30703" i="1"/>
  <c r="V30704" i="1"/>
  <c r="V30705" i="1"/>
  <c r="V30706" i="1"/>
  <c r="V30707" i="1"/>
  <c r="V30708" i="1"/>
  <c r="V30709" i="1"/>
  <c r="V30710" i="1"/>
  <c r="V30711" i="1"/>
  <c r="V30712" i="1"/>
  <c r="V30713" i="1"/>
  <c r="V30714" i="1"/>
  <c r="V30715" i="1"/>
  <c r="V30716" i="1"/>
  <c r="V30717" i="1"/>
  <c r="V30718" i="1"/>
  <c r="V30719" i="1"/>
  <c r="V30720" i="1"/>
  <c r="V30721" i="1"/>
  <c r="V30722" i="1"/>
  <c r="V30723" i="1"/>
  <c r="V30724" i="1"/>
  <c r="V30725" i="1"/>
  <c r="V30726" i="1"/>
  <c r="V30727" i="1"/>
  <c r="V30728" i="1"/>
  <c r="V30729" i="1"/>
  <c r="V30730" i="1"/>
  <c r="V30731" i="1"/>
  <c r="V30732" i="1"/>
  <c r="V30733" i="1"/>
  <c r="V30734" i="1"/>
  <c r="V30735" i="1"/>
  <c r="V30736" i="1"/>
  <c r="V30737" i="1"/>
  <c r="V30738" i="1"/>
  <c r="V30739" i="1"/>
  <c r="V30740" i="1"/>
  <c r="V30741" i="1"/>
  <c r="V30742" i="1"/>
  <c r="V30743" i="1"/>
  <c r="V30744" i="1"/>
  <c r="V30745" i="1"/>
  <c r="V30746" i="1"/>
  <c r="V30747" i="1"/>
  <c r="V30748" i="1"/>
  <c r="V30749" i="1"/>
  <c r="V30750" i="1"/>
  <c r="V30751" i="1"/>
  <c r="V30752" i="1"/>
  <c r="V30753" i="1"/>
  <c r="V30754" i="1"/>
  <c r="V30755" i="1"/>
  <c r="V30756" i="1"/>
  <c r="V30757" i="1"/>
  <c r="V30758" i="1"/>
  <c r="V30759" i="1"/>
  <c r="V30760" i="1"/>
  <c r="V30761" i="1"/>
  <c r="V30762" i="1"/>
  <c r="V30763" i="1"/>
  <c r="V30764" i="1"/>
  <c r="V30765" i="1"/>
  <c r="V30766" i="1"/>
  <c r="V30767" i="1"/>
  <c r="V30768" i="1"/>
  <c r="V30769" i="1"/>
  <c r="V30770" i="1"/>
  <c r="V30771" i="1"/>
  <c r="V30772" i="1"/>
  <c r="V30773" i="1"/>
  <c r="V30774" i="1"/>
  <c r="V30775" i="1"/>
  <c r="V30776" i="1"/>
  <c r="V30777" i="1"/>
  <c r="V30778" i="1"/>
  <c r="V30779" i="1"/>
  <c r="V30780" i="1"/>
  <c r="V30781" i="1"/>
  <c r="V30782" i="1"/>
  <c r="V30783" i="1"/>
  <c r="V30784" i="1"/>
  <c r="V30785" i="1"/>
  <c r="V30786" i="1"/>
  <c r="V30787" i="1"/>
  <c r="V30788" i="1"/>
  <c r="V30789" i="1"/>
  <c r="V30790" i="1"/>
  <c r="V30791" i="1"/>
  <c r="V30792" i="1"/>
  <c r="V30793" i="1"/>
  <c r="V30794" i="1"/>
  <c r="V30795" i="1"/>
  <c r="V30796" i="1"/>
  <c r="V30797" i="1"/>
  <c r="V30798" i="1"/>
  <c r="V30799" i="1"/>
  <c r="V30800" i="1"/>
  <c r="V30801" i="1"/>
  <c r="V30802" i="1"/>
  <c r="V30803" i="1"/>
  <c r="V30804" i="1"/>
  <c r="V30805" i="1"/>
  <c r="V30806" i="1"/>
  <c r="V30807" i="1"/>
  <c r="V30808" i="1"/>
  <c r="V30809" i="1"/>
  <c r="V30810" i="1"/>
  <c r="V30811" i="1"/>
  <c r="V30812" i="1"/>
  <c r="V30813" i="1"/>
  <c r="V30814" i="1"/>
  <c r="V30815" i="1"/>
  <c r="V30816" i="1"/>
  <c r="V30817" i="1"/>
  <c r="V30818" i="1"/>
  <c r="V30819" i="1"/>
  <c r="V30820" i="1"/>
  <c r="V30821" i="1"/>
  <c r="V30822" i="1"/>
  <c r="V30823" i="1"/>
  <c r="V30824" i="1"/>
  <c r="V30825" i="1"/>
  <c r="V30826" i="1"/>
  <c r="V30827" i="1"/>
  <c r="V30828" i="1"/>
  <c r="V30829" i="1"/>
  <c r="V30830" i="1"/>
  <c r="V30831" i="1"/>
  <c r="V30832" i="1"/>
  <c r="V30833" i="1"/>
  <c r="V30834" i="1"/>
  <c r="V30835" i="1"/>
  <c r="V30836" i="1"/>
  <c r="V30837" i="1"/>
  <c r="V30838" i="1"/>
  <c r="V30839" i="1"/>
  <c r="V30840" i="1"/>
  <c r="V30841" i="1"/>
  <c r="V30842" i="1"/>
  <c r="V30843" i="1"/>
  <c r="V30844" i="1"/>
  <c r="V30845" i="1"/>
  <c r="V30846" i="1"/>
  <c r="V30847" i="1"/>
  <c r="V30848" i="1"/>
  <c r="V30849" i="1"/>
  <c r="V30850" i="1"/>
  <c r="V30851" i="1"/>
  <c r="V30852" i="1"/>
  <c r="V30853" i="1"/>
  <c r="V30854" i="1"/>
  <c r="V30855" i="1"/>
  <c r="V30856" i="1"/>
  <c r="V30857" i="1"/>
  <c r="V30858" i="1"/>
  <c r="V30859" i="1"/>
  <c r="V30860" i="1"/>
  <c r="V30861" i="1"/>
  <c r="V30862" i="1"/>
  <c r="V30863" i="1"/>
  <c r="V30864" i="1"/>
  <c r="V30865" i="1"/>
  <c r="V30866" i="1"/>
  <c r="V30867" i="1"/>
  <c r="V30868" i="1"/>
  <c r="V30869" i="1"/>
  <c r="V30870" i="1"/>
  <c r="V30871" i="1"/>
  <c r="V30872" i="1"/>
  <c r="V30873" i="1"/>
  <c r="V30874" i="1"/>
  <c r="V30875" i="1"/>
  <c r="V30876" i="1"/>
  <c r="V30877" i="1"/>
  <c r="V30878" i="1"/>
  <c r="V30879" i="1"/>
  <c r="V30880" i="1"/>
  <c r="V30881" i="1"/>
  <c r="V30882" i="1"/>
  <c r="V30883" i="1"/>
  <c r="V30884" i="1"/>
  <c r="V30885" i="1"/>
  <c r="V30886" i="1"/>
  <c r="V30887" i="1"/>
  <c r="V30888" i="1"/>
  <c r="V30889" i="1"/>
  <c r="V30890" i="1"/>
  <c r="V30891" i="1"/>
  <c r="V30892" i="1"/>
  <c r="V30893" i="1"/>
  <c r="V30894" i="1"/>
  <c r="V30895" i="1"/>
  <c r="V30896" i="1"/>
  <c r="V30897" i="1"/>
  <c r="V30898" i="1"/>
  <c r="V30899" i="1"/>
  <c r="V30900" i="1"/>
  <c r="V30901" i="1"/>
  <c r="V30902" i="1"/>
  <c r="V30903" i="1"/>
  <c r="V30904" i="1"/>
  <c r="V30905" i="1"/>
  <c r="V30906" i="1"/>
  <c r="V30907" i="1"/>
  <c r="V30908" i="1"/>
  <c r="V30909" i="1"/>
  <c r="V30910" i="1"/>
  <c r="V30911" i="1"/>
  <c r="V30912" i="1"/>
  <c r="V30913" i="1"/>
  <c r="V30914" i="1"/>
  <c r="V30915" i="1"/>
  <c r="V30916" i="1"/>
  <c r="V30917" i="1"/>
  <c r="V30918" i="1"/>
  <c r="V30919" i="1"/>
  <c r="V30920" i="1"/>
  <c r="V30921" i="1"/>
  <c r="V30922" i="1"/>
  <c r="V30923" i="1"/>
  <c r="V30924" i="1"/>
  <c r="V30925" i="1"/>
  <c r="V30926" i="1"/>
  <c r="V30927" i="1"/>
  <c r="V30928" i="1"/>
  <c r="V30929" i="1"/>
  <c r="V30930" i="1"/>
  <c r="V30931" i="1"/>
  <c r="V30932" i="1"/>
  <c r="V30933" i="1"/>
  <c r="V30934" i="1"/>
  <c r="V30935" i="1"/>
  <c r="V30936" i="1"/>
  <c r="V30937" i="1"/>
  <c r="V30938" i="1"/>
  <c r="V30939" i="1"/>
  <c r="V30940" i="1"/>
  <c r="V30941" i="1"/>
  <c r="V30942" i="1"/>
  <c r="V30943" i="1"/>
  <c r="V30944" i="1"/>
  <c r="V30945" i="1"/>
  <c r="V30946" i="1"/>
  <c r="V30947" i="1"/>
  <c r="V30948" i="1"/>
  <c r="V30949" i="1"/>
  <c r="V30950" i="1"/>
  <c r="V30951" i="1"/>
  <c r="V30952" i="1"/>
  <c r="V30953" i="1"/>
  <c r="V30954" i="1"/>
  <c r="V30955" i="1"/>
  <c r="V30956" i="1"/>
  <c r="V30957" i="1"/>
  <c r="V30958" i="1"/>
  <c r="V30959" i="1"/>
  <c r="V30960" i="1"/>
  <c r="V30961" i="1"/>
  <c r="V30962" i="1"/>
  <c r="V30963" i="1"/>
  <c r="V30964" i="1"/>
  <c r="V30965" i="1"/>
  <c r="V30966" i="1"/>
  <c r="V30967" i="1"/>
  <c r="V30968" i="1"/>
  <c r="V30969" i="1"/>
  <c r="V30970" i="1"/>
  <c r="V30971" i="1"/>
  <c r="V30972" i="1"/>
  <c r="V30973" i="1"/>
  <c r="V30974" i="1"/>
  <c r="V30975" i="1"/>
  <c r="V30976" i="1"/>
  <c r="V30977" i="1"/>
  <c r="V30978" i="1"/>
  <c r="V30979" i="1"/>
  <c r="V30980" i="1"/>
  <c r="V30981" i="1"/>
  <c r="V30982" i="1"/>
  <c r="V30983" i="1"/>
  <c r="V30984" i="1"/>
  <c r="V30985" i="1"/>
  <c r="V30986" i="1"/>
  <c r="V30987" i="1"/>
  <c r="V30988" i="1"/>
  <c r="V30989" i="1"/>
  <c r="V30990" i="1"/>
  <c r="V30991" i="1"/>
  <c r="V30992" i="1"/>
  <c r="V30993" i="1"/>
  <c r="V30994" i="1"/>
  <c r="V30995" i="1"/>
  <c r="V30996" i="1"/>
  <c r="V30997" i="1"/>
  <c r="V30998" i="1"/>
  <c r="V30999" i="1"/>
  <c r="V31000" i="1"/>
  <c r="V31001" i="1"/>
  <c r="V31002" i="1"/>
  <c r="V31003" i="1"/>
  <c r="V31004" i="1"/>
  <c r="V31005" i="1"/>
  <c r="V31006" i="1"/>
  <c r="V31007" i="1"/>
  <c r="V31008" i="1"/>
  <c r="V31009" i="1"/>
  <c r="V31010" i="1"/>
  <c r="V31011" i="1"/>
  <c r="V31012" i="1"/>
  <c r="V31013" i="1"/>
  <c r="V31014" i="1"/>
  <c r="V31015" i="1"/>
  <c r="V31016" i="1"/>
  <c r="V31017" i="1"/>
  <c r="V31018" i="1"/>
  <c r="V31019" i="1"/>
  <c r="V31020" i="1"/>
  <c r="V31021" i="1"/>
  <c r="V31022" i="1"/>
  <c r="V31023" i="1"/>
  <c r="V31024" i="1"/>
  <c r="V31025" i="1"/>
  <c r="V31026" i="1"/>
  <c r="V31027" i="1"/>
  <c r="V31028" i="1"/>
  <c r="V31029" i="1"/>
  <c r="V31030" i="1"/>
  <c r="V31031" i="1"/>
  <c r="V31032" i="1"/>
  <c r="V31033" i="1"/>
  <c r="V31034" i="1"/>
  <c r="V31035" i="1"/>
  <c r="V31036" i="1"/>
  <c r="V31037" i="1"/>
  <c r="V31038" i="1"/>
  <c r="V31039" i="1"/>
  <c r="V31040" i="1"/>
  <c r="V31041" i="1"/>
  <c r="V31042" i="1"/>
  <c r="V31043" i="1"/>
  <c r="V31044" i="1"/>
  <c r="V31045" i="1"/>
  <c r="V31046" i="1"/>
  <c r="V31047" i="1"/>
  <c r="V31048" i="1"/>
  <c r="V31049" i="1"/>
  <c r="V31050" i="1"/>
  <c r="V31051" i="1"/>
  <c r="V31052" i="1"/>
  <c r="V31053" i="1"/>
  <c r="V31054" i="1"/>
  <c r="V31055" i="1"/>
  <c r="V31056" i="1"/>
  <c r="V31057" i="1"/>
  <c r="V31058" i="1"/>
  <c r="V31059" i="1"/>
  <c r="V31060" i="1"/>
  <c r="V31061" i="1"/>
  <c r="V31062" i="1"/>
  <c r="V31063" i="1"/>
  <c r="V31064" i="1"/>
  <c r="V31065" i="1"/>
  <c r="V31066" i="1"/>
  <c r="V31067" i="1"/>
  <c r="V31068" i="1"/>
  <c r="V31069" i="1"/>
  <c r="V31070" i="1"/>
  <c r="V31071" i="1"/>
  <c r="V31072" i="1"/>
  <c r="V31073" i="1"/>
  <c r="V31074" i="1"/>
  <c r="V31075" i="1"/>
  <c r="V31076" i="1"/>
  <c r="V31077" i="1"/>
  <c r="V31078" i="1"/>
  <c r="V31079" i="1"/>
  <c r="V31080" i="1"/>
  <c r="V31081" i="1"/>
  <c r="V31082" i="1"/>
  <c r="V31083" i="1"/>
  <c r="V31084" i="1"/>
  <c r="V31085" i="1"/>
  <c r="V31086" i="1"/>
  <c r="V31087" i="1"/>
  <c r="V31088" i="1"/>
  <c r="V31089" i="1"/>
  <c r="V31090" i="1"/>
  <c r="V31091" i="1"/>
  <c r="V31092" i="1"/>
  <c r="V31093" i="1"/>
  <c r="V31094" i="1"/>
  <c r="V31095" i="1"/>
  <c r="V31096" i="1"/>
  <c r="V31097" i="1"/>
  <c r="V31098" i="1"/>
  <c r="V31099" i="1"/>
  <c r="V31100" i="1"/>
  <c r="V31101" i="1"/>
  <c r="V31102" i="1"/>
  <c r="V31103" i="1"/>
  <c r="V31104" i="1"/>
  <c r="V31105" i="1"/>
  <c r="V31106" i="1"/>
  <c r="V31107" i="1"/>
  <c r="V31108" i="1"/>
  <c r="V31109" i="1"/>
  <c r="V31110" i="1"/>
  <c r="V31111" i="1"/>
  <c r="V31112" i="1"/>
  <c r="V31113" i="1"/>
  <c r="V31114" i="1"/>
  <c r="V31115" i="1"/>
  <c r="V31116" i="1"/>
  <c r="V31117" i="1"/>
  <c r="V31118" i="1"/>
  <c r="V31119" i="1"/>
  <c r="V31120" i="1"/>
  <c r="V31121" i="1"/>
  <c r="V31122" i="1"/>
  <c r="V31123" i="1"/>
  <c r="V31124" i="1"/>
  <c r="V31125" i="1"/>
  <c r="V31126" i="1"/>
  <c r="V31127" i="1"/>
  <c r="V31128" i="1"/>
  <c r="V31129" i="1"/>
  <c r="V31130" i="1"/>
  <c r="V31131" i="1"/>
  <c r="V31132" i="1"/>
  <c r="V31133" i="1"/>
  <c r="V31134" i="1"/>
  <c r="V31135" i="1"/>
  <c r="V31136" i="1"/>
  <c r="V31137" i="1"/>
  <c r="V31138" i="1"/>
  <c r="V31139" i="1"/>
  <c r="V31140" i="1"/>
  <c r="V31141" i="1"/>
  <c r="V31142" i="1"/>
  <c r="V31143" i="1"/>
  <c r="V31144" i="1"/>
  <c r="V31145" i="1"/>
  <c r="V31146" i="1"/>
  <c r="V31147" i="1"/>
  <c r="V31148" i="1"/>
  <c r="V31149" i="1"/>
  <c r="V31150" i="1"/>
  <c r="V31151" i="1"/>
  <c r="V31152" i="1"/>
  <c r="V31153" i="1"/>
  <c r="V31154" i="1"/>
  <c r="V31155" i="1"/>
  <c r="V31156" i="1"/>
  <c r="V31157" i="1"/>
  <c r="V31158" i="1"/>
  <c r="V31159" i="1"/>
  <c r="V31160" i="1"/>
  <c r="V31161" i="1"/>
  <c r="V31162" i="1"/>
  <c r="V31163" i="1"/>
  <c r="V31164" i="1"/>
  <c r="V31165" i="1"/>
  <c r="V31166" i="1"/>
  <c r="V31167" i="1"/>
  <c r="V31168" i="1"/>
  <c r="V31169" i="1"/>
  <c r="V31170" i="1"/>
  <c r="V31171" i="1"/>
  <c r="V31172" i="1"/>
  <c r="V31173" i="1"/>
  <c r="V31174" i="1"/>
  <c r="V31175" i="1"/>
  <c r="V31176" i="1"/>
  <c r="V31177" i="1"/>
  <c r="V31178" i="1"/>
  <c r="V31179" i="1"/>
  <c r="V31180" i="1"/>
  <c r="V31181" i="1"/>
  <c r="V31182" i="1"/>
  <c r="V31183" i="1"/>
  <c r="V31184" i="1"/>
  <c r="V31185" i="1"/>
  <c r="V31186" i="1"/>
  <c r="V31187" i="1"/>
  <c r="V31188" i="1"/>
  <c r="V31189" i="1"/>
  <c r="V31190" i="1"/>
  <c r="V31191" i="1"/>
  <c r="V31192" i="1"/>
  <c r="V31193" i="1"/>
  <c r="V31194" i="1"/>
  <c r="V31195" i="1"/>
  <c r="V31196" i="1"/>
  <c r="V31197" i="1"/>
  <c r="V31198" i="1"/>
  <c r="V31199" i="1"/>
  <c r="V31200" i="1"/>
  <c r="V31201" i="1"/>
  <c r="V31202" i="1"/>
  <c r="V31203" i="1"/>
  <c r="V31204" i="1"/>
  <c r="V31205" i="1"/>
  <c r="V31206" i="1"/>
  <c r="V31207" i="1"/>
  <c r="V31208" i="1"/>
  <c r="V31209" i="1"/>
  <c r="V31210" i="1"/>
  <c r="V31211" i="1"/>
  <c r="V31212" i="1"/>
  <c r="V31213" i="1"/>
  <c r="V31214" i="1"/>
  <c r="V31215" i="1"/>
  <c r="V31216" i="1"/>
  <c r="V31217" i="1"/>
  <c r="V31218" i="1"/>
  <c r="V31219" i="1"/>
  <c r="V31220" i="1"/>
  <c r="V31221" i="1"/>
  <c r="V31222" i="1"/>
  <c r="V31223" i="1"/>
  <c r="V31224" i="1"/>
  <c r="V31225" i="1"/>
  <c r="V31226" i="1"/>
  <c r="V31227" i="1"/>
  <c r="V31228" i="1"/>
  <c r="V31229" i="1"/>
  <c r="V31230" i="1"/>
  <c r="V31231" i="1"/>
  <c r="V31232" i="1"/>
  <c r="V31233" i="1"/>
  <c r="V31234" i="1"/>
  <c r="V31235" i="1"/>
  <c r="V31236" i="1"/>
  <c r="V31237" i="1"/>
  <c r="V31238" i="1"/>
  <c r="V31239" i="1"/>
  <c r="V31240" i="1"/>
  <c r="V31241" i="1"/>
  <c r="V31242" i="1"/>
  <c r="V31243" i="1"/>
  <c r="V31244" i="1"/>
  <c r="V31245" i="1"/>
  <c r="V31246" i="1"/>
  <c r="V31247" i="1"/>
  <c r="V31248" i="1"/>
  <c r="V31249" i="1"/>
  <c r="V31250" i="1"/>
  <c r="V31251" i="1"/>
  <c r="V31252" i="1"/>
  <c r="V31253" i="1"/>
  <c r="V31254" i="1"/>
  <c r="V31255" i="1"/>
  <c r="V31256" i="1"/>
  <c r="V31257" i="1"/>
  <c r="V31258" i="1"/>
  <c r="V31259" i="1"/>
  <c r="V31260" i="1"/>
  <c r="V31261" i="1"/>
  <c r="V31262" i="1"/>
  <c r="V31263" i="1"/>
  <c r="V31264" i="1"/>
  <c r="V31265" i="1"/>
  <c r="V31266" i="1"/>
  <c r="V31267" i="1"/>
  <c r="V31268" i="1"/>
  <c r="V31269" i="1"/>
  <c r="V31270" i="1"/>
  <c r="V31271" i="1"/>
  <c r="V31272" i="1"/>
  <c r="V31273" i="1"/>
  <c r="V31274" i="1"/>
  <c r="V31275" i="1"/>
  <c r="V31276" i="1"/>
  <c r="V31277" i="1"/>
  <c r="V31278" i="1"/>
  <c r="V31279" i="1"/>
  <c r="V31280" i="1"/>
  <c r="V31281" i="1"/>
  <c r="V31282" i="1"/>
  <c r="V31283" i="1"/>
  <c r="V31284" i="1"/>
  <c r="V31285" i="1"/>
  <c r="V31286" i="1"/>
  <c r="V31287" i="1"/>
  <c r="V31288" i="1"/>
  <c r="V31289" i="1"/>
  <c r="V31290" i="1"/>
  <c r="V31291" i="1"/>
  <c r="V31292" i="1"/>
  <c r="V31293" i="1"/>
  <c r="V31294" i="1"/>
  <c r="V31295" i="1"/>
  <c r="V31296" i="1"/>
  <c r="V31297" i="1"/>
  <c r="V31298" i="1"/>
  <c r="V31299" i="1"/>
  <c r="V31300" i="1"/>
  <c r="V31301" i="1"/>
  <c r="V31302" i="1"/>
  <c r="V31303" i="1"/>
  <c r="V31304" i="1"/>
  <c r="V31305" i="1"/>
  <c r="V31306" i="1"/>
  <c r="V31307" i="1"/>
  <c r="V31308" i="1"/>
  <c r="V31309" i="1"/>
  <c r="V31310" i="1"/>
  <c r="V31311" i="1"/>
  <c r="V31312" i="1"/>
  <c r="V31313" i="1"/>
  <c r="V31314" i="1"/>
  <c r="V31315" i="1"/>
  <c r="V31316" i="1"/>
  <c r="V31317" i="1"/>
  <c r="V31318" i="1"/>
  <c r="V31319" i="1"/>
  <c r="V31320" i="1"/>
  <c r="V31321" i="1"/>
  <c r="V31322" i="1"/>
  <c r="V31323" i="1"/>
  <c r="V31324" i="1"/>
  <c r="V31325" i="1"/>
  <c r="V31326" i="1"/>
  <c r="V31327" i="1"/>
  <c r="V31328" i="1"/>
  <c r="V31329" i="1"/>
  <c r="V31330" i="1"/>
  <c r="V31331" i="1"/>
  <c r="V31332" i="1"/>
  <c r="V31333" i="1"/>
  <c r="V31334" i="1"/>
  <c r="V31335" i="1"/>
  <c r="V31336" i="1"/>
  <c r="V31337" i="1"/>
  <c r="V31338" i="1"/>
  <c r="V31339" i="1"/>
  <c r="V31340" i="1"/>
  <c r="V31341" i="1"/>
  <c r="V31342" i="1"/>
  <c r="V31343" i="1"/>
  <c r="V31344" i="1"/>
  <c r="V31345" i="1"/>
  <c r="V31346" i="1"/>
  <c r="V31347" i="1"/>
  <c r="V31348" i="1"/>
  <c r="V31349" i="1"/>
  <c r="V31350" i="1"/>
  <c r="V31351" i="1"/>
  <c r="V31352" i="1"/>
  <c r="V31353" i="1"/>
  <c r="V31354" i="1"/>
  <c r="V31355" i="1"/>
  <c r="V31356" i="1"/>
  <c r="V31357" i="1"/>
  <c r="V31358" i="1"/>
  <c r="V31359" i="1"/>
  <c r="V31360" i="1"/>
  <c r="V31361" i="1"/>
  <c r="V31362" i="1"/>
  <c r="V31363" i="1"/>
  <c r="V31364" i="1"/>
  <c r="V31365" i="1"/>
  <c r="V31366" i="1"/>
  <c r="V31367" i="1"/>
  <c r="V31368" i="1"/>
  <c r="V31369" i="1"/>
  <c r="V31370" i="1"/>
  <c r="V31371" i="1"/>
  <c r="V31372" i="1"/>
  <c r="V31373" i="1"/>
  <c r="V31374" i="1"/>
  <c r="V31375" i="1"/>
  <c r="V31376" i="1"/>
  <c r="V31377" i="1"/>
  <c r="V31378" i="1"/>
  <c r="V31379" i="1"/>
  <c r="V31380" i="1"/>
  <c r="V31381" i="1"/>
  <c r="V31382" i="1"/>
  <c r="V31383" i="1"/>
  <c r="V31384" i="1"/>
  <c r="V31385" i="1"/>
  <c r="V31386" i="1"/>
  <c r="V31387" i="1"/>
  <c r="V31388" i="1"/>
  <c r="V31389" i="1"/>
  <c r="V31390" i="1"/>
  <c r="V31391" i="1"/>
  <c r="V31392" i="1"/>
  <c r="V31393" i="1"/>
  <c r="V31394" i="1"/>
  <c r="V31395" i="1"/>
  <c r="V31396" i="1"/>
  <c r="V31397" i="1"/>
  <c r="V31398" i="1"/>
  <c r="V31399" i="1"/>
  <c r="V31400" i="1"/>
  <c r="V31401" i="1"/>
  <c r="V31402" i="1"/>
  <c r="V31403" i="1"/>
  <c r="V31404" i="1"/>
  <c r="V31405" i="1"/>
  <c r="V31406" i="1"/>
  <c r="V31407" i="1"/>
  <c r="V31408" i="1"/>
  <c r="V31409" i="1"/>
  <c r="V31410" i="1"/>
  <c r="V31411" i="1"/>
  <c r="V31412" i="1"/>
  <c r="V31413" i="1"/>
  <c r="V31414" i="1"/>
  <c r="V31415" i="1"/>
  <c r="V31416" i="1"/>
  <c r="V31417" i="1"/>
  <c r="V31418" i="1"/>
  <c r="V31419" i="1"/>
  <c r="V31420" i="1"/>
  <c r="V31421" i="1"/>
  <c r="V31422" i="1"/>
  <c r="V31423" i="1"/>
  <c r="V31424" i="1"/>
  <c r="V31425" i="1"/>
  <c r="V31426" i="1"/>
  <c r="V31427" i="1"/>
  <c r="V31428" i="1"/>
  <c r="V31429" i="1"/>
  <c r="V31430" i="1"/>
  <c r="V31431" i="1"/>
  <c r="V31432" i="1"/>
  <c r="V31433" i="1"/>
  <c r="V31434" i="1"/>
  <c r="V31435" i="1"/>
  <c r="V31436" i="1"/>
  <c r="V31437" i="1"/>
  <c r="V31438" i="1"/>
  <c r="V31439" i="1"/>
  <c r="V31440" i="1"/>
  <c r="V31441" i="1"/>
  <c r="V31442" i="1"/>
  <c r="V31443" i="1"/>
  <c r="V31444" i="1"/>
  <c r="V31445" i="1"/>
  <c r="V31446" i="1"/>
  <c r="V31447" i="1"/>
  <c r="V31448" i="1"/>
  <c r="V31449" i="1"/>
  <c r="V31450" i="1"/>
  <c r="V31451" i="1"/>
  <c r="V31452" i="1"/>
  <c r="V31453" i="1"/>
  <c r="V31454" i="1"/>
  <c r="V31455" i="1"/>
  <c r="V31456" i="1"/>
  <c r="V31457" i="1"/>
  <c r="V31458" i="1"/>
  <c r="V31459" i="1"/>
  <c r="V31460" i="1"/>
  <c r="V31461" i="1"/>
  <c r="V31462" i="1"/>
  <c r="V31463" i="1"/>
  <c r="V31464" i="1"/>
  <c r="V31465" i="1"/>
  <c r="V31466" i="1"/>
  <c r="V31467" i="1"/>
  <c r="V31468" i="1"/>
  <c r="V31469" i="1"/>
  <c r="V31470" i="1"/>
  <c r="V31471" i="1"/>
  <c r="V31472" i="1"/>
  <c r="V31473" i="1"/>
  <c r="V31474" i="1"/>
  <c r="V31475" i="1"/>
  <c r="V31476" i="1"/>
  <c r="V31477" i="1"/>
  <c r="V31478" i="1"/>
  <c r="V31479" i="1"/>
  <c r="V31480" i="1"/>
  <c r="V31481" i="1"/>
  <c r="V31482" i="1"/>
  <c r="V31483" i="1"/>
  <c r="V31484" i="1"/>
  <c r="V31485" i="1"/>
  <c r="V31486" i="1"/>
  <c r="V31487" i="1"/>
  <c r="V31488" i="1"/>
  <c r="V31489" i="1"/>
  <c r="V31490" i="1"/>
  <c r="V31491" i="1"/>
  <c r="V31492" i="1"/>
  <c r="V31493" i="1"/>
  <c r="V31494" i="1"/>
  <c r="V31495" i="1"/>
  <c r="V31496" i="1"/>
  <c r="V31497" i="1"/>
  <c r="V31498" i="1"/>
  <c r="V31499" i="1"/>
  <c r="V31500" i="1"/>
  <c r="V31501" i="1"/>
  <c r="V31502" i="1"/>
  <c r="V31503" i="1"/>
  <c r="V31504" i="1"/>
  <c r="V31505" i="1"/>
  <c r="V31506" i="1"/>
  <c r="V31507" i="1"/>
  <c r="V31508" i="1"/>
  <c r="V31509" i="1"/>
  <c r="V31510" i="1"/>
  <c r="V31511" i="1"/>
  <c r="V31512" i="1"/>
  <c r="V31513" i="1"/>
  <c r="V31514" i="1"/>
  <c r="V31515" i="1"/>
  <c r="V31516" i="1"/>
  <c r="V31517" i="1"/>
  <c r="V31518" i="1"/>
  <c r="V31519" i="1"/>
  <c r="V31520" i="1"/>
  <c r="V31521" i="1"/>
  <c r="V31522" i="1"/>
  <c r="V31523" i="1"/>
  <c r="V31524" i="1"/>
  <c r="V31525" i="1"/>
  <c r="V31526" i="1"/>
  <c r="V31527" i="1"/>
  <c r="V31528" i="1"/>
  <c r="V31529" i="1"/>
  <c r="V31530" i="1"/>
  <c r="V31531" i="1"/>
  <c r="V31532" i="1"/>
  <c r="V31533" i="1"/>
  <c r="V31534" i="1"/>
  <c r="V31535" i="1"/>
  <c r="V31536" i="1"/>
  <c r="V31537" i="1"/>
  <c r="V31538" i="1"/>
  <c r="V31539" i="1"/>
  <c r="V31540" i="1"/>
  <c r="V31541" i="1"/>
  <c r="V31542" i="1"/>
  <c r="V31543" i="1"/>
  <c r="V31544" i="1"/>
  <c r="V31545" i="1"/>
  <c r="V31546" i="1"/>
  <c r="V31547" i="1"/>
  <c r="V31548" i="1"/>
  <c r="V31549" i="1"/>
  <c r="V31550" i="1"/>
  <c r="V31551" i="1"/>
  <c r="V31552" i="1"/>
  <c r="V31553" i="1"/>
  <c r="V31554" i="1"/>
  <c r="V31555" i="1"/>
  <c r="V31556" i="1"/>
  <c r="V31557" i="1"/>
  <c r="V31558" i="1"/>
  <c r="V31559" i="1"/>
  <c r="V31560" i="1"/>
  <c r="V31561" i="1"/>
  <c r="V31562" i="1"/>
  <c r="V31563" i="1"/>
  <c r="V31564" i="1"/>
  <c r="V31565" i="1"/>
  <c r="V31566" i="1"/>
  <c r="V31567" i="1"/>
  <c r="V31568" i="1"/>
  <c r="V31569" i="1"/>
  <c r="V31570" i="1"/>
  <c r="V31571" i="1"/>
  <c r="V31572" i="1"/>
  <c r="V31573" i="1"/>
  <c r="V31574" i="1"/>
  <c r="V31575" i="1"/>
  <c r="V31576" i="1"/>
  <c r="V31577" i="1"/>
  <c r="V31578" i="1"/>
  <c r="V31579" i="1"/>
  <c r="V31580" i="1"/>
  <c r="V31581" i="1"/>
  <c r="V31582" i="1"/>
  <c r="V31583" i="1"/>
  <c r="V31584" i="1"/>
  <c r="V31585" i="1"/>
  <c r="V31586" i="1"/>
  <c r="V31587" i="1"/>
  <c r="V31588" i="1"/>
  <c r="V31589" i="1"/>
  <c r="V31590" i="1"/>
  <c r="V31591" i="1"/>
  <c r="V31592" i="1"/>
  <c r="V31593" i="1"/>
  <c r="V31594" i="1"/>
  <c r="V31595" i="1"/>
  <c r="V31596" i="1"/>
  <c r="V31597" i="1"/>
  <c r="V31598" i="1"/>
  <c r="V31599" i="1"/>
  <c r="V31600" i="1"/>
  <c r="V31601" i="1"/>
  <c r="V31602" i="1"/>
  <c r="V31603" i="1"/>
  <c r="V31604" i="1"/>
  <c r="V31605" i="1"/>
  <c r="V31606" i="1"/>
  <c r="V31607" i="1"/>
  <c r="V31608" i="1"/>
  <c r="V31609" i="1"/>
  <c r="V31610" i="1"/>
  <c r="V31611" i="1"/>
  <c r="V31612" i="1"/>
  <c r="V31613" i="1"/>
  <c r="V31614" i="1"/>
  <c r="V31615" i="1"/>
  <c r="V31616" i="1"/>
  <c r="V31617" i="1"/>
  <c r="V31618" i="1"/>
  <c r="V31619" i="1"/>
  <c r="V31620" i="1"/>
  <c r="V31621" i="1"/>
  <c r="V31622" i="1"/>
  <c r="V31623" i="1"/>
  <c r="V31624" i="1"/>
  <c r="V31625" i="1"/>
  <c r="V31626" i="1"/>
  <c r="V31627" i="1"/>
  <c r="V31628" i="1"/>
  <c r="V31629" i="1"/>
  <c r="V31630" i="1"/>
  <c r="V31631" i="1"/>
  <c r="V31632" i="1"/>
  <c r="V31633" i="1"/>
  <c r="V31634" i="1"/>
  <c r="V31635" i="1"/>
  <c r="V31636" i="1"/>
  <c r="V31637" i="1"/>
  <c r="V31638" i="1"/>
  <c r="V31639" i="1"/>
  <c r="V31640" i="1"/>
  <c r="V31641" i="1"/>
  <c r="V31642" i="1"/>
  <c r="V31643" i="1"/>
  <c r="V31644" i="1"/>
  <c r="V31645" i="1"/>
  <c r="V31646" i="1"/>
  <c r="V31647" i="1"/>
  <c r="V31648" i="1"/>
  <c r="V31649" i="1"/>
  <c r="V31650" i="1"/>
  <c r="V31651" i="1"/>
  <c r="V31652" i="1"/>
  <c r="V31653" i="1"/>
  <c r="V31654" i="1"/>
  <c r="V31655" i="1"/>
  <c r="V31656" i="1"/>
  <c r="V31657" i="1"/>
  <c r="V31658" i="1"/>
  <c r="V31659" i="1"/>
  <c r="V31660" i="1"/>
  <c r="V31661" i="1"/>
  <c r="V31662" i="1"/>
  <c r="V31663" i="1"/>
  <c r="V31664" i="1"/>
  <c r="V31665" i="1"/>
  <c r="V31666" i="1"/>
  <c r="V31667" i="1"/>
  <c r="V31668" i="1"/>
  <c r="V31669" i="1"/>
  <c r="V31670" i="1"/>
  <c r="V31671" i="1"/>
  <c r="V31672" i="1"/>
  <c r="V31673" i="1"/>
  <c r="V31674" i="1"/>
  <c r="V31675" i="1"/>
  <c r="V31676" i="1"/>
  <c r="V31677" i="1"/>
  <c r="V31678" i="1"/>
  <c r="V31679" i="1"/>
  <c r="V31680" i="1"/>
  <c r="V31681" i="1"/>
  <c r="V31682" i="1"/>
  <c r="V31683" i="1"/>
  <c r="V31684" i="1"/>
  <c r="V31685" i="1"/>
  <c r="V31686" i="1"/>
  <c r="V31687" i="1"/>
  <c r="V31688" i="1"/>
  <c r="V31689" i="1"/>
  <c r="V31690" i="1"/>
  <c r="V31691" i="1"/>
  <c r="V31692" i="1"/>
  <c r="V31693" i="1"/>
  <c r="V31694" i="1"/>
  <c r="V31695" i="1"/>
  <c r="V31696" i="1"/>
  <c r="V31697" i="1"/>
  <c r="V31698" i="1"/>
  <c r="V31699" i="1"/>
  <c r="V31700" i="1"/>
  <c r="V31701" i="1"/>
  <c r="V31702" i="1"/>
  <c r="V31703" i="1"/>
  <c r="V31704" i="1"/>
  <c r="V31705" i="1"/>
  <c r="V31706" i="1"/>
  <c r="V31707" i="1"/>
  <c r="V31708" i="1"/>
  <c r="V31709" i="1"/>
  <c r="V31710" i="1"/>
  <c r="V31711" i="1"/>
  <c r="V31712" i="1"/>
  <c r="V31713" i="1"/>
  <c r="V31714" i="1"/>
  <c r="V31715" i="1"/>
  <c r="V31716" i="1"/>
  <c r="V31717" i="1"/>
  <c r="V31718" i="1"/>
  <c r="V31719" i="1"/>
  <c r="V31720" i="1"/>
  <c r="V31721" i="1"/>
  <c r="V31722" i="1"/>
  <c r="V31723" i="1"/>
  <c r="V31724" i="1"/>
  <c r="V31725" i="1"/>
  <c r="V31726" i="1"/>
  <c r="V31727" i="1"/>
  <c r="V31728" i="1"/>
  <c r="V31729" i="1"/>
  <c r="V31730" i="1"/>
  <c r="V31731" i="1"/>
  <c r="V31732" i="1"/>
  <c r="V31733" i="1"/>
  <c r="V31734" i="1"/>
  <c r="V31735" i="1"/>
  <c r="V31736" i="1"/>
  <c r="V31737" i="1"/>
  <c r="V31738" i="1"/>
  <c r="V31739" i="1"/>
  <c r="V31740" i="1"/>
  <c r="V31741" i="1"/>
  <c r="V31742" i="1"/>
  <c r="V31743" i="1"/>
  <c r="V31744" i="1"/>
  <c r="V31745" i="1"/>
  <c r="V31746" i="1"/>
  <c r="V31747" i="1"/>
  <c r="V31748" i="1"/>
  <c r="V31749" i="1"/>
  <c r="V31750" i="1"/>
  <c r="V31751" i="1"/>
  <c r="V31752" i="1"/>
  <c r="V31753" i="1"/>
  <c r="V31754" i="1"/>
  <c r="V31755" i="1"/>
  <c r="V31756" i="1"/>
  <c r="V31757" i="1"/>
  <c r="V31758" i="1"/>
  <c r="V31759" i="1"/>
  <c r="V31760" i="1"/>
  <c r="V31761" i="1"/>
  <c r="V31762" i="1"/>
  <c r="V31763" i="1"/>
  <c r="V31764" i="1"/>
  <c r="V31765" i="1"/>
  <c r="V31766" i="1"/>
  <c r="V31767" i="1"/>
  <c r="V31768" i="1"/>
  <c r="V31769" i="1"/>
  <c r="V31770" i="1"/>
  <c r="V31771" i="1"/>
  <c r="V31772" i="1"/>
  <c r="V31773" i="1"/>
  <c r="V31774" i="1"/>
  <c r="V31775" i="1"/>
  <c r="V31776" i="1"/>
  <c r="V31777" i="1"/>
  <c r="V31778" i="1"/>
  <c r="V31779" i="1"/>
  <c r="V31780" i="1"/>
  <c r="V31781" i="1"/>
  <c r="V31782" i="1"/>
  <c r="V31783" i="1"/>
  <c r="V31784" i="1"/>
  <c r="V31785" i="1"/>
  <c r="V31786" i="1"/>
  <c r="V31787" i="1"/>
  <c r="V31788" i="1"/>
  <c r="V31789" i="1"/>
  <c r="V31790" i="1"/>
  <c r="V31791" i="1"/>
  <c r="V31792" i="1"/>
  <c r="V31793" i="1"/>
  <c r="V31794" i="1"/>
  <c r="V31795" i="1"/>
  <c r="V31796" i="1"/>
  <c r="V31797" i="1"/>
  <c r="V31798" i="1"/>
  <c r="V31799" i="1"/>
  <c r="V31800" i="1"/>
  <c r="V31801" i="1"/>
  <c r="V31802" i="1"/>
  <c r="V31803" i="1"/>
  <c r="V31804" i="1"/>
  <c r="V31805" i="1"/>
  <c r="V31806" i="1"/>
  <c r="V31807" i="1"/>
  <c r="V31808" i="1"/>
  <c r="V31809" i="1"/>
  <c r="V31810" i="1"/>
  <c r="V31811" i="1"/>
  <c r="V31812" i="1"/>
  <c r="V31813" i="1"/>
  <c r="V31814" i="1"/>
  <c r="V31815" i="1"/>
  <c r="V31816" i="1"/>
  <c r="V31817" i="1"/>
  <c r="V31818" i="1"/>
  <c r="V31819" i="1"/>
  <c r="V31820" i="1"/>
  <c r="V31821" i="1"/>
  <c r="V31822" i="1"/>
  <c r="V31823" i="1"/>
  <c r="V31824" i="1"/>
  <c r="V31825" i="1"/>
  <c r="V31826" i="1"/>
  <c r="V31827" i="1"/>
  <c r="V31828" i="1"/>
  <c r="V31829" i="1"/>
  <c r="V31830" i="1"/>
  <c r="V31831" i="1"/>
  <c r="V31832" i="1"/>
  <c r="V31833" i="1"/>
  <c r="V31834" i="1"/>
  <c r="V31835" i="1"/>
  <c r="V31836" i="1"/>
  <c r="V31837" i="1"/>
  <c r="V31838" i="1"/>
  <c r="V31839" i="1"/>
  <c r="V31840" i="1"/>
  <c r="V31841" i="1"/>
  <c r="V31842" i="1"/>
  <c r="V31843" i="1"/>
  <c r="V31844" i="1"/>
  <c r="V31845" i="1"/>
  <c r="V31846" i="1"/>
  <c r="V31847" i="1"/>
  <c r="V31848" i="1"/>
  <c r="V31849" i="1"/>
  <c r="V31850" i="1"/>
  <c r="V31851" i="1"/>
  <c r="V31852" i="1"/>
  <c r="V31853" i="1"/>
  <c r="V31854" i="1"/>
  <c r="V31855" i="1"/>
  <c r="V31856" i="1"/>
  <c r="V31857" i="1"/>
  <c r="V31858" i="1"/>
  <c r="V31859" i="1"/>
  <c r="V31860" i="1"/>
  <c r="V31861" i="1"/>
  <c r="V31862" i="1"/>
  <c r="V31863" i="1"/>
  <c r="V31864" i="1"/>
  <c r="V31865" i="1"/>
  <c r="V31866" i="1"/>
  <c r="V31867" i="1"/>
  <c r="V31868" i="1"/>
  <c r="V31869" i="1"/>
  <c r="V31870" i="1"/>
  <c r="V31871" i="1"/>
  <c r="V31872" i="1"/>
  <c r="V31873" i="1"/>
  <c r="V31874" i="1"/>
  <c r="V31875" i="1"/>
  <c r="V31876" i="1"/>
  <c r="V31877" i="1"/>
  <c r="V31878" i="1"/>
  <c r="V31879" i="1"/>
  <c r="V31880" i="1"/>
  <c r="V31881" i="1"/>
  <c r="V31882" i="1"/>
  <c r="V31883" i="1"/>
  <c r="V31884" i="1"/>
  <c r="V31885" i="1"/>
  <c r="V31886" i="1"/>
  <c r="V31887" i="1"/>
  <c r="V31888" i="1"/>
  <c r="V31889" i="1"/>
  <c r="V31890" i="1"/>
  <c r="V31891" i="1"/>
  <c r="V31892" i="1"/>
  <c r="V31893" i="1"/>
  <c r="V31894" i="1"/>
  <c r="V31895" i="1"/>
  <c r="V31896" i="1"/>
  <c r="V31897" i="1"/>
  <c r="V31898" i="1"/>
  <c r="V31899" i="1"/>
  <c r="V31900" i="1"/>
  <c r="V31901" i="1"/>
  <c r="V31902" i="1"/>
  <c r="V31903" i="1"/>
  <c r="V31904" i="1"/>
  <c r="V31905" i="1"/>
  <c r="V31906" i="1"/>
  <c r="V31907" i="1"/>
  <c r="V31908" i="1"/>
  <c r="V31909" i="1"/>
  <c r="V31910" i="1"/>
  <c r="V31911" i="1"/>
  <c r="V31912" i="1"/>
  <c r="V31913" i="1"/>
  <c r="V31914" i="1"/>
  <c r="V31915" i="1"/>
  <c r="V31916" i="1"/>
  <c r="V31917" i="1"/>
  <c r="V31918" i="1"/>
  <c r="V31919" i="1"/>
  <c r="V31920" i="1"/>
  <c r="V31921" i="1"/>
  <c r="V31922" i="1"/>
  <c r="V31923" i="1"/>
  <c r="V31924" i="1"/>
  <c r="V31925" i="1"/>
  <c r="V31926" i="1"/>
  <c r="V31927" i="1"/>
  <c r="V31928" i="1"/>
  <c r="V31929" i="1"/>
  <c r="V31930" i="1"/>
  <c r="V31931" i="1"/>
  <c r="V31932" i="1"/>
  <c r="V31933" i="1"/>
  <c r="V31934" i="1"/>
  <c r="V31935" i="1"/>
  <c r="V31936" i="1"/>
  <c r="V31937" i="1"/>
  <c r="V31938" i="1"/>
  <c r="V31939" i="1"/>
  <c r="V31940" i="1"/>
  <c r="V31941" i="1"/>
  <c r="V31942" i="1"/>
  <c r="V31943" i="1"/>
  <c r="V31944" i="1"/>
  <c r="V31945" i="1"/>
  <c r="V31946" i="1"/>
  <c r="V31947" i="1"/>
  <c r="V31948" i="1"/>
  <c r="V31949" i="1"/>
  <c r="V31950" i="1"/>
  <c r="V31951" i="1"/>
  <c r="V31952" i="1"/>
  <c r="V31953" i="1"/>
  <c r="V31954" i="1"/>
  <c r="V31955" i="1"/>
  <c r="V31956" i="1"/>
  <c r="V31957" i="1"/>
  <c r="V31958" i="1"/>
  <c r="V31959" i="1"/>
  <c r="V31960" i="1"/>
  <c r="V31961" i="1"/>
  <c r="V31962" i="1"/>
  <c r="V31963" i="1"/>
  <c r="V31964" i="1"/>
  <c r="V31965" i="1"/>
  <c r="V31966" i="1"/>
  <c r="V31967" i="1"/>
  <c r="V31968" i="1"/>
  <c r="V31969" i="1"/>
  <c r="V31970" i="1"/>
  <c r="V31971" i="1"/>
  <c r="V31972" i="1"/>
  <c r="V31973" i="1"/>
  <c r="V31974" i="1"/>
  <c r="V31975" i="1"/>
  <c r="V31976" i="1"/>
  <c r="V31977" i="1"/>
  <c r="V31978" i="1"/>
  <c r="V31979" i="1"/>
  <c r="V31980" i="1"/>
  <c r="V31981" i="1"/>
  <c r="V31982" i="1"/>
  <c r="V31983" i="1"/>
  <c r="V31984" i="1"/>
  <c r="V31985" i="1"/>
  <c r="V31986" i="1"/>
  <c r="V31987" i="1"/>
  <c r="V31988" i="1"/>
  <c r="V31989" i="1"/>
  <c r="V31990" i="1"/>
  <c r="V31991" i="1"/>
  <c r="V31992" i="1"/>
  <c r="V31993" i="1"/>
  <c r="V31994" i="1"/>
  <c r="V31995" i="1"/>
  <c r="V31996" i="1"/>
  <c r="V31997" i="1"/>
  <c r="V31998" i="1"/>
  <c r="V31999" i="1"/>
  <c r="V32000" i="1"/>
  <c r="V32001" i="1"/>
  <c r="V32002" i="1"/>
  <c r="V32003" i="1"/>
  <c r="V32004" i="1"/>
  <c r="V32005" i="1"/>
  <c r="V32006" i="1"/>
  <c r="V32007" i="1"/>
  <c r="V32008" i="1"/>
  <c r="V32009" i="1"/>
  <c r="V32010" i="1"/>
  <c r="V32011" i="1"/>
  <c r="V32012" i="1"/>
  <c r="V32013" i="1"/>
  <c r="V32014" i="1"/>
  <c r="V32015" i="1"/>
  <c r="V32016" i="1"/>
  <c r="V32017" i="1"/>
  <c r="V32018" i="1"/>
  <c r="V32019" i="1"/>
  <c r="V32020" i="1"/>
  <c r="V32021" i="1"/>
  <c r="V32022" i="1"/>
  <c r="V32023" i="1"/>
  <c r="V32024" i="1"/>
  <c r="V32025" i="1"/>
  <c r="V32026" i="1"/>
  <c r="V32027" i="1"/>
  <c r="V32028" i="1"/>
  <c r="V32029" i="1"/>
  <c r="V32030" i="1"/>
  <c r="V32031" i="1"/>
  <c r="V32032" i="1"/>
  <c r="V32033" i="1"/>
  <c r="V32034" i="1"/>
  <c r="V32035" i="1"/>
  <c r="V32036" i="1"/>
  <c r="V32037" i="1"/>
  <c r="V32038" i="1"/>
  <c r="V32039" i="1"/>
  <c r="V32040" i="1"/>
  <c r="V32041" i="1"/>
  <c r="V32042" i="1"/>
  <c r="V32043" i="1"/>
  <c r="V32044" i="1"/>
  <c r="V32045" i="1"/>
  <c r="V32046" i="1"/>
  <c r="V32047" i="1"/>
  <c r="V32048" i="1"/>
  <c r="V32049" i="1"/>
  <c r="V32050" i="1"/>
  <c r="V32051" i="1"/>
  <c r="V32052" i="1"/>
  <c r="V32053" i="1"/>
  <c r="V32054" i="1"/>
  <c r="V32055" i="1"/>
  <c r="V32056" i="1"/>
  <c r="V32057" i="1"/>
  <c r="V32058" i="1"/>
  <c r="V32059" i="1"/>
  <c r="V32060" i="1"/>
  <c r="V32061" i="1"/>
  <c r="V32062" i="1"/>
  <c r="V32063" i="1"/>
  <c r="V32064" i="1"/>
  <c r="V32065" i="1"/>
  <c r="V32066" i="1"/>
  <c r="V32067" i="1"/>
  <c r="V32068" i="1"/>
  <c r="V32069" i="1"/>
  <c r="V32070" i="1"/>
  <c r="V32071" i="1"/>
  <c r="V32072" i="1"/>
  <c r="V32073" i="1"/>
  <c r="V32074" i="1"/>
  <c r="V32075" i="1"/>
  <c r="V32076" i="1"/>
  <c r="V32077" i="1"/>
  <c r="V32078" i="1"/>
  <c r="V32079" i="1"/>
  <c r="V32080" i="1"/>
  <c r="V32081" i="1"/>
  <c r="V32082" i="1"/>
  <c r="V32083" i="1"/>
  <c r="V32084" i="1"/>
  <c r="V32085" i="1"/>
  <c r="V32086" i="1"/>
  <c r="V32087" i="1"/>
  <c r="V32088" i="1"/>
  <c r="V32089" i="1"/>
  <c r="V32090" i="1"/>
  <c r="V32091" i="1"/>
  <c r="V32092" i="1"/>
  <c r="V32093" i="1"/>
  <c r="V32094" i="1"/>
  <c r="V32095" i="1"/>
  <c r="V32096" i="1"/>
  <c r="V32097" i="1"/>
  <c r="V32098" i="1"/>
  <c r="V32099" i="1"/>
  <c r="V32100" i="1"/>
  <c r="V32101" i="1"/>
  <c r="V32102" i="1"/>
  <c r="V32103" i="1"/>
  <c r="V32104" i="1"/>
  <c r="V32105" i="1"/>
  <c r="V32106" i="1"/>
  <c r="V32107" i="1"/>
  <c r="V32108" i="1"/>
  <c r="V32109" i="1"/>
  <c r="V32110" i="1"/>
  <c r="V32111" i="1"/>
  <c r="V32112" i="1"/>
  <c r="V32113" i="1"/>
  <c r="V32114" i="1"/>
  <c r="V32115" i="1"/>
  <c r="V32116" i="1"/>
  <c r="V32117" i="1"/>
  <c r="V32118" i="1"/>
  <c r="V32119" i="1"/>
  <c r="V32120" i="1"/>
  <c r="V32121" i="1"/>
  <c r="V32122" i="1"/>
  <c r="V32123" i="1"/>
  <c r="V32124" i="1"/>
  <c r="V32125" i="1"/>
  <c r="V32126" i="1"/>
  <c r="V32127" i="1"/>
  <c r="V32128" i="1"/>
  <c r="V32129" i="1"/>
  <c r="V32130" i="1"/>
  <c r="V32131" i="1"/>
  <c r="V32132" i="1"/>
  <c r="V32133" i="1"/>
  <c r="V32134" i="1"/>
  <c r="V32135" i="1"/>
  <c r="V32136" i="1"/>
  <c r="V32137" i="1"/>
  <c r="V32138" i="1"/>
  <c r="V32139" i="1"/>
  <c r="V32140" i="1"/>
  <c r="V32141" i="1"/>
  <c r="V32142" i="1"/>
  <c r="V32143" i="1"/>
  <c r="V32144" i="1"/>
  <c r="V32145" i="1"/>
  <c r="V32146" i="1"/>
  <c r="V32147" i="1"/>
  <c r="V32148" i="1"/>
  <c r="V32149" i="1"/>
  <c r="V32150" i="1"/>
  <c r="V32151" i="1"/>
  <c r="V32152" i="1"/>
  <c r="V32153" i="1"/>
  <c r="V32154" i="1"/>
  <c r="V32155" i="1"/>
  <c r="V32156" i="1"/>
  <c r="V32157" i="1"/>
  <c r="V32158" i="1"/>
  <c r="V32159" i="1"/>
  <c r="V32160" i="1"/>
  <c r="V32161" i="1"/>
  <c r="V32162" i="1"/>
  <c r="V32163" i="1"/>
  <c r="V32164" i="1"/>
  <c r="V32165" i="1"/>
  <c r="V32166" i="1"/>
  <c r="V32167" i="1"/>
  <c r="V32168" i="1"/>
  <c r="V32169" i="1"/>
  <c r="V32170" i="1"/>
  <c r="V32171" i="1"/>
  <c r="V32172" i="1"/>
  <c r="V32173" i="1"/>
  <c r="V32174" i="1"/>
  <c r="V32175" i="1"/>
  <c r="V32176" i="1"/>
  <c r="V32177" i="1"/>
  <c r="V32178" i="1"/>
  <c r="V32179" i="1"/>
  <c r="V32180" i="1"/>
  <c r="V32181" i="1"/>
  <c r="V32182" i="1"/>
  <c r="V32183" i="1"/>
  <c r="V32184" i="1"/>
  <c r="V32185" i="1"/>
  <c r="V32186" i="1"/>
  <c r="V32187" i="1"/>
  <c r="V32188" i="1"/>
  <c r="V32189" i="1"/>
  <c r="V32190" i="1"/>
  <c r="V32191" i="1"/>
  <c r="V32192" i="1"/>
  <c r="V32193" i="1"/>
  <c r="V32194" i="1"/>
  <c r="V32195" i="1"/>
  <c r="V32196" i="1"/>
  <c r="V32197" i="1"/>
  <c r="V32198" i="1"/>
  <c r="V32199" i="1"/>
  <c r="V32200" i="1"/>
  <c r="V32201" i="1"/>
  <c r="V32202" i="1"/>
  <c r="V32203" i="1"/>
  <c r="V32204" i="1"/>
  <c r="V32205" i="1"/>
  <c r="V32206" i="1"/>
  <c r="V32207" i="1"/>
  <c r="V32208" i="1"/>
  <c r="V32209" i="1"/>
  <c r="V32210" i="1"/>
  <c r="V32211" i="1"/>
  <c r="V32212" i="1"/>
  <c r="V32213" i="1"/>
  <c r="V32214" i="1"/>
  <c r="V32215" i="1"/>
  <c r="V32216" i="1"/>
  <c r="V32217" i="1"/>
  <c r="V32218" i="1"/>
  <c r="V32219" i="1"/>
  <c r="V32220" i="1"/>
  <c r="V32221" i="1"/>
  <c r="V32222" i="1"/>
  <c r="V32223" i="1"/>
  <c r="V32224" i="1"/>
  <c r="V32225" i="1"/>
  <c r="V32226" i="1"/>
  <c r="V32227" i="1"/>
  <c r="V32228" i="1"/>
  <c r="V32229" i="1"/>
  <c r="V32230" i="1"/>
  <c r="V32231" i="1"/>
  <c r="V32232" i="1"/>
  <c r="V32233" i="1"/>
  <c r="V32234" i="1"/>
  <c r="V32235" i="1"/>
  <c r="V32236" i="1"/>
  <c r="V32237" i="1"/>
  <c r="V32238" i="1"/>
  <c r="V32239" i="1"/>
  <c r="V32240" i="1"/>
  <c r="V32241" i="1"/>
  <c r="V32242" i="1"/>
  <c r="V32243" i="1"/>
  <c r="V32244" i="1"/>
  <c r="V32245" i="1"/>
  <c r="V32246" i="1"/>
  <c r="V32247" i="1"/>
  <c r="V32248" i="1"/>
  <c r="V32249" i="1"/>
  <c r="V32250" i="1"/>
  <c r="V32251" i="1"/>
  <c r="V32252" i="1"/>
  <c r="V32253" i="1"/>
  <c r="V32254" i="1"/>
  <c r="V32255" i="1"/>
  <c r="V32256" i="1"/>
  <c r="V32257" i="1"/>
  <c r="V32258" i="1"/>
  <c r="V32259" i="1"/>
  <c r="V32260" i="1"/>
  <c r="V32261" i="1"/>
  <c r="V32262" i="1"/>
  <c r="V32263" i="1"/>
  <c r="V32264" i="1"/>
  <c r="V32265" i="1"/>
  <c r="V32266" i="1"/>
  <c r="V32267" i="1"/>
  <c r="V32268" i="1"/>
  <c r="V32269" i="1"/>
  <c r="V32270" i="1"/>
  <c r="V32271" i="1"/>
  <c r="V32272" i="1"/>
  <c r="V32273" i="1"/>
  <c r="V32274" i="1"/>
  <c r="V32275" i="1"/>
  <c r="V32276" i="1"/>
  <c r="V32277" i="1"/>
  <c r="V32278" i="1"/>
  <c r="V32279" i="1"/>
  <c r="V32280" i="1"/>
  <c r="V32281" i="1"/>
  <c r="V32282" i="1"/>
  <c r="V32283" i="1"/>
  <c r="V32284" i="1"/>
  <c r="V32285" i="1"/>
  <c r="V32286" i="1"/>
  <c r="V32287" i="1"/>
  <c r="V32288" i="1"/>
  <c r="V32289" i="1"/>
  <c r="V32290" i="1"/>
  <c r="V32291" i="1"/>
  <c r="V32292" i="1"/>
  <c r="V32293" i="1"/>
  <c r="V32294" i="1"/>
  <c r="V32295" i="1"/>
  <c r="V32296" i="1"/>
  <c r="V32297" i="1"/>
  <c r="V32298" i="1"/>
  <c r="V32299" i="1"/>
  <c r="V32300" i="1"/>
  <c r="V32301" i="1"/>
  <c r="V32302" i="1"/>
  <c r="V32303" i="1"/>
  <c r="V32304" i="1"/>
  <c r="V32305" i="1"/>
  <c r="V32306" i="1"/>
  <c r="V32307" i="1"/>
  <c r="V32308" i="1"/>
  <c r="V32309" i="1"/>
  <c r="V32310" i="1"/>
  <c r="V32311" i="1"/>
  <c r="V32312" i="1"/>
  <c r="V32313" i="1"/>
  <c r="V32314" i="1"/>
  <c r="V32315" i="1"/>
  <c r="V32316" i="1"/>
  <c r="V32317" i="1"/>
  <c r="V32318" i="1"/>
  <c r="V32319" i="1"/>
  <c r="V32320" i="1"/>
  <c r="V32321" i="1"/>
  <c r="V32322" i="1"/>
  <c r="V32323" i="1"/>
  <c r="V32324" i="1"/>
  <c r="V32325" i="1"/>
  <c r="V32326" i="1"/>
  <c r="V32327" i="1"/>
  <c r="V32328" i="1"/>
  <c r="V32329" i="1"/>
  <c r="V32330" i="1"/>
  <c r="V32331" i="1"/>
  <c r="V32332" i="1"/>
  <c r="V32333" i="1"/>
  <c r="V32334" i="1"/>
  <c r="V32335" i="1"/>
  <c r="V32336" i="1"/>
  <c r="V32337" i="1"/>
  <c r="V32338" i="1"/>
  <c r="V32339" i="1"/>
  <c r="V32340" i="1"/>
  <c r="V32341" i="1"/>
  <c r="V32342" i="1"/>
  <c r="V32343" i="1"/>
  <c r="V32344" i="1"/>
  <c r="V32345" i="1"/>
  <c r="V32346" i="1"/>
  <c r="V32347" i="1"/>
  <c r="V32348" i="1"/>
  <c r="V32349" i="1"/>
  <c r="V32350" i="1"/>
  <c r="V32351" i="1"/>
  <c r="V32352" i="1"/>
  <c r="V32353" i="1"/>
  <c r="V32354" i="1"/>
  <c r="V32355" i="1"/>
  <c r="V32356" i="1"/>
  <c r="V32357" i="1"/>
  <c r="V32358" i="1"/>
  <c r="V32359" i="1"/>
  <c r="V32360" i="1"/>
  <c r="V32361" i="1"/>
  <c r="V32362" i="1"/>
  <c r="V32363" i="1"/>
  <c r="V32364" i="1"/>
  <c r="V32365" i="1"/>
  <c r="V32366" i="1"/>
  <c r="V32367" i="1"/>
  <c r="V32368" i="1"/>
  <c r="V32369" i="1"/>
  <c r="V32370" i="1"/>
  <c r="V32371" i="1"/>
  <c r="V32372" i="1"/>
  <c r="V32373" i="1"/>
  <c r="V32374" i="1"/>
  <c r="V32375" i="1"/>
  <c r="V32376" i="1"/>
  <c r="V32377" i="1"/>
  <c r="V32378" i="1"/>
  <c r="V32379" i="1"/>
  <c r="V32380" i="1"/>
  <c r="V32381" i="1"/>
  <c r="V32382" i="1"/>
  <c r="V32383" i="1"/>
  <c r="V32384" i="1"/>
  <c r="V32385" i="1"/>
  <c r="V32386" i="1"/>
  <c r="V32387" i="1"/>
  <c r="V32388" i="1"/>
  <c r="V32389" i="1"/>
  <c r="V32390" i="1"/>
  <c r="V32391" i="1"/>
  <c r="V32392" i="1"/>
  <c r="V32393" i="1"/>
  <c r="V32394" i="1"/>
  <c r="V32395" i="1"/>
  <c r="V32396" i="1"/>
  <c r="V32397" i="1"/>
  <c r="V32398" i="1"/>
  <c r="V32399" i="1"/>
  <c r="V32400" i="1"/>
  <c r="V32401" i="1"/>
  <c r="V32402" i="1"/>
  <c r="V32403" i="1"/>
  <c r="V32404" i="1"/>
  <c r="V32405" i="1"/>
  <c r="V32406" i="1"/>
  <c r="V32407" i="1"/>
  <c r="V32408" i="1"/>
  <c r="V32409" i="1"/>
  <c r="V32410" i="1"/>
  <c r="V32411" i="1"/>
  <c r="V32412" i="1"/>
  <c r="V32413" i="1"/>
  <c r="V32414" i="1"/>
  <c r="V32415" i="1"/>
  <c r="V32416" i="1"/>
  <c r="V32417" i="1"/>
  <c r="V32418" i="1"/>
  <c r="V32419" i="1"/>
  <c r="V32420" i="1"/>
  <c r="V32421" i="1"/>
  <c r="V32422" i="1"/>
  <c r="V32423" i="1"/>
  <c r="V32424" i="1"/>
  <c r="V32425" i="1"/>
  <c r="V32426" i="1"/>
  <c r="V32427" i="1"/>
  <c r="V32428" i="1"/>
  <c r="V32429" i="1"/>
  <c r="V32430" i="1"/>
  <c r="V32431" i="1"/>
  <c r="V32432" i="1"/>
  <c r="V32433" i="1"/>
  <c r="V32434" i="1"/>
  <c r="V32435" i="1"/>
  <c r="V32436" i="1"/>
  <c r="V32437" i="1"/>
  <c r="V32438" i="1"/>
  <c r="V32439" i="1"/>
  <c r="V32440" i="1"/>
  <c r="V32441" i="1"/>
  <c r="V32442" i="1"/>
  <c r="V32443" i="1"/>
  <c r="V32444" i="1"/>
  <c r="V32445" i="1"/>
  <c r="V32446" i="1"/>
  <c r="V32447" i="1"/>
  <c r="V32448" i="1"/>
  <c r="V32449" i="1"/>
  <c r="V32450" i="1"/>
  <c r="V32451" i="1"/>
  <c r="V32452" i="1"/>
  <c r="V32453" i="1"/>
  <c r="V32454" i="1"/>
  <c r="V32455" i="1"/>
  <c r="V32456" i="1"/>
  <c r="V32457" i="1"/>
  <c r="V32458" i="1"/>
  <c r="V32459" i="1"/>
  <c r="V32460" i="1"/>
  <c r="V32461" i="1"/>
  <c r="V32462" i="1"/>
  <c r="V32463" i="1"/>
  <c r="V32464" i="1"/>
  <c r="V32465" i="1"/>
  <c r="V32466" i="1"/>
  <c r="V32467" i="1"/>
  <c r="V32468" i="1"/>
  <c r="V32469" i="1"/>
  <c r="V32470" i="1"/>
  <c r="V32471" i="1"/>
  <c r="V32472" i="1"/>
  <c r="V32473" i="1"/>
  <c r="V32474" i="1"/>
  <c r="V32475" i="1"/>
  <c r="V32476" i="1"/>
  <c r="V32477" i="1"/>
  <c r="V32478" i="1"/>
  <c r="V32479" i="1"/>
  <c r="V32480" i="1"/>
  <c r="V32481" i="1"/>
  <c r="V32482" i="1"/>
  <c r="V32483" i="1"/>
  <c r="V32484" i="1"/>
  <c r="V32485" i="1"/>
  <c r="V32486" i="1"/>
  <c r="V32487" i="1"/>
  <c r="V32488" i="1"/>
  <c r="V32489" i="1"/>
  <c r="V32490" i="1"/>
  <c r="V32491" i="1"/>
  <c r="V32492" i="1"/>
  <c r="V32493" i="1"/>
  <c r="V32494" i="1"/>
  <c r="V32495" i="1"/>
  <c r="V32496" i="1"/>
  <c r="V32497" i="1"/>
  <c r="V32498" i="1"/>
  <c r="V32499" i="1"/>
  <c r="V32500" i="1"/>
  <c r="V32501" i="1"/>
  <c r="V32502" i="1"/>
  <c r="V32503" i="1"/>
  <c r="V32504" i="1"/>
  <c r="V32505" i="1"/>
  <c r="V32506" i="1"/>
  <c r="V32507" i="1"/>
  <c r="V32508" i="1"/>
  <c r="V32509" i="1"/>
  <c r="V32510" i="1"/>
  <c r="V32511" i="1"/>
  <c r="V32512" i="1"/>
  <c r="V32513" i="1"/>
  <c r="V32514" i="1"/>
  <c r="V32515" i="1"/>
  <c r="V32516" i="1"/>
  <c r="V32517" i="1"/>
  <c r="V32518" i="1"/>
  <c r="V32519" i="1"/>
  <c r="V32520" i="1"/>
  <c r="V32521" i="1"/>
  <c r="V32522" i="1"/>
  <c r="V32523" i="1"/>
  <c r="V32524" i="1"/>
  <c r="V32525" i="1"/>
  <c r="V32526" i="1"/>
  <c r="V32527" i="1"/>
  <c r="V32528" i="1"/>
  <c r="V32529" i="1"/>
  <c r="V32530" i="1"/>
  <c r="V32531" i="1"/>
  <c r="V32532" i="1"/>
  <c r="V32533" i="1"/>
  <c r="V32534" i="1"/>
  <c r="V32535" i="1"/>
  <c r="V32536" i="1"/>
  <c r="V32537" i="1"/>
  <c r="V32538" i="1"/>
  <c r="V32539" i="1"/>
  <c r="V32540" i="1"/>
  <c r="V32541" i="1"/>
  <c r="V32542" i="1"/>
  <c r="V32543" i="1"/>
  <c r="V32544" i="1"/>
  <c r="V32545" i="1"/>
  <c r="V32546" i="1"/>
  <c r="V32547" i="1"/>
  <c r="V32548" i="1"/>
  <c r="V32549" i="1"/>
  <c r="V32550" i="1"/>
  <c r="V32551" i="1"/>
  <c r="V32552" i="1"/>
  <c r="V32553" i="1"/>
  <c r="V32554" i="1"/>
  <c r="V32555" i="1"/>
  <c r="V32556" i="1"/>
  <c r="V32557" i="1"/>
  <c r="V32558" i="1"/>
  <c r="V32559" i="1"/>
  <c r="V32560" i="1"/>
  <c r="V32561" i="1"/>
  <c r="V32562" i="1"/>
  <c r="V32563" i="1"/>
  <c r="V32564" i="1"/>
  <c r="V32565" i="1"/>
  <c r="V32566" i="1"/>
  <c r="V32567" i="1"/>
  <c r="V32568" i="1"/>
  <c r="V32569" i="1"/>
  <c r="V32570" i="1"/>
  <c r="V32571" i="1"/>
  <c r="V32572" i="1"/>
  <c r="V32573" i="1"/>
  <c r="V32574" i="1"/>
  <c r="V32575" i="1"/>
  <c r="V32576" i="1"/>
  <c r="V32577" i="1"/>
  <c r="V32578" i="1"/>
  <c r="V32579" i="1"/>
  <c r="V32580" i="1"/>
  <c r="V32581" i="1"/>
  <c r="V32582" i="1"/>
  <c r="V32583" i="1"/>
  <c r="V32584" i="1"/>
  <c r="V32585" i="1"/>
  <c r="V32586" i="1"/>
  <c r="V32587" i="1"/>
  <c r="V32588" i="1"/>
  <c r="V32589" i="1"/>
  <c r="V32590" i="1"/>
  <c r="V32591" i="1"/>
  <c r="V32592" i="1"/>
  <c r="V32593" i="1"/>
  <c r="V32594" i="1"/>
  <c r="V32595" i="1"/>
  <c r="V32596" i="1"/>
  <c r="V32597" i="1"/>
  <c r="V32598" i="1"/>
  <c r="V32599" i="1"/>
  <c r="V32600" i="1"/>
  <c r="V32601" i="1"/>
  <c r="V32602" i="1"/>
  <c r="V32603" i="1"/>
  <c r="V32604" i="1"/>
  <c r="V32605" i="1"/>
  <c r="V32606" i="1"/>
  <c r="V32607" i="1"/>
  <c r="V32608" i="1"/>
  <c r="V32609" i="1"/>
  <c r="V32610" i="1"/>
  <c r="V32611" i="1"/>
  <c r="V32612" i="1"/>
  <c r="V32613" i="1"/>
  <c r="V32614" i="1"/>
  <c r="V32615" i="1"/>
  <c r="V32616" i="1"/>
  <c r="V32617" i="1"/>
  <c r="V32618" i="1"/>
  <c r="V32619" i="1"/>
  <c r="V32620" i="1"/>
  <c r="V32621" i="1"/>
  <c r="V32622" i="1"/>
  <c r="V32623" i="1"/>
  <c r="V32624" i="1"/>
  <c r="V32625" i="1"/>
  <c r="V32626" i="1"/>
  <c r="V32627" i="1"/>
  <c r="V32628" i="1"/>
  <c r="V32629" i="1"/>
  <c r="V32630" i="1"/>
  <c r="V32631" i="1"/>
  <c r="V32632" i="1"/>
  <c r="V32633" i="1"/>
  <c r="V32634" i="1"/>
  <c r="V32635" i="1"/>
  <c r="V32636" i="1"/>
  <c r="V32637" i="1"/>
  <c r="V32638" i="1"/>
  <c r="V32639" i="1"/>
  <c r="V32640" i="1"/>
  <c r="V32641" i="1"/>
  <c r="V32642" i="1"/>
  <c r="V32643" i="1"/>
  <c r="V32644" i="1"/>
  <c r="V32645" i="1"/>
  <c r="V32646" i="1"/>
  <c r="V32647" i="1"/>
  <c r="V32648" i="1"/>
  <c r="V32649" i="1"/>
  <c r="V32650" i="1"/>
  <c r="V32651" i="1"/>
  <c r="V32652" i="1"/>
  <c r="V32653" i="1"/>
  <c r="V32654" i="1"/>
  <c r="V32655" i="1"/>
  <c r="V32656" i="1"/>
  <c r="V32657" i="1"/>
  <c r="V32658" i="1"/>
  <c r="V32659" i="1"/>
  <c r="V32660" i="1"/>
  <c r="V32661" i="1"/>
  <c r="V32662" i="1"/>
  <c r="V32663" i="1"/>
  <c r="V32664" i="1"/>
  <c r="V32665" i="1"/>
  <c r="V32666" i="1"/>
  <c r="V32667" i="1"/>
  <c r="V32668" i="1"/>
  <c r="V32669" i="1"/>
  <c r="V32670" i="1"/>
  <c r="V32671" i="1"/>
  <c r="V32672" i="1"/>
  <c r="V32673" i="1"/>
  <c r="V32674" i="1"/>
  <c r="V32675" i="1"/>
  <c r="V32676" i="1"/>
  <c r="V32677" i="1"/>
  <c r="V32678" i="1"/>
  <c r="V32679" i="1"/>
  <c r="V32680" i="1"/>
  <c r="V32681" i="1"/>
  <c r="V32682" i="1"/>
  <c r="V32683" i="1"/>
  <c r="V32684" i="1"/>
  <c r="V32685" i="1"/>
  <c r="V32686" i="1"/>
  <c r="V32687" i="1"/>
  <c r="V32688" i="1"/>
  <c r="V32689" i="1"/>
  <c r="V32690" i="1"/>
  <c r="V32691" i="1"/>
  <c r="V32692" i="1"/>
  <c r="V32693" i="1"/>
  <c r="V32694" i="1"/>
  <c r="V32695" i="1"/>
  <c r="V32696" i="1"/>
  <c r="V32697" i="1"/>
  <c r="V32698" i="1"/>
  <c r="V32699" i="1"/>
  <c r="V32700" i="1"/>
  <c r="V32701" i="1"/>
  <c r="V32702" i="1"/>
  <c r="V32703" i="1"/>
  <c r="V32704" i="1"/>
  <c r="V32705" i="1"/>
  <c r="V32706" i="1"/>
  <c r="V32707" i="1"/>
  <c r="V32708" i="1"/>
  <c r="V32709" i="1"/>
  <c r="V32710" i="1"/>
  <c r="V32711" i="1"/>
  <c r="V32712" i="1"/>
  <c r="V32713" i="1"/>
  <c r="V32714" i="1"/>
  <c r="V32715" i="1"/>
  <c r="V32716" i="1"/>
  <c r="V32717" i="1"/>
  <c r="V32718" i="1"/>
  <c r="V32719" i="1"/>
  <c r="V32720" i="1"/>
  <c r="V32721" i="1"/>
  <c r="V32722" i="1"/>
  <c r="V32723" i="1"/>
  <c r="V32724" i="1"/>
  <c r="V32725" i="1"/>
  <c r="V32726" i="1"/>
  <c r="V32727" i="1"/>
  <c r="V32728" i="1"/>
  <c r="V32729" i="1"/>
  <c r="V32730" i="1"/>
  <c r="V32731" i="1"/>
  <c r="V32732" i="1"/>
  <c r="V32733" i="1"/>
  <c r="V32734" i="1"/>
  <c r="V32735" i="1"/>
  <c r="V32736" i="1"/>
  <c r="V32737" i="1"/>
  <c r="V32738" i="1"/>
  <c r="V32739" i="1"/>
  <c r="V32740" i="1"/>
  <c r="V32741" i="1"/>
  <c r="V32742" i="1"/>
  <c r="V32743" i="1"/>
  <c r="V32744" i="1"/>
  <c r="V32745" i="1"/>
  <c r="V32746" i="1"/>
  <c r="V32747" i="1"/>
  <c r="V32748" i="1"/>
  <c r="V32749" i="1"/>
  <c r="V32750" i="1"/>
  <c r="V32751" i="1"/>
  <c r="V32752" i="1"/>
  <c r="V32753" i="1"/>
  <c r="V32754" i="1"/>
  <c r="V32755" i="1"/>
  <c r="V32756" i="1"/>
  <c r="V32757" i="1"/>
  <c r="V32758" i="1"/>
  <c r="V32759" i="1"/>
  <c r="V32760" i="1"/>
  <c r="V32761" i="1"/>
  <c r="V32762" i="1"/>
  <c r="V32763" i="1"/>
  <c r="V32764" i="1"/>
  <c r="V32765" i="1"/>
  <c r="V32766" i="1"/>
  <c r="V32767" i="1"/>
  <c r="V32768" i="1"/>
  <c r="V32769" i="1"/>
  <c r="V32770" i="1"/>
  <c r="V32771" i="1"/>
  <c r="V32772" i="1"/>
  <c r="V32773" i="1"/>
  <c r="V32774" i="1"/>
  <c r="V32775" i="1"/>
  <c r="V32776" i="1"/>
  <c r="V32777" i="1"/>
  <c r="V32778" i="1"/>
  <c r="V32779" i="1"/>
  <c r="V32780" i="1"/>
  <c r="V32781" i="1"/>
  <c r="V32782" i="1"/>
  <c r="V32783" i="1"/>
  <c r="V32784" i="1"/>
  <c r="V32785" i="1"/>
  <c r="V32786" i="1"/>
  <c r="V32787" i="1"/>
  <c r="V32788" i="1"/>
  <c r="V32789" i="1"/>
  <c r="V32790" i="1"/>
  <c r="V32791" i="1"/>
  <c r="V32792" i="1"/>
  <c r="V32793" i="1"/>
  <c r="V32794" i="1"/>
  <c r="V32795" i="1"/>
  <c r="V32796" i="1"/>
  <c r="V32797" i="1"/>
  <c r="V32798" i="1"/>
  <c r="V32799" i="1"/>
  <c r="V32800" i="1"/>
  <c r="V32801" i="1"/>
  <c r="V32802" i="1"/>
  <c r="V32803" i="1"/>
  <c r="V32804" i="1"/>
  <c r="V32805" i="1"/>
  <c r="V32806" i="1"/>
  <c r="V32807" i="1"/>
  <c r="V32808" i="1"/>
  <c r="V32809" i="1"/>
  <c r="V32810" i="1"/>
  <c r="V32811" i="1"/>
  <c r="V32812" i="1"/>
  <c r="V32813" i="1"/>
  <c r="V32814" i="1"/>
  <c r="V32815" i="1"/>
  <c r="V32816" i="1"/>
  <c r="V32817" i="1"/>
  <c r="V32818" i="1"/>
  <c r="V32819" i="1"/>
  <c r="V32820" i="1"/>
  <c r="V32821" i="1"/>
  <c r="V32822" i="1"/>
  <c r="V32823" i="1"/>
  <c r="V32824" i="1"/>
  <c r="V32825" i="1"/>
  <c r="V32826" i="1"/>
  <c r="V32827" i="1"/>
  <c r="V32828" i="1"/>
  <c r="V32829" i="1"/>
  <c r="V32830" i="1"/>
  <c r="V32831" i="1"/>
  <c r="V32832" i="1"/>
  <c r="V32833" i="1"/>
  <c r="V32834" i="1"/>
  <c r="V32835" i="1"/>
  <c r="V32836" i="1"/>
  <c r="V32837" i="1"/>
  <c r="V32838" i="1"/>
  <c r="V32839" i="1"/>
  <c r="V32840" i="1"/>
  <c r="V32841" i="1"/>
  <c r="V32842" i="1"/>
  <c r="V32843" i="1"/>
  <c r="V32844" i="1"/>
  <c r="V32845" i="1"/>
  <c r="V32846" i="1"/>
  <c r="V32847" i="1"/>
  <c r="V32848" i="1"/>
  <c r="V32849" i="1"/>
  <c r="V32850" i="1"/>
  <c r="V32851" i="1"/>
  <c r="V32852" i="1"/>
  <c r="V32853" i="1"/>
  <c r="V32854" i="1"/>
  <c r="V32855" i="1"/>
  <c r="V32856" i="1"/>
  <c r="V32857" i="1"/>
  <c r="V32858" i="1"/>
  <c r="V32859" i="1"/>
  <c r="V32860" i="1"/>
  <c r="V32861" i="1"/>
  <c r="V32862" i="1"/>
  <c r="V32863" i="1"/>
  <c r="V32864" i="1"/>
  <c r="V32865" i="1"/>
  <c r="V32866" i="1"/>
  <c r="V32867" i="1"/>
  <c r="V32868" i="1"/>
  <c r="V32869" i="1"/>
  <c r="V32870" i="1"/>
  <c r="V32871" i="1"/>
  <c r="V32872" i="1"/>
  <c r="V32873" i="1"/>
  <c r="V32874" i="1"/>
  <c r="V32875" i="1"/>
  <c r="V32876" i="1"/>
  <c r="V32877" i="1"/>
  <c r="V32878" i="1"/>
  <c r="V32879" i="1"/>
  <c r="V32880" i="1"/>
  <c r="V32881" i="1"/>
  <c r="V32882" i="1"/>
  <c r="V32883" i="1"/>
  <c r="V32884" i="1"/>
  <c r="V32885" i="1"/>
  <c r="V32886" i="1"/>
  <c r="V32887" i="1"/>
  <c r="V32888" i="1"/>
  <c r="V32889" i="1"/>
  <c r="V32890" i="1"/>
  <c r="V32891" i="1"/>
  <c r="V32892" i="1"/>
  <c r="V32893" i="1"/>
  <c r="V32894" i="1"/>
  <c r="V32895" i="1"/>
  <c r="V32896" i="1"/>
  <c r="V32897" i="1"/>
  <c r="V32898" i="1"/>
  <c r="V32899" i="1"/>
  <c r="V32900" i="1"/>
  <c r="V32901" i="1"/>
  <c r="V32902" i="1"/>
  <c r="V32903" i="1"/>
  <c r="V32904" i="1"/>
  <c r="V32905" i="1"/>
  <c r="V32906" i="1"/>
  <c r="V32907" i="1"/>
  <c r="V32908" i="1"/>
  <c r="V32909" i="1"/>
  <c r="V32910" i="1"/>
  <c r="V32911" i="1"/>
  <c r="V32912" i="1"/>
  <c r="V32913" i="1"/>
  <c r="V32914" i="1"/>
  <c r="V32915" i="1"/>
  <c r="V32916" i="1"/>
  <c r="V32917" i="1"/>
  <c r="V32918" i="1"/>
  <c r="V32919" i="1"/>
  <c r="V32920" i="1"/>
  <c r="V32921" i="1"/>
  <c r="V32922" i="1"/>
  <c r="V32923" i="1"/>
  <c r="V32924" i="1"/>
  <c r="V32925" i="1"/>
  <c r="V32926" i="1"/>
  <c r="V32927" i="1"/>
  <c r="V32928" i="1"/>
  <c r="V32929" i="1"/>
  <c r="V32930" i="1"/>
  <c r="V32931" i="1"/>
  <c r="V32932" i="1"/>
  <c r="V32933" i="1"/>
  <c r="V32934" i="1"/>
  <c r="V32935" i="1"/>
  <c r="V32936" i="1"/>
  <c r="V32937" i="1"/>
  <c r="V32938" i="1"/>
  <c r="V32939" i="1"/>
  <c r="V32940" i="1"/>
  <c r="V32941" i="1"/>
  <c r="V32942" i="1"/>
  <c r="V32943" i="1"/>
  <c r="V32944" i="1"/>
  <c r="V32945" i="1"/>
  <c r="V32946" i="1"/>
  <c r="V32947" i="1"/>
  <c r="V32948" i="1"/>
  <c r="V32949" i="1"/>
  <c r="V32950" i="1"/>
  <c r="V32951" i="1"/>
  <c r="V32952" i="1"/>
  <c r="V32953" i="1"/>
  <c r="V32954" i="1"/>
  <c r="V32955" i="1"/>
  <c r="V32956" i="1"/>
  <c r="V32957" i="1"/>
  <c r="V32958" i="1"/>
  <c r="V32959" i="1"/>
  <c r="V32960" i="1"/>
  <c r="V32961" i="1"/>
  <c r="V32962" i="1"/>
  <c r="V32963" i="1"/>
  <c r="V32964" i="1"/>
  <c r="V32965" i="1"/>
  <c r="V32966" i="1"/>
  <c r="V32967" i="1"/>
  <c r="V32968" i="1"/>
  <c r="V32969" i="1"/>
  <c r="V32970" i="1"/>
  <c r="V32971" i="1"/>
  <c r="V32972" i="1"/>
  <c r="V32973" i="1"/>
  <c r="V32974" i="1"/>
  <c r="V32975" i="1"/>
  <c r="V32976" i="1"/>
  <c r="V32977" i="1"/>
  <c r="V32978" i="1"/>
  <c r="V32979" i="1"/>
  <c r="V32980" i="1"/>
  <c r="V32981" i="1"/>
  <c r="V32982" i="1"/>
  <c r="V32983" i="1"/>
  <c r="V32984" i="1"/>
  <c r="V32985" i="1"/>
  <c r="V32986" i="1"/>
  <c r="V32987" i="1"/>
  <c r="V32988" i="1"/>
  <c r="V32989" i="1"/>
  <c r="V32990" i="1"/>
  <c r="V32991" i="1"/>
  <c r="V32992" i="1"/>
  <c r="V32993" i="1"/>
  <c r="V32994" i="1"/>
  <c r="V32995" i="1"/>
  <c r="V32996" i="1"/>
  <c r="V32997" i="1"/>
  <c r="V32998" i="1"/>
  <c r="V32999" i="1"/>
  <c r="V33000" i="1"/>
  <c r="V33001" i="1"/>
  <c r="V33002" i="1"/>
  <c r="V33003" i="1"/>
  <c r="V33004" i="1"/>
  <c r="V33005" i="1"/>
  <c r="V33006" i="1"/>
  <c r="V33007" i="1"/>
  <c r="V33008" i="1"/>
  <c r="V33009" i="1"/>
  <c r="V33010" i="1"/>
  <c r="V33011" i="1"/>
  <c r="V33012" i="1"/>
  <c r="V33013" i="1"/>
  <c r="V33014" i="1"/>
  <c r="V33015" i="1"/>
  <c r="V33016" i="1"/>
  <c r="V33017" i="1"/>
  <c r="V33018" i="1"/>
  <c r="V33019" i="1"/>
  <c r="V33020" i="1"/>
  <c r="V33021" i="1"/>
  <c r="V33022" i="1"/>
  <c r="V33023" i="1"/>
  <c r="V33024" i="1"/>
  <c r="V33025" i="1"/>
  <c r="V33026" i="1"/>
  <c r="V33027" i="1"/>
  <c r="V33028" i="1"/>
  <c r="V33029" i="1"/>
  <c r="V33030" i="1"/>
  <c r="V33031" i="1"/>
  <c r="V33032" i="1"/>
  <c r="V33033" i="1"/>
  <c r="V33034" i="1"/>
  <c r="V33035" i="1"/>
  <c r="V33036" i="1"/>
  <c r="V33037" i="1"/>
  <c r="V33038" i="1"/>
  <c r="V33039" i="1"/>
  <c r="V33040" i="1"/>
  <c r="V33041" i="1"/>
  <c r="V33042" i="1"/>
  <c r="V33043" i="1"/>
  <c r="V33044" i="1"/>
  <c r="V33045" i="1"/>
  <c r="V33046" i="1"/>
  <c r="V33047" i="1"/>
  <c r="V33048" i="1"/>
  <c r="V33049" i="1"/>
  <c r="V33050" i="1"/>
  <c r="V33051" i="1"/>
  <c r="V33052" i="1"/>
  <c r="V33053" i="1"/>
  <c r="V33054" i="1"/>
  <c r="V33055" i="1"/>
  <c r="V33056" i="1"/>
  <c r="V33057" i="1"/>
  <c r="V33058" i="1"/>
  <c r="V33059" i="1"/>
  <c r="V33060" i="1"/>
  <c r="V33061" i="1"/>
  <c r="V33062" i="1"/>
  <c r="V33063" i="1"/>
  <c r="V33064" i="1"/>
  <c r="V33065" i="1"/>
  <c r="V33066" i="1"/>
  <c r="V33067" i="1"/>
  <c r="V33068" i="1"/>
  <c r="V33069" i="1"/>
  <c r="V33070" i="1"/>
  <c r="V33071" i="1"/>
  <c r="V33072" i="1"/>
  <c r="V33073" i="1"/>
  <c r="V33074" i="1"/>
  <c r="V33075" i="1"/>
  <c r="V33076" i="1"/>
  <c r="V33077" i="1"/>
  <c r="V33078" i="1"/>
  <c r="V33079" i="1"/>
  <c r="V33080" i="1"/>
  <c r="V33081" i="1"/>
  <c r="V33082" i="1"/>
  <c r="V33083" i="1"/>
  <c r="V33084" i="1"/>
  <c r="V33085" i="1"/>
  <c r="V33086" i="1"/>
  <c r="V33087" i="1"/>
  <c r="V33088" i="1"/>
  <c r="V33089" i="1"/>
  <c r="V33090" i="1"/>
  <c r="V33091" i="1"/>
  <c r="V33092" i="1"/>
  <c r="V33093" i="1"/>
  <c r="V33094" i="1"/>
  <c r="V33095" i="1"/>
  <c r="V33096" i="1"/>
  <c r="V33097" i="1"/>
  <c r="V33098" i="1"/>
  <c r="V33099" i="1"/>
  <c r="V33100" i="1"/>
  <c r="V33101" i="1"/>
  <c r="V33102" i="1"/>
  <c r="V33103" i="1"/>
  <c r="V33104" i="1"/>
  <c r="V33105" i="1"/>
  <c r="V33106" i="1"/>
  <c r="V33107" i="1"/>
  <c r="V33108" i="1"/>
  <c r="V33109" i="1"/>
  <c r="V33110" i="1"/>
  <c r="V33111" i="1"/>
  <c r="V33112" i="1"/>
  <c r="V33113" i="1"/>
  <c r="V33114" i="1"/>
  <c r="V33115" i="1"/>
  <c r="V33116" i="1"/>
  <c r="V33117" i="1"/>
  <c r="V33118" i="1"/>
  <c r="V33119" i="1"/>
  <c r="V33120" i="1"/>
  <c r="V33121" i="1"/>
  <c r="V33122" i="1"/>
  <c r="V33123" i="1"/>
  <c r="V33124" i="1"/>
  <c r="V33125" i="1"/>
  <c r="V33126" i="1"/>
  <c r="V33127" i="1"/>
  <c r="V33128" i="1"/>
  <c r="V33129" i="1"/>
  <c r="V33130" i="1"/>
  <c r="V33131" i="1"/>
  <c r="V33132" i="1"/>
  <c r="V33133" i="1"/>
  <c r="V33134" i="1"/>
  <c r="V33135" i="1"/>
  <c r="V33136" i="1"/>
  <c r="V33137" i="1"/>
  <c r="V33138" i="1"/>
  <c r="V33139" i="1"/>
  <c r="V33140" i="1"/>
  <c r="V33141" i="1"/>
  <c r="V33142" i="1"/>
  <c r="V33143" i="1"/>
  <c r="V33144" i="1"/>
  <c r="V33145" i="1"/>
  <c r="V33146" i="1"/>
  <c r="V33147" i="1"/>
  <c r="V33148" i="1"/>
  <c r="V33149" i="1"/>
  <c r="V33150" i="1"/>
  <c r="V33151" i="1"/>
  <c r="V33152" i="1"/>
  <c r="V33153" i="1"/>
  <c r="V33154" i="1"/>
  <c r="V33155" i="1"/>
  <c r="V33156" i="1"/>
  <c r="V33157" i="1"/>
  <c r="V33158" i="1"/>
  <c r="V33159" i="1"/>
  <c r="V33160" i="1"/>
  <c r="V33161" i="1"/>
  <c r="V33162" i="1"/>
  <c r="V33163" i="1"/>
  <c r="V33164" i="1"/>
  <c r="V33165" i="1"/>
  <c r="V33166" i="1"/>
  <c r="V33167" i="1"/>
  <c r="V33168" i="1"/>
  <c r="V33169" i="1"/>
  <c r="V33170" i="1"/>
  <c r="V33171" i="1"/>
  <c r="V33172" i="1"/>
  <c r="V33173" i="1"/>
  <c r="V33174" i="1"/>
  <c r="V33175" i="1"/>
  <c r="V33176" i="1"/>
  <c r="V33177" i="1"/>
  <c r="V33178" i="1"/>
  <c r="V33179" i="1"/>
  <c r="V33180" i="1"/>
  <c r="V33181" i="1"/>
  <c r="V33182" i="1"/>
  <c r="V33183" i="1"/>
  <c r="V33184" i="1"/>
  <c r="V33185" i="1"/>
  <c r="V33186" i="1"/>
  <c r="V33187" i="1"/>
  <c r="V33188" i="1"/>
  <c r="V33189" i="1"/>
  <c r="V33190" i="1"/>
  <c r="V33191" i="1"/>
  <c r="V33192" i="1"/>
  <c r="V33193" i="1"/>
  <c r="V33194" i="1"/>
  <c r="V33195" i="1"/>
  <c r="V33196" i="1"/>
  <c r="V33197" i="1"/>
  <c r="V33198" i="1"/>
  <c r="V33199" i="1"/>
  <c r="V33200" i="1"/>
  <c r="V33201" i="1"/>
  <c r="V33202" i="1"/>
  <c r="V33203" i="1"/>
  <c r="V33204" i="1"/>
  <c r="V33205" i="1"/>
  <c r="V33206" i="1"/>
  <c r="V33207" i="1"/>
  <c r="V33208" i="1"/>
  <c r="V33209" i="1"/>
  <c r="V33210" i="1"/>
  <c r="V33211" i="1"/>
  <c r="V33212" i="1"/>
  <c r="V33213" i="1"/>
  <c r="V33214" i="1"/>
  <c r="V33215" i="1"/>
  <c r="V33216" i="1"/>
  <c r="V33217" i="1"/>
  <c r="V33218" i="1"/>
  <c r="V33219" i="1"/>
  <c r="V33220" i="1"/>
  <c r="V33221" i="1"/>
  <c r="V33222" i="1"/>
  <c r="V33223" i="1"/>
  <c r="V33224" i="1"/>
  <c r="V33225" i="1"/>
  <c r="V33226" i="1"/>
  <c r="V33227" i="1"/>
  <c r="V33228" i="1"/>
  <c r="V33229" i="1"/>
  <c r="V33230" i="1"/>
  <c r="V33231" i="1"/>
  <c r="V33232" i="1"/>
  <c r="V33233" i="1"/>
  <c r="V33234" i="1"/>
  <c r="V33235" i="1"/>
  <c r="V33236" i="1"/>
  <c r="V33237" i="1"/>
  <c r="V33238" i="1"/>
  <c r="V33239" i="1"/>
  <c r="V33240" i="1"/>
  <c r="V33241" i="1"/>
  <c r="V33242" i="1"/>
  <c r="V33243" i="1"/>
  <c r="V33244" i="1"/>
  <c r="V33245" i="1"/>
  <c r="V33246" i="1"/>
  <c r="V33247" i="1"/>
  <c r="V33248" i="1"/>
  <c r="V33249" i="1"/>
  <c r="V33250" i="1"/>
  <c r="V33251" i="1"/>
  <c r="V33252" i="1"/>
  <c r="V33253" i="1"/>
  <c r="V33254" i="1"/>
  <c r="V33255" i="1"/>
  <c r="V33256" i="1"/>
  <c r="V33257" i="1"/>
  <c r="V33258" i="1"/>
  <c r="V33259" i="1"/>
  <c r="V33260" i="1"/>
  <c r="V33261" i="1"/>
  <c r="V33262" i="1"/>
  <c r="V33263" i="1"/>
  <c r="V33264" i="1"/>
  <c r="V33265" i="1"/>
  <c r="V33266" i="1"/>
  <c r="V33267" i="1"/>
  <c r="V33268" i="1"/>
  <c r="V33269" i="1"/>
  <c r="V33270" i="1"/>
  <c r="V33271" i="1"/>
  <c r="V33272" i="1"/>
  <c r="V33273" i="1"/>
  <c r="V33274" i="1"/>
  <c r="V33275" i="1"/>
  <c r="V33276" i="1"/>
  <c r="V33277" i="1"/>
  <c r="V33278" i="1"/>
  <c r="V33279" i="1"/>
  <c r="V33280" i="1"/>
  <c r="V33281" i="1"/>
  <c r="V33282" i="1"/>
  <c r="V33283" i="1"/>
  <c r="V33284" i="1"/>
  <c r="V33285" i="1"/>
  <c r="V33286" i="1"/>
  <c r="V33287" i="1"/>
  <c r="V33288" i="1"/>
  <c r="V33289" i="1"/>
  <c r="V33290" i="1"/>
  <c r="V33291" i="1"/>
  <c r="V33292" i="1"/>
  <c r="V33293" i="1"/>
  <c r="V33294" i="1"/>
  <c r="V33295" i="1"/>
  <c r="V33296" i="1"/>
  <c r="V33297" i="1"/>
  <c r="V33298" i="1"/>
  <c r="V33299" i="1"/>
  <c r="V33300" i="1"/>
  <c r="V33301" i="1"/>
  <c r="V33302" i="1"/>
  <c r="V33303" i="1"/>
  <c r="V33304" i="1"/>
  <c r="V33305" i="1"/>
  <c r="V33306" i="1"/>
  <c r="V33307" i="1"/>
  <c r="V33308" i="1"/>
  <c r="V33309" i="1"/>
  <c r="V33310" i="1"/>
  <c r="V33311" i="1"/>
  <c r="V33312" i="1"/>
  <c r="V33313" i="1"/>
  <c r="V33314" i="1"/>
  <c r="V33315" i="1"/>
  <c r="V33316" i="1"/>
  <c r="V33317" i="1"/>
  <c r="V33318" i="1"/>
  <c r="V33319" i="1"/>
  <c r="V33320" i="1"/>
  <c r="V33321" i="1"/>
  <c r="V33322" i="1"/>
  <c r="V33323" i="1"/>
  <c r="V33324" i="1"/>
  <c r="V33325" i="1"/>
  <c r="V33326" i="1"/>
  <c r="V33327" i="1"/>
  <c r="V33328" i="1"/>
  <c r="V33329" i="1"/>
  <c r="V33330" i="1"/>
  <c r="V33331" i="1"/>
  <c r="V33332" i="1"/>
  <c r="V33333" i="1"/>
  <c r="V33334" i="1"/>
  <c r="V33335" i="1"/>
  <c r="V33336" i="1"/>
  <c r="V33337" i="1"/>
  <c r="V33338" i="1"/>
  <c r="V33339" i="1"/>
  <c r="V33340" i="1"/>
  <c r="V33341" i="1"/>
  <c r="V33342" i="1"/>
  <c r="V33343" i="1"/>
  <c r="V33344" i="1"/>
  <c r="V33345" i="1"/>
  <c r="V33346" i="1"/>
  <c r="V33347" i="1"/>
  <c r="V33348" i="1"/>
  <c r="V33349" i="1"/>
  <c r="V33350" i="1"/>
  <c r="V33351" i="1"/>
  <c r="V33352" i="1"/>
  <c r="V33353" i="1"/>
  <c r="V33354" i="1"/>
  <c r="V33355" i="1"/>
  <c r="V33356" i="1"/>
  <c r="V33357" i="1"/>
  <c r="V33358" i="1"/>
  <c r="V33359" i="1"/>
  <c r="V33360" i="1"/>
  <c r="V33361" i="1"/>
  <c r="V33362" i="1"/>
  <c r="V33363" i="1"/>
  <c r="V33364" i="1"/>
  <c r="V33365" i="1"/>
  <c r="V33366" i="1"/>
  <c r="V33367" i="1"/>
  <c r="V33368" i="1"/>
  <c r="V33369" i="1"/>
  <c r="V33370" i="1"/>
  <c r="V33371" i="1"/>
  <c r="V33372" i="1"/>
  <c r="V33373" i="1"/>
  <c r="V33374" i="1"/>
  <c r="V33375" i="1"/>
  <c r="V33376" i="1"/>
  <c r="V33377" i="1"/>
  <c r="V33378" i="1"/>
  <c r="V33379" i="1"/>
  <c r="V33380" i="1"/>
  <c r="V33381" i="1"/>
  <c r="V33382" i="1"/>
  <c r="V33383" i="1"/>
  <c r="V33384" i="1"/>
  <c r="V33385" i="1"/>
  <c r="V33386" i="1"/>
  <c r="V33387" i="1"/>
  <c r="V33388" i="1"/>
  <c r="V33389" i="1"/>
  <c r="V33390" i="1"/>
  <c r="V33391" i="1"/>
  <c r="V33392" i="1"/>
  <c r="V33393" i="1"/>
  <c r="V33394" i="1"/>
  <c r="V33395" i="1"/>
  <c r="V33396" i="1"/>
  <c r="V33397" i="1"/>
  <c r="V33398" i="1"/>
  <c r="V33399" i="1"/>
  <c r="V33400" i="1"/>
  <c r="V33401" i="1"/>
  <c r="V33402" i="1"/>
  <c r="V33403" i="1"/>
  <c r="V33404" i="1"/>
  <c r="V33405" i="1"/>
  <c r="V33406" i="1"/>
  <c r="V33407" i="1"/>
  <c r="V33408" i="1"/>
  <c r="V33409" i="1"/>
  <c r="V33410" i="1"/>
  <c r="V33411" i="1"/>
  <c r="V33412" i="1"/>
  <c r="V33413" i="1"/>
  <c r="V33414" i="1"/>
  <c r="V33415" i="1"/>
  <c r="V33416" i="1"/>
  <c r="V33417" i="1"/>
  <c r="V33418" i="1"/>
  <c r="V33419" i="1"/>
  <c r="V33420" i="1"/>
  <c r="V33421" i="1"/>
  <c r="V33422" i="1"/>
  <c r="V33423" i="1"/>
  <c r="V33424" i="1"/>
  <c r="V33425" i="1"/>
  <c r="V33426" i="1"/>
  <c r="V33427" i="1"/>
  <c r="V33428" i="1"/>
  <c r="V33429" i="1"/>
  <c r="V33430" i="1"/>
  <c r="V33431" i="1"/>
  <c r="V33432" i="1"/>
  <c r="V33433" i="1"/>
  <c r="V33434" i="1"/>
  <c r="V33435" i="1"/>
  <c r="V33436" i="1"/>
  <c r="V33437" i="1"/>
  <c r="V33438" i="1"/>
  <c r="V33439" i="1"/>
  <c r="V33440" i="1"/>
  <c r="V33441" i="1"/>
  <c r="V33442" i="1"/>
  <c r="V33443" i="1"/>
  <c r="V33444" i="1"/>
  <c r="V33445" i="1"/>
  <c r="V33446" i="1"/>
  <c r="V33447" i="1"/>
  <c r="V33448" i="1"/>
  <c r="V33449" i="1"/>
  <c r="V33450" i="1"/>
  <c r="V33451" i="1"/>
  <c r="V33452" i="1"/>
  <c r="V33453" i="1"/>
  <c r="V33454" i="1"/>
  <c r="V33455" i="1"/>
  <c r="V33456" i="1"/>
  <c r="V33457" i="1"/>
  <c r="V33458" i="1"/>
  <c r="V33459" i="1"/>
  <c r="V33460" i="1"/>
  <c r="V33461" i="1"/>
  <c r="V33462" i="1"/>
  <c r="V33463" i="1"/>
  <c r="V33464" i="1"/>
  <c r="V33465" i="1"/>
  <c r="V33466" i="1"/>
  <c r="V33467" i="1"/>
  <c r="V33468" i="1"/>
  <c r="V33469" i="1"/>
  <c r="V33470" i="1"/>
  <c r="V33471" i="1"/>
  <c r="V33472" i="1"/>
  <c r="V33473" i="1"/>
  <c r="V33474" i="1"/>
  <c r="V33475" i="1"/>
  <c r="V33476" i="1"/>
  <c r="V33477" i="1"/>
  <c r="V33478" i="1"/>
  <c r="V33479" i="1"/>
  <c r="V33480" i="1"/>
  <c r="V33481" i="1"/>
  <c r="V33482" i="1"/>
  <c r="V33483" i="1"/>
  <c r="V33484" i="1"/>
  <c r="V33485" i="1"/>
  <c r="V33486" i="1"/>
  <c r="V33487" i="1"/>
  <c r="V33488" i="1"/>
  <c r="V33489" i="1"/>
  <c r="V33490" i="1"/>
  <c r="V33491" i="1"/>
  <c r="V33492" i="1"/>
  <c r="V33493" i="1"/>
  <c r="V33494" i="1"/>
  <c r="V33495" i="1"/>
  <c r="V33496" i="1"/>
  <c r="V33497" i="1"/>
  <c r="V33498" i="1"/>
  <c r="V33499" i="1"/>
  <c r="V33500" i="1"/>
  <c r="V33501" i="1"/>
  <c r="V33502" i="1"/>
  <c r="V33503" i="1"/>
  <c r="V33504" i="1"/>
  <c r="V33505" i="1"/>
  <c r="V33506" i="1"/>
  <c r="V33507" i="1"/>
  <c r="V33508" i="1"/>
  <c r="V33509" i="1"/>
  <c r="V33510" i="1"/>
  <c r="V33511" i="1"/>
  <c r="V33512" i="1"/>
  <c r="V33513" i="1"/>
  <c r="V33514" i="1"/>
  <c r="V33515" i="1"/>
  <c r="V33516" i="1"/>
  <c r="V33517" i="1"/>
  <c r="V33518" i="1"/>
  <c r="V33519" i="1"/>
  <c r="V33520" i="1"/>
  <c r="V33521" i="1"/>
  <c r="V33522" i="1"/>
  <c r="V33523" i="1"/>
  <c r="V33524" i="1"/>
  <c r="V33525" i="1"/>
  <c r="V33526" i="1"/>
  <c r="V33527" i="1"/>
  <c r="V33528" i="1"/>
  <c r="V33529" i="1"/>
  <c r="V33530" i="1"/>
  <c r="V33531" i="1"/>
  <c r="V33532" i="1"/>
  <c r="V33533" i="1"/>
  <c r="V33534" i="1"/>
  <c r="V33535" i="1"/>
  <c r="V33536" i="1"/>
  <c r="V33537" i="1"/>
  <c r="V33538" i="1"/>
  <c r="V33539" i="1"/>
  <c r="V33540" i="1"/>
  <c r="V33541" i="1"/>
  <c r="V33542" i="1"/>
  <c r="V33543" i="1"/>
  <c r="V33544" i="1"/>
  <c r="V33545" i="1"/>
  <c r="V33546" i="1"/>
  <c r="V33547" i="1"/>
  <c r="V33548" i="1"/>
  <c r="V33549" i="1"/>
  <c r="V33550" i="1"/>
  <c r="V33551" i="1"/>
  <c r="V33552" i="1"/>
  <c r="V33553" i="1"/>
  <c r="V33554" i="1"/>
  <c r="V33555" i="1"/>
  <c r="V33556" i="1"/>
  <c r="V33557" i="1"/>
  <c r="V33558" i="1"/>
  <c r="V33559" i="1"/>
  <c r="V33560" i="1"/>
  <c r="V33561" i="1"/>
  <c r="V33562" i="1"/>
  <c r="V33563" i="1"/>
  <c r="V33564" i="1"/>
  <c r="V33565" i="1"/>
  <c r="V33566" i="1"/>
  <c r="V33567" i="1"/>
  <c r="V33568" i="1"/>
  <c r="V33569" i="1"/>
  <c r="V33570" i="1"/>
  <c r="V33571" i="1"/>
  <c r="V33572" i="1"/>
  <c r="V33573" i="1"/>
  <c r="V33574" i="1"/>
  <c r="V33575" i="1"/>
  <c r="V33576" i="1"/>
  <c r="V33577" i="1"/>
  <c r="V33578" i="1"/>
  <c r="V33579" i="1"/>
  <c r="V33580" i="1"/>
  <c r="V33581" i="1"/>
  <c r="V33582" i="1"/>
  <c r="V33583" i="1"/>
  <c r="V33584" i="1"/>
  <c r="V33585" i="1"/>
  <c r="V33586" i="1"/>
  <c r="V33587" i="1"/>
  <c r="V33588" i="1"/>
  <c r="V33589" i="1"/>
  <c r="V33590" i="1"/>
  <c r="V33591" i="1"/>
  <c r="V33592" i="1"/>
  <c r="V33593" i="1"/>
  <c r="V33594" i="1"/>
  <c r="V33595" i="1"/>
  <c r="V33596" i="1"/>
  <c r="V33597" i="1"/>
  <c r="V33598" i="1"/>
  <c r="V33599" i="1"/>
  <c r="V33600" i="1"/>
  <c r="V33601" i="1"/>
  <c r="V33602" i="1"/>
  <c r="V33603" i="1"/>
  <c r="V33604" i="1"/>
  <c r="V33605" i="1"/>
  <c r="V33606" i="1"/>
  <c r="V33607" i="1"/>
  <c r="V33608" i="1"/>
  <c r="V33609" i="1"/>
  <c r="V33610" i="1"/>
  <c r="V33611" i="1"/>
  <c r="V33612" i="1"/>
  <c r="V33613" i="1"/>
  <c r="V33614" i="1"/>
  <c r="V33615" i="1"/>
  <c r="V33616" i="1"/>
  <c r="V33617" i="1"/>
  <c r="V33618" i="1"/>
  <c r="V33619" i="1"/>
  <c r="V33620" i="1"/>
  <c r="V33621" i="1"/>
  <c r="V33622" i="1"/>
  <c r="V33623" i="1"/>
  <c r="V33624" i="1"/>
  <c r="V33625" i="1"/>
  <c r="V33626" i="1"/>
  <c r="V33627" i="1"/>
  <c r="V33628" i="1"/>
  <c r="V33629" i="1"/>
  <c r="V33630" i="1"/>
  <c r="V33631" i="1"/>
  <c r="V33632" i="1"/>
  <c r="V33633" i="1"/>
  <c r="V33634" i="1"/>
  <c r="V33635" i="1"/>
  <c r="V33636" i="1"/>
  <c r="V33637" i="1"/>
  <c r="V33638" i="1"/>
  <c r="V33639" i="1"/>
  <c r="V33640" i="1"/>
  <c r="V33641" i="1"/>
  <c r="V33642" i="1"/>
  <c r="V33643" i="1"/>
  <c r="V33644" i="1"/>
  <c r="V33645" i="1"/>
  <c r="V33646" i="1"/>
  <c r="V33647" i="1"/>
  <c r="V33648" i="1"/>
  <c r="V33649" i="1"/>
  <c r="V33650" i="1"/>
  <c r="V33651" i="1"/>
  <c r="V33652" i="1"/>
  <c r="V33653" i="1"/>
  <c r="V33654" i="1"/>
  <c r="V33655" i="1"/>
  <c r="V33656" i="1"/>
  <c r="V33657" i="1"/>
  <c r="V33658" i="1"/>
  <c r="V33659" i="1"/>
  <c r="V33660" i="1"/>
  <c r="V33661" i="1"/>
  <c r="V33662" i="1"/>
  <c r="V33663" i="1"/>
  <c r="V33664" i="1"/>
  <c r="V33665" i="1"/>
  <c r="V33666" i="1"/>
  <c r="V33667" i="1"/>
  <c r="V33668" i="1"/>
  <c r="V33669" i="1"/>
  <c r="V33670" i="1"/>
  <c r="V33671" i="1"/>
  <c r="V33672" i="1"/>
  <c r="V33673" i="1"/>
  <c r="V33674" i="1"/>
  <c r="V33675" i="1"/>
  <c r="V33676" i="1"/>
  <c r="V33677" i="1"/>
  <c r="V33678" i="1"/>
  <c r="V33679" i="1"/>
  <c r="V33680" i="1"/>
  <c r="V33681" i="1"/>
  <c r="V33682" i="1"/>
  <c r="V33683" i="1"/>
  <c r="V33684" i="1"/>
  <c r="V33685" i="1"/>
  <c r="V33686" i="1"/>
  <c r="V33687" i="1"/>
  <c r="V33688" i="1"/>
  <c r="V33689" i="1"/>
  <c r="V33690" i="1"/>
  <c r="V33691" i="1"/>
  <c r="V33692" i="1"/>
  <c r="V33693" i="1"/>
  <c r="V33694" i="1"/>
  <c r="V33695" i="1"/>
  <c r="V33696" i="1"/>
  <c r="V33697" i="1"/>
  <c r="V33698" i="1"/>
  <c r="V33699" i="1"/>
  <c r="V33700" i="1"/>
  <c r="V33701" i="1"/>
  <c r="V33702" i="1"/>
  <c r="V33703" i="1"/>
  <c r="V33704" i="1"/>
  <c r="V33705" i="1"/>
  <c r="V33706" i="1"/>
  <c r="V33707" i="1"/>
  <c r="V33708" i="1"/>
  <c r="V33709" i="1"/>
  <c r="V33710" i="1"/>
  <c r="V33711" i="1"/>
  <c r="V33712" i="1"/>
  <c r="V33713" i="1"/>
  <c r="V33714" i="1"/>
  <c r="V33715" i="1"/>
  <c r="V33716" i="1"/>
  <c r="V33717" i="1"/>
  <c r="V33718" i="1"/>
  <c r="V33719" i="1"/>
  <c r="V33720" i="1"/>
  <c r="V33721" i="1"/>
  <c r="V33722" i="1"/>
  <c r="V33723" i="1"/>
  <c r="V33724" i="1"/>
  <c r="V33725" i="1"/>
  <c r="V33726" i="1"/>
  <c r="V33727" i="1"/>
  <c r="V33728" i="1"/>
  <c r="V33729" i="1"/>
  <c r="V33730" i="1"/>
  <c r="V33731" i="1"/>
  <c r="V33732" i="1"/>
  <c r="V33733" i="1"/>
  <c r="V33734" i="1"/>
  <c r="V33735" i="1"/>
  <c r="V33736" i="1"/>
  <c r="V33737" i="1"/>
  <c r="V33738" i="1"/>
  <c r="V33739" i="1"/>
  <c r="V33740" i="1"/>
  <c r="V33741" i="1"/>
  <c r="V33742" i="1"/>
  <c r="V33743" i="1"/>
  <c r="V33744" i="1"/>
  <c r="V33745" i="1"/>
  <c r="V33746" i="1"/>
  <c r="V33747" i="1"/>
  <c r="V33748" i="1"/>
  <c r="V33749" i="1"/>
  <c r="V33750" i="1"/>
  <c r="V33751" i="1"/>
  <c r="V33752" i="1"/>
  <c r="V33753" i="1"/>
  <c r="V33754" i="1"/>
  <c r="V33755" i="1"/>
  <c r="V33756" i="1"/>
  <c r="V33757" i="1"/>
  <c r="V33758" i="1"/>
  <c r="V33759" i="1"/>
  <c r="V33760" i="1"/>
  <c r="V33761" i="1"/>
  <c r="V33762" i="1"/>
  <c r="V33763" i="1"/>
  <c r="V33764" i="1"/>
  <c r="V33765" i="1"/>
  <c r="V33766" i="1"/>
  <c r="V33767" i="1"/>
  <c r="V33768" i="1"/>
  <c r="V33769" i="1"/>
  <c r="V33770" i="1"/>
  <c r="V33771" i="1"/>
  <c r="V33772" i="1"/>
  <c r="V33773" i="1"/>
  <c r="V33774" i="1"/>
  <c r="V33775" i="1"/>
  <c r="V33776" i="1"/>
  <c r="V33777" i="1"/>
  <c r="V33778" i="1"/>
  <c r="V33779" i="1"/>
  <c r="V33780" i="1"/>
  <c r="V33781" i="1"/>
  <c r="V33782" i="1"/>
  <c r="V33783" i="1"/>
  <c r="V33784" i="1"/>
  <c r="V33785" i="1"/>
  <c r="V33786" i="1"/>
  <c r="V33787" i="1"/>
  <c r="V33788" i="1"/>
  <c r="V33789" i="1"/>
  <c r="V33790" i="1"/>
  <c r="V33791" i="1"/>
  <c r="V33792" i="1"/>
  <c r="V33793" i="1"/>
  <c r="V33794" i="1"/>
  <c r="V33795" i="1"/>
  <c r="V33796" i="1"/>
  <c r="V33797" i="1"/>
  <c r="V33798" i="1"/>
  <c r="V33799" i="1"/>
  <c r="V33800" i="1"/>
  <c r="V33801" i="1"/>
  <c r="V33802" i="1"/>
  <c r="V33803" i="1"/>
  <c r="V33804" i="1"/>
  <c r="V33805" i="1"/>
  <c r="V33806" i="1"/>
  <c r="V33807" i="1"/>
  <c r="V33808" i="1"/>
  <c r="V33809" i="1"/>
  <c r="V33810" i="1"/>
  <c r="V33811" i="1"/>
  <c r="V33812" i="1"/>
  <c r="V33813" i="1"/>
  <c r="V33814" i="1"/>
  <c r="V33815" i="1"/>
  <c r="V33816" i="1"/>
  <c r="V33817" i="1"/>
  <c r="V33818" i="1"/>
  <c r="V33819" i="1"/>
  <c r="V33820" i="1"/>
  <c r="V33821" i="1"/>
  <c r="V33822" i="1"/>
  <c r="V33823" i="1"/>
  <c r="V33824" i="1"/>
  <c r="V33825" i="1"/>
  <c r="V33826" i="1"/>
  <c r="V33827" i="1"/>
  <c r="V33828" i="1"/>
  <c r="V33829" i="1"/>
  <c r="V33830" i="1"/>
  <c r="V33831" i="1"/>
  <c r="V33832" i="1"/>
  <c r="V33833" i="1"/>
  <c r="V33834" i="1"/>
  <c r="V33835" i="1"/>
  <c r="V33836" i="1"/>
  <c r="V33837" i="1"/>
  <c r="V33838" i="1"/>
  <c r="V33839" i="1"/>
  <c r="V33840" i="1"/>
  <c r="V33841" i="1"/>
  <c r="V33842" i="1"/>
  <c r="V33843" i="1"/>
  <c r="V33844" i="1"/>
  <c r="V33845" i="1"/>
  <c r="V33846" i="1"/>
  <c r="V33847" i="1"/>
  <c r="V33848" i="1"/>
  <c r="V33849" i="1"/>
  <c r="V33850" i="1"/>
  <c r="V33851" i="1"/>
  <c r="V33852" i="1"/>
  <c r="V33853" i="1"/>
  <c r="V33854" i="1"/>
  <c r="V33855" i="1"/>
  <c r="V33856" i="1"/>
  <c r="V33857" i="1"/>
  <c r="V33858" i="1"/>
  <c r="V33859" i="1"/>
  <c r="V33860" i="1"/>
  <c r="V33861" i="1"/>
  <c r="V33862" i="1"/>
  <c r="V33863" i="1"/>
  <c r="V33864" i="1"/>
  <c r="V33865" i="1"/>
  <c r="V33866" i="1"/>
  <c r="V33867" i="1"/>
  <c r="V33868" i="1"/>
  <c r="V33869" i="1"/>
  <c r="V33870" i="1"/>
  <c r="V33871" i="1"/>
  <c r="V33872" i="1"/>
  <c r="V33873" i="1"/>
  <c r="V33874" i="1"/>
  <c r="V33875" i="1"/>
  <c r="V33876" i="1"/>
  <c r="V33877" i="1"/>
  <c r="V33878" i="1"/>
  <c r="V33879" i="1"/>
  <c r="V33880" i="1"/>
  <c r="V33881" i="1"/>
  <c r="V33882" i="1"/>
  <c r="V33883" i="1"/>
  <c r="V33884" i="1"/>
  <c r="V33885" i="1"/>
  <c r="V33886" i="1"/>
  <c r="V33887" i="1"/>
  <c r="V33888" i="1"/>
  <c r="V33889" i="1"/>
  <c r="V33890" i="1"/>
  <c r="V33891" i="1"/>
  <c r="V33892" i="1"/>
  <c r="V33893" i="1"/>
  <c r="V33894" i="1"/>
  <c r="V33895" i="1"/>
  <c r="V33896" i="1"/>
  <c r="V33897" i="1"/>
  <c r="V33898" i="1"/>
  <c r="V33899" i="1"/>
  <c r="V33900" i="1"/>
  <c r="V33901" i="1"/>
  <c r="V33902" i="1"/>
  <c r="V33903" i="1"/>
  <c r="V33904" i="1"/>
  <c r="V33905" i="1"/>
  <c r="V33906" i="1"/>
  <c r="V33907" i="1"/>
  <c r="V33908" i="1"/>
  <c r="V33909" i="1"/>
  <c r="V33910" i="1"/>
  <c r="V33911" i="1"/>
  <c r="V33912" i="1"/>
  <c r="V33913" i="1"/>
  <c r="V33914" i="1"/>
  <c r="V33915" i="1"/>
  <c r="V33916" i="1"/>
  <c r="V33917" i="1"/>
  <c r="V33918" i="1"/>
  <c r="V33919" i="1"/>
  <c r="V33920" i="1"/>
  <c r="V33921" i="1"/>
  <c r="V33922" i="1"/>
  <c r="V33923" i="1"/>
  <c r="V33924" i="1"/>
  <c r="V33925" i="1"/>
  <c r="V33926" i="1"/>
  <c r="V33927" i="1"/>
  <c r="V33928" i="1"/>
  <c r="V33929" i="1"/>
  <c r="V33930" i="1"/>
  <c r="V33931" i="1"/>
  <c r="V33932" i="1"/>
  <c r="V33933" i="1"/>
  <c r="V33934" i="1"/>
  <c r="V33935" i="1"/>
  <c r="V33936" i="1"/>
  <c r="V33937" i="1"/>
  <c r="V33938" i="1"/>
  <c r="V33939" i="1"/>
  <c r="V33940" i="1"/>
  <c r="V33941" i="1"/>
  <c r="V33942" i="1"/>
  <c r="V33943" i="1"/>
  <c r="V33944" i="1"/>
  <c r="V33945" i="1"/>
  <c r="V33946" i="1"/>
  <c r="V33947" i="1"/>
  <c r="V33948" i="1"/>
  <c r="V33949" i="1"/>
  <c r="V33950" i="1"/>
  <c r="V33951" i="1"/>
  <c r="V33952" i="1"/>
  <c r="V33953" i="1"/>
  <c r="V33954" i="1"/>
  <c r="V33955" i="1"/>
  <c r="V33956" i="1"/>
  <c r="V33957" i="1"/>
  <c r="V33958" i="1"/>
  <c r="V33959" i="1"/>
  <c r="V33960" i="1"/>
  <c r="V33961" i="1"/>
  <c r="V33962" i="1"/>
  <c r="V33963" i="1"/>
  <c r="V33964" i="1"/>
  <c r="V33965" i="1"/>
  <c r="V33966" i="1"/>
  <c r="V33967" i="1"/>
  <c r="V33968" i="1"/>
  <c r="V33969" i="1"/>
  <c r="V33970" i="1"/>
  <c r="V33971" i="1"/>
  <c r="V33972" i="1"/>
  <c r="V33973" i="1"/>
  <c r="V33974" i="1"/>
  <c r="V33975" i="1"/>
  <c r="V33976" i="1"/>
  <c r="V33977" i="1"/>
  <c r="V33978" i="1"/>
  <c r="V33979" i="1"/>
  <c r="V33980" i="1"/>
  <c r="V33981" i="1"/>
  <c r="V33982" i="1"/>
  <c r="V33983" i="1"/>
  <c r="V33984" i="1"/>
  <c r="V33985" i="1"/>
  <c r="V33986" i="1"/>
  <c r="V33987" i="1"/>
  <c r="V33988" i="1"/>
  <c r="V33989" i="1"/>
  <c r="V33990" i="1"/>
  <c r="V33991" i="1"/>
  <c r="V33992" i="1"/>
  <c r="V33993" i="1"/>
  <c r="V33994" i="1"/>
  <c r="V33995" i="1"/>
  <c r="V33996" i="1"/>
  <c r="V33997" i="1"/>
  <c r="V33998" i="1"/>
  <c r="V33999" i="1"/>
  <c r="V34000" i="1"/>
  <c r="V34001" i="1"/>
  <c r="V34002" i="1"/>
  <c r="V34003" i="1"/>
  <c r="V34004" i="1"/>
  <c r="V34005" i="1"/>
  <c r="V34006" i="1"/>
  <c r="V34007" i="1"/>
  <c r="V34008" i="1"/>
  <c r="V34009" i="1"/>
  <c r="V34010" i="1"/>
  <c r="V34011" i="1"/>
  <c r="V34012" i="1"/>
  <c r="V34013" i="1"/>
  <c r="V34014" i="1"/>
  <c r="V34015" i="1"/>
  <c r="V34016" i="1"/>
  <c r="V34017" i="1"/>
  <c r="V34018" i="1"/>
  <c r="V34019" i="1"/>
  <c r="V34020" i="1"/>
  <c r="V34021" i="1"/>
  <c r="V34022" i="1"/>
  <c r="V34023" i="1"/>
  <c r="V34024" i="1"/>
  <c r="V34025" i="1"/>
  <c r="V34026" i="1"/>
  <c r="V34027" i="1"/>
  <c r="V34028" i="1"/>
  <c r="V34029" i="1"/>
  <c r="V34030" i="1"/>
  <c r="V34031" i="1"/>
  <c r="V34032" i="1"/>
  <c r="V34033" i="1"/>
  <c r="V34034" i="1"/>
  <c r="V34035" i="1"/>
  <c r="V34036" i="1"/>
  <c r="V34037" i="1"/>
  <c r="V34038" i="1"/>
  <c r="V34039" i="1"/>
  <c r="V34040" i="1"/>
  <c r="V34041" i="1"/>
  <c r="V34042" i="1"/>
  <c r="V34043" i="1"/>
  <c r="V34044" i="1"/>
  <c r="V34045" i="1"/>
  <c r="V34046" i="1"/>
  <c r="V34047" i="1"/>
  <c r="V34048" i="1"/>
  <c r="V34049" i="1"/>
  <c r="V34050" i="1"/>
  <c r="V34051" i="1"/>
  <c r="V34052" i="1"/>
  <c r="V34053" i="1"/>
  <c r="V34054" i="1"/>
  <c r="V34055" i="1"/>
  <c r="V34056" i="1"/>
  <c r="V34057" i="1"/>
  <c r="V34058" i="1"/>
  <c r="V34059" i="1"/>
  <c r="V34060" i="1"/>
  <c r="V34061" i="1"/>
  <c r="V34062" i="1"/>
  <c r="V34063" i="1"/>
  <c r="V34064" i="1"/>
  <c r="V34065" i="1"/>
  <c r="V34066" i="1"/>
  <c r="V34067" i="1"/>
  <c r="V34068" i="1"/>
  <c r="V34069" i="1"/>
  <c r="V34070" i="1"/>
  <c r="V34071" i="1"/>
  <c r="V34072" i="1"/>
  <c r="V34073" i="1"/>
  <c r="V34074" i="1"/>
  <c r="V34075" i="1"/>
  <c r="V34076" i="1"/>
  <c r="V34077" i="1"/>
  <c r="V34078" i="1"/>
  <c r="V34079" i="1"/>
  <c r="V34080" i="1"/>
  <c r="V34081" i="1"/>
  <c r="V34082" i="1"/>
  <c r="V34083" i="1"/>
  <c r="V34084" i="1"/>
  <c r="V34085" i="1"/>
  <c r="V34086" i="1"/>
  <c r="V34087" i="1"/>
  <c r="V34088" i="1"/>
  <c r="V34089" i="1"/>
  <c r="V34090" i="1"/>
  <c r="V34091" i="1"/>
  <c r="V34092" i="1"/>
  <c r="V34093" i="1"/>
  <c r="V34094" i="1"/>
  <c r="V34095" i="1"/>
  <c r="V34096" i="1"/>
  <c r="V34097" i="1"/>
  <c r="V34098" i="1"/>
  <c r="V34099" i="1"/>
  <c r="V34100" i="1"/>
  <c r="V34101" i="1"/>
  <c r="V34102" i="1"/>
  <c r="V34103" i="1"/>
  <c r="V34104" i="1"/>
  <c r="V34105" i="1"/>
  <c r="V34106" i="1"/>
  <c r="V34107" i="1"/>
  <c r="V34108" i="1"/>
  <c r="V34109" i="1"/>
  <c r="V34110" i="1"/>
  <c r="V34111" i="1"/>
  <c r="V34112" i="1"/>
  <c r="V34113" i="1"/>
  <c r="V34114" i="1"/>
  <c r="V34115" i="1"/>
  <c r="V34116" i="1"/>
  <c r="V34117" i="1"/>
  <c r="V34118" i="1"/>
  <c r="V34119" i="1"/>
  <c r="V34120" i="1"/>
  <c r="V34121" i="1"/>
  <c r="V34122" i="1"/>
  <c r="V34123" i="1"/>
  <c r="V34124" i="1"/>
  <c r="V34125" i="1"/>
  <c r="V34126" i="1"/>
  <c r="V34127" i="1"/>
  <c r="V34128" i="1"/>
  <c r="V34129" i="1"/>
  <c r="V34130" i="1"/>
  <c r="V34131" i="1"/>
  <c r="V34132" i="1"/>
  <c r="V34133" i="1"/>
  <c r="V34134" i="1"/>
  <c r="V34135" i="1"/>
  <c r="V34136" i="1"/>
  <c r="V34137" i="1"/>
  <c r="V34138" i="1"/>
  <c r="V34139" i="1"/>
  <c r="V34140" i="1"/>
  <c r="V34141" i="1"/>
  <c r="V34142" i="1"/>
  <c r="V34143" i="1"/>
  <c r="V34144" i="1"/>
  <c r="V34145" i="1"/>
  <c r="V34146" i="1"/>
  <c r="V34147" i="1"/>
  <c r="V34148" i="1"/>
  <c r="V34149" i="1"/>
  <c r="V34150" i="1"/>
  <c r="V34151" i="1"/>
  <c r="V34152" i="1"/>
  <c r="V34153" i="1"/>
  <c r="V34154" i="1"/>
  <c r="V34155" i="1"/>
  <c r="V34156" i="1"/>
  <c r="V34157" i="1"/>
  <c r="V34158" i="1"/>
  <c r="V34159" i="1"/>
  <c r="V34160" i="1"/>
  <c r="V34161" i="1"/>
  <c r="V34162" i="1"/>
  <c r="V34163" i="1"/>
  <c r="V34164" i="1"/>
  <c r="V34165" i="1"/>
  <c r="V34166" i="1"/>
  <c r="V34167" i="1"/>
  <c r="V34168" i="1"/>
  <c r="V34169" i="1"/>
  <c r="V34170" i="1"/>
  <c r="V34171" i="1"/>
  <c r="V34172" i="1"/>
  <c r="V34173" i="1"/>
  <c r="V34174" i="1"/>
  <c r="V34175" i="1"/>
  <c r="V34176" i="1"/>
  <c r="V34177" i="1"/>
  <c r="V34178" i="1"/>
  <c r="V34179" i="1"/>
  <c r="V34180" i="1"/>
  <c r="V34181" i="1"/>
  <c r="V34182" i="1"/>
  <c r="V34183" i="1"/>
  <c r="V34184" i="1"/>
  <c r="V34185" i="1"/>
  <c r="V34186" i="1"/>
  <c r="V34187" i="1"/>
  <c r="V34188" i="1"/>
  <c r="V34189" i="1"/>
  <c r="V34190" i="1"/>
  <c r="V34191" i="1"/>
  <c r="V34192" i="1"/>
  <c r="V34193" i="1"/>
  <c r="V34194" i="1"/>
  <c r="V34195" i="1"/>
  <c r="V34196" i="1"/>
  <c r="V34197" i="1"/>
  <c r="V34198" i="1"/>
  <c r="V34199" i="1"/>
  <c r="V34200" i="1"/>
  <c r="V34201" i="1"/>
  <c r="V34202" i="1"/>
  <c r="V34203" i="1"/>
  <c r="V34204" i="1"/>
  <c r="V34205" i="1"/>
  <c r="V34206" i="1"/>
  <c r="V34207" i="1"/>
  <c r="V34208" i="1"/>
  <c r="V34209" i="1"/>
  <c r="V34210" i="1"/>
  <c r="V34211" i="1"/>
  <c r="V34212" i="1"/>
  <c r="V34213" i="1"/>
  <c r="V34214" i="1"/>
  <c r="V34215" i="1"/>
  <c r="V34216" i="1"/>
  <c r="V34217" i="1"/>
  <c r="V34218" i="1"/>
  <c r="V34219" i="1"/>
  <c r="V34220" i="1"/>
  <c r="V34221" i="1"/>
  <c r="V34222" i="1"/>
  <c r="V34223" i="1"/>
  <c r="V34224" i="1"/>
  <c r="V34225" i="1"/>
  <c r="V34226" i="1"/>
  <c r="V34227" i="1"/>
  <c r="V34228" i="1"/>
  <c r="V34229" i="1"/>
  <c r="V34230" i="1"/>
  <c r="V34231" i="1"/>
  <c r="V34232" i="1"/>
  <c r="V34233" i="1"/>
  <c r="V34234" i="1"/>
  <c r="V34235" i="1"/>
  <c r="V34236" i="1"/>
  <c r="V34237" i="1"/>
  <c r="V34238" i="1"/>
  <c r="V34239" i="1"/>
  <c r="V34240" i="1"/>
  <c r="V34241" i="1"/>
  <c r="V34242" i="1"/>
  <c r="V34243" i="1"/>
  <c r="V34244" i="1"/>
  <c r="V34245" i="1"/>
  <c r="V34246" i="1"/>
  <c r="V34247" i="1"/>
  <c r="V34248" i="1"/>
  <c r="V34249" i="1"/>
  <c r="V34250" i="1"/>
  <c r="V34251" i="1"/>
  <c r="V34252" i="1"/>
  <c r="V34253" i="1"/>
  <c r="V34254" i="1"/>
  <c r="V34255" i="1"/>
  <c r="V34256" i="1"/>
  <c r="V34257" i="1"/>
  <c r="V34258" i="1"/>
  <c r="V34259" i="1"/>
  <c r="V34260" i="1"/>
  <c r="V34261" i="1"/>
  <c r="V34262" i="1"/>
  <c r="V34263" i="1"/>
  <c r="V34264" i="1"/>
  <c r="V34265" i="1"/>
  <c r="V34266" i="1"/>
  <c r="V34267" i="1"/>
  <c r="V34268" i="1"/>
  <c r="V34269" i="1"/>
  <c r="V34270" i="1"/>
  <c r="V34271" i="1"/>
  <c r="V34272" i="1"/>
  <c r="V34273" i="1"/>
  <c r="V34274" i="1"/>
  <c r="V34275" i="1"/>
  <c r="V34276" i="1"/>
  <c r="V34277" i="1"/>
  <c r="V34278" i="1"/>
  <c r="V34279" i="1"/>
  <c r="V34280" i="1"/>
  <c r="V34281" i="1"/>
  <c r="V34282" i="1"/>
  <c r="V34283" i="1"/>
  <c r="V34284" i="1"/>
  <c r="V34285" i="1"/>
  <c r="V34286" i="1"/>
  <c r="V34287" i="1"/>
  <c r="V34288" i="1"/>
  <c r="V34289" i="1"/>
  <c r="V34290" i="1"/>
  <c r="V34291" i="1"/>
  <c r="V34292" i="1"/>
  <c r="V34293" i="1"/>
  <c r="V34294" i="1"/>
  <c r="V34295" i="1"/>
  <c r="V34296" i="1"/>
  <c r="V34297" i="1"/>
  <c r="V34298" i="1"/>
  <c r="V34299" i="1"/>
  <c r="V34300" i="1"/>
  <c r="V34301" i="1"/>
  <c r="V34302" i="1"/>
  <c r="V34303" i="1"/>
  <c r="V34304" i="1"/>
  <c r="V34305" i="1"/>
  <c r="V34306" i="1"/>
  <c r="V34307" i="1"/>
  <c r="V34308" i="1"/>
  <c r="V34309" i="1"/>
  <c r="V34310" i="1"/>
  <c r="V34311" i="1"/>
  <c r="V34312" i="1"/>
  <c r="V34313" i="1"/>
  <c r="V34314" i="1"/>
  <c r="V34315" i="1"/>
  <c r="V34316" i="1"/>
  <c r="V34317" i="1"/>
  <c r="V34318" i="1"/>
  <c r="V34319" i="1"/>
  <c r="V34320" i="1"/>
  <c r="V34321" i="1"/>
  <c r="V34322" i="1"/>
  <c r="V34323" i="1"/>
  <c r="V34324" i="1"/>
  <c r="V34325" i="1"/>
  <c r="V34326" i="1"/>
  <c r="V34327" i="1"/>
  <c r="V34328" i="1"/>
  <c r="V34329" i="1"/>
  <c r="V34330" i="1"/>
  <c r="V34331" i="1"/>
  <c r="V34332" i="1"/>
  <c r="V34333" i="1"/>
  <c r="V34334" i="1"/>
  <c r="V34335" i="1"/>
  <c r="V34336" i="1"/>
  <c r="V34337" i="1"/>
  <c r="V34338" i="1"/>
  <c r="V34339" i="1"/>
  <c r="V34340" i="1"/>
  <c r="V34341" i="1"/>
  <c r="V34342" i="1"/>
  <c r="V34343" i="1"/>
  <c r="V34344" i="1"/>
  <c r="V34345" i="1"/>
  <c r="V34346" i="1"/>
  <c r="V34347" i="1"/>
  <c r="V34348" i="1"/>
  <c r="V34349" i="1"/>
  <c r="V34350" i="1"/>
  <c r="V34351" i="1"/>
  <c r="V34352" i="1"/>
  <c r="V34353" i="1"/>
  <c r="V34354" i="1"/>
  <c r="V34355" i="1"/>
  <c r="V34356" i="1"/>
  <c r="V34357" i="1"/>
  <c r="V34358" i="1"/>
  <c r="V34359" i="1"/>
  <c r="V34360" i="1"/>
  <c r="V34361" i="1"/>
  <c r="V34362" i="1"/>
  <c r="V34363" i="1"/>
  <c r="V34364" i="1"/>
  <c r="V34365" i="1"/>
  <c r="V34366" i="1"/>
  <c r="V34367" i="1"/>
  <c r="V34368" i="1"/>
  <c r="V34369" i="1"/>
  <c r="V34370" i="1"/>
  <c r="V34371" i="1"/>
  <c r="V34372" i="1"/>
  <c r="V34373" i="1"/>
  <c r="V34374" i="1"/>
  <c r="V34375" i="1"/>
  <c r="V34376" i="1"/>
  <c r="V34377" i="1"/>
  <c r="V34378" i="1"/>
  <c r="V34379" i="1"/>
  <c r="V34380" i="1"/>
  <c r="V34381" i="1"/>
  <c r="V34382" i="1"/>
  <c r="V34383" i="1"/>
  <c r="V34384" i="1"/>
  <c r="V34385" i="1"/>
  <c r="V34386" i="1"/>
  <c r="V34387" i="1"/>
  <c r="V34388" i="1"/>
  <c r="V34389" i="1"/>
  <c r="V34390" i="1"/>
  <c r="V34391" i="1"/>
  <c r="V34392" i="1"/>
  <c r="V34393" i="1"/>
  <c r="V34394" i="1"/>
  <c r="V34395" i="1"/>
  <c r="V34396" i="1"/>
  <c r="V34397" i="1"/>
  <c r="V34398" i="1"/>
  <c r="V34399" i="1"/>
  <c r="V34400" i="1"/>
  <c r="V34401" i="1"/>
  <c r="V34402" i="1"/>
  <c r="V34403" i="1"/>
  <c r="V34404" i="1"/>
  <c r="V34405" i="1"/>
  <c r="V34406" i="1"/>
  <c r="V34407" i="1"/>
  <c r="V34408" i="1"/>
  <c r="V34409" i="1"/>
  <c r="V34410" i="1"/>
  <c r="V34411" i="1"/>
  <c r="V34412" i="1"/>
  <c r="V34413" i="1"/>
  <c r="V34414" i="1"/>
  <c r="V34415" i="1"/>
  <c r="V34416" i="1"/>
  <c r="V34417" i="1"/>
  <c r="V34418" i="1"/>
  <c r="V34419" i="1"/>
  <c r="V34420" i="1"/>
  <c r="V34421" i="1"/>
  <c r="V34422" i="1"/>
  <c r="V34423" i="1"/>
  <c r="V34424" i="1"/>
  <c r="V34425" i="1"/>
  <c r="V34426" i="1"/>
  <c r="V34427" i="1"/>
  <c r="V34428" i="1"/>
  <c r="V34429" i="1"/>
  <c r="V34430" i="1"/>
  <c r="V34431" i="1"/>
  <c r="V34432" i="1"/>
  <c r="V34433" i="1"/>
  <c r="V34434" i="1"/>
  <c r="V34435" i="1"/>
  <c r="V34436" i="1"/>
  <c r="V34437" i="1"/>
  <c r="V34438" i="1"/>
  <c r="V34439" i="1"/>
  <c r="V34440" i="1"/>
  <c r="V34441" i="1"/>
  <c r="V34442" i="1"/>
  <c r="V34443" i="1"/>
  <c r="V34444" i="1"/>
  <c r="V34445" i="1"/>
  <c r="V34446" i="1"/>
  <c r="V34447" i="1"/>
  <c r="V34448" i="1"/>
  <c r="V34449" i="1"/>
  <c r="V34450" i="1"/>
  <c r="V34451" i="1"/>
  <c r="V34452" i="1"/>
  <c r="V34453" i="1"/>
  <c r="V34454" i="1"/>
  <c r="V34455" i="1"/>
  <c r="V34456" i="1"/>
  <c r="V34457" i="1"/>
  <c r="V34458" i="1"/>
  <c r="V34459" i="1"/>
  <c r="V34460" i="1"/>
  <c r="V34461" i="1"/>
  <c r="V34462" i="1"/>
  <c r="V34463" i="1"/>
  <c r="V34464" i="1"/>
  <c r="V34465" i="1"/>
  <c r="V34466" i="1"/>
  <c r="V34467" i="1"/>
  <c r="V34468" i="1"/>
  <c r="V34469" i="1"/>
  <c r="V34470" i="1"/>
  <c r="V34471" i="1"/>
  <c r="V34472" i="1"/>
  <c r="V34473" i="1"/>
  <c r="V34474" i="1"/>
  <c r="V34475" i="1"/>
  <c r="V34476" i="1"/>
  <c r="V34477" i="1"/>
  <c r="V34478" i="1"/>
  <c r="V34479" i="1"/>
  <c r="V34480" i="1"/>
  <c r="V34481" i="1"/>
  <c r="V34482" i="1"/>
  <c r="V34483" i="1"/>
  <c r="V34484" i="1"/>
  <c r="V34485" i="1"/>
  <c r="V34486" i="1"/>
  <c r="V34487" i="1"/>
  <c r="V34488" i="1"/>
  <c r="V34489" i="1"/>
  <c r="V34490" i="1"/>
  <c r="V34491" i="1"/>
  <c r="V34492" i="1"/>
  <c r="V34493" i="1"/>
  <c r="V34494" i="1"/>
  <c r="V34495" i="1"/>
  <c r="V34496" i="1"/>
  <c r="V34497" i="1"/>
  <c r="V34498" i="1"/>
  <c r="V34499" i="1"/>
  <c r="V34500" i="1"/>
  <c r="V34501" i="1"/>
  <c r="V34502" i="1"/>
  <c r="V34503" i="1"/>
  <c r="V34504" i="1"/>
  <c r="V34505" i="1"/>
  <c r="V34506" i="1"/>
  <c r="V34507" i="1"/>
  <c r="V34508" i="1"/>
  <c r="V34509" i="1"/>
  <c r="V34510" i="1"/>
  <c r="V34511" i="1"/>
  <c r="V34512" i="1"/>
  <c r="V34513" i="1"/>
  <c r="V34514" i="1"/>
  <c r="V34515" i="1"/>
  <c r="V34516" i="1"/>
  <c r="V34517" i="1"/>
  <c r="V34518" i="1"/>
  <c r="V34519" i="1"/>
  <c r="V34520" i="1"/>
  <c r="V34521" i="1"/>
  <c r="V34522" i="1"/>
  <c r="V34523" i="1"/>
  <c r="V34524" i="1"/>
  <c r="V34525" i="1"/>
  <c r="V34526" i="1"/>
  <c r="V34527" i="1"/>
  <c r="V34528" i="1"/>
  <c r="V34529" i="1"/>
  <c r="V34530" i="1"/>
  <c r="V34531" i="1"/>
  <c r="V34532" i="1"/>
  <c r="V34533" i="1"/>
  <c r="V34534" i="1"/>
  <c r="V34535" i="1"/>
  <c r="V34536" i="1"/>
  <c r="V34537" i="1"/>
  <c r="V34538" i="1"/>
  <c r="V34539" i="1"/>
  <c r="V34540" i="1"/>
  <c r="V34541" i="1"/>
  <c r="V34542" i="1"/>
  <c r="V34543" i="1"/>
  <c r="V34544" i="1"/>
  <c r="V34545" i="1"/>
  <c r="V34546" i="1"/>
  <c r="V34547" i="1"/>
  <c r="V34548" i="1"/>
  <c r="V34549" i="1"/>
  <c r="V34550" i="1"/>
  <c r="V34551" i="1"/>
  <c r="V34552" i="1"/>
  <c r="V34553" i="1"/>
  <c r="V34554" i="1"/>
  <c r="V34555" i="1"/>
  <c r="V34556" i="1"/>
  <c r="V34557" i="1"/>
  <c r="V34558" i="1"/>
  <c r="V34559" i="1"/>
  <c r="V34560" i="1"/>
  <c r="V34561" i="1"/>
  <c r="V34562" i="1"/>
  <c r="V34563" i="1"/>
  <c r="V34564" i="1"/>
  <c r="V34565" i="1"/>
  <c r="V34566" i="1"/>
  <c r="V34567" i="1"/>
  <c r="V34568" i="1"/>
  <c r="V34569" i="1"/>
  <c r="V34570" i="1"/>
  <c r="V34571" i="1"/>
  <c r="V34572" i="1"/>
  <c r="V34573" i="1"/>
  <c r="V34574" i="1"/>
  <c r="V34575" i="1"/>
  <c r="V34576" i="1"/>
  <c r="V34577" i="1"/>
  <c r="V34578" i="1"/>
  <c r="V34579" i="1"/>
  <c r="V34580" i="1"/>
  <c r="V34581" i="1"/>
  <c r="V34582" i="1"/>
  <c r="V34583" i="1"/>
  <c r="V34584" i="1"/>
  <c r="V34585" i="1"/>
  <c r="V34586" i="1"/>
  <c r="V34587" i="1"/>
  <c r="V34588" i="1"/>
  <c r="V34589" i="1"/>
  <c r="V34590" i="1"/>
  <c r="V34591" i="1"/>
  <c r="V34592" i="1"/>
  <c r="V34593" i="1"/>
  <c r="V34594" i="1"/>
  <c r="V34595" i="1"/>
  <c r="V34596" i="1"/>
  <c r="V34597" i="1"/>
  <c r="V34598" i="1"/>
  <c r="V34599" i="1"/>
  <c r="V34600" i="1"/>
  <c r="V34601" i="1"/>
  <c r="V34602" i="1"/>
  <c r="V34603" i="1"/>
  <c r="V34604" i="1"/>
  <c r="V34605" i="1"/>
  <c r="V34606" i="1"/>
  <c r="V34607" i="1"/>
  <c r="V34608" i="1"/>
  <c r="V34609" i="1"/>
  <c r="V34610" i="1"/>
  <c r="V34611" i="1"/>
  <c r="V34612" i="1"/>
  <c r="V34613" i="1"/>
  <c r="V34614" i="1"/>
  <c r="V34615" i="1"/>
  <c r="V34616" i="1"/>
  <c r="V34617" i="1"/>
  <c r="V34618" i="1"/>
  <c r="V34619" i="1"/>
  <c r="V34620" i="1"/>
  <c r="V34621" i="1"/>
  <c r="V34622" i="1"/>
  <c r="V34623" i="1"/>
  <c r="V34624" i="1"/>
  <c r="V34625" i="1"/>
  <c r="V34626" i="1"/>
  <c r="V34627" i="1"/>
  <c r="V34628" i="1"/>
  <c r="V34629" i="1"/>
  <c r="V34630" i="1"/>
  <c r="V34631" i="1"/>
  <c r="V34632" i="1"/>
  <c r="V34633" i="1"/>
  <c r="V34634" i="1"/>
  <c r="V34635" i="1"/>
  <c r="V34636" i="1"/>
  <c r="V34637" i="1"/>
  <c r="V34638" i="1"/>
  <c r="V34639" i="1"/>
  <c r="V34640" i="1"/>
  <c r="V34641" i="1"/>
  <c r="V34642" i="1"/>
  <c r="V34643" i="1"/>
  <c r="V34644" i="1"/>
  <c r="V34645" i="1"/>
  <c r="V34646" i="1"/>
  <c r="V34647" i="1"/>
  <c r="V34648" i="1"/>
  <c r="V34649" i="1"/>
  <c r="V34650" i="1"/>
  <c r="V34651" i="1"/>
  <c r="V34652" i="1"/>
  <c r="V34653" i="1"/>
  <c r="V34654" i="1"/>
  <c r="V34655" i="1"/>
  <c r="V34656" i="1"/>
  <c r="V34657" i="1"/>
  <c r="V34658" i="1"/>
  <c r="V34659" i="1"/>
  <c r="V34660" i="1"/>
  <c r="V34661" i="1"/>
  <c r="V34662" i="1"/>
  <c r="V34663" i="1"/>
  <c r="V34664" i="1"/>
  <c r="V34665" i="1"/>
  <c r="V34666" i="1"/>
  <c r="V34667" i="1"/>
  <c r="V34668" i="1"/>
  <c r="V34669" i="1"/>
  <c r="V34670" i="1"/>
  <c r="V34671" i="1"/>
  <c r="V34672" i="1"/>
  <c r="V34673" i="1"/>
  <c r="V34674" i="1"/>
  <c r="V34675" i="1"/>
  <c r="V34676" i="1"/>
  <c r="V34677" i="1"/>
  <c r="V34678" i="1"/>
  <c r="V34679" i="1"/>
  <c r="V34680" i="1"/>
  <c r="V34681" i="1"/>
  <c r="V34682" i="1"/>
  <c r="V34683" i="1"/>
  <c r="V34684" i="1"/>
  <c r="V34685" i="1"/>
  <c r="V34686" i="1"/>
  <c r="V34687" i="1"/>
  <c r="V34688" i="1"/>
  <c r="V34689" i="1"/>
  <c r="V34690" i="1"/>
  <c r="V34691" i="1"/>
  <c r="V34692" i="1"/>
  <c r="V34693" i="1"/>
  <c r="V34694" i="1"/>
  <c r="V34695" i="1"/>
  <c r="V34696" i="1"/>
  <c r="V34697" i="1"/>
  <c r="V34698" i="1"/>
  <c r="V34699" i="1"/>
  <c r="V34700" i="1"/>
  <c r="V34701" i="1"/>
  <c r="V34702" i="1"/>
  <c r="V34703" i="1"/>
  <c r="V34704" i="1"/>
  <c r="V34705" i="1"/>
  <c r="V34706" i="1"/>
  <c r="V34707" i="1"/>
  <c r="V34708" i="1"/>
  <c r="V34709" i="1"/>
  <c r="V34710" i="1"/>
  <c r="V34711" i="1"/>
  <c r="V34712" i="1"/>
  <c r="V34713" i="1"/>
  <c r="V34714" i="1"/>
  <c r="V34715" i="1"/>
  <c r="V34716" i="1"/>
  <c r="V34717" i="1"/>
  <c r="V34718" i="1"/>
  <c r="V34719" i="1"/>
  <c r="V34720" i="1"/>
  <c r="V34721" i="1"/>
  <c r="V34722" i="1"/>
  <c r="V34723" i="1"/>
  <c r="V34724" i="1"/>
  <c r="V34725" i="1"/>
  <c r="V34726" i="1"/>
  <c r="V34727" i="1"/>
  <c r="V34728" i="1"/>
  <c r="V34729" i="1"/>
  <c r="V34730" i="1"/>
  <c r="V34731" i="1"/>
  <c r="V34732" i="1"/>
  <c r="V34733" i="1"/>
  <c r="V34734" i="1"/>
  <c r="V34735" i="1"/>
  <c r="V34736" i="1"/>
  <c r="V34737" i="1"/>
  <c r="V34738" i="1"/>
  <c r="V34739" i="1"/>
  <c r="V34740" i="1"/>
  <c r="V34741" i="1"/>
  <c r="V34742" i="1"/>
  <c r="V34743" i="1"/>
  <c r="V34744" i="1"/>
  <c r="V34745" i="1"/>
  <c r="V34746" i="1"/>
  <c r="V34747" i="1"/>
  <c r="V34748" i="1"/>
  <c r="V34749" i="1"/>
  <c r="V34750" i="1"/>
  <c r="V34751" i="1"/>
  <c r="V34752" i="1"/>
  <c r="V34753" i="1"/>
  <c r="V34754" i="1"/>
  <c r="V34755" i="1"/>
  <c r="V34756" i="1"/>
  <c r="V34757" i="1"/>
  <c r="V34758" i="1"/>
  <c r="V34759" i="1"/>
  <c r="V34760" i="1"/>
  <c r="V34761" i="1"/>
  <c r="V34762" i="1"/>
  <c r="V34763" i="1"/>
  <c r="V34764" i="1"/>
  <c r="V34765" i="1"/>
  <c r="V34766" i="1"/>
  <c r="V34767" i="1"/>
  <c r="V34768" i="1"/>
  <c r="V34769" i="1"/>
  <c r="V34770" i="1"/>
  <c r="V34771" i="1"/>
  <c r="V34772" i="1"/>
  <c r="V34773" i="1"/>
  <c r="V34774" i="1"/>
  <c r="V34775" i="1"/>
  <c r="V34776" i="1"/>
  <c r="V34777" i="1"/>
  <c r="V34778" i="1"/>
  <c r="V34779" i="1"/>
  <c r="V34780" i="1"/>
  <c r="V34781" i="1"/>
  <c r="V34782" i="1"/>
  <c r="V34783" i="1"/>
  <c r="V34784" i="1"/>
  <c r="V34785" i="1"/>
  <c r="V34786" i="1"/>
  <c r="V34787" i="1"/>
  <c r="V34788" i="1"/>
  <c r="V34789" i="1"/>
  <c r="V34790" i="1"/>
  <c r="V34791" i="1"/>
  <c r="V34792" i="1"/>
  <c r="V34793" i="1"/>
  <c r="V34794" i="1"/>
  <c r="V34795" i="1"/>
  <c r="V34796" i="1"/>
  <c r="V34797" i="1"/>
  <c r="V34798" i="1"/>
  <c r="V34799" i="1"/>
  <c r="V34800" i="1"/>
  <c r="V34801" i="1"/>
  <c r="V34802" i="1"/>
  <c r="V34803" i="1"/>
  <c r="V34804" i="1"/>
  <c r="V34805" i="1"/>
  <c r="V34806" i="1"/>
  <c r="V34807" i="1"/>
  <c r="V34808" i="1"/>
  <c r="V34809" i="1"/>
  <c r="V34810" i="1"/>
  <c r="V34811" i="1"/>
  <c r="V34812" i="1"/>
  <c r="V34813" i="1"/>
  <c r="V34814" i="1"/>
  <c r="V34815" i="1"/>
  <c r="V34816" i="1"/>
  <c r="V34817" i="1"/>
  <c r="V34818" i="1"/>
  <c r="V34819" i="1"/>
  <c r="V34820" i="1"/>
  <c r="V34821" i="1"/>
  <c r="V34822" i="1"/>
  <c r="V34823" i="1"/>
  <c r="V34824" i="1"/>
  <c r="V34825" i="1"/>
  <c r="V34826" i="1"/>
  <c r="V34827" i="1"/>
  <c r="V34828" i="1"/>
  <c r="V34829" i="1"/>
  <c r="V34830" i="1"/>
  <c r="V34831" i="1"/>
  <c r="V34832" i="1"/>
  <c r="V34833" i="1"/>
  <c r="V34834" i="1"/>
  <c r="V34835" i="1"/>
  <c r="V34836" i="1"/>
  <c r="V34837" i="1"/>
  <c r="V34838" i="1"/>
  <c r="V34839" i="1"/>
  <c r="V34840" i="1"/>
  <c r="V34841" i="1"/>
  <c r="V34842" i="1"/>
  <c r="V34843" i="1"/>
  <c r="V34844" i="1"/>
  <c r="V34845" i="1"/>
  <c r="V34846" i="1"/>
  <c r="V34847" i="1"/>
  <c r="V34848" i="1"/>
  <c r="V34849" i="1"/>
  <c r="V34850" i="1"/>
  <c r="V34851" i="1"/>
  <c r="V34852" i="1"/>
  <c r="V34853" i="1"/>
  <c r="V34854" i="1"/>
  <c r="V34855" i="1"/>
  <c r="V34856" i="1"/>
  <c r="V34857" i="1"/>
  <c r="V34858" i="1"/>
  <c r="V34859" i="1"/>
  <c r="V34860" i="1"/>
  <c r="V34861" i="1"/>
  <c r="V34862" i="1"/>
  <c r="V34863" i="1"/>
  <c r="V34864" i="1"/>
  <c r="V34865" i="1"/>
  <c r="V34866" i="1"/>
  <c r="V34867" i="1"/>
  <c r="V34868" i="1"/>
  <c r="V34869" i="1"/>
  <c r="V34870" i="1"/>
  <c r="V34871" i="1"/>
  <c r="V34872" i="1"/>
  <c r="V34873" i="1"/>
  <c r="V34874" i="1"/>
  <c r="V34875" i="1"/>
  <c r="V34876" i="1"/>
  <c r="V34877" i="1"/>
  <c r="V34878" i="1"/>
  <c r="V34879" i="1"/>
  <c r="V34880" i="1"/>
  <c r="V34881" i="1"/>
  <c r="V34882" i="1"/>
  <c r="V34883" i="1"/>
  <c r="V34884" i="1"/>
  <c r="V34885" i="1"/>
  <c r="V34886" i="1"/>
  <c r="V34887" i="1"/>
  <c r="V34888" i="1"/>
  <c r="V34889" i="1"/>
  <c r="V34890" i="1"/>
  <c r="V34891" i="1"/>
  <c r="V34892" i="1"/>
  <c r="V34893" i="1"/>
  <c r="V34894" i="1"/>
  <c r="V34895" i="1"/>
  <c r="V34896" i="1"/>
  <c r="V34897" i="1"/>
  <c r="V34898" i="1"/>
  <c r="V34899" i="1"/>
  <c r="V34900" i="1"/>
  <c r="V34901" i="1"/>
  <c r="V34902" i="1"/>
  <c r="V34903" i="1"/>
  <c r="V34904" i="1"/>
  <c r="V34905" i="1"/>
  <c r="V34906" i="1"/>
  <c r="V34907" i="1"/>
  <c r="V34908" i="1"/>
  <c r="V34909" i="1"/>
  <c r="V34910" i="1"/>
  <c r="V34911" i="1"/>
  <c r="V34912" i="1"/>
  <c r="V34913" i="1"/>
  <c r="V34914" i="1"/>
  <c r="V34915" i="1"/>
  <c r="V34916" i="1"/>
  <c r="V34917" i="1"/>
  <c r="V34918" i="1"/>
  <c r="V34919" i="1"/>
  <c r="V34920" i="1"/>
  <c r="V34921" i="1"/>
  <c r="V34922" i="1"/>
  <c r="V34923" i="1"/>
  <c r="V34924" i="1"/>
  <c r="V34925" i="1"/>
  <c r="V34926" i="1"/>
  <c r="V34927" i="1"/>
  <c r="V34928" i="1"/>
  <c r="V34929" i="1"/>
  <c r="V34930" i="1"/>
  <c r="V34931" i="1"/>
  <c r="V34932" i="1"/>
  <c r="V34933" i="1"/>
  <c r="V34934" i="1"/>
  <c r="V34935" i="1"/>
  <c r="V34936" i="1"/>
  <c r="V34937" i="1"/>
  <c r="V34938" i="1"/>
  <c r="V34939" i="1"/>
  <c r="V34940" i="1"/>
  <c r="V34941" i="1"/>
  <c r="V34942" i="1"/>
  <c r="V34943" i="1"/>
  <c r="V34944" i="1"/>
  <c r="V34945" i="1"/>
  <c r="V34946" i="1"/>
  <c r="V34947" i="1"/>
  <c r="V34948" i="1"/>
  <c r="V34949" i="1"/>
  <c r="V34950" i="1"/>
  <c r="V34951" i="1"/>
  <c r="V34952" i="1"/>
  <c r="V34953" i="1"/>
  <c r="V34954" i="1"/>
  <c r="V34955" i="1"/>
  <c r="V34956" i="1"/>
  <c r="V34957" i="1"/>
  <c r="V34958" i="1"/>
  <c r="V34959" i="1"/>
  <c r="V34960" i="1"/>
  <c r="V34961" i="1"/>
  <c r="V34962" i="1"/>
  <c r="V34963" i="1"/>
  <c r="V34964" i="1"/>
  <c r="V34965" i="1"/>
  <c r="V34966" i="1"/>
  <c r="V34967" i="1"/>
  <c r="V34968" i="1"/>
  <c r="V34969" i="1"/>
  <c r="V34970" i="1"/>
  <c r="V34971" i="1"/>
  <c r="V34972" i="1"/>
  <c r="V34973" i="1"/>
  <c r="V34974" i="1"/>
  <c r="V34975" i="1"/>
  <c r="V34976" i="1"/>
  <c r="V34977" i="1"/>
  <c r="V34978" i="1"/>
  <c r="V34979" i="1"/>
  <c r="V34980" i="1"/>
  <c r="V34981" i="1"/>
  <c r="V34982" i="1"/>
  <c r="V34983" i="1"/>
  <c r="V34984" i="1"/>
  <c r="V34985" i="1"/>
  <c r="V34986" i="1"/>
  <c r="V34987" i="1"/>
  <c r="V34988" i="1"/>
  <c r="V34989" i="1"/>
  <c r="V34990" i="1"/>
  <c r="V34991" i="1"/>
  <c r="V34992" i="1"/>
  <c r="V34993" i="1"/>
  <c r="V34994" i="1"/>
  <c r="V34995" i="1"/>
  <c r="V34996" i="1"/>
  <c r="V34997" i="1"/>
  <c r="V34998" i="1"/>
  <c r="V34999" i="1"/>
  <c r="V35000" i="1"/>
  <c r="V35001" i="1"/>
  <c r="V35002" i="1"/>
  <c r="V35003" i="1"/>
  <c r="V35004" i="1"/>
  <c r="V35005" i="1"/>
  <c r="V35006" i="1"/>
  <c r="V35007" i="1"/>
  <c r="V35008" i="1"/>
  <c r="V35009" i="1"/>
  <c r="V35010" i="1"/>
  <c r="V35011" i="1"/>
  <c r="V35012" i="1"/>
  <c r="V35013" i="1"/>
  <c r="V35014" i="1"/>
  <c r="V35015" i="1"/>
  <c r="V35016" i="1"/>
  <c r="V35017" i="1"/>
  <c r="V35018" i="1"/>
  <c r="V35019" i="1"/>
  <c r="V35020" i="1"/>
  <c r="V35021" i="1"/>
  <c r="V35022" i="1"/>
  <c r="V35023" i="1"/>
  <c r="V35024" i="1"/>
  <c r="V35025" i="1"/>
  <c r="V35026" i="1"/>
  <c r="V35027" i="1"/>
  <c r="V35028" i="1"/>
  <c r="V35029" i="1"/>
  <c r="V35030" i="1"/>
  <c r="V35031" i="1"/>
  <c r="V35032" i="1"/>
  <c r="V35033" i="1"/>
  <c r="V35034" i="1"/>
  <c r="V35035" i="1"/>
  <c r="V35036" i="1"/>
  <c r="V35037" i="1"/>
  <c r="V35038" i="1"/>
  <c r="V35039" i="1"/>
  <c r="V35040" i="1"/>
  <c r="V35041" i="1"/>
  <c r="V35042" i="1"/>
  <c r="V35043" i="1"/>
  <c r="V35044" i="1"/>
  <c r="V35045" i="1"/>
  <c r="V35046" i="1"/>
  <c r="V35047" i="1"/>
  <c r="V35048" i="1"/>
  <c r="V35049" i="1"/>
  <c r="V35050" i="1"/>
  <c r="V35051" i="1"/>
  <c r="V35052" i="1"/>
  <c r="V35053" i="1"/>
  <c r="V35054" i="1"/>
  <c r="V35055" i="1"/>
  <c r="V35056" i="1"/>
  <c r="V35057" i="1"/>
  <c r="V35058" i="1"/>
  <c r="V35059" i="1"/>
  <c r="V35060" i="1"/>
  <c r="V35061" i="1"/>
  <c r="V35062" i="1"/>
  <c r="V35063" i="1"/>
  <c r="V35064" i="1"/>
  <c r="V35065" i="1"/>
  <c r="V35066" i="1"/>
  <c r="V35067" i="1"/>
  <c r="V35068" i="1"/>
  <c r="V35069" i="1"/>
  <c r="V35070" i="1"/>
  <c r="V35071" i="1"/>
  <c r="V35072" i="1"/>
  <c r="V35073" i="1"/>
  <c r="V35074" i="1"/>
  <c r="V35075" i="1"/>
  <c r="V35076" i="1"/>
  <c r="V35077" i="1"/>
  <c r="V35078" i="1"/>
  <c r="V35079" i="1"/>
  <c r="V35080" i="1"/>
  <c r="V35081" i="1"/>
  <c r="V35082" i="1"/>
  <c r="V35083" i="1"/>
  <c r="V35084" i="1"/>
  <c r="V35085" i="1"/>
  <c r="V35086" i="1"/>
  <c r="V35087" i="1"/>
  <c r="V35088" i="1"/>
  <c r="V35089" i="1"/>
  <c r="V35090" i="1"/>
  <c r="V35091" i="1"/>
  <c r="V35092" i="1"/>
  <c r="V35093" i="1"/>
  <c r="V35094" i="1"/>
  <c r="V35095" i="1"/>
  <c r="V35096" i="1"/>
  <c r="V35097" i="1"/>
  <c r="V35098" i="1"/>
  <c r="V35099" i="1"/>
  <c r="V35100" i="1"/>
  <c r="V35101" i="1"/>
  <c r="V35102" i="1"/>
  <c r="V35103" i="1"/>
  <c r="V35104" i="1"/>
  <c r="V35105" i="1"/>
  <c r="V35106" i="1"/>
  <c r="V35107" i="1"/>
  <c r="V35108" i="1"/>
  <c r="V35109" i="1"/>
  <c r="V35110" i="1"/>
  <c r="V35111" i="1"/>
  <c r="V35112" i="1"/>
  <c r="V35113" i="1"/>
  <c r="V35114" i="1"/>
  <c r="V35115" i="1"/>
  <c r="V35116" i="1"/>
  <c r="V35117" i="1"/>
  <c r="V35118" i="1"/>
  <c r="V35119" i="1"/>
  <c r="V35120" i="1"/>
  <c r="V35121" i="1"/>
  <c r="V35122" i="1"/>
  <c r="V35123" i="1"/>
  <c r="V35124" i="1"/>
  <c r="V35125" i="1"/>
  <c r="V35126" i="1"/>
  <c r="V35127" i="1"/>
  <c r="V35128" i="1"/>
  <c r="V35129" i="1"/>
  <c r="V35130" i="1"/>
  <c r="V35131" i="1"/>
  <c r="V35132" i="1"/>
  <c r="V35133" i="1"/>
  <c r="V35134" i="1"/>
  <c r="V35135" i="1"/>
  <c r="V35136" i="1"/>
  <c r="V35137" i="1"/>
  <c r="V35138" i="1"/>
  <c r="V35139" i="1"/>
  <c r="V35140" i="1"/>
  <c r="V35141" i="1"/>
  <c r="V35142" i="1"/>
  <c r="V35143" i="1"/>
  <c r="V35144" i="1"/>
  <c r="V35145" i="1"/>
  <c r="V35146" i="1"/>
  <c r="V35147" i="1"/>
  <c r="V35148" i="1"/>
  <c r="V35149" i="1"/>
  <c r="V35150" i="1"/>
  <c r="V35151" i="1"/>
  <c r="V35152" i="1"/>
  <c r="V35153" i="1"/>
  <c r="V35154" i="1"/>
  <c r="V35155" i="1"/>
  <c r="V35156" i="1"/>
  <c r="V35157" i="1"/>
  <c r="V35158" i="1"/>
  <c r="V35159" i="1"/>
  <c r="V35160" i="1"/>
  <c r="V35161" i="1"/>
  <c r="V35162" i="1"/>
  <c r="V35163" i="1"/>
  <c r="V35164" i="1"/>
  <c r="V35165" i="1"/>
  <c r="V35166" i="1"/>
  <c r="V35167" i="1"/>
  <c r="V35168" i="1"/>
  <c r="V35169" i="1"/>
  <c r="V35170" i="1"/>
  <c r="V35171" i="1"/>
  <c r="V35172" i="1"/>
  <c r="V35173" i="1"/>
  <c r="V35174" i="1"/>
  <c r="V35175" i="1"/>
  <c r="V35176" i="1"/>
  <c r="V35177" i="1"/>
  <c r="V35178" i="1"/>
  <c r="V35179" i="1"/>
  <c r="V35180" i="1"/>
  <c r="V35181" i="1"/>
  <c r="V35182" i="1"/>
  <c r="V35183" i="1"/>
  <c r="V35184" i="1"/>
  <c r="V35185" i="1"/>
  <c r="V35186" i="1"/>
  <c r="V35187" i="1"/>
  <c r="V35188" i="1"/>
  <c r="V35189" i="1"/>
  <c r="V35190" i="1"/>
  <c r="V35191" i="1"/>
  <c r="V35192" i="1"/>
  <c r="V35193" i="1"/>
  <c r="V35194" i="1"/>
  <c r="V35195" i="1"/>
  <c r="V35196" i="1"/>
  <c r="V35197" i="1"/>
  <c r="V35198" i="1"/>
  <c r="V35199" i="1"/>
  <c r="V35200" i="1"/>
  <c r="V35201" i="1"/>
  <c r="V35202" i="1"/>
  <c r="V35203" i="1"/>
  <c r="V35204" i="1"/>
  <c r="V35205" i="1"/>
  <c r="V35206" i="1"/>
  <c r="V35207" i="1"/>
  <c r="V35208" i="1"/>
  <c r="V35209" i="1"/>
  <c r="V35210" i="1"/>
  <c r="V35211" i="1"/>
  <c r="V35212" i="1"/>
  <c r="V35213" i="1"/>
  <c r="V35214" i="1"/>
  <c r="V35215" i="1"/>
  <c r="V35216" i="1"/>
  <c r="V35217" i="1"/>
  <c r="V35218" i="1"/>
  <c r="V35219" i="1"/>
  <c r="V35220" i="1"/>
  <c r="V35221" i="1"/>
  <c r="V35222" i="1"/>
  <c r="V35223" i="1"/>
  <c r="V35224" i="1"/>
  <c r="V35225" i="1"/>
  <c r="V35226" i="1"/>
  <c r="V35227" i="1"/>
  <c r="V35228" i="1"/>
  <c r="V35229" i="1"/>
  <c r="V35230" i="1"/>
  <c r="V35231" i="1"/>
  <c r="V35232" i="1"/>
  <c r="V35233" i="1"/>
  <c r="V35234" i="1"/>
  <c r="V35235" i="1"/>
  <c r="V35236" i="1"/>
  <c r="V35237" i="1"/>
  <c r="V35238" i="1"/>
  <c r="V35239" i="1"/>
  <c r="V35240" i="1"/>
  <c r="V35241" i="1"/>
  <c r="V35242" i="1"/>
  <c r="V35243" i="1"/>
  <c r="V35244" i="1"/>
  <c r="V35245" i="1"/>
  <c r="V35246" i="1"/>
  <c r="V35247" i="1"/>
  <c r="V35248" i="1"/>
  <c r="V35249" i="1"/>
  <c r="V35250" i="1"/>
  <c r="V35251" i="1"/>
  <c r="V35252" i="1"/>
  <c r="V35253" i="1"/>
  <c r="V35254" i="1"/>
  <c r="V35255" i="1"/>
  <c r="V35256" i="1"/>
  <c r="V35257" i="1"/>
  <c r="V35258" i="1"/>
  <c r="V35259" i="1"/>
  <c r="V35260" i="1"/>
  <c r="V35261" i="1"/>
  <c r="V35262" i="1"/>
  <c r="V35263" i="1"/>
  <c r="V35264" i="1"/>
  <c r="V35265" i="1"/>
  <c r="V35266" i="1"/>
  <c r="V35267" i="1"/>
  <c r="V35268" i="1"/>
  <c r="V35269" i="1"/>
  <c r="V35270" i="1"/>
  <c r="V35271" i="1"/>
  <c r="V35272" i="1"/>
  <c r="V35273" i="1"/>
  <c r="V35274" i="1"/>
  <c r="V35275" i="1"/>
  <c r="V35276" i="1"/>
  <c r="V35277" i="1"/>
  <c r="V35278" i="1"/>
  <c r="V35279" i="1"/>
  <c r="V35280" i="1"/>
  <c r="V35281" i="1"/>
  <c r="V35282" i="1"/>
  <c r="V35283" i="1"/>
  <c r="V35284" i="1"/>
  <c r="V35285" i="1"/>
  <c r="V35286" i="1"/>
  <c r="V35287" i="1"/>
  <c r="V35288" i="1"/>
  <c r="V35289" i="1"/>
  <c r="V35290" i="1"/>
  <c r="V35291" i="1"/>
  <c r="V35292" i="1"/>
  <c r="V35293" i="1"/>
  <c r="V35294" i="1"/>
  <c r="V35295" i="1"/>
  <c r="V35296" i="1"/>
  <c r="V35297" i="1"/>
  <c r="V35298" i="1"/>
  <c r="V35299" i="1"/>
  <c r="V35300" i="1"/>
  <c r="V35301" i="1"/>
  <c r="V35302" i="1"/>
  <c r="V35303" i="1"/>
  <c r="V35304" i="1"/>
  <c r="V35305" i="1"/>
  <c r="V35306" i="1"/>
  <c r="V35307" i="1"/>
  <c r="V35308" i="1"/>
  <c r="V35309" i="1"/>
  <c r="V35310" i="1"/>
  <c r="V35311" i="1"/>
  <c r="V35312" i="1"/>
  <c r="V35313" i="1"/>
  <c r="V35314" i="1"/>
  <c r="V35315" i="1"/>
  <c r="V35316" i="1"/>
  <c r="V35317" i="1"/>
  <c r="V35318" i="1"/>
  <c r="V35319" i="1"/>
  <c r="V35320" i="1"/>
  <c r="V35321" i="1"/>
  <c r="V35322" i="1"/>
  <c r="V35323" i="1"/>
  <c r="V35324" i="1"/>
  <c r="V35325" i="1"/>
  <c r="V35326" i="1"/>
  <c r="V35327" i="1"/>
  <c r="V35328" i="1"/>
  <c r="V35329" i="1"/>
  <c r="V35330" i="1"/>
  <c r="V35331" i="1"/>
  <c r="V35332" i="1"/>
  <c r="V35333" i="1"/>
  <c r="V35334" i="1"/>
  <c r="V35335" i="1"/>
  <c r="V35336" i="1"/>
  <c r="V35337" i="1"/>
  <c r="V35338" i="1"/>
  <c r="V35339" i="1"/>
  <c r="V35340" i="1"/>
  <c r="V35341" i="1"/>
  <c r="V35342" i="1"/>
  <c r="V35343" i="1"/>
  <c r="V35344" i="1"/>
  <c r="V35345" i="1"/>
  <c r="V35346" i="1"/>
  <c r="V35347" i="1"/>
  <c r="V35348" i="1"/>
  <c r="V35349" i="1"/>
  <c r="V35350" i="1"/>
  <c r="V35351" i="1"/>
  <c r="V35352" i="1"/>
  <c r="V35353" i="1"/>
  <c r="V35354" i="1"/>
  <c r="V35355" i="1"/>
  <c r="V35356" i="1"/>
  <c r="V35357" i="1"/>
  <c r="V35358" i="1"/>
  <c r="V35359" i="1"/>
  <c r="V35360" i="1"/>
  <c r="V35361" i="1"/>
  <c r="V35362" i="1"/>
  <c r="V35363" i="1"/>
  <c r="V35364" i="1"/>
  <c r="V35365" i="1"/>
  <c r="V35366" i="1"/>
  <c r="V35367" i="1"/>
  <c r="V35368" i="1"/>
  <c r="V35369" i="1"/>
  <c r="V35370" i="1"/>
  <c r="V35371" i="1"/>
  <c r="V35372" i="1"/>
  <c r="V35373" i="1"/>
  <c r="V35374" i="1"/>
  <c r="V35375" i="1"/>
  <c r="V35376" i="1"/>
  <c r="V35377" i="1"/>
  <c r="V35378" i="1"/>
  <c r="V35379" i="1"/>
  <c r="V35380" i="1"/>
  <c r="V35381" i="1"/>
  <c r="V35382" i="1"/>
  <c r="V35383" i="1"/>
  <c r="V35384" i="1"/>
  <c r="V35385" i="1"/>
  <c r="V35386" i="1"/>
  <c r="V35387" i="1"/>
  <c r="V35388" i="1"/>
  <c r="V35389" i="1"/>
  <c r="V35390" i="1"/>
  <c r="V35391" i="1"/>
  <c r="V35392" i="1"/>
  <c r="V35393" i="1"/>
  <c r="V35394" i="1"/>
  <c r="V35395" i="1"/>
  <c r="V35396" i="1"/>
  <c r="V35397" i="1"/>
  <c r="V35398" i="1"/>
  <c r="V35399" i="1"/>
  <c r="V35400" i="1"/>
  <c r="V35401" i="1"/>
  <c r="V35402" i="1"/>
  <c r="V35403" i="1"/>
  <c r="V35404" i="1"/>
  <c r="V35405" i="1"/>
  <c r="V35406" i="1"/>
  <c r="V35407" i="1"/>
  <c r="V35408" i="1"/>
  <c r="V35409" i="1"/>
  <c r="V35410" i="1"/>
  <c r="V35411" i="1"/>
  <c r="V35412" i="1"/>
  <c r="V35413" i="1"/>
  <c r="V35414" i="1"/>
  <c r="V35415" i="1"/>
  <c r="V35416" i="1"/>
  <c r="V35417" i="1"/>
  <c r="V35418" i="1"/>
  <c r="V35419" i="1"/>
  <c r="V35420" i="1"/>
  <c r="V35421" i="1"/>
  <c r="V35422" i="1"/>
  <c r="V35423" i="1"/>
  <c r="V35424" i="1"/>
  <c r="V35425" i="1"/>
  <c r="V35426" i="1"/>
  <c r="V35427" i="1"/>
  <c r="V35428" i="1"/>
  <c r="V35429" i="1"/>
  <c r="V35430" i="1"/>
  <c r="V35431" i="1"/>
  <c r="V35432" i="1"/>
  <c r="V35433" i="1"/>
  <c r="V35434" i="1"/>
  <c r="V35435" i="1"/>
  <c r="V35436" i="1"/>
  <c r="V35437" i="1"/>
  <c r="V35438" i="1"/>
  <c r="V35439" i="1"/>
  <c r="V35440" i="1"/>
  <c r="V35441" i="1"/>
  <c r="V35442" i="1"/>
  <c r="V35443" i="1"/>
  <c r="V35444" i="1"/>
  <c r="V35445" i="1"/>
  <c r="V35446" i="1"/>
  <c r="V35447" i="1"/>
  <c r="V35448" i="1"/>
  <c r="V35449" i="1"/>
  <c r="V35450" i="1"/>
  <c r="V35451" i="1"/>
  <c r="V35452" i="1"/>
  <c r="V35453" i="1"/>
  <c r="V35454" i="1"/>
  <c r="V35455" i="1"/>
  <c r="V35456" i="1"/>
  <c r="V35457" i="1"/>
  <c r="V35458" i="1"/>
  <c r="V35459" i="1"/>
  <c r="V35460" i="1"/>
  <c r="V35461" i="1"/>
  <c r="V35462" i="1"/>
  <c r="V35463" i="1"/>
  <c r="V35464" i="1"/>
  <c r="V35465" i="1"/>
  <c r="V35466" i="1"/>
  <c r="V35467" i="1"/>
  <c r="V35468" i="1"/>
  <c r="V35469" i="1"/>
  <c r="V35470" i="1"/>
  <c r="V35471" i="1"/>
  <c r="V35472" i="1"/>
  <c r="V35473" i="1"/>
  <c r="V35474" i="1"/>
  <c r="V35475" i="1"/>
  <c r="V35476" i="1"/>
  <c r="V35477" i="1"/>
  <c r="V35478" i="1"/>
  <c r="V35479" i="1"/>
  <c r="V35480" i="1"/>
  <c r="V35481" i="1"/>
  <c r="V35482" i="1"/>
  <c r="V35483" i="1"/>
  <c r="V35484" i="1"/>
  <c r="V35485" i="1"/>
  <c r="V35486" i="1"/>
  <c r="V35487" i="1"/>
  <c r="V35488" i="1"/>
  <c r="V35489" i="1"/>
  <c r="V35490" i="1"/>
  <c r="V35491" i="1"/>
  <c r="V35492" i="1"/>
  <c r="V35493" i="1"/>
  <c r="V35494" i="1"/>
  <c r="V35495" i="1"/>
  <c r="V35496" i="1"/>
  <c r="V35497" i="1"/>
  <c r="V35498" i="1"/>
  <c r="V35499" i="1"/>
  <c r="V35500" i="1"/>
  <c r="V35501" i="1"/>
  <c r="V35502" i="1"/>
  <c r="V35503" i="1"/>
  <c r="V35504" i="1"/>
  <c r="V35505" i="1"/>
  <c r="V35506" i="1"/>
  <c r="V35507" i="1"/>
  <c r="V35508" i="1"/>
  <c r="V35509" i="1"/>
  <c r="V35510" i="1"/>
  <c r="V35511" i="1"/>
  <c r="V35512" i="1"/>
  <c r="V35513" i="1"/>
  <c r="V35514" i="1"/>
  <c r="V35515" i="1"/>
  <c r="V35516" i="1"/>
  <c r="V35517" i="1"/>
  <c r="V35518" i="1"/>
  <c r="V35519" i="1"/>
  <c r="V35520" i="1"/>
  <c r="V35521" i="1"/>
  <c r="V35522" i="1"/>
  <c r="V35523" i="1"/>
  <c r="V35524" i="1"/>
  <c r="V35525" i="1"/>
  <c r="V35526" i="1"/>
  <c r="V35527" i="1"/>
  <c r="V35528" i="1"/>
  <c r="V35529" i="1"/>
  <c r="V35530" i="1"/>
  <c r="V35531" i="1"/>
  <c r="V35532" i="1"/>
  <c r="V35533" i="1"/>
  <c r="V35534" i="1"/>
  <c r="V35535" i="1"/>
  <c r="V35536" i="1"/>
  <c r="V35537" i="1"/>
  <c r="V35538" i="1"/>
  <c r="V35539" i="1"/>
  <c r="V35540" i="1"/>
  <c r="V35541" i="1"/>
  <c r="V35542" i="1"/>
  <c r="V35543" i="1"/>
  <c r="V35544" i="1"/>
  <c r="V35545" i="1"/>
  <c r="V35546" i="1"/>
  <c r="V35547" i="1"/>
  <c r="V35548" i="1"/>
  <c r="V35549" i="1"/>
  <c r="V35550" i="1"/>
  <c r="V35551" i="1"/>
  <c r="V35552" i="1"/>
  <c r="V35553" i="1"/>
  <c r="V35554" i="1"/>
  <c r="V35555" i="1"/>
  <c r="V35556" i="1"/>
  <c r="V35557" i="1"/>
  <c r="V35558" i="1"/>
  <c r="V35559" i="1"/>
  <c r="V35560" i="1"/>
  <c r="V35561" i="1"/>
  <c r="V35562" i="1"/>
  <c r="V35563" i="1"/>
  <c r="V35564" i="1"/>
  <c r="V35565" i="1"/>
  <c r="V35566" i="1"/>
  <c r="V35567" i="1"/>
  <c r="V35568" i="1"/>
  <c r="V35569" i="1"/>
  <c r="V35570" i="1"/>
  <c r="V35571" i="1"/>
  <c r="V35572" i="1"/>
  <c r="V35573" i="1"/>
  <c r="V35574" i="1"/>
  <c r="V35575" i="1"/>
  <c r="V35576" i="1"/>
  <c r="V35577" i="1"/>
  <c r="V35578" i="1"/>
  <c r="V35579" i="1"/>
  <c r="V35580" i="1"/>
  <c r="V35581" i="1"/>
  <c r="V35582" i="1"/>
  <c r="V35583" i="1"/>
  <c r="V35584" i="1"/>
  <c r="V35585" i="1"/>
  <c r="V35586" i="1"/>
  <c r="V35587" i="1"/>
  <c r="V35588" i="1"/>
  <c r="V35589" i="1"/>
  <c r="V35590" i="1"/>
  <c r="V35591" i="1"/>
  <c r="V35592" i="1"/>
  <c r="V35593" i="1"/>
  <c r="V35594" i="1"/>
  <c r="V35595" i="1"/>
  <c r="V35596" i="1"/>
  <c r="V35597" i="1"/>
  <c r="V35598" i="1"/>
  <c r="V35599" i="1"/>
  <c r="V35600" i="1"/>
  <c r="V35601" i="1"/>
  <c r="V35602" i="1"/>
  <c r="V35603" i="1"/>
  <c r="V35604" i="1"/>
  <c r="V35605" i="1"/>
  <c r="V35606" i="1"/>
  <c r="V35607" i="1"/>
  <c r="V35608" i="1"/>
  <c r="V35609" i="1"/>
  <c r="V35610" i="1"/>
  <c r="V35611" i="1"/>
  <c r="V35612" i="1"/>
  <c r="V35613" i="1"/>
  <c r="V35614" i="1"/>
  <c r="V35615" i="1"/>
  <c r="V35616" i="1"/>
  <c r="V35617" i="1"/>
  <c r="V35618" i="1"/>
  <c r="V35619" i="1"/>
  <c r="V35620" i="1"/>
  <c r="V35621" i="1"/>
  <c r="V35622" i="1"/>
  <c r="V35623" i="1"/>
  <c r="V35624" i="1"/>
  <c r="V35625" i="1"/>
  <c r="V35626" i="1"/>
  <c r="V35627" i="1"/>
  <c r="V35628" i="1"/>
  <c r="V35629" i="1"/>
  <c r="V35630" i="1"/>
  <c r="V35631" i="1"/>
  <c r="V35632" i="1"/>
  <c r="V35633" i="1"/>
  <c r="V35634" i="1"/>
  <c r="V35635" i="1"/>
  <c r="V35636" i="1"/>
  <c r="V35637" i="1"/>
  <c r="V35638" i="1"/>
  <c r="V35639" i="1"/>
  <c r="V35640" i="1"/>
  <c r="V35641" i="1"/>
  <c r="V35642" i="1"/>
  <c r="V35643" i="1"/>
  <c r="V35644" i="1"/>
  <c r="V35645" i="1"/>
  <c r="V35646" i="1"/>
  <c r="V35647" i="1"/>
  <c r="V35648" i="1"/>
  <c r="V35649" i="1"/>
  <c r="V35650" i="1"/>
  <c r="V35651" i="1"/>
  <c r="V35652" i="1"/>
  <c r="V35653" i="1"/>
  <c r="V35654" i="1"/>
  <c r="V35655" i="1"/>
  <c r="V35656" i="1"/>
  <c r="V35657" i="1"/>
  <c r="V35658" i="1"/>
  <c r="V35659" i="1"/>
  <c r="V35660" i="1"/>
  <c r="V35661" i="1"/>
  <c r="V35662" i="1"/>
  <c r="V35663" i="1"/>
  <c r="V35664" i="1"/>
  <c r="V35665" i="1"/>
  <c r="V35666" i="1"/>
  <c r="V35667" i="1"/>
  <c r="V35668" i="1"/>
  <c r="V35669" i="1"/>
  <c r="V35670" i="1"/>
  <c r="V35671" i="1"/>
  <c r="V35672" i="1"/>
  <c r="V35673" i="1"/>
  <c r="V35674" i="1"/>
  <c r="V35675" i="1"/>
  <c r="V35676" i="1"/>
  <c r="V35677" i="1"/>
  <c r="V35678" i="1"/>
  <c r="V35679" i="1"/>
  <c r="V35680" i="1"/>
  <c r="V35681" i="1"/>
  <c r="V35682" i="1"/>
  <c r="V35683" i="1"/>
  <c r="V35684" i="1"/>
  <c r="V35685" i="1"/>
  <c r="V35686" i="1"/>
  <c r="V35687" i="1"/>
  <c r="V35688" i="1"/>
  <c r="V35689" i="1"/>
  <c r="V35690" i="1"/>
  <c r="V35691" i="1"/>
  <c r="V35692" i="1"/>
  <c r="V35693" i="1"/>
  <c r="V35694" i="1"/>
  <c r="V35695" i="1"/>
  <c r="V35696" i="1"/>
  <c r="V35697" i="1"/>
  <c r="V35698" i="1"/>
  <c r="V35699" i="1"/>
  <c r="V35700" i="1"/>
  <c r="V35701" i="1"/>
  <c r="V35702" i="1"/>
  <c r="V35703" i="1"/>
  <c r="V35704" i="1"/>
  <c r="V35705" i="1"/>
  <c r="V35706" i="1"/>
  <c r="V35707" i="1"/>
  <c r="V35708" i="1"/>
  <c r="V35709" i="1"/>
  <c r="V35710" i="1"/>
  <c r="V35711" i="1"/>
  <c r="V35712" i="1"/>
  <c r="V35713" i="1"/>
  <c r="V35714" i="1"/>
  <c r="V35715" i="1"/>
  <c r="V35716" i="1"/>
  <c r="V35717" i="1"/>
  <c r="V35718" i="1"/>
  <c r="V35719" i="1"/>
  <c r="V35720" i="1"/>
  <c r="V35721" i="1"/>
  <c r="V35722" i="1"/>
  <c r="V35723" i="1"/>
  <c r="V35724" i="1"/>
  <c r="V35725" i="1"/>
  <c r="V35726" i="1"/>
  <c r="V35727" i="1"/>
  <c r="V35728" i="1"/>
  <c r="V35729" i="1"/>
  <c r="V35730" i="1"/>
  <c r="V35731" i="1"/>
  <c r="V35732" i="1"/>
  <c r="V35733" i="1"/>
  <c r="V35734" i="1"/>
  <c r="V35735" i="1"/>
  <c r="V35736" i="1"/>
  <c r="V35737" i="1"/>
  <c r="V35738" i="1"/>
  <c r="V35739" i="1"/>
  <c r="V35740" i="1"/>
  <c r="V35741" i="1"/>
  <c r="V35742" i="1"/>
  <c r="V35743" i="1"/>
  <c r="V35744" i="1"/>
  <c r="V35745" i="1"/>
  <c r="V35746" i="1"/>
  <c r="V35747" i="1"/>
  <c r="V35748" i="1"/>
  <c r="V35749" i="1"/>
  <c r="V35750" i="1"/>
  <c r="V35751" i="1"/>
  <c r="V35752" i="1"/>
  <c r="V35753" i="1"/>
  <c r="V35754" i="1"/>
  <c r="V35755" i="1"/>
  <c r="V35756" i="1"/>
  <c r="V35757" i="1"/>
  <c r="V35758" i="1"/>
  <c r="V35759" i="1"/>
  <c r="V35760" i="1"/>
  <c r="V35761" i="1"/>
  <c r="V35762" i="1"/>
  <c r="V35763" i="1"/>
  <c r="V35764" i="1"/>
  <c r="V35765" i="1"/>
  <c r="V35766" i="1"/>
  <c r="V35767" i="1"/>
  <c r="V35768" i="1"/>
  <c r="V35769" i="1"/>
  <c r="V35770" i="1"/>
  <c r="V35771" i="1"/>
  <c r="V35772" i="1"/>
  <c r="V35773" i="1"/>
  <c r="V35774" i="1"/>
  <c r="V35775" i="1"/>
  <c r="V35776" i="1"/>
  <c r="V35777" i="1"/>
  <c r="V35778" i="1"/>
  <c r="V35779" i="1"/>
  <c r="V35780" i="1"/>
  <c r="V35781" i="1"/>
  <c r="V35782" i="1"/>
  <c r="V35783" i="1"/>
  <c r="V35784" i="1"/>
  <c r="V35785" i="1"/>
  <c r="V35786" i="1"/>
  <c r="V35787" i="1"/>
  <c r="V35788" i="1"/>
  <c r="V35789" i="1"/>
  <c r="V35790" i="1"/>
  <c r="V35791" i="1"/>
  <c r="V35792" i="1"/>
  <c r="V35793" i="1"/>
  <c r="V35794" i="1"/>
  <c r="V35795" i="1"/>
  <c r="V35796" i="1"/>
  <c r="V35797" i="1"/>
  <c r="V35798" i="1"/>
  <c r="V35799" i="1"/>
  <c r="V35800" i="1"/>
  <c r="V35801" i="1"/>
  <c r="V35802" i="1"/>
  <c r="V35803" i="1"/>
  <c r="V35804" i="1"/>
  <c r="V35805" i="1"/>
  <c r="V35806" i="1"/>
  <c r="V35807" i="1"/>
  <c r="V35808" i="1"/>
  <c r="V35809" i="1"/>
  <c r="V35810" i="1"/>
  <c r="V35811" i="1"/>
  <c r="V35812" i="1"/>
  <c r="V35813" i="1"/>
  <c r="V35814" i="1"/>
  <c r="V35815" i="1"/>
  <c r="V35816" i="1"/>
  <c r="V35817" i="1"/>
  <c r="V35818" i="1"/>
  <c r="V35819" i="1"/>
  <c r="V35820" i="1"/>
  <c r="V35821" i="1"/>
  <c r="V35822" i="1"/>
  <c r="V35823" i="1"/>
  <c r="V35824" i="1"/>
  <c r="V35825" i="1"/>
  <c r="V35826" i="1"/>
  <c r="V35827" i="1"/>
  <c r="V35828" i="1"/>
  <c r="V35829" i="1"/>
  <c r="V35830" i="1"/>
  <c r="V35831" i="1"/>
  <c r="V35832" i="1"/>
  <c r="V35833" i="1"/>
  <c r="V35834" i="1"/>
  <c r="V35835" i="1"/>
  <c r="V35836" i="1"/>
  <c r="V35837" i="1"/>
  <c r="V35838" i="1"/>
  <c r="V35839" i="1"/>
  <c r="V35840" i="1"/>
  <c r="V35841" i="1"/>
  <c r="V35842" i="1"/>
  <c r="V35843" i="1"/>
  <c r="V35844" i="1"/>
  <c r="V35845" i="1"/>
  <c r="V35846" i="1"/>
  <c r="V35847" i="1"/>
  <c r="V35848" i="1"/>
  <c r="V35849" i="1"/>
  <c r="V35850" i="1"/>
  <c r="V35851" i="1"/>
  <c r="V35852" i="1"/>
  <c r="V35853" i="1"/>
  <c r="V35854" i="1"/>
  <c r="V35855" i="1"/>
  <c r="V35856" i="1"/>
  <c r="V35857" i="1"/>
  <c r="V35858" i="1"/>
  <c r="V35859" i="1"/>
  <c r="V35860" i="1"/>
  <c r="V35861" i="1"/>
  <c r="V35862" i="1"/>
  <c r="V35863" i="1"/>
  <c r="V35864" i="1"/>
  <c r="V35865" i="1"/>
  <c r="V35866" i="1"/>
  <c r="V35867" i="1"/>
  <c r="V35868" i="1"/>
  <c r="V35869" i="1"/>
  <c r="V35870" i="1"/>
  <c r="V35871" i="1"/>
  <c r="V35872" i="1"/>
  <c r="V35873" i="1"/>
  <c r="V35874" i="1"/>
  <c r="V35875" i="1"/>
  <c r="V35876" i="1"/>
  <c r="V35877" i="1"/>
  <c r="V35878" i="1"/>
  <c r="V35879" i="1"/>
  <c r="V35880" i="1"/>
  <c r="V35881" i="1"/>
  <c r="V35882" i="1"/>
  <c r="V35883" i="1"/>
  <c r="V35884" i="1"/>
  <c r="V35885" i="1"/>
  <c r="V35886" i="1"/>
  <c r="V35887" i="1"/>
  <c r="V35888" i="1"/>
  <c r="V35889" i="1"/>
  <c r="V35890" i="1"/>
  <c r="V35891" i="1"/>
  <c r="V35892" i="1"/>
  <c r="V35893" i="1"/>
  <c r="V35894" i="1"/>
  <c r="V35895" i="1"/>
  <c r="V35896" i="1"/>
  <c r="V35897" i="1"/>
  <c r="V35898" i="1"/>
  <c r="V35899" i="1"/>
  <c r="V35900" i="1"/>
  <c r="V35901" i="1"/>
  <c r="V35902" i="1"/>
  <c r="V35903" i="1"/>
  <c r="V35904" i="1"/>
  <c r="V35905" i="1"/>
  <c r="V35906" i="1"/>
  <c r="V35907" i="1"/>
  <c r="V35908" i="1"/>
  <c r="V35909" i="1"/>
  <c r="V35910" i="1"/>
  <c r="V35911" i="1"/>
  <c r="V35912" i="1"/>
  <c r="V35913" i="1"/>
  <c r="V35914" i="1"/>
  <c r="V35915" i="1"/>
  <c r="V35916" i="1"/>
  <c r="V35917" i="1"/>
  <c r="V35918" i="1"/>
  <c r="V35919" i="1"/>
  <c r="V35920" i="1"/>
  <c r="V35921" i="1"/>
  <c r="V35922" i="1"/>
  <c r="V35923" i="1"/>
  <c r="V35924" i="1"/>
  <c r="V35925" i="1"/>
  <c r="V35926" i="1"/>
  <c r="V35927" i="1"/>
  <c r="V35928" i="1"/>
  <c r="V35929" i="1"/>
  <c r="V35930" i="1"/>
  <c r="V35931" i="1"/>
  <c r="V35932" i="1"/>
  <c r="V35933" i="1"/>
  <c r="V35934" i="1"/>
  <c r="V35935" i="1"/>
  <c r="V35936" i="1"/>
  <c r="V35937" i="1"/>
  <c r="V35938" i="1"/>
  <c r="V35939" i="1"/>
  <c r="V35940" i="1"/>
  <c r="V35941" i="1"/>
  <c r="V35942" i="1"/>
  <c r="V35943" i="1"/>
  <c r="V35944" i="1"/>
  <c r="V35945" i="1"/>
  <c r="V35946" i="1"/>
  <c r="V35947" i="1"/>
  <c r="V35948" i="1"/>
  <c r="V35949" i="1"/>
  <c r="V35950" i="1"/>
  <c r="V35951" i="1"/>
  <c r="V35952" i="1"/>
  <c r="V35953" i="1"/>
  <c r="V35954" i="1"/>
  <c r="V35955" i="1"/>
  <c r="V35956" i="1"/>
  <c r="V35957" i="1"/>
  <c r="V35958" i="1"/>
  <c r="V35959" i="1"/>
  <c r="V35960" i="1"/>
  <c r="V35961" i="1"/>
  <c r="V35962" i="1"/>
  <c r="V35963" i="1"/>
  <c r="V35964" i="1"/>
  <c r="V35965" i="1"/>
  <c r="V35966" i="1"/>
  <c r="V35967" i="1"/>
  <c r="V35968" i="1"/>
  <c r="V35969" i="1"/>
  <c r="V35970" i="1"/>
  <c r="V35971" i="1"/>
  <c r="V35972" i="1"/>
  <c r="V35973" i="1"/>
  <c r="V35974" i="1"/>
  <c r="V35975" i="1"/>
  <c r="V35976" i="1"/>
  <c r="V35977" i="1"/>
  <c r="V35978" i="1"/>
  <c r="V35979" i="1"/>
  <c r="V35980" i="1"/>
  <c r="V35981" i="1"/>
  <c r="V35982" i="1"/>
  <c r="V35983" i="1"/>
  <c r="V35984" i="1"/>
  <c r="V35985" i="1"/>
  <c r="V35986" i="1"/>
  <c r="V35987" i="1"/>
  <c r="V35988" i="1"/>
  <c r="V35989" i="1"/>
  <c r="V35990" i="1"/>
  <c r="V35991" i="1"/>
  <c r="V35992" i="1"/>
  <c r="V35993" i="1"/>
  <c r="V35994" i="1"/>
  <c r="V35995" i="1"/>
  <c r="V35996" i="1"/>
  <c r="V35997" i="1"/>
  <c r="V35998" i="1"/>
  <c r="V35999" i="1"/>
  <c r="V36000" i="1"/>
  <c r="V36001" i="1"/>
  <c r="V36002" i="1"/>
  <c r="V36003" i="1"/>
  <c r="V36004" i="1"/>
  <c r="V36005" i="1"/>
  <c r="V36006" i="1"/>
  <c r="V36007" i="1"/>
  <c r="V36008" i="1"/>
  <c r="V36009" i="1"/>
  <c r="V36010" i="1"/>
  <c r="V36011" i="1"/>
  <c r="V36012" i="1"/>
  <c r="V36013" i="1"/>
  <c r="V36014" i="1"/>
  <c r="V36015" i="1"/>
  <c r="V36016" i="1"/>
  <c r="V36017" i="1"/>
  <c r="V36018" i="1"/>
  <c r="V36019" i="1"/>
  <c r="V36020" i="1"/>
  <c r="V36021" i="1"/>
  <c r="V36022" i="1"/>
  <c r="V36023" i="1"/>
  <c r="V36024" i="1"/>
  <c r="V36025" i="1"/>
  <c r="V36026" i="1"/>
  <c r="V36027" i="1"/>
  <c r="V36028" i="1"/>
  <c r="V36029" i="1"/>
  <c r="V36030" i="1"/>
  <c r="V36031" i="1"/>
  <c r="V36032" i="1"/>
  <c r="V36033" i="1"/>
  <c r="V36034" i="1"/>
  <c r="V36035" i="1"/>
  <c r="V36036" i="1"/>
  <c r="V36037" i="1"/>
  <c r="V36038" i="1"/>
  <c r="V36039" i="1"/>
  <c r="V36040" i="1"/>
  <c r="V36041" i="1"/>
  <c r="V36042" i="1"/>
  <c r="V36043" i="1"/>
  <c r="V36044" i="1"/>
  <c r="V36045" i="1"/>
  <c r="V36046" i="1"/>
  <c r="V36047" i="1"/>
  <c r="V36048" i="1"/>
  <c r="V36049" i="1"/>
  <c r="V36050" i="1"/>
  <c r="V36051" i="1"/>
  <c r="V36052" i="1"/>
  <c r="V36053" i="1"/>
  <c r="V36054" i="1"/>
  <c r="V36055" i="1"/>
  <c r="V36056" i="1"/>
  <c r="V36057" i="1"/>
  <c r="V36058" i="1"/>
  <c r="V36059" i="1"/>
  <c r="V36060" i="1"/>
  <c r="V36061" i="1"/>
  <c r="V36062" i="1"/>
  <c r="V36063" i="1"/>
  <c r="V36064" i="1"/>
  <c r="V36065" i="1"/>
  <c r="V36066" i="1"/>
  <c r="V36067" i="1"/>
  <c r="V36068" i="1"/>
  <c r="V36069" i="1"/>
  <c r="V36070" i="1"/>
  <c r="V36071" i="1"/>
  <c r="V36072" i="1"/>
  <c r="V36073" i="1"/>
  <c r="V36074" i="1"/>
  <c r="V36075" i="1"/>
  <c r="V36076" i="1"/>
  <c r="V36077" i="1"/>
  <c r="V36078" i="1"/>
  <c r="V36079" i="1"/>
  <c r="V36080" i="1"/>
  <c r="V36081" i="1"/>
  <c r="V36082" i="1"/>
  <c r="V36083" i="1"/>
  <c r="V36084" i="1"/>
  <c r="V36085" i="1"/>
  <c r="V36086" i="1"/>
  <c r="V36087" i="1"/>
  <c r="V36088" i="1"/>
  <c r="V36089" i="1"/>
  <c r="V36090" i="1"/>
  <c r="V36091" i="1"/>
  <c r="V36092" i="1"/>
  <c r="V36093" i="1"/>
  <c r="V36094" i="1"/>
  <c r="V36095" i="1"/>
  <c r="V36096" i="1"/>
  <c r="V36097" i="1"/>
  <c r="V36098" i="1"/>
  <c r="V36099" i="1"/>
  <c r="V36100" i="1"/>
  <c r="V36101" i="1"/>
  <c r="V36102" i="1"/>
  <c r="V36103" i="1"/>
  <c r="V36104" i="1"/>
  <c r="V36105" i="1"/>
  <c r="V36106" i="1"/>
  <c r="V36107" i="1"/>
  <c r="V36108" i="1"/>
  <c r="V36109" i="1"/>
  <c r="V36110" i="1"/>
  <c r="V36111" i="1"/>
  <c r="V36112" i="1"/>
  <c r="V36113" i="1"/>
  <c r="V36114" i="1"/>
  <c r="V36115" i="1"/>
  <c r="V36116" i="1"/>
  <c r="V36117" i="1"/>
  <c r="V36118" i="1"/>
  <c r="V36119" i="1"/>
  <c r="V36120" i="1"/>
  <c r="V36121" i="1"/>
  <c r="V36122" i="1"/>
  <c r="V36123" i="1"/>
  <c r="V36124" i="1"/>
  <c r="V36125" i="1"/>
  <c r="V36126" i="1"/>
  <c r="V36127" i="1"/>
  <c r="V36128" i="1"/>
  <c r="V36129" i="1"/>
  <c r="V36130" i="1"/>
  <c r="V36131" i="1"/>
  <c r="V36132" i="1"/>
  <c r="V36133" i="1"/>
  <c r="V36134" i="1"/>
  <c r="V36135" i="1"/>
  <c r="V36136" i="1"/>
  <c r="V36137" i="1"/>
  <c r="V36138" i="1"/>
  <c r="V36139" i="1"/>
  <c r="V36140" i="1"/>
  <c r="V36141" i="1"/>
  <c r="V36142" i="1"/>
  <c r="V36143" i="1"/>
  <c r="V36144" i="1"/>
  <c r="V36145" i="1"/>
  <c r="V36146" i="1"/>
  <c r="V36147" i="1"/>
  <c r="V36148" i="1"/>
  <c r="V36149" i="1"/>
  <c r="V36150" i="1"/>
  <c r="V36151" i="1"/>
  <c r="V36152" i="1"/>
  <c r="V36153" i="1"/>
  <c r="V36154" i="1"/>
  <c r="V36155" i="1"/>
  <c r="V36156" i="1"/>
  <c r="V36157" i="1"/>
  <c r="V36158" i="1"/>
  <c r="V36159" i="1"/>
  <c r="V36160" i="1"/>
  <c r="V36161" i="1"/>
  <c r="V36162" i="1"/>
  <c r="V36163" i="1"/>
  <c r="V36164" i="1"/>
  <c r="V36165" i="1"/>
  <c r="V36166" i="1"/>
  <c r="V36167" i="1"/>
  <c r="V36168" i="1"/>
  <c r="V36169" i="1"/>
  <c r="V36170" i="1"/>
  <c r="V36171" i="1"/>
  <c r="V36172" i="1"/>
  <c r="V36173" i="1"/>
  <c r="V36174" i="1"/>
  <c r="V36175" i="1"/>
  <c r="V36176" i="1"/>
  <c r="V36177" i="1"/>
  <c r="V36178" i="1"/>
  <c r="V36179" i="1"/>
  <c r="V36180" i="1"/>
  <c r="V36181" i="1"/>
  <c r="V36182" i="1"/>
  <c r="V36183" i="1"/>
  <c r="V36184" i="1"/>
  <c r="V36185" i="1"/>
  <c r="V36186" i="1"/>
  <c r="V36187" i="1"/>
  <c r="V36188" i="1"/>
  <c r="V36189" i="1"/>
  <c r="V36190" i="1"/>
  <c r="V36191" i="1"/>
  <c r="V36192" i="1"/>
  <c r="V36193" i="1"/>
  <c r="V36194" i="1"/>
  <c r="V36195" i="1"/>
  <c r="V36196" i="1"/>
  <c r="V36197" i="1"/>
  <c r="V36198" i="1"/>
  <c r="V36199" i="1"/>
  <c r="V36200" i="1"/>
  <c r="V36201" i="1"/>
  <c r="V36202" i="1"/>
  <c r="V36203" i="1"/>
  <c r="V36204" i="1"/>
  <c r="V36205" i="1"/>
  <c r="V36206" i="1"/>
  <c r="V36207" i="1"/>
  <c r="V36208" i="1"/>
  <c r="V36209" i="1"/>
  <c r="V36210" i="1"/>
  <c r="V36211" i="1"/>
  <c r="V36212" i="1"/>
  <c r="V36213" i="1"/>
  <c r="V36214" i="1"/>
  <c r="V36215" i="1"/>
  <c r="V36216" i="1"/>
  <c r="V36217" i="1"/>
  <c r="V36218" i="1"/>
  <c r="V36219" i="1"/>
  <c r="V36220" i="1"/>
  <c r="V36221" i="1"/>
  <c r="V36222" i="1"/>
  <c r="V36223" i="1"/>
  <c r="V36224" i="1"/>
  <c r="V36225" i="1"/>
  <c r="V36226" i="1"/>
  <c r="V36227" i="1"/>
  <c r="V36228" i="1"/>
  <c r="V36229" i="1"/>
  <c r="V36230" i="1"/>
  <c r="V36231" i="1"/>
  <c r="V36232" i="1"/>
  <c r="V36233" i="1"/>
  <c r="V36234" i="1"/>
  <c r="V36235" i="1"/>
  <c r="V36236" i="1"/>
  <c r="V36237" i="1"/>
  <c r="V36238" i="1"/>
  <c r="V36239" i="1"/>
  <c r="V36240" i="1"/>
  <c r="V36241" i="1"/>
  <c r="V36242" i="1"/>
  <c r="V36243" i="1"/>
  <c r="V36244" i="1"/>
  <c r="V36245" i="1"/>
  <c r="V36246" i="1"/>
  <c r="V36247" i="1"/>
  <c r="V36248" i="1"/>
  <c r="V36249" i="1"/>
  <c r="V36250" i="1"/>
  <c r="V36251" i="1"/>
  <c r="V36252" i="1"/>
  <c r="V36253" i="1"/>
  <c r="V36254" i="1"/>
  <c r="V36255" i="1"/>
  <c r="V36256" i="1"/>
  <c r="V36257" i="1"/>
  <c r="V36258" i="1"/>
  <c r="V36259" i="1"/>
  <c r="V36260" i="1"/>
  <c r="V36261" i="1"/>
  <c r="V36262" i="1"/>
  <c r="V36263" i="1"/>
  <c r="V36264" i="1"/>
  <c r="V36265" i="1"/>
  <c r="V36266" i="1"/>
  <c r="V36267" i="1"/>
  <c r="V36268" i="1"/>
  <c r="V36269" i="1"/>
  <c r="V36270" i="1"/>
  <c r="V36271" i="1"/>
  <c r="V36272" i="1"/>
  <c r="V36273" i="1"/>
  <c r="V36274" i="1"/>
  <c r="V36275" i="1"/>
  <c r="V36276" i="1"/>
  <c r="V36277" i="1"/>
  <c r="V36278" i="1"/>
  <c r="V36279" i="1"/>
  <c r="V36280" i="1"/>
  <c r="V36281" i="1"/>
  <c r="V36282" i="1"/>
  <c r="V36283" i="1"/>
  <c r="V36284" i="1"/>
  <c r="V36285" i="1"/>
  <c r="V36286" i="1"/>
  <c r="V36287" i="1"/>
  <c r="V36288" i="1"/>
  <c r="V36289" i="1"/>
  <c r="V36290" i="1"/>
  <c r="V36291" i="1"/>
  <c r="V36292" i="1"/>
  <c r="V36293" i="1"/>
  <c r="V36294" i="1"/>
  <c r="V36295" i="1"/>
  <c r="V36296" i="1"/>
  <c r="V36297" i="1"/>
  <c r="V36298" i="1"/>
  <c r="V36299" i="1"/>
  <c r="V36300" i="1"/>
  <c r="V36301" i="1"/>
  <c r="V36302" i="1"/>
  <c r="V36303" i="1"/>
  <c r="V36304" i="1"/>
  <c r="V36305" i="1"/>
  <c r="V36306" i="1"/>
  <c r="V36307" i="1"/>
  <c r="V36308" i="1"/>
  <c r="V36309" i="1"/>
  <c r="V36310" i="1"/>
  <c r="V36311" i="1"/>
  <c r="V36312" i="1"/>
  <c r="V36313" i="1"/>
  <c r="V36314" i="1"/>
  <c r="V36315" i="1"/>
  <c r="V36316" i="1"/>
  <c r="V36317" i="1"/>
  <c r="V36318" i="1"/>
  <c r="V36319" i="1"/>
  <c r="V36320" i="1"/>
  <c r="V36321" i="1"/>
  <c r="V36322" i="1"/>
  <c r="V36323" i="1"/>
  <c r="V36324" i="1"/>
  <c r="V36325" i="1"/>
  <c r="V36326" i="1"/>
  <c r="V36327" i="1"/>
  <c r="V36328" i="1"/>
  <c r="V36329" i="1"/>
  <c r="V36330" i="1"/>
  <c r="V36331" i="1"/>
  <c r="V36332" i="1"/>
  <c r="V36333" i="1"/>
  <c r="V36334" i="1"/>
  <c r="V36335" i="1"/>
  <c r="V36336" i="1"/>
  <c r="V36337" i="1"/>
  <c r="V36338" i="1"/>
  <c r="V36339" i="1"/>
  <c r="V36340" i="1"/>
  <c r="V36341" i="1"/>
  <c r="V36342" i="1"/>
  <c r="V36343" i="1"/>
  <c r="V36344" i="1"/>
  <c r="V36345" i="1"/>
  <c r="V36346" i="1"/>
  <c r="V36347" i="1"/>
  <c r="V36348" i="1"/>
  <c r="V36349" i="1"/>
  <c r="V36350" i="1"/>
  <c r="V36351" i="1"/>
  <c r="V36352" i="1"/>
  <c r="V36353" i="1"/>
  <c r="V36354" i="1"/>
  <c r="V36355" i="1"/>
  <c r="V36356" i="1"/>
  <c r="V36357" i="1"/>
  <c r="V36358" i="1"/>
  <c r="V36359" i="1"/>
  <c r="V36360" i="1"/>
  <c r="V36361" i="1"/>
  <c r="V36362" i="1"/>
  <c r="V36363" i="1"/>
  <c r="V36364" i="1"/>
  <c r="V36365" i="1"/>
  <c r="V36366" i="1"/>
  <c r="V36367" i="1"/>
  <c r="V36368" i="1"/>
  <c r="V36369" i="1"/>
  <c r="V36370" i="1"/>
  <c r="V36371" i="1"/>
  <c r="V36372" i="1"/>
  <c r="V36373" i="1"/>
  <c r="V36374" i="1"/>
  <c r="V36375" i="1"/>
  <c r="V36376" i="1"/>
  <c r="V36377" i="1"/>
  <c r="V36378" i="1"/>
  <c r="V36379" i="1"/>
  <c r="V36380" i="1"/>
  <c r="V36381" i="1"/>
  <c r="V36382" i="1"/>
  <c r="V36383" i="1"/>
  <c r="V36384" i="1"/>
  <c r="V36385" i="1"/>
  <c r="V36386" i="1"/>
  <c r="V36387" i="1"/>
  <c r="V36388" i="1"/>
  <c r="V36389" i="1"/>
  <c r="V36390" i="1"/>
  <c r="V36391" i="1"/>
  <c r="V36392" i="1"/>
  <c r="V36393" i="1"/>
  <c r="V36394" i="1"/>
  <c r="V36395" i="1"/>
  <c r="V36396" i="1"/>
  <c r="V36397" i="1"/>
  <c r="V36398" i="1"/>
  <c r="V36399" i="1"/>
  <c r="V36400" i="1"/>
  <c r="V36401" i="1"/>
  <c r="V36402" i="1"/>
  <c r="V36403" i="1"/>
  <c r="V36404" i="1"/>
  <c r="V36405" i="1"/>
  <c r="V36406" i="1"/>
  <c r="V36407" i="1"/>
  <c r="V36408" i="1"/>
  <c r="V36409" i="1"/>
  <c r="V36410" i="1"/>
  <c r="V36411" i="1"/>
  <c r="V36412" i="1"/>
  <c r="V36413" i="1"/>
  <c r="V36414" i="1"/>
  <c r="V36415" i="1"/>
  <c r="V36416" i="1"/>
  <c r="V36417" i="1"/>
  <c r="V36418" i="1"/>
  <c r="V36419" i="1"/>
  <c r="V36420" i="1"/>
  <c r="V36421" i="1"/>
  <c r="V36422" i="1"/>
  <c r="V36423" i="1"/>
  <c r="V36424" i="1"/>
  <c r="V36425" i="1"/>
  <c r="V36426" i="1"/>
  <c r="V36427" i="1"/>
  <c r="V36428" i="1"/>
  <c r="V36429" i="1"/>
  <c r="V36430" i="1"/>
  <c r="V36431" i="1"/>
  <c r="V36432" i="1"/>
  <c r="V36433" i="1"/>
  <c r="V36434" i="1"/>
  <c r="V36435" i="1"/>
  <c r="V36436" i="1"/>
  <c r="V36437" i="1"/>
  <c r="V36438" i="1"/>
  <c r="V36439" i="1"/>
  <c r="V36440" i="1"/>
  <c r="V36441" i="1"/>
  <c r="V36442" i="1"/>
  <c r="V36443" i="1"/>
  <c r="V36444" i="1"/>
  <c r="V36445" i="1"/>
  <c r="V36446" i="1"/>
  <c r="V36447" i="1"/>
  <c r="V36448" i="1"/>
  <c r="V36449" i="1"/>
  <c r="V36450" i="1"/>
  <c r="V36451" i="1"/>
  <c r="V36452" i="1"/>
  <c r="V36453" i="1"/>
  <c r="V36454" i="1"/>
  <c r="V36455" i="1"/>
  <c r="V36456" i="1"/>
  <c r="V36457" i="1"/>
  <c r="V36458" i="1"/>
  <c r="V36459" i="1"/>
  <c r="V36460" i="1"/>
  <c r="V36461" i="1"/>
  <c r="V36462" i="1"/>
  <c r="V36463" i="1"/>
  <c r="V36464" i="1"/>
  <c r="V36465" i="1"/>
  <c r="V36466" i="1"/>
  <c r="V36467" i="1"/>
  <c r="V36468" i="1"/>
  <c r="V36469" i="1"/>
  <c r="V36470" i="1"/>
  <c r="V36471" i="1"/>
  <c r="V36472" i="1"/>
  <c r="V36473" i="1"/>
  <c r="V36474" i="1"/>
  <c r="V36475" i="1"/>
  <c r="V36476" i="1"/>
  <c r="V36477" i="1"/>
  <c r="V36478" i="1"/>
  <c r="V36479" i="1"/>
  <c r="V36480" i="1"/>
  <c r="V36481" i="1"/>
  <c r="V36482" i="1"/>
  <c r="V36483" i="1"/>
  <c r="V36484" i="1"/>
  <c r="V36485" i="1"/>
  <c r="V36486" i="1"/>
  <c r="V36487" i="1"/>
  <c r="V36488" i="1"/>
  <c r="V36489" i="1"/>
  <c r="V36490" i="1"/>
  <c r="V36491" i="1"/>
  <c r="V36492" i="1"/>
  <c r="V36493" i="1"/>
  <c r="V36494" i="1"/>
  <c r="V36495" i="1"/>
  <c r="V36496" i="1"/>
  <c r="V36497" i="1"/>
  <c r="V36498" i="1"/>
  <c r="V36499" i="1"/>
  <c r="V36500" i="1"/>
  <c r="V36501" i="1"/>
  <c r="V36502" i="1"/>
  <c r="V36503" i="1"/>
  <c r="V36504" i="1"/>
  <c r="V36505" i="1"/>
  <c r="V36506" i="1"/>
  <c r="V36507" i="1"/>
  <c r="V36508" i="1"/>
  <c r="V36509" i="1"/>
  <c r="V36510" i="1"/>
  <c r="V36511" i="1"/>
  <c r="V36512" i="1"/>
  <c r="V36513" i="1"/>
  <c r="V36514" i="1"/>
  <c r="V36515" i="1"/>
  <c r="V36516" i="1"/>
  <c r="V36517" i="1"/>
  <c r="V36518" i="1"/>
  <c r="V36519" i="1"/>
  <c r="V36520" i="1"/>
  <c r="V36521" i="1"/>
  <c r="V36522" i="1"/>
  <c r="V36523" i="1"/>
  <c r="V36524" i="1"/>
  <c r="V36525" i="1"/>
  <c r="V36526" i="1"/>
  <c r="V36527" i="1"/>
  <c r="V36528" i="1"/>
  <c r="V36529" i="1"/>
  <c r="V36530" i="1"/>
  <c r="V36531" i="1"/>
  <c r="V36532" i="1"/>
  <c r="V36533" i="1"/>
  <c r="V36534" i="1"/>
  <c r="V36535" i="1"/>
  <c r="V36536" i="1"/>
  <c r="V36537" i="1"/>
  <c r="V36538" i="1"/>
  <c r="V36539" i="1"/>
  <c r="V36540" i="1"/>
  <c r="V36541" i="1"/>
  <c r="V36542" i="1"/>
  <c r="V36543" i="1"/>
  <c r="V36544" i="1"/>
  <c r="V36545" i="1"/>
  <c r="V36546" i="1"/>
  <c r="V36547" i="1"/>
  <c r="V36548" i="1"/>
  <c r="V36549" i="1"/>
  <c r="V36550" i="1"/>
  <c r="V36551" i="1"/>
  <c r="V36552" i="1"/>
  <c r="V36553" i="1"/>
  <c r="V36554" i="1"/>
  <c r="V36555" i="1"/>
  <c r="V36556" i="1"/>
  <c r="V36557" i="1"/>
  <c r="V36558" i="1"/>
  <c r="V36559" i="1"/>
  <c r="V36560" i="1"/>
  <c r="V36561" i="1"/>
  <c r="V36562" i="1"/>
  <c r="V36563" i="1"/>
  <c r="V36564" i="1"/>
  <c r="V36565" i="1"/>
  <c r="V36566" i="1"/>
  <c r="V36567" i="1"/>
  <c r="V36568" i="1"/>
  <c r="V36569" i="1"/>
  <c r="V36570" i="1"/>
  <c r="V36571" i="1"/>
  <c r="V36572" i="1"/>
  <c r="V36573" i="1"/>
  <c r="V36574" i="1"/>
  <c r="V36575" i="1"/>
  <c r="V36576" i="1"/>
  <c r="V36577" i="1"/>
  <c r="V36578" i="1"/>
  <c r="V36579" i="1"/>
  <c r="V36580" i="1"/>
  <c r="V36581" i="1"/>
  <c r="V36582" i="1"/>
  <c r="V36583" i="1"/>
  <c r="V36584" i="1"/>
  <c r="V36585" i="1"/>
  <c r="V36586" i="1"/>
  <c r="V36587" i="1"/>
  <c r="V36588" i="1"/>
  <c r="V36589" i="1"/>
  <c r="V36590" i="1"/>
  <c r="V36591" i="1"/>
  <c r="V36592" i="1"/>
  <c r="V36593" i="1"/>
  <c r="V36594" i="1"/>
  <c r="V36595" i="1"/>
  <c r="V36596" i="1"/>
  <c r="V36597" i="1"/>
  <c r="V36598" i="1"/>
  <c r="V36599" i="1"/>
  <c r="V36600" i="1"/>
  <c r="V36601" i="1"/>
  <c r="V36602" i="1"/>
  <c r="V36603" i="1"/>
  <c r="V36604" i="1"/>
  <c r="V36605" i="1"/>
  <c r="V36606" i="1"/>
  <c r="V36607" i="1"/>
  <c r="V36608" i="1"/>
  <c r="V36609" i="1"/>
  <c r="V36610" i="1"/>
  <c r="V36611" i="1"/>
  <c r="V36612" i="1"/>
  <c r="V36613" i="1"/>
  <c r="V36614" i="1"/>
  <c r="V36615" i="1"/>
  <c r="V36616" i="1"/>
  <c r="V36617" i="1"/>
  <c r="V36618" i="1"/>
  <c r="V36619" i="1"/>
  <c r="V36620" i="1"/>
  <c r="V36621" i="1"/>
  <c r="V36622" i="1"/>
  <c r="V36623" i="1"/>
  <c r="V36624" i="1"/>
  <c r="V36625" i="1"/>
  <c r="V36626" i="1"/>
  <c r="V36627" i="1"/>
  <c r="V36628" i="1"/>
  <c r="V36629" i="1"/>
  <c r="V36630" i="1"/>
  <c r="V36631" i="1"/>
  <c r="V36632" i="1"/>
  <c r="V36633" i="1"/>
  <c r="V36634" i="1"/>
  <c r="V36635" i="1"/>
  <c r="V36636" i="1"/>
  <c r="V36637" i="1"/>
  <c r="V36638" i="1"/>
  <c r="V36639" i="1"/>
  <c r="V36640" i="1"/>
  <c r="V36641" i="1"/>
  <c r="V36642" i="1"/>
  <c r="V36643" i="1"/>
  <c r="V36644" i="1"/>
  <c r="V36645" i="1"/>
  <c r="V36646" i="1"/>
  <c r="V36647" i="1"/>
  <c r="V36648" i="1"/>
  <c r="V36649" i="1"/>
  <c r="V36650" i="1"/>
  <c r="V36651" i="1"/>
  <c r="V36652" i="1"/>
  <c r="V36653" i="1"/>
  <c r="V36654" i="1"/>
  <c r="V36655" i="1"/>
  <c r="V36656" i="1"/>
  <c r="V36657" i="1"/>
  <c r="V36658" i="1"/>
  <c r="V36659" i="1"/>
  <c r="V36660" i="1"/>
  <c r="V36661" i="1"/>
  <c r="V36662" i="1"/>
  <c r="V36663" i="1"/>
  <c r="V36664" i="1"/>
  <c r="V36665" i="1"/>
  <c r="V36666" i="1"/>
  <c r="V36667" i="1"/>
  <c r="V36668" i="1"/>
  <c r="V36669" i="1"/>
  <c r="V36670" i="1"/>
  <c r="V36671" i="1"/>
  <c r="V36672" i="1"/>
  <c r="V36673" i="1"/>
  <c r="V36674" i="1"/>
  <c r="V36675" i="1"/>
  <c r="V36676" i="1"/>
  <c r="V36677" i="1"/>
  <c r="V36678" i="1"/>
  <c r="V36679" i="1"/>
  <c r="V36680" i="1"/>
  <c r="V36681" i="1"/>
  <c r="V36682" i="1"/>
  <c r="V36683" i="1"/>
  <c r="V36684" i="1"/>
  <c r="V36685" i="1"/>
  <c r="V36686" i="1"/>
  <c r="V36687" i="1"/>
  <c r="V36688" i="1"/>
  <c r="V36689" i="1"/>
  <c r="V36690" i="1"/>
  <c r="V36691" i="1"/>
  <c r="V36692" i="1"/>
  <c r="V36693" i="1"/>
  <c r="V36694" i="1"/>
  <c r="V36695" i="1"/>
  <c r="V36696" i="1"/>
  <c r="V36697" i="1"/>
  <c r="V36698" i="1"/>
  <c r="V36699" i="1"/>
  <c r="V36700" i="1"/>
  <c r="V36701" i="1"/>
  <c r="V36702" i="1"/>
  <c r="V36703" i="1"/>
  <c r="V36704" i="1"/>
  <c r="V36705" i="1"/>
  <c r="V36706" i="1"/>
  <c r="V36707" i="1"/>
  <c r="V36708" i="1"/>
  <c r="V36709" i="1"/>
  <c r="V36710" i="1"/>
  <c r="V36711" i="1"/>
  <c r="V36712" i="1"/>
  <c r="V36713" i="1"/>
  <c r="V36714" i="1"/>
  <c r="V36715" i="1"/>
  <c r="V36716" i="1"/>
  <c r="V36717" i="1"/>
  <c r="V36718" i="1"/>
  <c r="V36719" i="1"/>
  <c r="V36720" i="1"/>
  <c r="V36721" i="1"/>
  <c r="V36722" i="1"/>
  <c r="V36723" i="1"/>
  <c r="V36724" i="1"/>
  <c r="V36725" i="1"/>
  <c r="V36726" i="1"/>
  <c r="V36727" i="1"/>
  <c r="V36728" i="1"/>
  <c r="V36729" i="1"/>
  <c r="V36730" i="1"/>
  <c r="V36731" i="1"/>
  <c r="V36732" i="1"/>
  <c r="V36733" i="1"/>
  <c r="V36734" i="1"/>
  <c r="V36735" i="1"/>
  <c r="V36736" i="1"/>
  <c r="V36737" i="1"/>
  <c r="V36738" i="1"/>
  <c r="V36739" i="1"/>
  <c r="V36740" i="1"/>
  <c r="V36741" i="1"/>
  <c r="V36742" i="1"/>
  <c r="V36743" i="1"/>
  <c r="V36744" i="1"/>
  <c r="V36745" i="1"/>
  <c r="V36746" i="1"/>
  <c r="V36747" i="1"/>
  <c r="V36748" i="1"/>
  <c r="V36749" i="1"/>
  <c r="V36750" i="1"/>
  <c r="V36751" i="1"/>
  <c r="V36752" i="1"/>
  <c r="V36753" i="1"/>
  <c r="V36754" i="1"/>
  <c r="V36755" i="1"/>
  <c r="V36756" i="1"/>
  <c r="V36757" i="1"/>
  <c r="V36758" i="1"/>
  <c r="V36759" i="1"/>
  <c r="V36760" i="1"/>
  <c r="V36761" i="1"/>
  <c r="V36762" i="1"/>
  <c r="V36763" i="1"/>
  <c r="V36764" i="1"/>
  <c r="V36765" i="1"/>
  <c r="V36766" i="1"/>
  <c r="V36767" i="1"/>
  <c r="V36768" i="1"/>
  <c r="V36769" i="1"/>
  <c r="V36770" i="1"/>
  <c r="V36771" i="1"/>
  <c r="V36772" i="1"/>
  <c r="V36773" i="1"/>
  <c r="V36774" i="1"/>
  <c r="V36775" i="1"/>
  <c r="V36776" i="1"/>
  <c r="V36777" i="1"/>
  <c r="V36778" i="1"/>
  <c r="V36779" i="1"/>
  <c r="V36780" i="1"/>
  <c r="V36781" i="1"/>
  <c r="V36782" i="1"/>
  <c r="V36783" i="1"/>
  <c r="V36784" i="1"/>
  <c r="V36785" i="1"/>
  <c r="V36786" i="1"/>
  <c r="V36787" i="1"/>
  <c r="V36788" i="1"/>
  <c r="V36789" i="1"/>
  <c r="V36790" i="1"/>
  <c r="V36791" i="1"/>
  <c r="V36792" i="1"/>
  <c r="V36793" i="1"/>
  <c r="V36794" i="1"/>
  <c r="V36795" i="1"/>
  <c r="V36796" i="1"/>
  <c r="V36797" i="1"/>
  <c r="V36798" i="1"/>
  <c r="V36799" i="1"/>
  <c r="V36800" i="1"/>
  <c r="V36801" i="1"/>
  <c r="V36802" i="1"/>
  <c r="V36803" i="1"/>
  <c r="V36804" i="1"/>
  <c r="V36805" i="1"/>
  <c r="V36806" i="1"/>
  <c r="V36807" i="1"/>
  <c r="V36808" i="1"/>
  <c r="V36809" i="1"/>
  <c r="V36810" i="1"/>
  <c r="V36811" i="1"/>
  <c r="V36812" i="1"/>
  <c r="V36813" i="1"/>
  <c r="V36814" i="1"/>
  <c r="V36815" i="1"/>
  <c r="V36816" i="1"/>
  <c r="V36817" i="1"/>
  <c r="V36818" i="1"/>
  <c r="V36819" i="1"/>
  <c r="V36820" i="1"/>
  <c r="V36821" i="1"/>
  <c r="V36822" i="1"/>
  <c r="V36823" i="1"/>
  <c r="V36824" i="1"/>
  <c r="V36825" i="1"/>
  <c r="V36826" i="1"/>
  <c r="V36827" i="1"/>
  <c r="V36828" i="1"/>
  <c r="V36829" i="1"/>
  <c r="V36830" i="1"/>
  <c r="V36831" i="1"/>
  <c r="V36832" i="1"/>
  <c r="V36833" i="1"/>
  <c r="V36834" i="1"/>
  <c r="V36835" i="1"/>
  <c r="V36836" i="1"/>
  <c r="V36837" i="1"/>
  <c r="V36838" i="1"/>
  <c r="V36839" i="1"/>
  <c r="V36840" i="1"/>
  <c r="V36841" i="1"/>
  <c r="V36842" i="1"/>
  <c r="V36843" i="1"/>
  <c r="V36844" i="1"/>
  <c r="V36845" i="1"/>
  <c r="V36846" i="1"/>
  <c r="V36847" i="1"/>
  <c r="V36848" i="1"/>
  <c r="V36849" i="1"/>
  <c r="V36850" i="1"/>
  <c r="V36851" i="1"/>
  <c r="V36852" i="1"/>
  <c r="V36853" i="1"/>
  <c r="V36854" i="1"/>
  <c r="V36855" i="1"/>
  <c r="V36856" i="1"/>
  <c r="V36857" i="1"/>
  <c r="V36858" i="1"/>
  <c r="V36859" i="1"/>
  <c r="V36860" i="1"/>
  <c r="V36861" i="1"/>
  <c r="V36862" i="1"/>
  <c r="V36863" i="1"/>
  <c r="V36864" i="1"/>
  <c r="V36865" i="1"/>
  <c r="V36866" i="1"/>
  <c r="V36867" i="1"/>
  <c r="V36868" i="1"/>
  <c r="V36869" i="1"/>
  <c r="V36870" i="1"/>
  <c r="V36871" i="1"/>
  <c r="V36872" i="1"/>
  <c r="V36873" i="1"/>
  <c r="V36874" i="1"/>
  <c r="V36875" i="1"/>
  <c r="V36876" i="1"/>
  <c r="V36877" i="1"/>
  <c r="V36878" i="1"/>
  <c r="V36879" i="1"/>
  <c r="V36880" i="1"/>
  <c r="V36881" i="1"/>
  <c r="V36882" i="1"/>
  <c r="V36883" i="1"/>
  <c r="V36884" i="1"/>
  <c r="V36885" i="1"/>
  <c r="V36886" i="1"/>
  <c r="V36887" i="1"/>
  <c r="V36888" i="1"/>
  <c r="V36889" i="1"/>
  <c r="V36890" i="1"/>
  <c r="V36891" i="1"/>
  <c r="V36892" i="1"/>
  <c r="V36893" i="1"/>
  <c r="V36894" i="1"/>
  <c r="V36895" i="1"/>
  <c r="V36896" i="1"/>
  <c r="V36897" i="1"/>
  <c r="V36898" i="1"/>
  <c r="V36899" i="1"/>
  <c r="V36900" i="1"/>
  <c r="V36901" i="1"/>
  <c r="V36902" i="1"/>
  <c r="V36903" i="1"/>
  <c r="V36904" i="1"/>
  <c r="V36905" i="1"/>
  <c r="V36906" i="1"/>
  <c r="V36907" i="1"/>
  <c r="V36908" i="1"/>
  <c r="V36909" i="1"/>
  <c r="V36910" i="1"/>
  <c r="V36911" i="1"/>
  <c r="V36912" i="1"/>
  <c r="V36913" i="1"/>
  <c r="V36914" i="1"/>
  <c r="V36915" i="1"/>
  <c r="V36916" i="1"/>
  <c r="V36917" i="1"/>
  <c r="V36918" i="1"/>
  <c r="V36919" i="1"/>
  <c r="V36920" i="1"/>
  <c r="V36921" i="1"/>
  <c r="V36922" i="1"/>
  <c r="V36923" i="1"/>
  <c r="V36924" i="1"/>
  <c r="V36925" i="1"/>
  <c r="V36926" i="1"/>
  <c r="V36927" i="1"/>
  <c r="V36928" i="1"/>
  <c r="V36929" i="1"/>
  <c r="V36930" i="1"/>
  <c r="V36931" i="1"/>
  <c r="V36932" i="1"/>
  <c r="V36933" i="1"/>
  <c r="V36934" i="1"/>
  <c r="V36935" i="1"/>
  <c r="V36936" i="1"/>
  <c r="V36937" i="1"/>
  <c r="V36938" i="1"/>
  <c r="V36939" i="1"/>
  <c r="V36940" i="1"/>
  <c r="V36941" i="1"/>
  <c r="V36942" i="1"/>
  <c r="V36943" i="1"/>
  <c r="V36944" i="1"/>
  <c r="V36945" i="1"/>
  <c r="V36946" i="1"/>
  <c r="V36947" i="1"/>
  <c r="V36948" i="1"/>
  <c r="V36949" i="1"/>
  <c r="V36950" i="1"/>
  <c r="V36951" i="1"/>
  <c r="V36952" i="1"/>
  <c r="V36953" i="1"/>
  <c r="V36954" i="1"/>
  <c r="V36955" i="1"/>
  <c r="V36956" i="1"/>
  <c r="V36957" i="1"/>
  <c r="V36958" i="1"/>
  <c r="V36959" i="1"/>
  <c r="V36960" i="1"/>
  <c r="V36961" i="1"/>
  <c r="V36962" i="1"/>
  <c r="V36963" i="1"/>
  <c r="V36964" i="1"/>
  <c r="V36965" i="1"/>
  <c r="V36966" i="1"/>
  <c r="V36967" i="1"/>
  <c r="V36968" i="1"/>
  <c r="V36969" i="1"/>
  <c r="V36970" i="1"/>
  <c r="V36971" i="1"/>
  <c r="V36972" i="1"/>
  <c r="V36973" i="1"/>
  <c r="V36974" i="1"/>
  <c r="V36975" i="1"/>
  <c r="V36976" i="1"/>
  <c r="V36977" i="1"/>
  <c r="V36978" i="1"/>
  <c r="V36979" i="1"/>
  <c r="V36980" i="1"/>
  <c r="V36981" i="1"/>
  <c r="V36982" i="1"/>
  <c r="V36983" i="1"/>
  <c r="V36984" i="1"/>
  <c r="V36985" i="1"/>
  <c r="V36986" i="1"/>
  <c r="V36987" i="1"/>
  <c r="V36988" i="1"/>
  <c r="V36989" i="1"/>
  <c r="V36990" i="1"/>
  <c r="V36991" i="1"/>
  <c r="V36992" i="1"/>
  <c r="V36993" i="1"/>
  <c r="V36994" i="1"/>
  <c r="V36995" i="1"/>
  <c r="V36996" i="1"/>
  <c r="V36997" i="1"/>
  <c r="V36998" i="1"/>
  <c r="V36999" i="1"/>
  <c r="V37000" i="1"/>
  <c r="V37001" i="1"/>
  <c r="V37002" i="1"/>
  <c r="V37003" i="1"/>
  <c r="V37004" i="1"/>
  <c r="V37005" i="1"/>
  <c r="V37006" i="1"/>
  <c r="V37007" i="1"/>
  <c r="V37008" i="1"/>
  <c r="V37009" i="1"/>
  <c r="V37010" i="1"/>
  <c r="V37011" i="1"/>
  <c r="V37012" i="1"/>
  <c r="V37013" i="1"/>
  <c r="V37014" i="1"/>
  <c r="V37015" i="1"/>
  <c r="V37016" i="1"/>
  <c r="V37017" i="1"/>
  <c r="V37018" i="1"/>
  <c r="V37019" i="1"/>
  <c r="V37020" i="1"/>
  <c r="V37021" i="1"/>
  <c r="V37022" i="1"/>
  <c r="V37023" i="1"/>
  <c r="V37024" i="1"/>
  <c r="V37025" i="1"/>
  <c r="V37026" i="1"/>
  <c r="V37027" i="1"/>
  <c r="V37028" i="1"/>
  <c r="V37029" i="1"/>
  <c r="V37030" i="1"/>
  <c r="V37031" i="1"/>
  <c r="V37032" i="1"/>
  <c r="V37033" i="1"/>
  <c r="V37034" i="1"/>
  <c r="V37035" i="1"/>
  <c r="V37036" i="1"/>
  <c r="V37037" i="1"/>
  <c r="V37038" i="1"/>
  <c r="V37039" i="1"/>
  <c r="V37040" i="1"/>
  <c r="V37041" i="1"/>
  <c r="V37042" i="1"/>
  <c r="V37043" i="1"/>
  <c r="V37044" i="1"/>
  <c r="V37045" i="1"/>
  <c r="V37046" i="1"/>
  <c r="V37047" i="1"/>
  <c r="V37048" i="1"/>
  <c r="V37049" i="1"/>
  <c r="V37050" i="1"/>
  <c r="V37051" i="1"/>
  <c r="V37052" i="1"/>
  <c r="V37053" i="1"/>
  <c r="V37054" i="1"/>
  <c r="V37055" i="1"/>
  <c r="V37056" i="1"/>
  <c r="V37057" i="1"/>
  <c r="V37058" i="1"/>
  <c r="V37059" i="1"/>
  <c r="V37060" i="1"/>
  <c r="V37061" i="1"/>
  <c r="V37062" i="1"/>
  <c r="V37063" i="1"/>
  <c r="V37064" i="1"/>
  <c r="V37065" i="1"/>
  <c r="V37066" i="1"/>
  <c r="V37067" i="1"/>
  <c r="V37068" i="1"/>
  <c r="V37069" i="1"/>
  <c r="V37070" i="1"/>
  <c r="V37071" i="1"/>
  <c r="V37072" i="1"/>
  <c r="V37073" i="1"/>
  <c r="V37074" i="1"/>
  <c r="V37075" i="1"/>
  <c r="V37076" i="1"/>
  <c r="V37077" i="1"/>
  <c r="V37078" i="1"/>
  <c r="V37079" i="1"/>
  <c r="V37080" i="1"/>
  <c r="V37081" i="1"/>
  <c r="V37082" i="1"/>
  <c r="V37083" i="1"/>
  <c r="V37084" i="1"/>
  <c r="V37085" i="1"/>
  <c r="V37086" i="1"/>
  <c r="V37087" i="1"/>
  <c r="V37088" i="1"/>
  <c r="V37089" i="1"/>
  <c r="V37090" i="1"/>
  <c r="V37091" i="1"/>
  <c r="V37092" i="1"/>
  <c r="V37093" i="1"/>
  <c r="V37094" i="1"/>
  <c r="V37095" i="1"/>
  <c r="V37096" i="1"/>
  <c r="V37097" i="1"/>
  <c r="V37098" i="1"/>
  <c r="V37099" i="1"/>
  <c r="V37100" i="1"/>
  <c r="V37101" i="1"/>
  <c r="V37102" i="1"/>
  <c r="V37103" i="1"/>
  <c r="V37104" i="1"/>
  <c r="V37105" i="1"/>
  <c r="V37106" i="1"/>
  <c r="V37107" i="1"/>
  <c r="V37108" i="1"/>
  <c r="V37109" i="1"/>
  <c r="V37110" i="1"/>
  <c r="V37111" i="1"/>
  <c r="V37112" i="1"/>
  <c r="V37113" i="1"/>
  <c r="V37114" i="1"/>
  <c r="V37115" i="1"/>
  <c r="V37116" i="1"/>
  <c r="V37117" i="1"/>
  <c r="V37118" i="1"/>
  <c r="V37119" i="1"/>
  <c r="V37120" i="1"/>
  <c r="V37121" i="1"/>
  <c r="V37122" i="1"/>
  <c r="V37123" i="1"/>
  <c r="V37124" i="1"/>
  <c r="V37125" i="1"/>
  <c r="V37126" i="1"/>
  <c r="V37127" i="1"/>
  <c r="V37128" i="1"/>
  <c r="V37129" i="1"/>
  <c r="V37130" i="1"/>
  <c r="V37131" i="1"/>
  <c r="V37132" i="1"/>
  <c r="V37133" i="1"/>
  <c r="V37134" i="1"/>
  <c r="V37135" i="1"/>
  <c r="V37136" i="1"/>
  <c r="V37137" i="1"/>
  <c r="V37138" i="1"/>
  <c r="V37139" i="1"/>
  <c r="V37140" i="1"/>
  <c r="V37141" i="1"/>
  <c r="V37142" i="1"/>
  <c r="V37143" i="1"/>
  <c r="V37144" i="1"/>
  <c r="V37145" i="1"/>
  <c r="V37146" i="1"/>
  <c r="V37147" i="1"/>
  <c r="V37148" i="1"/>
  <c r="V37149" i="1"/>
  <c r="V37150" i="1"/>
  <c r="V37151" i="1"/>
  <c r="V37152" i="1"/>
  <c r="V37153" i="1"/>
  <c r="V37154" i="1"/>
  <c r="V37155" i="1"/>
  <c r="V37156" i="1"/>
  <c r="V37157" i="1"/>
  <c r="V37158" i="1"/>
  <c r="V37159" i="1"/>
  <c r="V37160" i="1"/>
  <c r="V37161" i="1"/>
  <c r="V37162" i="1"/>
  <c r="V37163" i="1"/>
  <c r="V37164" i="1"/>
  <c r="V37165" i="1"/>
  <c r="V37166" i="1"/>
  <c r="V37167" i="1"/>
  <c r="V37168" i="1"/>
  <c r="V37169" i="1"/>
  <c r="V37170" i="1"/>
  <c r="V37171" i="1"/>
  <c r="V37172" i="1"/>
  <c r="V37173" i="1"/>
  <c r="V37174" i="1"/>
  <c r="V37175" i="1"/>
  <c r="V37176" i="1"/>
  <c r="V37177" i="1"/>
  <c r="V37178" i="1"/>
  <c r="V37179" i="1"/>
  <c r="V37180" i="1"/>
  <c r="V37181" i="1"/>
  <c r="V37182" i="1"/>
  <c r="V37183" i="1"/>
  <c r="V37184" i="1"/>
  <c r="V37185" i="1"/>
  <c r="V37186" i="1"/>
  <c r="V37187" i="1"/>
  <c r="V37188" i="1"/>
  <c r="V37189" i="1"/>
  <c r="V37190" i="1"/>
  <c r="V37191" i="1"/>
  <c r="V37192" i="1"/>
  <c r="V37193" i="1"/>
  <c r="V37194" i="1"/>
  <c r="V37195" i="1"/>
  <c r="V37196" i="1"/>
  <c r="V37197" i="1"/>
  <c r="V37198" i="1"/>
  <c r="V37199" i="1"/>
  <c r="V37200" i="1"/>
  <c r="V37201" i="1"/>
  <c r="V37202" i="1"/>
  <c r="V37203" i="1"/>
  <c r="V37204" i="1"/>
  <c r="V37205" i="1"/>
  <c r="V37206" i="1"/>
  <c r="V37207" i="1"/>
  <c r="V37208" i="1"/>
  <c r="V37209" i="1"/>
  <c r="V37210" i="1"/>
  <c r="V37211" i="1"/>
  <c r="V37212" i="1"/>
  <c r="V37213" i="1"/>
  <c r="V37214" i="1"/>
  <c r="V37215" i="1"/>
  <c r="V37216" i="1"/>
  <c r="V37217" i="1"/>
  <c r="V37218" i="1"/>
  <c r="V37219" i="1"/>
  <c r="V37220" i="1"/>
  <c r="V37221" i="1"/>
  <c r="V37222" i="1"/>
  <c r="V37223" i="1"/>
  <c r="V37224" i="1"/>
  <c r="V37225" i="1"/>
  <c r="V37226" i="1"/>
  <c r="V37227" i="1"/>
  <c r="V37228" i="1"/>
  <c r="V37229" i="1"/>
  <c r="V37230" i="1"/>
  <c r="V37231" i="1"/>
  <c r="V37232" i="1"/>
  <c r="V37233" i="1"/>
  <c r="V37234" i="1"/>
  <c r="V37235" i="1"/>
  <c r="V37236" i="1"/>
  <c r="V37237" i="1"/>
  <c r="V37238" i="1"/>
  <c r="V37239" i="1"/>
  <c r="V37240" i="1"/>
  <c r="V37241" i="1"/>
  <c r="V37242" i="1"/>
  <c r="V37243" i="1"/>
  <c r="V37244" i="1"/>
  <c r="V37245" i="1"/>
  <c r="V37246" i="1"/>
  <c r="V37247" i="1"/>
  <c r="V37248" i="1"/>
  <c r="V37249" i="1"/>
  <c r="V37250" i="1"/>
  <c r="V37251" i="1"/>
  <c r="V37252" i="1"/>
  <c r="V37253" i="1"/>
  <c r="V37254" i="1"/>
  <c r="V37255" i="1"/>
  <c r="V37256" i="1"/>
  <c r="V37257" i="1"/>
  <c r="V37258" i="1"/>
  <c r="V37259" i="1"/>
  <c r="V37260" i="1"/>
  <c r="V37261" i="1"/>
  <c r="V37262" i="1"/>
  <c r="V37263" i="1"/>
  <c r="V37264" i="1"/>
  <c r="V37265" i="1"/>
  <c r="V37266" i="1"/>
  <c r="V37267" i="1"/>
  <c r="V37268" i="1"/>
  <c r="V37269" i="1"/>
  <c r="V37270" i="1"/>
  <c r="V37271" i="1"/>
  <c r="V37272" i="1"/>
  <c r="V37273" i="1"/>
  <c r="V37274" i="1"/>
  <c r="V37275" i="1"/>
  <c r="V37276" i="1"/>
  <c r="V37277" i="1"/>
  <c r="V37278" i="1"/>
  <c r="V37279" i="1"/>
  <c r="V37280" i="1"/>
  <c r="V37281" i="1"/>
  <c r="V37282" i="1"/>
  <c r="V37283" i="1"/>
  <c r="V37284" i="1"/>
  <c r="V37285" i="1"/>
  <c r="V37286" i="1"/>
  <c r="V37287" i="1"/>
  <c r="V37288" i="1"/>
  <c r="V37289" i="1"/>
  <c r="V37290" i="1"/>
  <c r="V37291" i="1"/>
  <c r="V37292" i="1"/>
  <c r="V37293" i="1"/>
  <c r="V37294" i="1"/>
  <c r="V37295" i="1"/>
  <c r="V37296" i="1"/>
  <c r="V37297" i="1"/>
  <c r="V37298" i="1"/>
  <c r="V37299" i="1"/>
  <c r="V37300" i="1"/>
  <c r="V37301" i="1"/>
  <c r="V37302" i="1"/>
  <c r="V37303" i="1"/>
  <c r="V37304" i="1"/>
  <c r="V37305" i="1"/>
  <c r="V37306" i="1"/>
  <c r="V37307" i="1"/>
  <c r="V37308" i="1"/>
  <c r="V37309" i="1"/>
  <c r="V37310" i="1"/>
  <c r="V37311" i="1"/>
  <c r="V37312" i="1"/>
  <c r="V37313" i="1"/>
  <c r="V37314" i="1"/>
  <c r="V37315" i="1"/>
  <c r="V37316" i="1"/>
  <c r="V37317" i="1"/>
  <c r="V37318" i="1"/>
  <c r="V37319" i="1"/>
  <c r="V37320" i="1"/>
  <c r="V37321" i="1"/>
  <c r="V37322" i="1"/>
  <c r="V37323" i="1"/>
  <c r="V37324" i="1"/>
  <c r="V37325" i="1"/>
  <c r="V37326" i="1"/>
  <c r="V37327" i="1"/>
  <c r="V37328" i="1"/>
  <c r="V37329" i="1"/>
  <c r="V37330" i="1"/>
  <c r="V37331" i="1"/>
  <c r="V37332" i="1"/>
  <c r="V37333" i="1"/>
  <c r="V37334" i="1"/>
  <c r="V37335" i="1"/>
  <c r="V37336" i="1"/>
  <c r="V37337" i="1"/>
  <c r="V37338" i="1"/>
  <c r="V37339" i="1"/>
  <c r="V37340" i="1"/>
  <c r="V37341" i="1"/>
  <c r="V37342" i="1"/>
  <c r="V37343" i="1"/>
  <c r="V37344" i="1"/>
  <c r="V37345" i="1"/>
  <c r="V37346" i="1"/>
  <c r="V37347" i="1"/>
  <c r="V37348" i="1"/>
  <c r="V37349" i="1"/>
  <c r="V37350" i="1"/>
  <c r="V37351" i="1"/>
  <c r="V37352" i="1"/>
  <c r="V37353" i="1"/>
  <c r="V37354" i="1"/>
  <c r="V37355" i="1"/>
  <c r="V37356" i="1"/>
  <c r="V37357" i="1"/>
  <c r="V37358" i="1"/>
  <c r="V37359" i="1"/>
  <c r="V37360" i="1"/>
  <c r="V37361" i="1"/>
  <c r="V37362" i="1"/>
  <c r="V37363" i="1"/>
  <c r="V37364" i="1"/>
  <c r="V37365" i="1"/>
  <c r="V37366" i="1"/>
  <c r="V37367" i="1"/>
  <c r="V37368" i="1"/>
  <c r="V37369" i="1"/>
  <c r="V37370" i="1"/>
  <c r="V37371" i="1"/>
  <c r="V37372" i="1"/>
  <c r="V37373" i="1"/>
  <c r="V37374" i="1"/>
  <c r="V37375" i="1"/>
  <c r="V37376" i="1"/>
  <c r="V37377" i="1"/>
  <c r="V37378" i="1"/>
  <c r="V37379" i="1"/>
  <c r="V37380" i="1"/>
  <c r="V37381" i="1"/>
  <c r="V37382" i="1"/>
  <c r="V37383" i="1"/>
  <c r="V37384" i="1"/>
  <c r="V37385" i="1"/>
  <c r="V37386" i="1"/>
  <c r="V37387" i="1"/>
  <c r="V37388" i="1"/>
  <c r="V37389" i="1"/>
  <c r="V37390" i="1"/>
  <c r="V37391" i="1"/>
  <c r="V37392" i="1"/>
  <c r="V37393" i="1"/>
  <c r="V37394" i="1"/>
  <c r="V37395" i="1"/>
  <c r="V37396" i="1"/>
  <c r="V37397" i="1"/>
  <c r="V37398" i="1"/>
  <c r="V37399" i="1"/>
  <c r="V37400" i="1"/>
  <c r="V37401" i="1"/>
  <c r="V37402" i="1"/>
  <c r="V37403" i="1"/>
  <c r="V37404" i="1"/>
  <c r="V37405" i="1"/>
  <c r="V37406" i="1"/>
  <c r="V37407" i="1"/>
  <c r="V37408" i="1"/>
  <c r="V37409" i="1"/>
  <c r="V37410" i="1"/>
  <c r="V37411" i="1"/>
  <c r="V37412" i="1"/>
  <c r="V37413" i="1"/>
  <c r="V37414" i="1"/>
  <c r="V37415" i="1"/>
  <c r="V37416" i="1"/>
  <c r="V37417" i="1"/>
  <c r="V37418" i="1"/>
  <c r="V37419" i="1"/>
  <c r="V37420" i="1"/>
  <c r="V37421" i="1"/>
  <c r="V37422" i="1"/>
  <c r="V37423" i="1"/>
  <c r="V37424" i="1"/>
  <c r="V37425" i="1"/>
  <c r="V37426" i="1"/>
  <c r="V37427" i="1"/>
  <c r="V37428" i="1"/>
  <c r="V37429" i="1"/>
  <c r="V37430" i="1"/>
  <c r="V37431" i="1"/>
  <c r="V37432" i="1"/>
  <c r="V37433" i="1"/>
  <c r="V37434" i="1"/>
  <c r="V37435" i="1"/>
  <c r="V37436" i="1"/>
  <c r="V37437" i="1"/>
  <c r="V37438" i="1"/>
  <c r="V37439" i="1"/>
  <c r="V37440" i="1"/>
  <c r="V37441" i="1"/>
  <c r="V37442" i="1"/>
  <c r="V37443" i="1"/>
  <c r="V37444" i="1"/>
  <c r="V37445" i="1"/>
  <c r="V37446" i="1"/>
  <c r="V37447" i="1"/>
  <c r="V37448" i="1"/>
  <c r="V37449" i="1"/>
  <c r="V37450" i="1"/>
  <c r="V37451" i="1"/>
  <c r="V37452" i="1"/>
  <c r="V37453" i="1"/>
  <c r="V37454" i="1"/>
  <c r="V37455" i="1"/>
  <c r="V37456" i="1"/>
  <c r="V37457" i="1"/>
  <c r="V37458" i="1"/>
  <c r="V37459" i="1"/>
  <c r="V37460" i="1"/>
  <c r="V37461" i="1"/>
  <c r="V37462" i="1"/>
  <c r="V37463" i="1"/>
  <c r="V37464" i="1"/>
  <c r="V37465" i="1"/>
  <c r="V37466" i="1"/>
  <c r="V37467" i="1"/>
  <c r="V37468" i="1"/>
  <c r="V37469" i="1"/>
  <c r="V37470" i="1"/>
  <c r="V37471" i="1"/>
  <c r="V37472" i="1"/>
  <c r="V37473" i="1"/>
  <c r="V37474" i="1"/>
  <c r="V37475" i="1"/>
  <c r="V37476" i="1"/>
  <c r="V37477" i="1"/>
  <c r="V37478" i="1"/>
  <c r="V37479" i="1"/>
  <c r="V37480" i="1"/>
  <c r="V37481" i="1"/>
  <c r="V37482" i="1"/>
  <c r="V37483" i="1"/>
  <c r="V37484" i="1"/>
  <c r="V37485" i="1"/>
  <c r="V37486" i="1"/>
  <c r="V37487" i="1"/>
  <c r="V37488" i="1"/>
  <c r="V37489" i="1"/>
  <c r="V37490" i="1"/>
  <c r="V37491" i="1"/>
  <c r="V37492" i="1"/>
  <c r="V37493" i="1"/>
  <c r="V37494" i="1"/>
  <c r="V37495" i="1"/>
  <c r="V37496" i="1"/>
  <c r="V37497" i="1"/>
  <c r="V37498" i="1"/>
  <c r="V37499" i="1"/>
  <c r="V37500" i="1"/>
  <c r="V37501" i="1"/>
  <c r="V37502" i="1"/>
  <c r="V37503" i="1"/>
  <c r="V37504" i="1"/>
  <c r="V37505" i="1"/>
  <c r="V37506" i="1"/>
  <c r="V37507" i="1"/>
  <c r="V37508" i="1"/>
  <c r="V37509" i="1"/>
  <c r="V37510" i="1"/>
  <c r="V37511" i="1"/>
  <c r="V37512" i="1"/>
  <c r="V37513" i="1"/>
  <c r="V37514" i="1"/>
  <c r="V37515" i="1"/>
  <c r="V37516" i="1"/>
  <c r="V37517" i="1"/>
  <c r="V37518" i="1"/>
  <c r="V37519" i="1"/>
  <c r="V37520" i="1"/>
  <c r="V37521" i="1"/>
  <c r="V37522" i="1"/>
  <c r="V37523" i="1"/>
  <c r="V37524" i="1"/>
  <c r="V37525" i="1"/>
  <c r="V37526" i="1"/>
  <c r="V37527" i="1"/>
  <c r="V37528" i="1"/>
  <c r="V37529" i="1"/>
  <c r="V37530" i="1"/>
  <c r="V37531" i="1"/>
  <c r="V37532" i="1"/>
  <c r="V37533" i="1"/>
  <c r="V37534" i="1"/>
  <c r="V37535" i="1"/>
  <c r="V37536" i="1"/>
  <c r="V37537" i="1"/>
  <c r="V37538" i="1"/>
  <c r="V37539" i="1"/>
  <c r="V37540" i="1"/>
  <c r="V37541" i="1"/>
  <c r="V37542" i="1"/>
  <c r="V37543" i="1"/>
  <c r="V37544" i="1"/>
  <c r="V37545" i="1"/>
  <c r="V37546" i="1"/>
  <c r="V37547" i="1"/>
  <c r="V37548" i="1"/>
  <c r="V37549" i="1"/>
  <c r="V37550" i="1"/>
  <c r="V37551" i="1"/>
  <c r="V37552" i="1"/>
  <c r="V37553" i="1"/>
  <c r="V37554" i="1"/>
  <c r="V37555" i="1"/>
  <c r="V37556" i="1"/>
  <c r="V37557" i="1"/>
  <c r="V37558" i="1"/>
  <c r="V37559" i="1"/>
  <c r="V37560" i="1"/>
  <c r="V37561" i="1"/>
  <c r="V37562" i="1"/>
  <c r="V37563" i="1"/>
  <c r="V37564" i="1"/>
  <c r="V37565" i="1"/>
  <c r="V37566" i="1"/>
  <c r="V37567" i="1"/>
  <c r="V37568" i="1"/>
  <c r="V37569" i="1"/>
  <c r="V37570" i="1"/>
  <c r="V37571" i="1"/>
  <c r="V37572" i="1"/>
  <c r="V37573" i="1"/>
  <c r="V37574" i="1"/>
  <c r="V37575" i="1"/>
  <c r="V37576" i="1"/>
  <c r="V37577" i="1"/>
  <c r="V37578" i="1"/>
  <c r="V37579" i="1"/>
  <c r="V37580" i="1"/>
  <c r="V37581" i="1"/>
  <c r="V37582" i="1"/>
  <c r="V37583" i="1"/>
  <c r="V37584" i="1"/>
  <c r="V37585" i="1"/>
  <c r="V37586" i="1"/>
  <c r="V37587" i="1"/>
  <c r="V37588" i="1"/>
  <c r="V37589" i="1"/>
  <c r="V37590" i="1"/>
  <c r="V37591" i="1"/>
  <c r="V37592" i="1"/>
  <c r="V37593" i="1"/>
  <c r="V37594" i="1"/>
  <c r="V37595" i="1"/>
  <c r="V37596" i="1"/>
  <c r="V37597" i="1"/>
  <c r="V37598" i="1"/>
  <c r="V37599" i="1"/>
  <c r="V37600" i="1"/>
  <c r="V37601" i="1"/>
  <c r="V37602" i="1"/>
  <c r="V37603" i="1"/>
  <c r="V37604" i="1"/>
  <c r="V37605" i="1"/>
  <c r="V37606" i="1"/>
  <c r="V37607" i="1"/>
  <c r="V37608" i="1"/>
  <c r="V37609" i="1"/>
  <c r="V37610" i="1"/>
  <c r="V37611" i="1"/>
  <c r="V37612" i="1"/>
  <c r="V37613" i="1"/>
  <c r="V37614" i="1"/>
  <c r="V37615" i="1"/>
  <c r="V37616" i="1"/>
  <c r="V37617" i="1"/>
  <c r="V37618" i="1"/>
  <c r="V37619" i="1"/>
  <c r="V37620" i="1"/>
  <c r="V37621" i="1"/>
  <c r="V37622" i="1"/>
  <c r="V37623" i="1"/>
  <c r="V37624" i="1"/>
  <c r="V37625" i="1"/>
  <c r="V37626" i="1"/>
  <c r="V37627" i="1"/>
  <c r="V37628" i="1"/>
  <c r="V37629" i="1"/>
  <c r="V37630" i="1"/>
  <c r="V37631" i="1"/>
  <c r="V37632" i="1"/>
  <c r="V37633" i="1"/>
  <c r="V37634" i="1"/>
  <c r="V37635" i="1"/>
  <c r="V37636" i="1"/>
  <c r="V37637" i="1"/>
  <c r="V37638" i="1"/>
  <c r="V37639" i="1"/>
  <c r="V37640" i="1"/>
  <c r="V37641" i="1"/>
  <c r="V37642" i="1"/>
  <c r="V37643" i="1"/>
  <c r="V37644" i="1"/>
  <c r="V37645" i="1"/>
  <c r="V37646" i="1"/>
  <c r="V37647" i="1"/>
  <c r="V37648" i="1"/>
  <c r="V37649" i="1"/>
  <c r="V37650" i="1"/>
  <c r="V37651" i="1"/>
  <c r="V37652" i="1"/>
  <c r="V37653" i="1"/>
  <c r="V37654" i="1"/>
  <c r="V37655" i="1"/>
  <c r="V37656" i="1"/>
  <c r="V37657" i="1"/>
  <c r="V37658" i="1"/>
  <c r="V37659" i="1"/>
  <c r="V37660" i="1"/>
  <c r="V37661" i="1"/>
  <c r="V37662" i="1"/>
  <c r="V37663" i="1"/>
  <c r="V37664" i="1"/>
  <c r="V37665" i="1"/>
  <c r="V37666" i="1"/>
  <c r="V37667" i="1"/>
  <c r="V37668" i="1"/>
  <c r="V37669" i="1"/>
  <c r="V37670" i="1"/>
  <c r="V37671" i="1"/>
  <c r="V37672" i="1"/>
  <c r="V37673" i="1"/>
  <c r="V37674" i="1"/>
  <c r="V37675" i="1"/>
  <c r="V37676" i="1"/>
  <c r="V37677" i="1"/>
  <c r="V37678" i="1"/>
  <c r="V37679" i="1"/>
  <c r="V37680" i="1"/>
  <c r="V37681" i="1"/>
  <c r="V37682" i="1"/>
  <c r="V37683" i="1"/>
  <c r="V37684" i="1"/>
  <c r="V37685" i="1"/>
  <c r="V37686" i="1"/>
  <c r="V37687" i="1"/>
  <c r="V37688" i="1"/>
  <c r="V37689" i="1"/>
  <c r="V37690" i="1"/>
  <c r="V37691" i="1"/>
  <c r="V37692" i="1"/>
  <c r="V37693" i="1"/>
  <c r="V37694" i="1"/>
  <c r="V37695" i="1"/>
  <c r="V37696" i="1"/>
  <c r="V37697" i="1"/>
  <c r="V37698" i="1"/>
  <c r="V37699" i="1"/>
  <c r="V37700" i="1"/>
  <c r="V37701" i="1"/>
  <c r="V37702" i="1"/>
  <c r="V37703" i="1"/>
  <c r="V37704" i="1"/>
  <c r="V37705" i="1"/>
  <c r="V37706" i="1"/>
  <c r="V37707" i="1"/>
  <c r="V37708" i="1"/>
  <c r="V37709" i="1"/>
  <c r="V37710" i="1"/>
  <c r="V37711" i="1"/>
  <c r="V37712" i="1"/>
  <c r="V37713" i="1"/>
  <c r="V37714" i="1"/>
  <c r="V37715" i="1"/>
  <c r="V37716" i="1"/>
  <c r="V37717" i="1"/>
  <c r="V37718" i="1"/>
  <c r="V37719" i="1"/>
  <c r="V37720" i="1"/>
  <c r="V37721" i="1"/>
  <c r="V37722" i="1"/>
  <c r="V37723" i="1"/>
  <c r="V37724" i="1"/>
  <c r="V37725" i="1"/>
  <c r="V37726" i="1"/>
  <c r="V37727" i="1"/>
  <c r="V37728" i="1"/>
  <c r="V37729" i="1"/>
  <c r="V37730" i="1"/>
  <c r="V37731" i="1"/>
  <c r="V37732" i="1"/>
  <c r="V37733" i="1"/>
  <c r="V37734" i="1"/>
  <c r="V37735" i="1"/>
  <c r="V37736" i="1"/>
  <c r="V37737" i="1"/>
  <c r="V37738" i="1"/>
  <c r="V37739" i="1"/>
  <c r="V37740" i="1"/>
  <c r="V37741" i="1"/>
  <c r="V37742" i="1"/>
  <c r="V37743" i="1"/>
  <c r="V37744" i="1"/>
  <c r="V37745" i="1"/>
  <c r="V37746" i="1"/>
  <c r="V37747" i="1"/>
  <c r="V37748" i="1"/>
  <c r="V37749" i="1"/>
  <c r="V37750" i="1"/>
  <c r="V37751" i="1"/>
  <c r="V37752" i="1"/>
  <c r="V37753" i="1"/>
  <c r="V37754" i="1"/>
  <c r="V37755" i="1"/>
  <c r="V37756" i="1"/>
  <c r="V37757" i="1"/>
  <c r="V37758" i="1"/>
  <c r="V37759" i="1"/>
  <c r="V37760" i="1"/>
  <c r="V37761" i="1"/>
  <c r="V37762" i="1"/>
  <c r="V37763" i="1"/>
  <c r="V37764" i="1"/>
  <c r="V37765" i="1"/>
  <c r="V37766" i="1"/>
  <c r="V37767" i="1"/>
  <c r="V37768" i="1"/>
  <c r="V37769" i="1"/>
  <c r="V37770" i="1"/>
  <c r="V37771" i="1"/>
  <c r="V37772" i="1"/>
  <c r="V37773" i="1"/>
  <c r="V37774" i="1"/>
  <c r="V37775" i="1"/>
  <c r="V37776" i="1"/>
  <c r="V37777" i="1"/>
  <c r="V37778" i="1"/>
  <c r="V37779" i="1"/>
  <c r="V37780" i="1"/>
  <c r="V37781" i="1"/>
  <c r="V37782" i="1"/>
  <c r="V37783" i="1"/>
  <c r="V37784" i="1"/>
  <c r="V37785" i="1"/>
  <c r="V37786" i="1"/>
  <c r="V37787" i="1"/>
  <c r="V37788" i="1"/>
  <c r="V37789" i="1"/>
  <c r="V37790" i="1"/>
  <c r="V37791" i="1"/>
  <c r="V37792" i="1"/>
  <c r="V37793" i="1"/>
  <c r="V37794" i="1"/>
  <c r="V37795" i="1"/>
  <c r="V37796" i="1"/>
  <c r="V37797" i="1"/>
  <c r="V37798" i="1"/>
  <c r="V37799" i="1"/>
  <c r="V37800" i="1"/>
  <c r="V37801" i="1"/>
  <c r="V37802" i="1"/>
  <c r="V37803" i="1"/>
  <c r="V37804" i="1"/>
  <c r="V37805" i="1"/>
  <c r="V37806" i="1"/>
  <c r="V37807" i="1"/>
  <c r="V37808" i="1"/>
  <c r="V37809" i="1"/>
  <c r="V37810" i="1"/>
  <c r="V37811" i="1"/>
  <c r="V37812" i="1"/>
  <c r="V37813" i="1"/>
  <c r="V37814" i="1"/>
  <c r="V37815" i="1"/>
  <c r="V37816" i="1"/>
  <c r="V37817" i="1"/>
  <c r="V37818" i="1"/>
  <c r="V37819" i="1"/>
  <c r="V37820" i="1"/>
  <c r="V37821" i="1"/>
  <c r="V37822" i="1"/>
  <c r="V37823" i="1"/>
  <c r="V37824" i="1"/>
  <c r="V37825" i="1"/>
  <c r="V37826" i="1"/>
  <c r="V37827" i="1"/>
  <c r="V37828" i="1"/>
  <c r="V37829" i="1"/>
  <c r="V37830" i="1"/>
  <c r="V37831" i="1"/>
  <c r="V37832" i="1"/>
  <c r="V37833" i="1"/>
  <c r="V37834" i="1"/>
  <c r="V37835" i="1"/>
  <c r="V37836" i="1"/>
  <c r="V37837" i="1"/>
  <c r="V37838" i="1"/>
  <c r="V37839" i="1"/>
  <c r="V37840" i="1"/>
  <c r="V37841" i="1"/>
  <c r="V37842" i="1"/>
  <c r="V37843" i="1"/>
  <c r="V37844" i="1"/>
  <c r="V37845" i="1"/>
  <c r="V37846" i="1"/>
  <c r="V37847" i="1"/>
  <c r="V37848" i="1"/>
  <c r="V37849" i="1"/>
  <c r="V37850" i="1"/>
  <c r="V37851" i="1"/>
  <c r="V37852" i="1"/>
  <c r="V37853" i="1"/>
  <c r="V37854" i="1"/>
  <c r="V37855" i="1"/>
  <c r="V37856" i="1"/>
  <c r="V37857" i="1"/>
  <c r="V37858" i="1"/>
  <c r="V37859" i="1"/>
  <c r="V37860" i="1"/>
  <c r="V37861" i="1"/>
  <c r="V37862" i="1"/>
  <c r="V37863" i="1"/>
  <c r="V37864" i="1"/>
  <c r="V37865" i="1"/>
  <c r="V37866" i="1"/>
  <c r="V37867" i="1"/>
  <c r="V37868" i="1"/>
  <c r="V37869" i="1"/>
  <c r="V37870" i="1"/>
  <c r="V37871" i="1"/>
  <c r="V37872" i="1"/>
  <c r="V37873" i="1"/>
  <c r="V37874" i="1"/>
  <c r="V37875" i="1"/>
  <c r="V37876" i="1"/>
  <c r="V37877" i="1"/>
  <c r="V37878" i="1"/>
  <c r="V37879" i="1"/>
  <c r="V37880" i="1"/>
  <c r="V37881" i="1"/>
  <c r="V37882" i="1"/>
  <c r="V37883" i="1"/>
  <c r="V37884" i="1"/>
  <c r="V37885" i="1"/>
  <c r="V37886" i="1"/>
  <c r="V37887" i="1"/>
  <c r="V37888" i="1"/>
  <c r="V37889" i="1"/>
  <c r="V37890" i="1"/>
  <c r="V37891" i="1"/>
  <c r="V37892" i="1"/>
  <c r="V37893" i="1"/>
  <c r="V37894" i="1"/>
  <c r="V37895" i="1"/>
  <c r="V37896" i="1"/>
  <c r="V37897" i="1"/>
  <c r="V37898" i="1"/>
  <c r="V37899" i="1"/>
  <c r="V37900" i="1"/>
  <c r="V37901" i="1"/>
  <c r="V37902" i="1"/>
  <c r="V37903" i="1"/>
  <c r="V37904" i="1"/>
  <c r="V37905" i="1"/>
  <c r="V37906" i="1"/>
  <c r="V37907" i="1"/>
  <c r="V37908" i="1"/>
  <c r="V37909" i="1"/>
  <c r="V37910" i="1"/>
  <c r="V37911" i="1"/>
  <c r="V37912" i="1"/>
  <c r="V37913" i="1"/>
  <c r="V37914" i="1"/>
  <c r="V37915" i="1"/>
  <c r="V37916" i="1"/>
  <c r="V37917" i="1"/>
  <c r="V37918" i="1"/>
  <c r="V37919" i="1"/>
  <c r="V37920" i="1"/>
  <c r="V37921" i="1"/>
  <c r="V37922" i="1"/>
  <c r="V37923" i="1"/>
  <c r="V37924" i="1"/>
  <c r="V37925" i="1"/>
  <c r="V37926" i="1"/>
  <c r="V37927" i="1"/>
  <c r="V37928" i="1"/>
  <c r="V37929" i="1"/>
  <c r="V37930" i="1"/>
  <c r="V37931" i="1"/>
  <c r="V37932" i="1"/>
  <c r="V37933" i="1"/>
  <c r="V37934" i="1"/>
  <c r="V37935" i="1"/>
  <c r="V37936" i="1"/>
  <c r="V37937" i="1"/>
  <c r="V37938" i="1"/>
  <c r="V37939" i="1"/>
  <c r="V37940" i="1"/>
  <c r="V37941" i="1"/>
  <c r="V37942" i="1"/>
  <c r="V37943" i="1"/>
  <c r="V37944" i="1"/>
  <c r="V37945" i="1"/>
  <c r="V37946" i="1"/>
  <c r="V37947" i="1"/>
  <c r="V37948" i="1"/>
  <c r="V37949" i="1"/>
  <c r="V37950" i="1"/>
  <c r="V37951" i="1"/>
  <c r="V37952" i="1"/>
  <c r="V37953" i="1"/>
  <c r="V37954" i="1"/>
  <c r="V37955" i="1"/>
  <c r="V37956" i="1"/>
  <c r="V37957" i="1"/>
  <c r="V37958" i="1"/>
  <c r="V37959" i="1"/>
  <c r="V37960" i="1"/>
  <c r="V37961" i="1"/>
  <c r="V37962" i="1"/>
  <c r="V37963" i="1"/>
  <c r="V37964" i="1"/>
  <c r="V37965" i="1"/>
  <c r="V37966" i="1"/>
  <c r="V37967" i="1"/>
  <c r="V37968" i="1"/>
  <c r="V37969" i="1"/>
  <c r="V37970" i="1"/>
  <c r="V37971" i="1"/>
  <c r="V37972" i="1"/>
  <c r="V37973" i="1"/>
  <c r="V37974" i="1"/>
  <c r="V37975" i="1"/>
  <c r="V37976" i="1"/>
  <c r="V37977" i="1"/>
  <c r="V37978" i="1"/>
  <c r="V37979" i="1"/>
  <c r="V37980" i="1"/>
  <c r="V37981" i="1"/>
  <c r="V37982" i="1"/>
  <c r="V37983" i="1"/>
  <c r="V37984" i="1"/>
  <c r="V37985" i="1"/>
  <c r="V37986" i="1"/>
  <c r="V37987" i="1"/>
  <c r="V37988" i="1"/>
  <c r="V37989" i="1"/>
  <c r="V37990" i="1"/>
  <c r="V37991" i="1"/>
  <c r="V37992" i="1"/>
  <c r="V37993" i="1"/>
  <c r="V37994" i="1"/>
  <c r="V37995" i="1"/>
  <c r="V37996" i="1"/>
  <c r="V37997" i="1"/>
  <c r="V37998" i="1"/>
  <c r="V37999" i="1"/>
  <c r="V38000" i="1"/>
  <c r="V38001" i="1"/>
  <c r="V38002" i="1"/>
  <c r="V38003" i="1"/>
  <c r="V38004" i="1"/>
  <c r="V38005" i="1"/>
  <c r="V38006" i="1"/>
  <c r="V38007" i="1"/>
  <c r="V38008" i="1"/>
  <c r="V38009" i="1"/>
  <c r="V38010" i="1"/>
  <c r="V38011" i="1"/>
  <c r="V38012" i="1"/>
  <c r="V38013" i="1"/>
  <c r="V38014" i="1"/>
  <c r="V38015" i="1"/>
  <c r="V38016" i="1"/>
  <c r="V38017" i="1"/>
  <c r="V38018" i="1"/>
  <c r="V38019" i="1"/>
  <c r="V38020" i="1"/>
  <c r="V38021" i="1"/>
  <c r="V38022" i="1"/>
  <c r="V38023" i="1"/>
  <c r="V38024" i="1"/>
  <c r="V38025" i="1"/>
  <c r="V38026" i="1"/>
  <c r="V38027" i="1"/>
  <c r="V38028" i="1"/>
  <c r="V38029" i="1"/>
  <c r="V38030" i="1"/>
  <c r="V38031" i="1"/>
  <c r="V38032" i="1"/>
  <c r="V38033" i="1"/>
  <c r="V38034" i="1"/>
  <c r="V38035" i="1"/>
  <c r="V38036" i="1"/>
  <c r="V38037" i="1"/>
  <c r="V38038" i="1"/>
  <c r="V38039" i="1"/>
  <c r="V38040" i="1"/>
  <c r="V38041" i="1"/>
  <c r="V38042" i="1"/>
  <c r="V38043" i="1"/>
  <c r="V38044" i="1"/>
  <c r="V38045" i="1"/>
  <c r="V38046" i="1"/>
  <c r="V38047" i="1"/>
  <c r="V38048" i="1"/>
  <c r="V38049" i="1"/>
  <c r="V38050" i="1"/>
  <c r="V38051" i="1"/>
  <c r="V38052" i="1"/>
  <c r="V38053" i="1"/>
  <c r="V38054" i="1"/>
  <c r="V38055" i="1"/>
  <c r="V38056" i="1"/>
  <c r="V38057" i="1"/>
  <c r="V38058" i="1"/>
  <c r="V38059" i="1"/>
  <c r="V38060" i="1"/>
  <c r="V38061" i="1"/>
  <c r="V38062" i="1"/>
  <c r="V38063" i="1"/>
  <c r="V38064" i="1"/>
  <c r="V38065" i="1"/>
  <c r="V38066" i="1"/>
  <c r="V38067" i="1"/>
  <c r="V38068" i="1"/>
  <c r="V38069" i="1"/>
  <c r="V38070" i="1"/>
  <c r="V38071" i="1"/>
  <c r="V38072" i="1"/>
  <c r="V38073" i="1"/>
  <c r="V38074" i="1"/>
  <c r="V38075" i="1"/>
  <c r="V38076" i="1"/>
  <c r="V38077" i="1"/>
  <c r="V38078" i="1"/>
  <c r="V38079" i="1"/>
  <c r="V38080" i="1"/>
  <c r="V38081" i="1"/>
  <c r="V38082" i="1"/>
  <c r="V38083" i="1"/>
  <c r="V38084" i="1"/>
  <c r="V38085" i="1"/>
  <c r="V38086" i="1"/>
  <c r="V38087" i="1"/>
  <c r="V38088" i="1"/>
  <c r="V38089" i="1"/>
  <c r="V38090" i="1"/>
  <c r="V38091" i="1"/>
  <c r="V38092" i="1"/>
  <c r="V38093" i="1"/>
  <c r="V38094" i="1"/>
  <c r="V38095" i="1"/>
  <c r="V38096" i="1"/>
  <c r="V38097" i="1"/>
  <c r="V38098" i="1"/>
  <c r="V38099" i="1"/>
  <c r="V38100" i="1"/>
  <c r="V38101" i="1"/>
  <c r="V38102" i="1"/>
  <c r="V38103" i="1"/>
  <c r="V38104" i="1"/>
  <c r="V38105" i="1"/>
  <c r="V38106" i="1"/>
  <c r="V38107" i="1"/>
  <c r="V38108" i="1"/>
  <c r="V38109" i="1"/>
  <c r="V38110" i="1"/>
  <c r="V38111" i="1"/>
  <c r="V38112" i="1"/>
  <c r="V38113" i="1"/>
  <c r="V38114" i="1"/>
  <c r="V38115" i="1"/>
  <c r="V38116" i="1"/>
  <c r="V38117" i="1"/>
  <c r="V38118" i="1"/>
  <c r="V38119" i="1"/>
  <c r="V38120" i="1"/>
  <c r="V38121" i="1"/>
  <c r="V38122" i="1"/>
  <c r="V38123" i="1"/>
  <c r="V38124" i="1"/>
  <c r="V38125" i="1"/>
  <c r="V38126" i="1"/>
  <c r="V38127" i="1"/>
  <c r="V38128" i="1"/>
  <c r="V38129" i="1"/>
  <c r="V38130" i="1"/>
  <c r="V38131" i="1"/>
  <c r="V38132" i="1"/>
  <c r="V38133" i="1"/>
  <c r="V38134" i="1"/>
  <c r="V38135" i="1"/>
  <c r="V38136" i="1"/>
  <c r="V38137" i="1"/>
  <c r="V38138" i="1"/>
  <c r="V38139" i="1"/>
  <c r="V38140" i="1"/>
  <c r="V38141" i="1"/>
  <c r="V38142" i="1"/>
  <c r="V38143" i="1"/>
  <c r="V38144" i="1"/>
  <c r="V38145" i="1"/>
  <c r="V38146" i="1"/>
  <c r="V38147" i="1"/>
  <c r="V38148" i="1"/>
  <c r="V38149" i="1"/>
  <c r="V38150" i="1"/>
  <c r="V38151" i="1"/>
  <c r="V38152" i="1"/>
  <c r="V38153" i="1"/>
  <c r="V38154" i="1"/>
  <c r="V38155" i="1"/>
  <c r="V38156" i="1"/>
  <c r="V38157" i="1"/>
  <c r="V38158" i="1"/>
  <c r="V38159" i="1"/>
  <c r="V38160" i="1"/>
  <c r="V38161" i="1"/>
  <c r="V38162" i="1"/>
  <c r="V38163" i="1"/>
  <c r="V38164" i="1"/>
  <c r="V38165" i="1"/>
  <c r="V38166" i="1"/>
  <c r="V38167" i="1"/>
  <c r="V38168" i="1"/>
  <c r="V38169" i="1"/>
  <c r="V38170" i="1"/>
  <c r="V38171" i="1"/>
  <c r="V38172" i="1"/>
  <c r="V38173" i="1"/>
  <c r="V38174" i="1"/>
  <c r="V38175" i="1"/>
  <c r="V38176" i="1"/>
  <c r="V38177" i="1"/>
  <c r="V38178" i="1"/>
  <c r="V38179" i="1"/>
  <c r="V38180" i="1"/>
  <c r="V38181" i="1"/>
  <c r="V38182" i="1"/>
  <c r="V38183" i="1"/>
  <c r="V38184" i="1"/>
  <c r="V38185" i="1"/>
  <c r="V38186" i="1"/>
  <c r="V38187" i="1"/>
  <c r="V38188" i="1"/>
  <c r="V38189" i="1"/>
  <c r="V38190" i="1"/>
  <c r="V38191" i="1"/>
  <c r="V38192" i="1"/>
  <c r="V38193" i="1"/>
  <c r="V38194" i="1"/>
  <c r="V38195" i="1"/>
  <c r="V38196" i="1"/>
  <c r="V38197" i="1"/>
  <c r="V38198" i="1"/>
  <c r="V38199" i="1"/>
  <c r="V38200" i="1"/>
  <c r="V38201" i="1"/>
  <c r="V38202" i="1"/>
  <c r="V38203" i="1"/>
  <c r="V38204" i="1"/>
  <c r="V38205" i="1"/>
  <c r="V38206" i="1"/>
  <c r="V38207" i="1"/>
  <c r="V38208" i="1"/>
  <c r="V38209" i="1"/>
  <c r="V38210" i="1"/>
  <c r="V38211" i="1"/>
  <c r="V38212" i="1"/>
  <c r="V38213" i="1"/>
  <c r="V38214" i="1"/>
  <c r="V38215" i="1"/>
  <c r="V38216" i="1"/>
  <c r="V38217" i="1"/>
  <c r="V38218" i="1"/>
  <c r="V38219" i="1"/>
  <c r="V38220" i="1"/>
  <c r="V38221" i="1"/>
  <c r="V38222" i="1"/>
  <c r="V38223" i="1"/>
  <c r="V38224" i="1"/>
  <c r="V38225" i="1"/>
  <c r="V38226" i="1"/>
  <c r="V38227" i="1"/>
  <c r="V38228" i="1"/>
  <c r="V38229" i="1"/>
  <c r="V38230" i="1"/>
  <c r="V38231" i="1"/>
  <c r="V38232" i="1"/>
  <c r="V38233" i="1"/>
  <c r="V38234" i="1"/>
  <c r="V38235" i="1"/>
  <c r="V38236" i="1"/>
  <c r="V38237" i="1"/>
  <c r="V38238" i="1"/>
  <c r="V38239" i="1"/>
  <c r="V38240" i="1"/>
  <c r="V38241" i="1"/>
  <c r="V38242" i="1"/>
  <c r="V38243" i="1"/>
  <c r="V38244" i="1"/>
  <c r="V38245" i="1"/>
  <c r="V38246" i="1"/>
  <c r="V38247" i="1"/>
  <c r="V38248" i="1"/>
  <c r="V38249" i="1"/>
  <c r="V38250" i="1"/>
  <c r="V38251" i="1"/>
  <c r="V38252" i="1"/>
  <c r="V38253" i="1"/>
  <c r="V38254" i="1"/>
  <c r="V38255" i="1"/>
  <c r="V38256" i="1"/>
  <c r="V38257" i="1"/>
  <c r="V38258" i="1"/>
  <c r="V38259" i="1"/>
  <c r="V38260" i="1"/>
  <c r="V38261" i="1"/>
  <c r="V38262" i="1"/>
  <c r="V38263" i="1"/>
  <c r="V38264" i="1"/>
  <c r="V38265" i="1"/>
  <c r="V38266" i="1"/>
  <c r="V38267" i="1"/>
  <c r="V38268" i="1"/>
  <c r="V38269" i="1"/>
  <c r="V38270" i="1"/>
  <c r="V38271" i="1"/>
  <c r="V38272" i="1"/>
  <c r="V38273" i="1"/>
  <c r="V38274" i="1"/>
  <c r="V38275" i="1"/>
  <c r="V38276" i="1"/>
  <c r="V38277" i="1"/>
  <c r="V38278" i="1"/>
  <c r="V38279" i="1"/>
  <c r="V38280" i="1"/>
  <c r="V38281" i="1"/>
  <c r="V38282" i="1"/>
  <c r="V38283" i="1"/>
  <c r="V38284" i="1"/>
  <c r="V38285" i="1"/>
  <c r="V38286" i="1"/>
  <c r="V38287" i="1"/>
  <c r="V38288" i="1"/>
  <c r="V38289" i="1"/>
  <c r="V38290" i="1"/>
  <c r="V38291" i="1"/>
  <c r="V38292" i="1"/>
  <c r="V38293" i="1"/>
  <c r="V38294" i="1"/>
  <c r="V38295" i="1"/>
  <c r="V38296" i="1"/>
  <c r="V38297" i="1"/>
  <c r="V38298" i="1"/>
  <c r="V38299" i="1"/>
  <c r="V38300" i="1"/>
  <c r="V38301" i="1"/>
  <c r="V38302" i="1"/>
  <c r="V38303" i="1"/>
  <c r="V38304" i="1"/>
  <c r="V38305" i="1"/>
  <c r="V38306" i="1"/>
  <c r="V38307" i="1"/>
  <c r="V38308" i="1"/>
  <c r="V38309" i="1"/>
  <c r="V38310" i="1"/>
  <c r="V38311" i="1"/>
  <c r="V38312" i="1"/>
  <c r="V38313" i="1"/>
  <c r="V38314" i="1"/>
  <c r="V38315" i="1"/>
  <c r="V38316" i="1"/>
  <c r="V38317" i="1"/>
  <c r="V38318" i="1"/>
  <c r="V38319" i="1"/>
  <c r="V38320" i="1"/>
  <c r="V38321" i="1"/>
  <c r="V38322" i="1"/>
  <c r="V38323" i="1"/>
  <c r="V38324" i="1"/>
  <c r="V38325" i="1"/>
  <c r="V38326" i="1"/>
  <c r="V38327" i="1"/>
  <c r="V38328" i="1"/>
  <c r="V38329" i="1"/>
  <c r="V38330" i="1"/>
  <c r="V38331" i="1"/>
  <c r="V38332" i="1"/>
  <c r="V38333" i="1"/>
  <c r="V38334" i="1"/>
  <c r="V38335" i="1"/>
  <c r="V38336" i="1"/>
  <c r="V38337" i="1"/>
  <c r="V38338" i="1"/>
  <c r="V38339" i="1"/>
  <c r="V38340" i="1"/>
  <c r="V38341" i="1"/>
  <c r="V38342" i="1"/>
  <c r="V38343" i="1"/>
  <c r="V38344" i="1"/>
  <c r="V38345" i="1"/>
  <c r="V38346" i="1"/>
  <c r="V38347" i="1"/>
  <c r="V38348" i="1"/>
  <c r="V38349" i="1"/>
  <c r="V38350" i="1"/>
  <c r="V38351" i="1"/>
  <c r="V38352" i="1"/>
  <c r="V38353" i="1"/>
  <c r="V38354" i="1"/>
  <c r="V38355" i="1"/>
  <c r="V38356" i="1"/>
  <c r="V38357" i="1"/>
  <c r="V38358" i="1"/>
  <c r="V38359" i="1"/>
  <c r="V38360" i="1"/>
  <c r="V38361" i="1"/>
  <c r="V38362" i="1"/>
  <c r="V38363" i="1"/>
  <c r="V38364" i="1"/>
  <c r="V38365" i="1"/>
  <c r="V38366" i="1"/>
  <c r="V38367" i="1"/>
  <c r="V38368" i="1"/>
  <c r="V38369" i="1"/>
  <c r="V38370" i="1"/>
  <c r="V38371" i="1"/>
  <c r="V38372" i="1"/>
  <c r="V38373" i="1"/>
  <c r="V38374" i="1"/>
  <c r="V38375" i="1"/>
  <c r="V38376" i="1"/>
  <c r="V38377" i="1"/>
  <c r="V38378" i="1"/>
  <c r="V38379" i="1"/>
  <c r="V38380" i="1"/>
  <c r="V38381" i="1"/>
  <c r="V38382" i="1"/>
  <c r="V38383" i="1"/>
  <c r="V38384" i="1"/>
  <c r="V38385" i="1"/>
  <c r="V38386" i="1"/>
  <c r="V38387" i="1"/>
  <c r="V38388" i="1"/>
  <c r="V38389" i="1"/>
  <c r="V38390" i="1"/>
  <c r="V38391" i="1"/>
  <c r="V38392" i="1"/>
  <c r="V38393" i="1"/>
  <c r="V38394" i="1"/>
  <c r="V38395" i="1"/>
  <c r="V38396" i="1"/>
  <c r="V38397" i="1"/>
  <c r="V38398" i="1"/>
  <c r="V38399" i="1"/>
  <c r="V38400" i="1"/>
  <c r="V38401" i="1"/>
  <c r="V38402" i="1"/>
  <c r="V38403" i="1"/>
  <c r="V38404" i="1"/>
  <c r="V38405" i="1"/>
  <c r="V38406" i="1"/>
  <c r="V38407" i="1"/>
  <c r="V38408" i="1"/>
  <c r="V38409" i="1"/>
  <c r="V38410" i="1"/>
  <c r="V38411" i="1"/>
  <c r="V38412" i="1"/>
  <c r="V38413" i="1"/>
  <c r="V38414" i="1"/>
  <c r="V38415" i="1"/>
  <c r="V38416" i="1"/>
  <c r="V38417" i="1"/>
  <c r="V38418" i="1"/>
  <c r="V38419" i="1"/>
  <c r="V38420" i="1"/>
  <c r="V38421" i="1"/>
  <c r="V38422" i="1"/>
  <c r="V38423" i="1"/>
  <c r="V38424" i="1"/>
  <c r="V38425" i="1"/>
  <c r="V38426" i="1"/>
  <c r="V38427" i="1"/>
  <c r="V38428" i="1"/>
  <c r="V38429" i="1"/>
  <c r="V38430" i="1"/>
  <c r="V38431" i="1"/>
  <c r="V38432" i="1"/>
  <c r="V38433" i="1"/>
  <c r="V38434" i="1"/>
  <c r="V38435" i="1"/>
  <c r="V38436" i="1"/>
  <c r="V38437" i="1"/>
  <c r="V38438" i="1"/>
  <c r="V38439" i="1"/>
  <c r="V38440" i="1"/>
  <c r="V38441" i="1"/>
  <c r="V38442" i="1"/>
  <c r="V38443" i="1"/>
  <c r="V38444" i="1"/>
  <c r="V38445" i="1"/>
  <c r="V38446" i="1"/>
  <c r="V38447" i="1"/>
  <c r="V38448" i="1"/>
  <c r="V38449" i="1"/>
  <c r="V38450" i="1"/>
  <c r="V38451" i="1"/>
  <c r="V38452" i="1"/>
  <c r="V38453" i="1"/>
  <c r="V38454" i="1"/>
  <c r="V38455" i="1"/>
  <c r="V38456" i="1"/>
  <c r="V38457" i="1"/>
  <c r="V38458" i="1"/>
  <c r="V38459" i="1"/>
  <c r="V38460" i="1"/>
  <c r="V38461" i="1"/>
  <c r="V38462" i="1"/>
  <c r="V38463" i="1"/>
  <c r="V38464" i="1"/>
  <c r="V38465" i="1"/>
  <c r="V38466" i="1"/>
  <c r="V38467" i="1"/>
  <c r="V38468" i="1"/>
  <c r="V38469" i="1"/>
  <c r="V38470" i="1"/>
  <c r="V38471" i="1"/>
  <c r="V38472" i="1"/>
  <c r="V38473" i="1"/>
  <c r="V38474" i="1"/>
  <c r="V38475" i="1"/>
  <c r="V38476" i="1"/>
  <c r="V38477" i="1"/>
  <c r="V38478" i="1"/>
  <c r="V38479" i="1"/>
  <c r="V38480" i="1"/>
  <c r="V38481" i="1"/>
  <c r="V38482" i="1"/>
  <c r="V38483" i="1"/>
  <c r="V38484" i="1"/>
  <c r="V38485" i="1"/>
  <c r="V38486" i="1"/>
  <c r="V38487" i="1"/>
  <c r="V38488" i="1"/>
  <c r="V38489" i="1"/>
  <c r="V38490" i="1"/>
  <c r="V38491" i="1"/>
  <c r="V38492" i="1"/>
  <c r="V38493" i="1"/>
  <c r="V38494" i="1"/>
  <c r="V38495" i="1"/>
  <c r="V38496" i="1"/>
  <c r="V38497" i="1"/>
  <c r="V38498" i="1"/>
  <c r="V38499" i="1"/>
  <c r="V38500" i="1"/>
  <c r="V38501" i="1"/>
  <c r="V38502" i="1"/>
  <c r="V38503" i="1"/>
  <c r="V38504" i="1"/>
  <c r="V38505" i="1"/>
  <c r="V38506" i="1"/>
  <c r="V38507" i="1"/>
  <c r="V38508" i="1"/>
  <c r="V38509" i="1"/>
  <c r="V38510" i="1"/>
  <c r="V38511" i="1"/>
  <c r="V38512" i="1"/>
  <c r="V38513" i="1"/>
  <c r="V38514" i="1"/>
  <c r="V38515" i="1"/>
  <c r="V38516" i="1"/>
  <c r="V38517" i="1"/>
  <c r="V38518" i="1"/>
  <c r="V38519" i="1"/>
  <c r="V38520" i="1"/>
  <c r="V38521" i="1"/>
  <c r="V38522" i="1"/>
  <c r="V38523" i="1"/>
  <c r="V38524" i="1"/>
  <c r="V38525" i="1"/>
  <c r="V38526" i="1"/>
  <c r="V38527" i="1"/>
  <c r="V38528" i="1"/>
  <c r="V38529" i="1"/>
  <c r="V38530" i="1"/>
  <c r="V38531" i="1"/>
  <c r="V38532" i="1"/>
  <c r="V38533" i="1"/>
  <c r="V38534" i="1"/>
  <c r="V38535" i="1"/>
  <c r="V38536" i="1"/>
  <c r="V38537" i="1"/>
  <c r="V38538" i="1"/>
  <c r="V38539" i="1"/>
  <c r="V38540" i="1"/>
  <c r="V38541" i="1"/>
  <c r="V38542" i="1"/>
  <c r="V38543" i="1"/>
  <c r="V38544" i="1"/>
  <c r="V38545" i="1"/>
  <c r="V38546" i="1"/>
  <c r="V38547" i="1"/>
  <c r="V38548" i="1"/>
  <c r="V38549" i="1"/>
  <c r="V38550" i="1"/>
  <c r="V38551" i="1"/>
  <c r="V38552" i="1"/>
  <c r="V38553" i="1"/>
  <c r="V38554" i="1"/>
  <c r="V38555" i="1"/>
  <c r="V38556" i="1"/>
  <c r="V38557" i="1"/>
  <c r="V38558" i="1"/>
  <c r="V38559" i="1"/>
  <c r="V38560" i="1"/>
  <c r="V38561" i="1"/>
  <c r="V38562" i="1"/>
  <c r="V38563" i="1"/>
  <c r="V38564" i="1"/>
  <c r="V38565" i="1"/>
  <c r="V38566" i="1"/>
  <c r="V38567" i="1"/>
  <c r="V38568" i="1"/>
  <c r="V38569" i="1"/>
  <c r="V38570" i="1"/>
  <c r="V38571" i="1"/>
  <c r="V38572" i="1"/>
  <c r="V38573" i="1"/>
  <c r="V38574" i="1"/>
  <c r="V38575" i="1"/>
  <c r="V38576" i="1"/>
  <c r="V38577" i="1"/>
  <c r="V38578" i="1"/>
  <c r="V38579" i="1"/>
  <c r="V38580" i="1"/>
  <c r="V38581" i="1"/>
  <c r="V38582" i="1"/>
  <c r="V38583" i="1"/>
  <c r="V38584" i="1"/>
  <c r="V38585" i="1"/>
  <c r="V38586" i="1"/>
  <c r="V38587" i="1"/>
  <c r="V38588" i="1"/>
  <c r="V38589" i="1"/>
  <c r="V38590" i="1"/>
  <c r="V38591" i="1"/>
  <c r="V38592" i="1"/>
  <c r="V38593" i="1"/>
  <c r="V38594" i="1"/>
  <c r="V38595" i="1"/>
  <c r="V38596" i="1"/>
  <c r="V38597" i="1"/>
  <c r="V38598" i="1"/>
  <c r="V38599" i="1"/>
  <c r="V38600" i="1"/>
  <c r="V38601" i="1"/>
  <c r="V38602" i="1"/>
  <c r="V38603" i="1"/>
  <c r="V38604" i="1"/>
  <c r="V38605" i="1"/>
  <c r="V38606" i="1"/>
  <c r="V38607" i="1"/>
  <c r="V38608" i="1"/>
  <c r="V38609" i="1"/>
  <c r="V38610" i="1"/>
  <c r="V38611" i="1"/>
  <c r="V38612" i="1"/>
  <c r="V38613" i="1"/>
  <c r="V38614" i="1"/>
  <c r="V38615" i="1"/>
  <c r="V38616" i="1"/>
  <c r="V38617" i="1"/>
  <c r="V38618" i="1"/>
  <c r="V38619" i="1"/>
  <c r="V38620" i="1"/>
  <c r="V38621" i="1"/>
  <c r="V38622" i="1"/>
  <c r="V38623" i="1"/>
  <c r="V38624" i="1"/>
  <c r="V38625" i="1"/>
  <c r="V38626" i="1"/>
  <c r="V38627" i="1"/>
  <c r="V38628" i="1"/>
  <c r="V38629" i="1"/>
  <c r="V38630" i="1"/>
  <c r="V38631" i="1"/>
  <c r="V38632" i="1"/>
  <c r="V38633" i="1"/>
  <c r="V38634" i="1"/>
  <c r="V38635" i="1"/>
  <c r="V38636" i="1"/>
  <c r="V38637" i="1"/>
  <c r="V38638" i="1"/>
  <c r="V38639" i="1"/>
  <c r="V38640" i="1"/>
  <c r="V38641" i="1"/>
  <c r="V38642" i="1"/>
  <c r="V38643" i="1"/>
  <c r="V38644" i="1"/>
  <c r="V38645" i="1"/>
  <c r="V38646" i="1"/>
  <c r="V38647" i="1"/>
  <c r="V38648" i="1"/>
  <c r="V38649" i="1"/>
  <c r="V38650" i="1"/>
  <c r="V38651" i="1"/>
  <c r="V38652" i="1"/>
  <c r="V38653" i="1"/>
  <c r="V38654" i="1"/>
  <c r="V38655" i="1"/>
  <c r="V38656" i="1"/>
  <c r="V38657" i="1"/>
  <c r="V38658" i="1"/>
  <c r="V38659" i="1"/>
  <c r="V38660" i="1"/>
  <c r="V38661" i="1"/>
  <c r="V38662" i="1"/>
  <c r="V38663" i="1"/>
  <c r="V38664" i="1"/>
  <c r="V38665" i="1"/>
  <c r="V38666" i="1"/>
  <c r="V38667" i="1"/>
  <c r="V38668" i="1"/>
  <c r="V38669" i="1"/>
  <c r="V38670" i="1"/>
  <c r="V38671" i="1"/>
  <c r="V38672" i="1"/>
  <c r="V38673" i="1"/>
  <c r="V38674" i="1"/>
  <c r="V38675" i="1"/>
  <c r="V38676" i="1"/>
  <c r="V38677" i="1"/>
  <c r="V38678" i="1"/>
  <c r="V38679" i="1"/>
  <c r="V38680" i="1"/>
  <c r="V38681" i="1"/>
  <c r="V38682" i="1"/>
  <c r="V38683" i="1"/>
  <c r="V38684" i="1"/>
  <c r="V38685" i="1"/>
  <c r="V38686" i="1"/>
  <c r="V38687" i="1"/>
  <c r="V38688" i="1"/>
  <c r="V38689" i="1"/>
  <c r="V38690" i="1"/>
  <c r="V38691" i="1"/>
  <c r="V38692" i="1"/>
  <c r="V38693" i="1"/>
  <c r="V38694" i="1"/>
  <c r="V38695" i="1"/>
  <c r="V38696" i="1"/>
  <c r="V38697" i="1"/>
  <c r="V38698" i="1"/>
  <c r="V38699" i="1"/>
  <c r="V38700" i="1"/>
  <c r="V38701" i="1"/>
  <c r="V38702" i="1"/>
  <c r="V38703" i="1"/>
  <c r="V38704" i="1"/>
  <c r="V38705" i="1"/>
  <c r="V38706" i="1"/>
  <c r="V38707" i="1"/>
  <c r="V38708" i="1"/>
  <c r="V38709" i="1"/>
  <c r="V38710" i="1"/>
  <c r="V38711" i="1"/>
  <c r="V38712" i="1"/>
  <c r="V38713" i="1"/>
  <c r="V38714" i="1"/>
  <c r="V38715" i="1"/>
  <c r="V38716" i="1"/>
  <c r="V38717" i="1"/>
  <c r="V38718" i="1"/>
  <c r="V38719" i="1"/>
  <c r="V38720" i="1"/>
  <c r="V38721" i="1"/>
  <c r="V38722" i="1"/>
  <c r="V38723" i="1"/>
  <c r="V38724" i="1"/>
  <c r="V38725" i="1"/>
  <c r="V38726" i="1"/>
  <c r="V38727" i="1"/>
  <c r="V38728" i="1"/>
  <c r="V38729" i="1"/>
  <c r="V38730" i="1"/>
  <c r="V38731" i="1"/>
  <c r="V38732" i="1"/>
  <c r="V38733" i="1"/>
  <c r="V38734" i="1"/>
  <c r="V38735" i="1"/>
  <c r="V38736" i="1"/>
  <c r="V38737" i="1"/>
  <c r="V38738" i="1"/>
  <c r="V38739" i="1"/>
  <c r="V38740" i="1"/>
  <c r="V38741" i="1"/>
  <c r="V38742" i="1"/>
  <c r="V38743" i="1"/>
  <c r="V38744" i="1"/>
  <c r="V38745" i="1"/>
  <c r="V38746" i="1"/>
  <c r="V38747" i="1"/>
  <c r="V38748" i="1"/>
  <c r="V38749" i="1"/>
  <c r="V38750" i="1"/>
  <c r="V38751" i="1"/>
  <c r="V38752" i="1"/>
  <c r="V38753" i="1"/>
  <c r="V38754" i="1"/>
  <c r="V38755" i="1"/>
  <c r="V38756" i="1"/>
  <c r="V38757" i="1"/>
  <c r="V38758" i="1"/>
  <c r="V38759" i="1"/>
  <c r="V38760" i="1"/>
  <c r="V38761" i="1"/>
  <c r="V38762" i="1"/>
  <c r="V38763" i="1"/>
  <c r="V38764" i="1"/>
  <c r="V38765" i="1"/>
  <c r="V38766" i="1"/>
  <c r="V38767" i="1"/>
  <c r="V38768" i="1"/>
  <c r="V38769" i="1"/>
  <c r="V38770" i="1"/>
  <c r="V38771" i="1"/>
  <c r="V38772" i="1"/>
  <c r="V38773" i="1"/>
  <c r="V38774" i="1"/>
  <c r="V38775" i="1"/>
  <c r="V38776" i="1"/>
  <c r="V38777" i="1"/>
  <c r="V38778" i="1"/>
  <c r="V38779" i="1"/>
  <c r="V38780" i="1"/>
  <c r="V38781" i="1"/>
  <c r="V38782" i="1"/>
  <c r="V38783" i="1"/>
  <c r="V38784" i="1"/>
  <c r="V38785" i="1"/>
  <c r="V38786" i="1"/>
  <c r="V38787" i="1"/>
  <c r="V38788" i="1"/>
  <c r="V38789" i="1"/>
  <c r="V38790" i="1"/>
  <c r="V38791" i="1"/>
  <c r="V38792" i="1"/>
  <c r="V38793" i="1"/>
  <c r="V38794" i="1"/>
  <c r="V38795" i="1"/>
  <c r="V38796" i="1"/>
  <c r="V38797" i="1"/>
  <c r="V38798" i="1"/>
  <c r="V38799" i="1"/>
  <c r="V38800" i="1"/>
  <c r="V38801" i="1"/>
  <c r="V38802" i="1"/>
  <c r="V38803" i="1"/>
  <c r="V38804" i="1"/>
  <c r="V38805" i="1"/>
  <c r="V38806" i="1"/>
  <c r="V38807" i="1"/>
  <c r="V38808" i="1"/>
  <c r="V38809" i="1"/>
  <c r="V38810" i="1"/>
  <c r="V38811" i="1"/>
  <c r="V38812" i="1"/>
  <c r="V38813" i="1"/>
  <c r="V38814" i="1"/>
  <c r="V38815" i="1"/>
  <c r="V38816" i="1"/>
  <c r="V38817" i="1"/>
  <c r="V38818" i="1"/>
  <c r="V38819" i="1"/>
  <c r="V38820" i="1"/>
  <c r="V38821" i="1"/>
  <c r="V38822" i="1"/>
  <c r="V38823" i="1"/>
  <c r="V38824" i="1"/>
  <c r="V38825" i="1"/>
  <c r="V38826" i="1"/>
  <c r="V38827" i="1"/>
  <c r="V38828" i="1"/>
  <c r="V38829" i="1"/>
  <c r="V38830" i="1"/>
  <c r="V38831" i="1"/>
  <c r="V38832" i="1"/>
  <c r="V38833" i="1"/>
  <c r="V38834" i="1"/>
  <c r="V38835" i="1"/>
  <c r="V38836" i="1"/>
  <c r="V38837" i="1"/>
  <c r="V38838" i="1"/>
  <c r="V38839" i="1"/>
  <c r="V38840" i="1"/>
  <c r="V38841" i="1"/>
  <c r="V38842" i="1"/>
  <c r="V38843" i="1"/>
  <c r="V38844" i="1"/>
  <c r="V38845" i="1"/>
  <c r="V38846" i="1"/>
  <c r="V38847" i="1"/>
  <c r="V38848" i="1"/>
  <c r="V38849" i="1"/>
  <c r="V38850" i="1"/>
  <c r="V38851" i="1"/>
  <c r="V38852" i="1"/>
  <c r="V38853" i="1"/>
  <c r="V38854" i="1"/>
  <c r="V38855" i="1"/>
  <c r="V38856" i="1"/>
  <c r="V38857" i="1"/>
  <c r="V38858" i="1"/>
  <c r="V38859" i="1"/>
  <c r="V38860" i="1"/>
  <c r="V38861" i="1"/>
  <c r="V38862" i="1"/>
  <c r="V38863" i="1"/>
  <c r="V38864" i="1"/>
  <c r="V38865" i="1"/>
  <c r="V38866" i="1"/>
  <c r="V38867" i="1"/>
  <c r="V38868" i="1"/>
  <c r="V38869" i="1"/>
  <c r="V38870" i="1"/>
  <c r="V38871" i="1"/>
  <c r="V38872" i="1"/>
  <c r="V38873" i="1"/>
  <c r="V38874" i="1"/>
  <c r="V38875" i="1"/>
  <c r="V38876" i="1"/>
  <c r="V38877" i="1"/>
  <c r="V38878" i="1"/>
  <c r="V38879" i="1"/>
  <c r="V38880" i="1"/>
  <c r="V38881" i="1"/>
  <c r="V38882" i="1"/>
  <c r="V38883" i="1"/>
  <c r="V38884" i="1"/>
  <c r="V38885" i="1"/>
  <c r="V38886" i="1"/>
  <c r="V38887" i="1"/>
  <c r="V38888" i="1"/>
  <c r="V38889" i="1"/>
  <c r="V38890" i="1"/>
  <c r="V38891" i="1"/>
  <c r="V38892" i="1"/>
  <c r="V38893" i="1"/>
  <c r="V38894" i="1"/>
  <c r="V38895" i="1"/>
  <c r="V38896" i="1"/>
  <c r="V38897" i="1"/>
  <c r="V38898" i="1"/>
  <c r="V38899" i="1"/>
  <c r="V38900" i="1"/>
  <c r="V38901" i="1"/>
  <c r="V38902" i="1"/>
  <c r="V38903" i="1"/>
  <c r="V38904" i="1"/>
  <c r="V38905" i="1"/>
  <c r="V38906" i="1"/>
  <c r="V38907" i="1"/>
  <c r="V38908" i="1"/>
  <c r="V38909" i="1"/>
  <c r="V38910" i="1"/>
  <c r="V38911" i="1"/>
  <c r="V38912" i="1"/>
  <c r="V38913" i="1"/>
  <c r="V38914" i="1"/>
  <c r="V38915" i="1"/>
  <c r="V38916" i="1"/>
  <c r="V38917" i="1"/>
  <c r="V38918" i="1"/>
  <c r="V38919" i="1"/>
  <c r="V38920" i="1"/>
  <c r="V38921" i="1"/>
  <c r="V38922" i="1"/>
  <c r="V38923" i="1"/>
  <c r="V38924" i="1"/>
  <c r="V38925" i="1"/>
  <c r="V38926" i="1"/>
  <c r="V38927" i="1"/>
  <c r="V38928" i="1"/>
  <c r="V38929" i="1"/>
  <c r="V38930" i="1"/>
  <c r="V38931" i="1"/>
  <c r="V38932" i="1"/>
  <c r="V38933" i="1"/>
  <c r="V38934" i="1"/>
  <c r="V38935" i="1"/>
  <c r="V38936" i="1"/>
  <c r="V38937" i="1"/>
  <c r="V38938" i="1"/>
  <c r="V38939" i="1"/>
  <c r="V38940" i="1"/>
  <c r="V38941" i="1"/>
  <c r="V38942" i="1"/>
  <c r="V38943" i="1"/>
  <c r="V38944" i="1"/>
  <c r="V38945" i="1"/>
  <c r="V38946" i="1"/>
  <c r="V38947" i="1"/>
  <c r="V38948" i="1"/>
  <c r="V38949" i="1"/>
  <c r="V38950" i="1"/>
  <c r="V38951" i="1"/>
  <c r="V38952" i="1"/>
  <c r="V38953" i="1"/>
  <c r="V38954" i="1"/>
  <c r="V38955" i="1"/>
  <c r="V38956" i="1"/>
  <c r="V38957" i="1"/>
  <c r="V38958" i="1"/>
  <c r="V38959" i="1"/>
  <c r="V38960" i="1"/>
  <c r="V38961" i="1"/>
  <c r="V38962" i="1"/>
  <c r="V38963" i="1"/>
  <c r="V38964" i="1"/>
  <c r="V38965" i="1"/>
  <c r="V38966" i="1"/>
  <c r="V38967" i="1"/>
  <c r="V38968" i="1"/>
  <c r="V38969" i="1"/>
  <c r="V38970" i="1"/>
  <c r="V38971" i="1"/>
  <c r="V38972" i="1"/>
  <c r="V38973" i="1"/>
  <c r="V38974" i="1"/>
  <c r="V38975" i="1"/>
  <c r="V38976" i="1"/>
  <c r="V38977" i="1"/>
  <c r="V38978" i="1"/>
  <c r="V38979" i="1"/>
  <c r="V38980" i="1"/>
  <c r="V38981" i="1"/>
  <c r="V38982" i="1"/>
  <c r="V38983" i="1"/>
  <c r="V38984" i="1"/>
  <c r="V38985" i="1"/>
  <c r="V38986" i="1"/>
  <c r="V38987" i="1"/>
  <c r="V38988" i="1"/>
  <c r="V38989" i="1"/>
  <c r="V38990" i="1"/>
  <c r="V38991" i="1"/>
  <c r="V38992" i="1"/>
  <c r="V38993" i="1"/>
  <c r="V38994" i="1"/>
  <c r="V38995" i="1"/>
  <c r="V38996" i="1"/>
  <c r="V38997" i="1"/>
  <c r="V38998" i="1"/>
  <c r="V38999" i="1"/>
  <c r="V39000" i="1"/>
  <c r="V39001" i="1"/>
  <c r="V39002" i="1"/>
  <c r="V39003" i="1"/>
  <c r="V39004" i="1"/>
  <c r="V39005" i="1"/>
  <c r="V39006" i="1"/>
  <c r="V39007" i="1"/>
  <c r="V39008" i="1"/>
  <c r="V39009" i="1"/>
  <c r="V39010" i="1"/>
  <c r="V39011" i="1"/>
  <c r="V39012" i="1"/>
  <c r="V39013" i="1"/>
  <c r="V39014" i="1"/>
  <c r="V39015" i="1"/>
  <c r="V39016" i="1"/>
  <c r="V39017" i="1"/>
  <c r="V39018" i="1"/>
  <c r="V39019" i="1"/>
  <c r="V39020" i="1"/>
  <c r="V39021" i="1"/>
  <c r="V39022" i="1"/>
  <c r="V39023" i="1"/>
  <c r="V39024" i="1"/>
  <c r="V39025" i="1"/>
  <c r="V39026" i="1"/>
  <c r="V39027" i="1"/>
  <c r="V39028" i="1"/>
  <c r="V39029" i="1"/>
  <c r="V39030" i="1"/>
  <c r="V39031" i="1"/>
  <c r="V39032" i="1"/>
  <c r="V39033" i="1"/>
  <c r="V39034" i="1"/>
  <c r="V39035" i="1"/>
  <c r="V39036" i="1"/>
  <c r="V39037" i="1"/>
  <c r="V39038" i="1"/>
  <c r="V39039" i="1"/>
  <c r="V39040" i="1"/>
  <c r="V39041" i="1"/>
  <c r="V39042" i="1"/>
  <c r="V39043" i="1"/>
  <c r="V39044" i="1"/>
  <c r="V39045" i="1"/>
  <c r="V39046" i="1"/>
  <c r="V39047" i="1"/>
  <c r="V39048" i="1"/>
  <c r="V39049" i="1"/>
  <c r="V39050" i="1"/>
  <c r="V39051" i="1"/>
  <c r="V39052" i="1"/>
  <c r="V39053" i="1"/>
  <c r="V39054" i="1"/>
  <c r="V39055" i="1"/>
  <c r="V39056" i="1"/>
  <c r="V39057" i="1"/>
  <c r="V39058" i="1"/>
  <c r="V39059" i="1"/>
  <c r="V39060" i="1"/>
  <c r="V39061" i="1"/>
  <c r="V39062" i="1"/>
  <c r="V39063" i="1"/>
  <c r="V39064" i="1"/>
  <c r="V39065" i="1"/>
  <c r="V39066" i="1"/>
  <c r="V39067" i="1"/>
  <c r="V39068" i="1"/>
  <c r="V39069" i="1"/>
  <c r="V39070" i="1"/>
  <c r="V39071" i="1"/>
  <c r="V39072" i="1"/>
  <c r="V39073" i="1"/>
  <c r="V39074" i="1"/>
  <c r="V39075" i="1"/>
  <c r="V39076" i="1"/>
  <c r="V39077" i="1"/>
  <c r="V39078" i="1"/>
  <c r="V39079" i="1"/>
  <c r="V39080" i="1"/>
  <c r="V39081" i="1"/>
  <c r="V39082" i="1"/>
  <c r="V39083" i="1"/>
  <c r="V39084" i="1"/>
  <c r="V39085" i="1"/>
  <c r="V39086" i="1"/>
  <c r="V39087" i="1"/>
  <c r="V39088" i="1"/>
  <c r="V39089" i="1"/>
  <c r="V39090" i="1"/>
  <c r="V39091" i="1"/>
  <c r="V39092" i="1"/>
  <c r="V39093" i="1"/>
  <c r="V39094" i="1"/>
  <c r="V39095" i="1"/>
  <c r="V39096" i="1"/>
  <c r="V39097" i="1"/>
  <c r="V39098" i="1"/>
  <c r="V39099" i="1"/>
  <c r="V39100" i="1"/>
  <c r="V39101" i="1"/>
  <c r="V39102" i="1"/>
  <c r="V39103" i="1"/>
  <c r="V39104" i="1"/>
  <c r="V39105" i="1"/>
  <c r="V39106" i="1"/>
  <c r="V39107" i="1"/>
  <c r="V39108" i="1"/>
  <c r="V39109" i="1"/>
  <c r="V39110" i="1"/>
  <c r="V39111" i="1"/>
  <c r="V39112" i="1"/>
  <c r="V39113" i="1"/>
  <c r="V39114" i="1"/>
  <c r="V39115" i="1"/>
  <c r="V39116" i="1"/>
  <c r="V39117" i="1"/>
  <c r="V39118" i="1"/>
  <c r="V39119" i="1"/>
  <c r="V39120" i="1"/>
  <c r="V39121" i="1"/>
  <c r="V39122" i="1"/>
  <c r="V39123" i="1"/>
  <c r="V39124" i="1"/>
  <c r="V39125" i="1"/>
  <c r="V39126" i="1"/>
  <c r="V39127" i="1"/>
  <c r="V39128" i="1"/>
  <c r="V39129" i="1"/>
  <c r="V39130" i="1"/>
  <c r="V39131" i="1"/>
  <c r="V39132" i="1"/>
  <c r="V39133" i="1"/>
  <c r="V39134" i="1"/>
  <c r="V39135" i="1"/>
  <c r="V39136" i="1"/>
  <c r="V39137" i="1"/>
  <c r="V39138" i="1"/>
  <c r="V39139" i="1"/>
  <c r="V39140" i="1"/>
  <c r="V39141" i="1"/>
  <c r="V39142" i="1"/>
  <c r="V39143" i="1"/>
  <c r="V39144" i="1"/>
  <c r="V39145" i="1"/>
  <c r="V39146" i="1"/>
  <c r="V39147" i="1"/>
  <c r="V39148" i="1"/>
  <c r="V39149" i="1"/>
  <c r="V39150" i="1"/>
  <c r="V39151" i="1"/>
  <c r="V39152" i="1"/>
  <c r="V39153" i="1"/>
  <c r="V39154" i="1"/>
  <c r="V39155" i="1"/>
  <c r="V39156" i="1"/>
  <c r="V39157" i="1"/>
  <c r="V39158" i="1"/>
  <c r="V39159" i="1"/>
  <c r="V39160" i="1"/>
  <c r="V39161" i="1"/>
  <c r="V39162" i="1"/>
  <c r="V39163" i="1"/>
  <c r="V39164" i="1"/>
  <c r="V39165" i="1"/>
  <c r="V39166" i="1"/>
  <c r="V39167" i="1"/>
  <c r="V39168" i="1"/>
  <c r="V39169" i="1"/>
  <c r="V39170" i="1"/>
  <c r="V39171" i="1"/>
  <c r="V39172" i="1"/>
  <c r="V39173" i="1"/>
  <c r="V39174" i="1"/>
  <c r="V39175" i="1"/>
  <c r="V39176" i="1"/>
  <c r="V39177" i="1"/>
  <c r="V39178" i="1"/>
  <c r="V39179" i="1"/>
  <c r="V39180" i="1"/>
  <c r="V39181" i="1"/>
  <c r="V39182" i="1"/>
  <c r="V39183" i="1"/>
  <c r="V39184" i="1"/>
  <c r="V39185" i="1"/>
  <c r="V39186" i="1"/>
  <c r="V39187" i="1"/>
  <c r="V39188" i="1"/>
  <c r="V39189" i="1"/>
  <c r="V39190" i="1"/>
  <c r="V39191" i="1"/>
  <c r="V39192" i="1"/>
  <c r="V39193" i="1"/>
  <c r="V39194" i="1"/>
  <c r="V39195" i="1"/>
  <c r="V39196" i="1"/>
  <c r="V39197" i="1"/>
  <c r="V39198" i="1"/>
  <c r="V39199" i="1"/>
  <c r="V39200" i="1"/>
  <c r="V39201" i="1"/>
  <c r="V39202" i="1"/>
  <c r="V39203" i="1"/>
  <c r="V39204" i="1"/>
  <c r="V39205" i="1"/>
  <c r="V39206" i="1"/>
  <c r="V39207" i="1"/>
  <c r="V39208" i="1"/>
  <c r="V39209" i="1"/>
  <c r="V39210" i="1"/>
  <c r="V39211" i="1"/>
  <c r="V39212" i="1"/>
  <c r="V39213" i="1"/>
  <c r="V39214" i="1"/>
  <c r="V39215" i="1"/>
  <c r="V39216" i="1"/>
  <c r="V39217" i="1"/>
  <c r="V39218" i="1"/>
  <c r="V39219" i="1"/>
  <c r="V39220" i="1"/>
  <c r="V39221" i="1"/>
  <c r="V39222" i="1"/>
  <c r="V39223" i="1"/>
  <c r="V39224" i="1"/>
  <c r="V39225" i="1"/>
  <c r="V39226" i="1"/>
  <c r="V39227" i="1"/>
  <c r="V39228" i="1"/>
  <c r="V39229" i="1"/>
  <c r="V39230" i="1"/>
  <c r="V39231" i="1"/>
  <c r="V39232" i="1"/>
  <c r="V39233" i="1"/>
  <c r="V39234" i="1"/>
  <c r="V39235" i="1"/>
  <c r="V39236" i="1"/>
  <c r="V39237" i="1"/>
  <c r="V39238" i="1"/>
  <c r="V39239" i="1"/>
  <c r="V39240" i="1"/>
  <c r="V39241" i="1"/>
  <c r="V39242" i="1"/>
  <c r="V39243" i="1"/>
  <c r="V39244" i="1"/>
  <c r="V39245" i="1"/>
  <c r="V39246" i="1"/>
  <c r="V39247" i="1"/>
  <c r="V39248" i="1"/>
  <c r="V39249" i="1"/>
  <c r="V39250" i="1"/>
  <c r="V39251" i="1"/>
  <c r="V39252" i="1"/>
  <c r="V39253" i="1"/>
  <c r="V39254" i="1"/>
  <c r="V39255" i="1"/>
  <c r="V39256" i="1"/>
  <c r="V39257" i="1"/>
  <c r="V39258" i="1"/>
  <c r="V39259" i="1"/>
  <c r="V39260" i="1"/>
  <c r="V39261" i="1"/>
  <c r="V39262" i="1"/>
  <c r="V39263" i="1"/>
  <c r="V39264" i="1"/>
  <c r="V39265" i="1"/>
  <c r="V39266" i="1"/>
  <c r="V39267" i="1"/>
  <c r="V39268" i="1"/>
  <c r="V39269" i="1"/>
  <c r="V39270" i="1"/>
  <c r="V39271" i="1"/>
  <c r="V39272" i="1"/>
  <c r="V39273" i="1"/>
  <c r="V39274" i="1"/>
  <c r="V39275" i="1"/>
  <c r="V39276" i="1"/>
  <c r="V39277" i="1"/>
  <c r="V39278" i="1"/>
  <c r="V39279" i="1"/>
  <c r="V39280" i="1"/>
  <c r="V39281" i="1"/>
  <c r="V39282" i="1"/>
  <c r="V39283" i="1"/>
  <c r="V39284" i="1"/>
  <c r="V39285" i="1"/>
  <c r="V39286" i="1"/>
  <c r="V39287" i="1"/>
  <c r="V39288" i="1"/>
  <c r="V39289" i="1"/>
  <c r="V39290" i="1"/>
  <c r="V39291" i="1"/>
  <c r="V39292" i="1"/>
  <c r="V39293" i="1"/>
  <c r="V39294" i="1"/>
  <c r="V39295" i="1"/>
  <c r="V39296" i="1"/>
  <c r="V39297" i="1"/>
  <c r="V39298" i="1"/>
  <c r="V39299" i="1"/>
  <c r="V39300" i="1"/>
  <c r="V39301" i="1"/>
  <c r="V39302" i="1"/>
  <c r="V39303" i="1"/>
  <c r="V39304" i="1"/>
  <c r="V39305" i="1"/>
  <c r="V39306" i="1"/>
  <c r="V39307" i="1"/>
  <c r="V39308" i="1"/>
  <c r="V39309" i="1"/>
  <c r="V39310" i="1"/>
  <c r="V39311" i="1"/>
  <c r="V39312" i="1"/>
  <c r="V39313" i="1"/>
  <c r="V39314" i="1"/>
  <c r="V39315" i="1"/>
  <c r="V39316" i="1"/>
  <c r="V39317" i="1"/>
  <c r="V39318" i="1"/>
  <c r="V39319" i="1"/>
  <c r="V39320" i="1"/>
  <c r="V39321" i="1"/>
  <c r="V39322" i="1"/>
  <c r="V39323" i="1"/>
  <c r="V39324" i="1"/>
  <c r="V39325" i="1"/>
  <c r="V39326" i="1"/>
  <c r="V39327" i="1"/>
  <c r="V39328" i="1"/>
  <c r="V39329" i="1"/>
  <c r="V39330" i="1"/>
  <c r="V39331" i="1"/>
  <c r="V39332" i="1"/>
  <c r="V39333" i="1"/>
  <c r="V39334" i="1"/>
  <c r="V39335" i="1"/>
  <c r="V39336" i="1"/>
  <c r="V39337" i="1"/>
  <c r="V39338" i="1"/>
  <c r="V39339" i="1"/>
  <c r="V39340" i="1"/>
  <c r="V39341" i="1"/>
  <c r="V39342" i="1"/>
  <c r="V39343" i="1"/>
  <c r="V39344" i="1"/>
  <c r="V39345" i="1"/>
  <c r="V39346" i="1"/>
  <c r="V39347" i="1"/>
  <c r="V39348" i="1"/>
  <c r="V39349" i="1"/>
  <c r="V39350" i="1"/>
  <c r="V39351" i="1"/>
  <c r="V39352" i="1"/>
  <c r="V39353" i="1"/>
  <c r="V39354" i="1"/>
  <c r="V39355" i="1"/>
  <c r="V39356" i="1"/>
  <c r="V39357" i="1"/>
  <c r="V39358" i="1"/>
  <c r="V39359" i="1"/>
  <c r="V39360" i="1"/>
  <c r="V39361" i="1"/>
  <c r="V39362" i="1"/>
  <c r="V39363" i="1"/>
  <c r="V39364" i="1"/>
  <c r="V39365" i="1"/>
  <c r="V39366" i="1"/>
  <c r="V39367" i="1"/>
  <c r="V39368" i="1"/>
  <c r="V39369" i="1"/>
  <c r="V39370" i="1"/>
  <c r="V39371" i="1"/>
  <c r="V39372" i="1"/>
  <c r="V39373" i="1"/>
  <c r="V39374" i="1"/>
  <c r="V39375" i="1"/>
  <c r="V39376" i="1"/>
  <c r="V39377" i="1"/>
  <c r="V39378" i="1"/>
  <c r="V39379" i="1"/>
  <c r="V39380" i="1"/>
  <c r="V39381" i="1"/>
  <c r="V39382" i="1"/>
  <c r="V39383" i="1"/>
  <c r="V39384" i="1"/>
  <c r="V39385" i="1"/>
  <c r="V39386" i="1"/>
  <c r="V39387" i="1"/>
  <c r="V39388" i="1"/>
  <c r="V39389" i="1"/>
  <c r="V39390" i="1"/>
  <c r="V39391" i="1"/>
  <c r="V39392" i="1"/>
  <c r="V39393" i="1"/>
  <c r="V39394" i="1"/>
  <c r="V39395" i="1"/>
  <c r="V39396" i="1"/>
  <c r="V39397" i="1"/>
  <c r="V39398" i="1"/>
  <c r="V39399" i="1"/>
  <c r="V39400" i="1"/>
  <c r="V39401" i="1"/>
  <c r="V39402" i="1"/>
  <c r="V39403" i="1"/>
  <c r="V39404" i="1"/>
  <c r="V39405" i="1"/>
  <c r="V39406" i="1"/>
  <c r="V39407" i="1"/>
  <c r="V39408" i="1"/>
  <c r="V39409" i="1"/>
  <c r="V39410" i="1"/>
  <c r="V39411" i="1"/>
  <c r="V39412" i="1"/>
  <c r="V39413" i="1"/>
  <c r="V39414" i="1"/>
  <c r="V39415" i="1"/>
  <c r="V39416" i="1"/>
  <c r="V39417" i="1"/>
  <c r="V39418" i="1"/>
  <c r="V39419" i="1"/>
  <c r="V39420" i="1"/>
  <c r="V39421" i="1"/>
  <c r="V39422" i="1"/>
  <c r="V39423" i="1"/>
  <c r="V39424" i="1"/>
  <c r="V39425" i="1"/>
  <c r="V39426" i="1"/>
  <c r="V39427" i="1"/>
  <c r="V39428" i="1"/>
  <c r="V39429" i="1"/>
  <c r="V39430" i="1"/>
  <c r="V39431" i="1"/>
  <c r="V39432" i="1"/>
  <c r="V39433" i="1"/>
  <c r="V39434" i="1"/>
  <c r="V39435" i="1"/>
  <c r="V39436" i="1"/>
  <c r="V39437" i="1"/>
  <c r="V39438" i="1"/>
  <c r="V39439" i="1"/>
  <c r="V39440" i="1"/>
  <c r="V39441" i="1"/>
  <c r="V39442" i="1"/>
  <c r="V39443" i="1"/>
  <c r="V39444" i="1"/>
  <c r="V39445" i="1"/>
  <c r="V39446" i="1"/>
  <c r="V39447" i="1"/>
  <c r="V39448" i="1"/>
  <c r="V39449" i="1"/>
  <c r="V39450" i="1"/>
  <c r="V39451" i="1"/>
  <c r="V39452" i="1"/>
  <c r="V39453" i="1"/>
  <c r="V39454" i="1"/>
  <c r="V39455" i="1"/>
  <c r="V39456" i="1"/>
  <c r="V39457" i="1"/>
  <c r="V39458" i="1"/>
  <c r="V39459" i="1"/>
  <c r="V39460" i="1"/>
  <c r="V39461" i="1"/>
  <c r="V39462" i="1"/>
  <c r="V39463" i="1"/>
  <c r="V39464" i="1"/>
  <c r="V39465" i="1"/>
  <c r="V39466" i="1"/>
  <c r="V39467" i="1"/>
  <c r="V39468" i="1"/>
  <c r="V39469" i="1"/>
  <c r="V39470" i="1"/>
  <c r="V39471" i="1"/>
  <c r="V39472" i="1"/>
  <c r="V39473" i="1"/>
  <c r="V39474" i="1"/>
  <c r="V39475" i="1"/>
  <c r="V39476" i="1"/>
  <c r="V39477" i="1"/>
  <c r="V39478" i="1"/>
  <c r="V39479" i="1"/>
  <c r="V39480" i="1"/>
  <c r="V39481" i="1"/>
  <c r="V39482" i="1"/>
  <c r="V39483" i="1"/>
  <c r="V39484" i="1"/>
  <c r="V39485" i="1"/>
  <c r="V39486" i="1"/>
  <c r="V39487" i="1"/>
  <c r="V39488" i="1"/>
  <c r="V39489" i="1"/>
  <c r="V39490" i="1"/>
  <c r="V39491" i="1"/>
  <c r="V39492" i="1"/>
  <c r="V39493" i="1"/>
  <c r="V39494" i="1"/>
  <c r="V39495" i="1"/>
  <c r="V39496" i="1"/>
  <c r="V39497" i="1"/>
  <c r="V39498" i="1"/>
  <c r="V39499" i="1"/>
  <c r="V39500" i="1"/>
  <c r="V39501" i="1"/>
  <c r="V39502" i="1"/>
  <c r="V39503" i="1"/>
  <c r="V39504" i="1"/>
  <c r="V39505" i="1"/>
  <c r="V39506" i="1"/>
  <c r="V39507" i="1"/>
  <c r="V39508" i="1"/>
  <c r="V39509" i="1"/>
  <c r="V39510" i="1"/>
  <c r="V39511" i="1"/>
  <c r="V39512" i="1"/>
  <c r="V39513" i="1"/>
  <c r="V39514" i="1"/>
  <c r="V39515" i="1"/>
  <c r="V39516" i="1"/>
  <c r="V39517" i="1"/>
  <c r="V39518" i="1"/>
  <c r="V39519" i="1"/>
  <c r="V39520" i="1"/>
  <c r="V39521" i="1"/>
  <c r="V39522" i="1"/>
  <c r="V39523" i="1"/>
  <c r="V39524" i="1"/>
  <c r="V39525" i="1"/>
  <c r="V39526" i="1"/>
  <c r="V39527" i="1"/>
  <c r="V39528" i="1"/>
  <c r="V39529" i="1"/>
  <c r="V39530" i="1"/>
  <c r="V39531" i="1"/>
  <c r="V39532" i="1"/>
  <c r="V39533" i="1"/>
  <c r="V39534" i="1"/>
  <c r="V39535" i="1"/>
  <c r="V39536" i="1"/>
  <c r="V39537" i="1"/>
  <c r="V39538" i="1"/>
  <c r="V39539" i="1"/>
  <c r="V39540" i="1"/>
  <c r="V39541" i="1"/>
  <c r="V39542" i="1"/>
  <c r="V39543" i="1"/>
  <c r="V39544" i="1"/>
  <c r="V39545" i="1"/>
  <c r="V39546" i="1"/>
  <c r="V39547" i="1"/>
  <c r="V39548" i="1"/>
  <c r="V39549" i="1"/>
  <c r="V39550" i="1"/>
  <c r="V39551" i="1"/>
  <c r="V39552" i="1"/>
  <c r="V39553" i="1"/>
  <c r="V39554" i="1"/>
  <c r="V39555" i="1"/>
  <c r="V39556" i="1"/>
  <c r="V39557" i="1"/>
  <c r="V39558" i="1"/>
  <c r="V39559" i="1"/>
  <c r="V39560" i="1"/>
  <c r="V39561" i="1"/>
  <c r="V39562" i="1"/>
  <c r="V39563" i="1"/>
  <c r="V39564" i="1"/>
  <c r="V39565" i="1"/>
  <c r="V39566" i="1"/>
  <c r="V39567" i="1"/>
  <c r="V39568" i="1"/>
  <c r="V39569" i="1"/>
  <c r="V39570" i="1"/>
  <c r="V39571" i="1"/>
  <c r="V39572" i="1"/>
  <c r="V39573" i="1"/>
  <c r="V39574" i="1"/>
  <c r="V39575" i="1"/>
  <c r="V39576" i="1"/>
  <c r="V39577" i="1"/>
  <c r="V39578" i="1"/>
  <c r="V39579" i="1"/>
  <c r="V39580" i="1"/>
  <c r="V39581" i="1"/>
  <c r="V39582" i="1"/>
  <c r="V39583" i="1"/>
  <c r="V39584" i="1"/>
  <c r="V39585" i="1"/>
  <c r="V39586" i="1"/>
  <c r="V39587" i="1"/>
  <c r="V39588" i="1"/>
  <c r="V39589" i="1"/>
  <c r="V39590" i="1"/>
  <c r="V39591" i="1"/>
  <c r="V39592" i="1"/>
  <c r="V39593" i="1"/>
  <c r="V39594" i="1"/>
  <c r="V39595" i="1"/>
  <c r="V39596" i="1"/>
  <c r="V39597" i="1"/>
  <c r="V39598" i="1"/>
  <c r="V39599" i="1"/>
  <c r="V39600" i="1"/>
  <c r="V39601" i="1"/>
  <c r="V39602" i="1"/>
  <c r="V39603" i="1"/>
  <c r="V39604" i="1"/>
  <c r="V39605" i="1"/>
  <c r="V39606" i="1"/>
  <c r="V39607" i="1"/>
  <c r="V39608" i="1"/>
  <c r="V39609" i="1"/>
  <c r="V39610" i="1"/>
  <c r="V39611" i="1"/>
  <c r="V39612" i="1"/>
  <c r="V39613" i="1"/>
  <c r="V39614" i="1"/>
  <c r="V39615" i="1"/>
  <c r="V39616" i="1"/>
  <c r="V39617" i="1"/>
  <c r="V39618" i="1"/>
  <c r="V39619" i="1"/>
  <c r="V39620" i="1"/>
  <c r="V39621" i="1"/>
  <c r="V39622" i="1"/>
  <c r="V39623" i="1"/>
  <c r="V39624" i="1"/>
  <c r="V39625" i="1"/>
  <c r="V39626" i="1"/>
  <c r="V39627" i="1"/>
  <c r="V39628" i="1"/>
  <c r="V39629" i="1"/>
  <c r="V39630" i="1"/>
  <c r="V39631" i="1"/>
  <c r="V39632" i="1"/>
  <c r="V39633" i="1"/>
  <c r="V39634" i="1"/>
  <c r="V39635" i="1"/>
  <c r="V39636" i="1"/>
  <c r="V39637" i="1"/>
  <c r="V39638" i="1"/>
  <c r="V39639" i="1"/>
  <c r="V39640" i="1"/>
  <c r="V39641" i="1"/>
  <c r="V39642" i="1"/>
  <c r="V39643" i="1"/>
  <c r="V39644" i="1"/>
  <c r="V39645" i="1"/>
  <c r="V39646" i="1"/>
  <c r="V39647" i="1"/>
  <c r="V39648" i="1"/>
  <c r="V39649" i="1"/>
  <c r="V39650" i="1"/>
  <c r="V39651" i="1"/>
  <c r="V39652" i="1"/>
  <c r="V39653" i="1"/>
  <c r="V39654" i="1"/>
  <c r="V39655" i="1"/>
  <c r="V39656" i="1"/>
  <c r="V39657" i="1"/>
  <c r="V39658" i="1"/>
  <c r="V39659" i="1"/>
  <c r="V39660" i="1"/>
  <c r="V39661" i="1"/>
  <c r="V39662" i="1"/>
  <c r="V39663" i="1"/>
  <c r="V39664" i="1"/>
  <c r="V39665" i="1"/>
  <c r="V39666" i="1"/>
  <c r="V39667" i="1"/>
  <c r="V39668" i="1"/>
  <c r="V39669" i="1"/>
  <c r="V39670" i="1"/>
  <c r="V39671" i="1"/>
  <c r="V39672" i="1"/>
  <c r="V39673" i="1"/>
  <c r="V39674" i="1"/>
  <c r="V39675" i="1"/>
  <c r="V39676" i="1"/>
  <c r="V39677" i="1"/>
  <c r="V39678" i="1"/>
  <c r="V39679" i="1"/>
  <c r="V39680" i="1"/>
  <c r="V39681" i="1"/>
  <c r="V39682" i="1"/>
  <c r="V39683" i="1"/>
  <c r="V39684" i="1"/>
  <c r="V39685" i="1"/>
  <c r="V39686" i="1"/>
  <c r="V39687" i="1"/>
  <c r="V39688" i="1"/>
  <c r="V39689" i="1"/>
  <c r="V39690" i="1"/>
  <c r="V39691" i="1"/>
  <c r="V39692" i="1"/>
  <c r="V39693" i="1"/>
  <c r="V39694" i="1"/>
  <c r="V39695" i="1"/>
  <c r="V39696" i="1"/>
  <c r="V39697" i="1"/>
  <c r="V39698" i="1"/>
  <c r="V39699" i="1"/>
  <c r="V39700" i="1"/>
  <c r="V39701" i="1"/>
  <c r="V39702" i="1"/>
  <c r="V39703" i="1"/>
  <c r="V39704" i="1"/>
  <c r="V39705" i="1"/>
  <c r="V39706" i="1"/>
  <c r="V39707" i="1"/>
  <c r="V39708" i="1"/>
  <c r="V39709" i="1"/>
  <c r="V39710" i="1"/>
  <c r="V39711" i="1"/>
  <c r="V39712" i="1"/>
  <c r="V39713" i="1"/>
  <c r="V39714" i="1"/>
  <c r="V39715" i="1"/>
  <c r="V39716" i="1"/>
  <c r="V39717" i="1"/>
  <c r="V39718" i="1"/>
  <c r="V39719" i="1"/>
  <c r="V39720" i="1"/>
  <c r="V39721" i="1"/>
  <c r="V39722" i="1"/>
  <c r="V39723" i="1"/>
  <c r="V39724" i="1"/>
  <c r="V39725" i="1"/>
  <c r="V39726" i="1"/>
  <c r="V39727" i="1"/>
  <c r="V39728" i="1"/>
  <c r="V39729" i="1"/>
  <c r="V39730" i="1"/>
  <c r="V39731" i="1"/>
  <c r="V39732" i="1"/>
  <c r="V39733" i="1"/>
  <c r="V39734" i="1"/>
  <c r="V39735" i="1"/>
  <c r="V39736" i="1"/>
  <c r="V39737" i="1"/>
  <c r="V39738" i="1"/>
  <c r="V39739" i="1"/>
  <c r="V39740" i="1"/>
  <c r="V39741" i="1"/>
  <c r="V39742" i="1"/>
  <c r="V39743" i="1"/>
  <c r="V39744" i="1"/>
  <c r="V39745" i="1"/>
  <c r="V39746" i="1"/>
  <c r="V39747" i="1"/>
  <c r="V39748" i="1"/>
  <c r="V39749" i="1"/>
  <c r="V39750" i="1"/>
  <c r="V39751" i="1"/>
  <c r="V39752" i="1"/>
  <c r="V39753" i="1"/>
  <c r="V39754" i="1"/>
  <c r="V39755" i="1"/>
  <c r="V39756" i="1"/>
  <c r="V39757" i="1"/>
  <c r="V39758" i="1"/>
  <c r="V39759" i="1"/>
  <c r="V39760" i="1"/>
  <c r="V39761" i="1"/>
  <c r="V39762" i="1"/>
  <c r="V39763" i="1"/>
  <c r="V39764" i="1"/>
  <c r="V39765" i="1"/>
  <c r="V39766" i="1"/>
  <c r="V39767" i="1"/>
  <c r="V39768" i="1"/>
  <c r="V39769" i="1"/>
  <c r="V39770" i="1"/>
  <c r="V39771" i="1"/>
  <c r="V39772" i="1"/>
  <c r="V39773" i="1"/>
  <c r="V39774" i="1"/>
  <c r="V39775" i="1"/>
  <c r="V39776" i="1"/>
  <c r="V39777" i="1"/>
  <c r="V39778" i="1"/>
  <c r="V39779" i="1"/>
  <c r="V39780" i="1"/>
  <c r="V39781" i="1"/>
  <c r="V39782" i="1"/>
  <c r="V39783" i="1"/>
  <c r="V39784" i="1"/>
  <c r="V39785" i="1"/>
  <c r="V39786" i="1"/>
  <c r="V39787" i="1"/>
  <c r="V39788" i="1"/>
  <c r="V39789" i="1"/>
  <c r="V39790" i="1"/>
  <c r="V39791" i="1"/>
  <c r="V39792" i="1"/>
  <c r="V39793" i="1"/>
  <c r="V39794" i="1"/>
  <c r="V39795" i="1"/>
  <c r="V39796" i="1"/>
  <c r="V39797" i="1"/>
  <c r="V39798" i="1"/>
  <c r="V39799" i="1"/>
  <c r="V39800" i="1"/>
  <c r="V39801" i="1"/>
  <c r="V39802" i="1"/>
  <c r="V39803" i="1"/>
  <c r="V39804" i="1"/>
  <c r="V39805" i="1"/>
  <c r="V39806" i="1"/>
  <c r="V39807" i="1"/>
  <c r="V39808" i="1"/>
  <c r="V39809" i="1"/>
  <c r="V39810" i="1"/>
  <c r="V39811" i="1"/>
  <c r="V39812" i="1"/>
  <c r="V39813" i="1"/>
  <c r="V39814" i="1"/>
  <c r="V39815" i="1"/>
  <c r="V39816" i="1"/>
  <c r="V39817" i="1"/>
  <c r="V39818" i="1"/>
  <c r="V39819" i="1"/>
  <c r="V39820" i="1"/>
  <c r="V39821" i="1"/>
  <c r="V39822" i="1"/>
  <c r="V39823" i="1"/>
  <c r="V39824" i="1"/>
  <c r="V39825" i="1"/>
  <c r="V39826" i="1"/>
  <c r="V39827" i="1"/>
  <c r="V39828" i="1"/>
  <c r="V39829" i="1"/>
  <c r="V39830" i="1"/>
  <c r="V39831" i="1"/>
  <c r="V39832" i="1"/>
  <c r="V39833" i="1"/>
  <c r="V39834" i="1"/>
  <c r="V39835" i="1"/>
  <c r="V39836" i="1"/>
  <c r="V39837" i="1"/>
  <c r="V39838" i="1"/>
  <c r="V39839" i="1"/>
  <c r="V39840" i="1"/>
  <c r="V39841" i="1"/>
  <c r="V39842" i="1"/>
  <c r="V39843" i="1"/>
  <c r="V39844" i="1"/>
  <c r="V39845" i="1"/>
  <c r="V39846" i="1"/>
  <c r="V39847" i="1"/>
  <c r="V39848" i="1"/>
  <c r="V39849" i="1"/>
  <c r="V39850" i="1"/>
  <c r="V39851" i="1"/>
  <c r="V39852" i="1"/>
  <c r="V39853" i="1"/>
  <c r="V39854" i="1"/>
  <c r="V39855" i="1"/>
  <c r="V39856" i="1"/>
  <c r="V39857" i="1"/>
  <c r="V39858" i="1"/>
  <c r="V39859" i="1"/>
  <c r="V39860" i="1"/>
  <c r="V39861" i="1"/>
  <c r="V39862" i="1"/>
  <c r="V39863" i="1"/>
  <c r="V39864" i="1"/>
  <c r="V39865" i="1"/>
  <c r="V39866" i="1"/>
  <c r="V39867" i="1"/>
  <c r="V39868" i="1"/>
  <c r="V39869" i="1"/>
  <c r="V39870" i="1"/>
  <c r="V39871" i="1"/>
  <c r="V39872" i="1"/>
  <c r="V39873" i="1"/>
  <c r="V39874" i="1"/>
  <c r="V39875" i="1"/>
  <c r="V39876" i="1"/>
  <c r="V39877" i="1"/>
  <c r="V39878" i="1"/>
  <c r="V39879" i="1"/>
  <c r="V39880" i="1"/>
  <c r="V39881" i="1"/>
  <c r="V39882" i="1"/>
  <c r="V39883" i="1"/>
  <c r="V39884" i="1"/>
  <c r="V39885" i="1"/>
  <c r="V39886" i="1"/>
  <c r="V39887" i="1"/>
  <c r="V39888" i="1"/>
  <c r="V39889" i="1"/>
  <c r="V39890" i="1"/>
  <c r="V39891" i="1"/>
  <c r="V39892" i="1"/>
  <c r="V39893" i="1"/>
  <c r="V39894" i="1"/>
  <c r="V39895" i="1"/>
  <c r="V39896" i="1"/>
  <c r="V39897" i="1"/>
  <c r="V39898" i="1"/>
  <c r="V39899" i="1"/>
  <c r="V39900" i="1"/>
  <c r="V39901" i="1"/>
  <c r="V39902" i="1"/>
  <c r="V39903" i="1"/>
  <c r="V39904" i="1"/>
  <c r="V39905" i="1"/>
  <c r="V39906" i="1"/>
  <c r="V39907" i="1"/>
  <c r="V39908" i="1"/>
  <c r="V39909" i="1"/>
  <c r="V39910" i="1"/>
  <c r="V39911" i="1"/>
  <c r="V39912" i="1"/>
  <c r="V39913" i="1"/>
  <c r="V39914" i="1"/>
  <c r="V39915" i="1"/>
  <c r="V39916" i="1"/>
  <c r="V39917" i="1"/>
  <c r="V39918" i="1"/>
  <c r="V39919" i="1"/>
  <c r="V39920" i="1"/>
  <c r="V39921" i="1"/>
  <c r="V39922" i="1"/>
  <c r="V39923" i="1"/>
  <c r="V39924" i="1"/>
  <c r="V39925" i="1"/>
  <c r="V39926" i="1"/>
  <c r="V39927" i="1"/>
  <c r="V39928" i="1"/>
  <c r="V39929" i="1"/>
  <c r="V39930" i="1"/>
  <c r="V39931" i="1"/>
  <c r="V39932" i="1"/>
  <c r="V39933" i="1"/>
  <c r="V39934" i="1"/>
  <c r="V39935" i="1"/>
  <c r="V39936" i="1"/>
  <c r="V39937" i="1"/>
  <c r="V39938" i="1"/>
  <c r="V39939" i="1"/>
  <c r="V39940" i="1"/>
  <c r="V39941" i="1"/>
  <c r="V39942" i="1"/>
  <c r="V39943" i="1"/>
  <c r="V39944" i="1"/>
  <c r="V39945" i="1"/>
  <c r="V39946" i="1"/>
  <c r="V39947" i="1"/>
  <c r="V39948" i="1"/>
  <c r="V39949" i="1"/>
  <c r="V39950" i="1"/>
  <c r="V39951" i="1"/>
  <c r="V39952" i="1"/>
  <c r="V39953" i="1"/>
  <c r="V39954" i="1"/>
  <c r="V39955" i="1"/>
  <c r="V39956" i="1"/>
  <c r="V39957" i="1"/>
  <c r="V39958" i="1"/>
  <c r="V39959" i="1"/>
  <c r="V39960" i="1"/>
  <c r="V39961" i="1"/>
  <c r="V39962" i="1"/>
  <c r="V39963" i="1"/>
  <c r="V39964" i="1"/>
  <c r="V39965" i="1"/>
  <c r="V39966" i="1"/>
  <c r="V39967" i="1"/>
  <c r="V39968" i="1"/>
  <c r="V39969" i="1"/>
  <c r="V39970" i="1"/>
  <c r="V39971" i="1"/>
  <c r="V39972" i="1"/>
  <c r="V39973" i="1"/>
  <c r="V39974" i="1"/>
  <c r="V39975" i="1"/>
  <c r="V39976" i="1"/>
  <c r="V39977" i="1"/>
  <c r="V39978" i="1"/>
  <c r="V39979" i="1"/>
  <c r="V39980" i="1"/>
  <c r="V39981" i="1"/>
  <c r="V39982" i="1"/>
  <c r="V39983" i="1"/>
  <c r="V39984" i="1"/>
  <c r="V39985" i="1"/>
  <c r="V39986" i="1"/>
  <c r="V39987" i="1"/>
  <c r="V39988" i="1"/>
  <c r="V39989" i="1"/>
  <c r="V39990" i="1"/>
  <c r="V39991" i="1"/>
  <c r="V39992" i="1"/>
  <c r="V39993" i="1"/>
  <c r="V39994" i="1"/>
  <c r="V39995" i="1"/>
  <c r="V39996" i="1"/>
  <c r="V39997" i="1"/>
  <c r="V39998" i="1"/>
  <c r="V39999" i="1"/>
  <c r="V40000" i="1"/>
  <c r="V40001" i="1"/>
  <c r="V40002" i="1"/>
  <c r="V40003" i="1"/>
  <c r="V40004" i="1"/>
  <c r="V40005" i="1"/>
  <c r="V40006" i="1"/>
  <c r="V40007" i="1"/>
  <c r="V40008" i="1"/>
  <c r="V40009" i="1"/>
  <c r="V40010" i="1"/>
  <c r="V40011" i="1"/>
  <c r="V40012" i="1"/>
  <c r="V40013" i="1"/>
  <c r="V40014" i="1"/>
  <c r="V40015" i="1"/>
  <c r="V40016" i="1"/>
  <c r="V40017" i="1"/>
  <c r="V40018" i="1"/>
  <c r="V40019" i="1"/>
  <c r="V40020" i="1"/>
  <c r="V40021" i="1"/>
  <c r="V40022" i="1"/>
  <c r="V40023" i="1"/>
  <c r="V40024" i="1"/>
  <c r="V40025" i="1"/>
  <c r="V40026" i="1"/>
  <c r="V40027" i="1"/>
  <c r="V40028" i="1"/>
  <c r="V40029" i="1"/>
  <c r="V40030" i="1"/>
  <c r="V40031" i="1"/>
  <c r="V40032" i="1"/>
  <c r="V40033" i="1"/>
  <c r="V40034" i="1"/>
  <c r="V40035" i="1"/>
  <c r="V40036" i="1"/>
  <c r="V40037" i="1"/>
  <c r="V40038" i="1"/>
  <c r="V40039" i="1"/>
  <c r="V40040" i="1"/>
  <c r="V40041" i="1"/>
  <c r="V40042" i="1"/>
  <c r="V40043" i="1"/>
  <c r="V40044" i="1"/>
  <c r="V40045" i="1"/>
  <c r="V40046" i="1"/>
  <c r="V40047" i="1"/>
  <c r="V40048" i="1"/>
  <c r="V40049" i="1"/>
  <c r="V40050" i="1"/>
  <c r="V40051" i="1"/>
  <c r="V40052" i="1"/>
  <c r="V40053" i="1"/>
  <c r="V40054" i="1"/>
  <c r="V40055" i="1"/>
  <c r="V40056" i="1"/>
  <c r="V40057" i="1"/>
  <c r="V40058" i="1"/>
  <c r="V40059" i="1"/>
  <c r="V40060" i="1"/>
  <c r="V40061" i="1"/>
  <c r="V40062" i="1"/>
  <c r="V40063" i="1"/>
  <c r="V40064" i="1"/>
  <c r="V40065" i="1"/>
  <c r="V40066" i="1"/>
  <c r="V40067" i="1"/>
  <c r="V40068" i="1"/>
  <c r="V40069" i="1"/>
  <c r="V40070" i="1"/>
  <c r="V40071" i="1"/>
  <c r="V40072" i="1"/>
  <c r="V40073" i="1"/>
  <c r="V40074" i="1"/>
  <c r="V40075" i="1"/>
  <c r="V40076" i="1"/>
  <c r="V40077" i="1"/>
  <c r="V40078" i="1"/>
  <c r="V40079" i="1"/>
  <c r="V40080" i="1"/>
  <c r="V40081" i="1"/>
  <c r="V40082" i="1"/>
  <c r="V40083" i="1"/>
  <c r="V40084" i="1"/>
  <c r="V40085" i="1"/>
  <c r="V40086" i="1"/>
  <c r="V40087" i="1"/>
  <c r="V40088" i="1"/>
  <c r="V40089" i="1"/>
  <c r="V40090" i="1"/>
  <c r="V40091" i="1"/>
  <c r="V40092" i="1"/>
  <c r="V40093" i="1"/>
  <c r="V40094" i="1"/>
  <c r="V40095" i="1"/>
  <c r="V40096" i="1"/>
  <c r="V40097" i="1"/>
  <c r="V40098" i="1"/>
  <c r="V40099" i="1"/>
  <c r="V40100" i="1"/>
  <c r="V40101" i="1"/>
  <c r="V40102" i="1"/>
  <c r="V40103" i="1"/>
  <c r="V40104" i="1"/>
  <c r="V40105" i="1"/>
  <c r="V40106" i="1"/>
  <c r="V40107" i="1"/>
  <c r="V40108" i="1"/>
  <c r="V40109" i="1"/>
  <c r="V40110" i="1"/>
  <c r="V40111" i="1"/>
  <c r="V40112" i="1"/>
  <c r="V40113" i="1"/>
  <c r="V40114" i="1"/>
  <c r="V40115" i="1"/>
  <c r="V40116" i="1"/>
  <c r="V40117" i="1"/>
  <c r="V40118" i="1"/>
  <c r="V40119" i="1"/>
  <c r="V40120" i="1"/>
  <c r="V40121" i="1"/>
  <c r="V40122" i="1"/>
  <c r="V40123" i="1"/>
  <c r="V40124" i="1"/>
  <c r="V40125" i="1"/>
  <c r="V40126" i="1"/>
  <c r="V40127" i="1"/>
  <c r="V40128" i="1"/>
  <c r="V40129" i="1"/>
  <c r="V40130" i="1"/>
  <c r="V40131" i="1"/>
  <c r="V40132" i="1"/>
  <c r="V40133" i="1"/>
  <c r="V40134" i="1"/>
  <c r="V40135" i="1"/>
  <c r="V40136" i="1"/>
  <c r="V40137" i="1"/>
  <c r="V40138" i="1"/>
  <c r="V40139" i="1"/>
  <c r="V40140" i="1"/>
  <c r="V40141" i="1"/>
  <c r="V40142" i="1"/>
  <c r="V40143" i="1"/>
  <c r="V40144" i="1"/>
  <c r="V40145" i="1"/>
  <c r="V40146" i="1"/>
  <c r="V40147" i="1"/>
  <c r="V40148" i="1"/>
  <c r="V40149" i="1"/>
  <c r="V40150" i="1"/>
  <c r="V40151" i="1"/>
  <c r="V40152" i="1"/>
  <c r="V40153" i="1"/>
  <c r="V40154" i="1"/>
  <c r="V40155" i="1"/>
  <c r="V40156" i="1"/>
  <c r="V40157" i="1"/>
  <c r="V40158" i="1"/>
  <c r="V40159" i="1"/>
  <c r="V40160" i="1"/>
  <c r="V40161" i="1"/>
  <c r="V40162" i="1"/>
  <c r="V40163" i="1"/>
  <c r="V40164" i="1"/>
  <c r="V40165" i="1"/>
  <c r="V40166" i="1"/>
  <c r="V40167" i="1"/>
  <c r="V40168" i="1"/>
  <c r="V40169" i="1"/>
  <c r="V40170" i="1"/>
  <c r="V40171" i="1"/>
  <c r="V40172" i="1"/>
  <c r="V40173" i="1"/>
  <c r="V40174" i="1"/>
  <c r="V40175" i="1"/>
  <c r="V40176" i="1"/>
  <c r="V40177" i="1"/>
  <c r="V40178" i="1"/>
  <c r="V40179" i="1"/>
  <c r="V40180" i="1"/>
  <c r="V40181" i="1"/>
  <c r="V40182" i="1"/>
  <c r="V40183" i="1"/>
  <c r="V40184" i="1"/>
  <c r="V40185" i="1"/>
  <c r="V40186" i="1"/>
  <c r="V40187" i="1"/>
  <c r="V40188" i="1"/>
  <c r="V40189" i="1"/>
  <c r="V40190" i="1"/>
  <c r="V40191" i="1"/>
  <c r="V40192" i="1"/>
  <c r="V40193" i="1"/>
  <c r="V40194" i="1"/>
  <c r="V40195" i="1"/>
  <c r="V40196" i="1"/>
  <c r="V40197" i="1"/>
  <c r="V40198" i="1"/>
  <c r="V40199" i="1"/>
  <c r="V40200" i="1"/>
  <c r="V40201" i="1"/>
  <c r="V40202" i="1"/>
  <c r="V40203" i="1"/>
  <c r="V40204" i="1"/>
  <c r="V40205" i="1"/>
  <c r="V40206" i="1"/>
  <c r="V40207" i="1"/>
  <c r="V40208" i="1"/>
  <c r="V40209" i="1"/>
  <c r="V40210" i="1"/>
  <c r="V40211" i="1"/>
  <c r="V40212" i="1"/>
  <c r="V40213" i="1"/>
  <c r="V40214" i="1"/>
  <c r="V40215" i="1"/>
  <c r="V40216" i="1"/>
  <c r="V40217" i="1"/>
  <c r="V40218" i="1"/>
  <c r="V40219" i="1"/>
  <c r="V40220" i="1"/>
  <c r="V40221" i="1"/>
  <c r="V40222" i="1"/>
  <c r="V40223" i="1"/>
  <c r="V40224" i="1"/>
  <c r="V40225" i="1"/>
  <c r="V40226" i="1"/>
  <c r="V40227" i="1"/>
  <c r="V40228" i="1"/>
  <c r="V40229" i="1"/>
  <c r="V40230" i="1"/>
  <c r="V40231" i="1"/>
  <c r="V40232" i="1"/>
  <c r="V40233" i="1"/>
  <c r="V40234" i="1"/>
  <c r="V40235" i="1"/>
  <c r="V40236" i="1"/>
  <c r="V40237" i="1"/>
  <c r="V40238" i="1"/>
  <c r="V40239" i="1"/>
  <c r="V40240" i="1"/>
  <c r="V40241" i="1"/>
  <c r="V40242" i="1"/>
  <c r="V40243" i="1"/>
  <c r="V40244" i="1"/>
  <c r="V40245" i="1"/>
  <c r="V40246" i="1"/>
  <c r="V40247" i="1"/>
  <c r="V40248" i="1"/>
  <c r="V40249" i="1"/>
  <c r="V40250" i="1"/>
  <c r="V40251" i="1"/>
  <c r="V40252" i="1"/>
  <c r="V40253" i="1"/>
  <c r="V40254" i="1"/>
  <c r="V40255" i="1"/>
  <c r="V40256" i="1"/>
  <c r="V40257" i="1"/>
  <c r="V40258" i="1"/>
  <c r="V40259" i="1"/>
  <c r="V40260" i="1"/>
  <c r="V40261" i="1"/>
  <c r="V40262" i="1"/>
  <c r="V40263" i="1"/>
  <c r="V40264" i="1"/>
  <c r="V40265" i="1"/>
  <c r="V40266" i="1"/>
  <c r="V40267" i="1"/>
  <c r="V40268" i="1"/>
  <c r="V40269" i="1"/>
  <c r="V40270" i="1"/>
  <c r="V40271" i="1"/>
  <c r="V40272" i="1"/>
  <c r="V40273" i="1"/>
  <c r="V40274" i="1"/>
  <c r="V40275" i="1"/>
  <c r="V40276" i="1"/>
  <c r="V40277" i="1"/>
  <c r="V40278" i="1"/>
  <c r="V40279" i="1"/>
  <c r="V40280" i="1"/>
  <c r="V40281" i="1"/>
  <c r="V40282" i="1"/>
  <c r="V40283" i="1"/>
  <c r="V40284" i="1"/>
  <c r="V40285" i="1"/>
  <c r="V40286" i="1"/>
  <c r="V40287" i="1"/>
  <c r="V40288" i="1"/>
  <c r="V40289" i="1"/>
  <c r="V40290" i="1"/>
  <c r="V40291" i="1"/>
  <c r="V40292" i="1"/>
  <c r="V40293" i="1"/>
  <c r="V40294" i="1"/>
  <c r="V40295" i="1"/>
  <c r="V40296" i="1"/>
  <c r="V40297" i="1"/>
  <c r="V40298" i="1"/>
  <c r="V40299" i="1"/>
  <c r="V40300" i="1"/>
  <c r="V40301" i="1"/>
  <c r="V40302" i="1"/>
  <c r="V40303" i="1"/>
  <c r="V40304" i="1"/>
  <c r="V40305" i="1"/>
  <c r="V40306" i="1"/>
  <c r="V40307" i="1"/>
  <c r="V40308" i="1"/>
  <c r="V40309" i="1"/>
  <c r="V40310" i="1"/>
  <c r="V40311" i="1"/>
  <c r="V40312" i="1"/>
  <c r="V40313" i="1"/>
  <c r="V40314" i="1"/>
  <c r="V40315" i="1"/>
  <c r="V40316" i="1"/>
  <c r="V40317" i="1"/>
  <c r="V40318" i="1"/>
  <c r="V40319" i="1"/>
  <c r="V40320" i="1"/>
  <c r="V40321" i="1"/>
  <c r="V40322" i="1"/>
  <c r="V40323" i="1"/>
  <c r="V40324" i="1"/>
  <c r="V40325" i="1"/>
  <c r="V40326" i="1"/>
  <c r="V40327" i="1"/>
  <c r="V40328" i="1"/>
  <c r="V40329" i="1"/>
  <c r="V40330" i="1"/>
  <c r="V40331" i="1"/>
  <c r="V40332" i="1"/>
  <c r="V40333" i="1"/>
  <c r="V40334" i="1"/>
  <c r="V40335" i="1"/>
  <c r="V40336" i="1"/>
  <c r="V40337" i="1"/>
  <c r="V40338" i="1"/>
  <c r="V40339" i="1"/>
  <c r="V40340" i="1"/>
  <c r="V40341" i="1"/>
  <c r="V40342" i="1"/>
  <c r="V40343" i="1"/>
  <c r="V40344" i="1"/>
  <c r="V40345" i="1"/>
  <c r="V40346" i="1"/>
  <c r="V40347" i="1"/>
  <c r="V40348" i="1"/>
  <c r="V40349" i="1"/>
  <c r="V40350" i="1"/>
  <c r="V40351" i="1"/>
  <c r="V40352" i="1"/>
  <c r="V40353" i="1"/>
  <c r="V40354" i="1"/>
  <c r="V40355" i="1"/>
  <c r="V40356" i="1"/>
  <c r="V40357" i="1"/>
  <c r="V40358" i="1"/>
  <c r="V40359" i="1"/>
  <c r="V40360" i="1"/>
  <c r="V40361" i="1"/>
  <c r="V40362" i="1"/>
  <c r="V40363" i="1"/>
  <c r="V40364" i="1"/>
  <c r="V40365" i="1"/>
  <c r="V40366" i="1"/>
  <c r="V40367" i="1"/>
  <c r="V40368" i="1"/>
  <c r="V40369" i="1"/>
  <c r="V40370" i="1"/>
  <c r="V40371" i="1"/>
  <c r="V40372" i="1"/>
  <c r="V40373" i="1"/>
  <c r="V40374" i="1"/>
  <c r="V40375" i="1"/>
  <c r="V40376" i="1"/>
  <c r="V40377" i="1"/>
  <c r="V40378" i="1"/>
  <c r="V40379" i="1"/>
  <c r="V40380" i="1"/>
  <c r="V40381" i="1"/>
  <c r="V40382" i="1"/>
  <c r="V40383" i="1"/>
  <c r="V40384" i="1"/>
  <c r="V40385" i="1"/>
  <c r="V40386" i="1"/>
  <c r="V40387" i="1"/>
  <c r="V40388" i="1"/>
  <c r="V40389" i="1"/>
  <c r="V40390" i="1"/>
  <c r="V40391" i="1"/>
  <c r="V40392" i="1"/>
  <c r="V40393" i="1"/>
  <c r="V40394" i="1"/>
  <c r="V40395" i="1"/>
  <c r="V40396" i="1"/>
  <c r="V40397" i="1"/>
  <c r="V40398" i="1"/>
  <c r="V40399" i="1"/>
  <c r="V40400" i="1"/>
  <c r="V40401" i="1"/>
  <c r="V40402" i="1"/>
  <c r="V40403" i="1"/>
  <c r="V40404" i="1"/>
  <c r="V40405" i="1"/>
  <c r="V40406" i="1"/>
  <c r="V40407" i="1"/>
  <c r="V40408" i="1"/>
  <c r="V40409" i="1"/>
  <c r="V40410" i="1"/>
  <c r="V40411" i="1"/>
  <c r="V40412" i="1"/>
  <c r="V40413" i="1"/>
  <c r="V40414" i="1"/>
  <c r="V40415" i="1"/>
  <c r="V40416" i="1"/>
  <c r="V40417" i="1"/>
  <c r="V40418" i="1"/>
  <c r="V40419" i="1"/>
  <c r="V40420" i="1"/>
  <c r="V40421" i="1"/>
  <c r="V40422" i="1"/>
  <c r="V40423" i="1"/>
  <c r="V40424" i="1"/>
  <c r="V40425" i="1"/>
  <c r="V40426" i="1"/>
  <c r="V40427" i="1"/>
  <c r="V40428" i="1"/>
  <c r="V40429" i="1"/>
  <c r="V40430" i="1"/>
  <c r="V40431" i="1"/>
  <c r="V40432" i="1"/>
  <c r="V40433" i="1"/>
  <c r="V40434" i="1"/>
  <c r="V40435" i="1"/>
  <c r="V40436" i="1"/>
  <c r="V40437" i="1"/>
  <c r="V40438" i="1"/>
  <c r="V40439" i="1"/>
  <c r="V40440" i="1"/>
  <c r="V40441" i="1"/>
  <c r="V40442" i="1"/>
  <c r="V40443" i="1"/>
  <c r="V40444" i="1"/>
  <c r="V40445" i="1"/>
  <c r="V40446" i="1"/>
  <c r="V40447" i="1"/>
  <c r="V40448" i="1"/>
  <c r="V40449" i="1"/>
  <c r="V40450" i="1"/>
  <c r="V40451" i="1"/>
  <c r="V40452" i="1"/>
  <c r="V40453" i="1"/>
  <c r="V40454" i="1"/>
  <c r="V40455" i="1"/>
  <c r="V40456" i="1"/>
  <c r="V40457" i="1"/>
  <c r="V40458" i="1"/>
  <c r="V40459" i="1"/>
  <c r="V40460" i="1"/>
  <c r="V40461" i="1"/>
  <c r="V40462" i="1"/>
  <c r="V40463" i="1"/>
  <c r="V40464" i="1"/>
  <c r="V40465" i="1"/>
  <c r="V40466" i="1"/>
  <c r="V40467" i="1"/>
  <c r="V40468" i="1"/>
  <c r="V40469" i="1"/>
  <c r="V40470" i="1"/>
  <c r="V40471" i="1"/>
  <c r="V40472" i="1"/>
  <c r="V40473" i="1"/>
  <c r="V40474" i="1"/>
  <c r="V40475" i="1"/>
  <c r="V40476" i="1"/>
  <c r="V40477" i="1"/>
  <c r="V40478" i="1"/>
  <c r="V40479" i="1"/>
  <c r="V40480" i="1"/>
  <c r="V40481" i="1"/>
  <c r="V40482" i="1"/>
  <c r="V40483" i="1"/>
  <c r="V40484" i="1"/>
  <c r="V40485" i="1"/>
  <c r="V40486" i="1"/>
  <c r="V40487" i="1"/>
  <c r="V40488" i="1"/>
  <c r="V40489" i="1"/>
  <c r="V40490" i="1"/>
  <c r="V40491" i="1"/>
  <c r="V40492" i="1"/>
  <c r="V40493" i="1"/>
  <c r="V40494" i="1"/>
  <c r="V40495" i="1"/>
  <c r="V40496" i="1"/>
  <c r="V40497" i="1"/>
  <c r="V40498" i="1"/>
  <c r="V40499" i="1"/>
  <c r="V40500" i="1"/>
  <c r="V40501" i="1"/>
  <c r="V40502" i="1"/>
  <c r="V40503" i="1"/>
  <c r="V40504" i="1"/>
  <c r="V40505" i="1"/>
  <c r="V40506" i="1"/>
  <c r="V40507" i="1"/>
  <c r="V40508" i="1"/>
  <c r="V40509" i="1"/>
  <c r="V40510" i="1"/>
  <c r="V40511" i="1"/>
  <c r="V40512" i="1"/>
  <c r="V40513" i="1"/>
  <c r="V40514" i="1"/>
  <c r="V40515" i="1"/>
  <c r="V40516" i="1"/>
  <c r="V40517" i="1"/>
  <c r="V40518" i="1"/>
  <c r="V40519" i="1"/>
  <c r="V40520" i="1"/>
  <c r="V40521" i="1"/>
  <c r="V40522" i="1"/>
  <c r="V40523" i="1"/>
  <c r="V40524" i="1"/>
  <c r="V40525" i="1"/>
  <c r="V40526" i="1"/>
  <c r="V40527" i="1"/>
  <c r="V40528" i="1"/>
  <c r="V40529" i="1"/>
  <c r="V40530" i="1"/>
  <c r="V40531" i="1"/>
  <c r="V40532" i="1"/>
  <c r="V40533" i="1"/>
  <c r="V40534" i="1"/>
  <c r="V40535" i="1"/>
  <c r="V40536" i="1"/>
  <c r="V40537" i="1"/>
  <c r="V40538" i="1"/>
  <c r="V40539" i="1"/>
  <c r="V40540" i="1"/>
  <c r="V40541" i="1"/>
  <c r="V40542" i="1"/>
  <c r="V40543" i="1"/>
  <c r="V40544" i="1"/>
  <c r="V40545" i="1"/>
  <c r="V40546" i="1"/>
  <c r="V40547" i="1"/>
  <c r="V40548" i="1"/>
  <c r="V40549" i="1"/>
  <c r="V40550" i="1"/>
  <c r="V40551" i="1"/>
  <c r="V40552" i="1"/>
  <c r="V40553" i="1"/>
  <c r="V40554" i="1"/>
  <c r="V40555" i="1"/>
  <c r="V40556" i="1"/>
  <c r="V40557" i="1"/>
  <c r="V40558" i="1"/>
  <c r="V40559" i="1"/>
  <c r="V40560" i="1"/>
  <c r="V40561" i="1"/>
  <c r="V40562" i="1"/>
  <c r="V40563" i="1"/>
  <c r="V40564" i="1"/>
  <c r="V40565" i="1"/>
  <c r="V40566" i="1"/>
  <c r="V40567" i="1"/>
  <c r="V40568" i="1"/>
  <c r="V40569" i="1"/>
  <c r="V40570" i="1"/>
  <c r="V40571" i="1"/>
  <c r="V40572" i="1"/>
  <c r="V40573" i="1"/>
  <c r="V40574" i="1"/>
  <c r="V40575" i="1"/>
  <c r="V40576" i="1"/>
  <c r="V40577" i="1"/>
  <c r="V40578" i="1"/>
  <c r="V40579" i="1"/>
  <c r="V40580" i="1"/>
  <c r="V40581" i="1"/>
  <c r="V40582" i="1"/>
  <c r="V40583" i="1"/>
  <c r="V40584" i="1"/>
  <c r="V40585" i="1"/>
  <c r="V40586" i="1"/>
  <c r="V40587" i="1"/>
  <c r="V40588" i="1"/>
  <c r="V40589" i="1"/>
  <c r="V40590" i="1"/>
  <c r="V40591" i="1"/>
  <c r="V40592" i="1"/>
  <c r="V40593" i="1"/>
  <c r="V40594" i="1"/>
  <c r="V40595" i="1"/>
  <c r="V40596" i="1"/>
  <c r="V40597" i="1"/>
  <c r="V40598" i="1"/>
  <c r="V40599" i="1"/>
  <c r="V40600" i="1"/>
  <c r="V40601" i="1"/>
  <c r="V40602" i="1"/>
  <c r="V40603" i="1"/>
  <c r="V40604" i="1"/>
  <c r="V40605" i="1"/>
  <c r="V40606" i="1"/>
  <c r="V40607" i="1"/>
  <c r="V40608" i="1"/>
  <c r="V40609" i="1"/>
  <c r="V40610" i="1"/>
  <c r="V40611" i="1"/>
  <c r="V40612" i="1"/>
  <c r="V40613" i="1"/>
  <c r="V40614" i="1"/>
  <c r="V40615" i="1"/>
  <c r="V40616" i="1"/>
  <c r="V40617" i="1"/>
  <c r="V40618" i="1"/>
  <c r="V40619" i="1"/>
  <c r="V40620" i="1"/>
  <c r="V40621" i="1"/>
  <c r="V40622" i="1"/>
  <c r="V40623" i="1"/>
  <c r="V40624" i="1"/>
  <c r="V40625" i="1"/>
  <c r="V40626" i="1"/>
  <c r="V40627" i="1"/>
  <c r="V40628" i="1"/>
  <c r="V40629" i="1"/>
  <c r="V40630" i="1"/>
  <c r="V40631" i="1"/>
  <c r="V40632" i="1"/>
  <c r="V40633" i="1"/>
  <c r="V40634" i="1"/>
  <c r="V40635" i="1"/>
  <c r="V40636" i="1"/>
  <c r="V40637" i="1"/>
  <c r="V40638" i="1"/>
  <c r="V40639" i="1"/>
  <c r="V40640" i="1"/>
  <c r="V40641" i="1"/>
  <c r="V40642" i="1"/>
  <c r="V40643" i="1"/>
  <c r="V40644" i="1"/>
  <c r="V40645" i="1"/>
  <c r="V40646" i="1"/>
  <c r="V40647" i="1"/>
  <c r="V40648" i="1"/>
  <c r="V40649" i="1"/>
  <c r="V40650" i="1"/>
  <c r="V40651" i="1"/>
  <c r="V40652" i="1"/>
  <c r="V40653" i="1"/>
  <c r="V40654" i="1"/>
  <c r="V40655" i="1"/>
  <c r="V40656" i="1"/>
  <c r="V40657" i="1"/>
  <c r="V40658" i="1"/>
  <c r="V40659" i="1"/>
  <c r="V40660" i="1"/>
  <c r="V40661" i="1"/>
  <c r="V40662" i="1"/>
  <c r="V40663" i="1"/>
  <c r="V40664" i="1"/>
  <c r="V40665" i="1"/>
  <c r="V40666" i="1"/>
  <c r="V40667" i="1"/>
  <c r="V40668" i="1"/>
  <c r="V40669" i="1"/>
  <c r="V40670" i="1"/>
  <c r="V40671" i="1"/>
  <c r="V40672" i="1"/>
  <c r="V40673" i="1"/>
  <c r="V40674" i="1"/>
  <c r="V40675" i="1"/>
  <c r="V40676" i="1"/>
  <c r="V40677" i="1"/>
  <c r="V40678" i="1"/>
  <c r="V40679" i="1"/>
  <c r="V40680" i="1"/>
  <c r="V40681" i="1"/>
  <c r="V40682" i="1"/>
  <c r="V40683" i="1"/>
  <c r="V40684" i="1"/>
  <c r="V40685" i="1"/>
  <c r="V40686" i="1"/>
  <c r="V40687" i="1"/>
  <c r="V40688" i="1"/>
  <c r="V40689" i="1"/>
  <c r="V40690" i="1"/>
  <c r="V40691" i="1"/>
  <c r="V40692" i="1"/>
  <c r="V40693" i="1"/>
  <c r="V40694" i="1"/>
  <c r="V40695" i="1"/>
  <c r="V40696" i="1"/>
  <c r="V40697" i="1"/>
  <c r="V40698" i="1"/>
  <c r="V40699" i="1"/>
  <c r="V40700" i="1"/>
  <c r="V40701" i="1"/>
  <c r="V40702" i="1"/>
  <c r="V40703" i="1"/>
  <c r="V40704" i="1"/>
  <c r="V40705" i="1"/>
  <c r="V40706" i="1"/>
  <c r="V40707" i="1"/>
  <c r="V40708" i="1"/>
  <c r="V40709" i="1"/>
  <c r="V40710" i="1"/>
  <c r="V40711" i="1"/>
  <c r="V40712" i="1"/>
  <c r="V40713" i="1"/>
  <c r="V40714" i="1"/>
  <c r="V40715" i="1"/>
  <c r="V40716" i="1"/>
  <c r="V40717" i="1"/>
  <c r="V40718" i="1"/>
  <c r="V40719" i="1"/>
  <c r="V40720" i="1"/>
  <c r="V40721" i="1"/>
  <c r="V40722" i="1"/>
  <c r="V40723" i="1"/>
  <c r="V40724" i="1"/>
  <c r="V40725" i="1"/>
  <c r="V40726" i="1"/>
  <c r="V40727" i="1"/>
  <c r="V40728" i="1"/>
  <c r="V40729" i="1"/>
  <c r="V40730" i="1"/>
  <c r="V40731" i="1"/>
  <c r="V40732" i="1"/>
  <c r="V40733" i="1"/>
  <c r="V40734" i="1"/>
  <c r="V40735" i="1"/>
  <c r="V40736" i="1"/>
  <c r="V40737" i="1"/>
  <c r="V40738" i="1"/>
  <c r="V40739" i="1"/>
  <c r="V40740" i="1"/>
  <c r="V40741" i="1"/>
  <c r="V40742" i="1"/>
  <c r="V40743" i="1"/>
  <c r="V40744" i="1"/>
  <c r="V40745" i="1"/>
  <c r="V40746" i="1"/>
  <c r="V40747" i="1"/>
  <c r="V40748" i="1"/>
  <c r="V40749" i="1"/>
  <c r="V40750" i="1"/>
  <c r="V40751" i="1"/>
  <c r="V40752" i="1"/>
  <c r="V40753" i="1"/>
  <c r="V40754" i="1"/>
  <c r="V40755" i="1"/>
  <c r="V40756" i="1"/>
  <c r="V40757" i="1"/>
  <c r="V40758" i="1"/>
  <c r="V40759" i="1"/>
  <c r="V40760" i="1"/>
  <c r="V40761" i="1"/>
  <c r="V40762" i="1"/>
  <c r="V40763" i="1"/>
  <c r="V40764" i="1"/>
  <c r="V40765" i="1"/>
  <c r="V40766" i="1"/>
  <c r="V40767" i="1"/>
  <c r="V40768" i="1"/>
  <c r="V40769" i="1"/>
  <c r="V40770" i="1"/>
  <c r="V40771" i="1"/>
  <c r="V40772" i="1"/>
  <c r="V40773" i="1"/>
  <c r="V40774" i="1"/>
  <c r="V40775" i="1"/>
  <c r="V40776" i="1"/>
  <c r="V40777" i="1"/>
  <c r="V40778" i="1"/>
  <c r="V40779" i="1"/>
  <c r="V40780" i="1"/>
  <c r="V40781" i="1"/>
  <c r="V40782" i="1"/>
  <c r="V40783" i="1"/>
  <c r="V40784" i="1"/>
  <c r="V40785" i="1"/>
  <c r="V40786" i="1"/>
  <c r="V40787" i="1"/>
  <c r="V40788" i="1"/>
  <c r="V40789" i="1"/>
  <c r="V40790" i="1"/>
  <c r="V40791" i="1"/>
  <c r="V40792" i="1"/>
  <c r="V40793" i="1"/>
  <c r="V40794" i="1"/>
  <c r="V40795" i="1"/>
  <c r="V40796" i="1"/>
  <c r="V40797" i="1"/>
  <c r="V40798" i="1"/>
  <c r="V40799" i="1"/>
  <c r="V40800" i="1"/>
  <c r="V40801" i="1"/>
  <c r="V40802" i="1"/>
  <c r="V40803" i="1"/>
  <c r="V40804" i="1"/>
  <c r="V40805" i="1"/>
  <c r="V40806" i="1"/>
  <c r="V40807" i="1"/>
  <c r="V40808" i="1"/>
  <c r="V40809" i="1"/>
  <c r="V40810" i="1"/>
  <c r="V40811" i="1"/>
  <c r="V40812" i="1"/>
  <c r="V40813" i="1"/>
  <c r="V40814" i="1"/>
  <c r="V40815" i="1"/>
  <c r="V40816" i="1"/>
  <c r="V40817" i="1"/>
  <c r="V40818" i="1"/>
  <c r="V40819" i="1"/>
  <c r="V40820" i="1"/>
  <c r="V40821" i="1"/>
  <c r="V40822" i="1"/>
  <c r="V40823" i="1"/>
  <c r="V40824" i="1"/>
  <c r="V40825" i="1"/>
  <c r="V40826" i="1"/>
  <c r="V40827" i="1"/>
  <c r="V40828" i="1"/>
  <c r="V40829" i="1"/>
  <c r="V40830" i="1"/>
  <c r="V40831" i="1"/>
  <c r="V40832" i="1"/>
  <c r="V40833" i="1"/>
  <c r="V40834" i="1"/>
  <c r="V40835" i="1"/>
  <c r="V40836" i="1"/>
  <c r="V40837" i="1"/>
  <c r="V40838" i="1"/>
  <c r="V40839" i="1"/>
  <c r="V40840" i="1"/>
  <c r="V40841" i="1"/>
  <c r="V40842" i="1"/>
  <c r="V40843" i="1"/>
  <c r="V40844" i="1"/>
  <c r="V40845" i="1"/>
  <c r="V40846" i="1"/>
  <c r="V40847" i="1"/>
  <c r="V40848" i="1"/>
  <c r="V40849" i="1"/>
  <c r="V40850" i="1"/>
  <c r="V40851" i="1"/>
  <c r="V40852" i="1"/>
  <c r="V40853" i="1"/>
  <c r="V40854" i="1"/>
  <c r="V40855" i="1"/>
  <c r="V40856" i="1"/>
  <c r="V40857" i="1"/>
  <c r="V40858" i="1"/>
  <c r="V40859" i="1"/>
  <c r="V40860" i="1"/>
  <c r="V40861" i="1"/>
  <c r="V40862" i="1"/>
  <c r="V40863" i="1"/>
  <c r="V40864" i="1"/>
  <c r="V40865" i="1"/>
  <c r="V40866" i="1"/>
  <c r="V40867" i="1"/>
  <c r="V40868" i="1"/>
  <c r="V40869" i="1"/>
  <c r="V40870" i="1"/>
  <c r="V40871" i="1"/>
  <c r="V40872" i="1"/>
  <c r="V40873" i="1"/>
  <c r="V40874" i="1"/>
  <c r="V40875" i="1"/>
  <c r="V40876" i="1"/>
  <c r="V40877" i="1"/>
  <c r="V40878" i="1"/>
  <c r="V40879" i="1"/>
  <c r="V40880" i="1"/>
  <c r="V40881" i="1"/>
  <c r="V40882" i="1"/>
  <c r="V40883" i="1"/>
  <c r="V40884" i="1"/>
  <c r="V40885" i="1"/>
  <c r="V40886" i="1"/>
  <c r="V40887" i="1"/>
  <c r="V40888" i="1"/>
  <c r="V40889" i="1"/>
  <c r="V40890" i="1"/>
  <c r="V40891" i="1"/>
  <c r="V40892" i="1"/>
  <c r="V40893" i="1"/>
  <c r="V40894" i="1"/>
  <c r="V40895" i="1"/>
  <c r="V40896" i="1"/>
  <c r="V40897" i="1"/>
  <c r="V40898" i="1"/>
  <c r="V40899" i="1"/>
  <c r="V40900" i="1"/>
  <c r="V40901" i="1"/>
  <c r="V40902" i="1"/>
  <c r="V40903" i="1"/>
  <c r="V40904" i="1"/>
  <c r="V40905" i="1"/>
  <c r="V40906" i="1"/>
  <c r="V40907" i="1"/>
  <c r="V40908" i="1"/>
  <c r="V40909" i="1"/>
  <c r="V40910" i="1"/>
  <c r="V40911" i="1"/>
  <c r="V40912" i="1"/>
  <c r="V40913" i="1"/>
  <c r="V40914" i="1"/>
  <c r="V40915" i="1"/>
  <c r="V40916" i="1"/>
  <c r="V40917" i="1"/>
  <c r="V40918" i="1"/>
  <c r="V40919" i="1"/>
  <c r="V40920" i="1"/>
  <c r="V40921" i="1"/>
  <c r="V40922" i="1"/>
  <c r="V40923" i="1"/>
  <c r="V40924" i="1"/>
  <c r="V40925" i="1"/>
  <c r="V40926" i="1"/>
  <c r="V40927" i="1"/>
  <c r="V40928" i="1"/>
  <c r="V40929" i="1"/>
  <c r="V40930" i="1"/>
  <c r="V40931" i="1"/>
  <c r="V40932" i="1"/>
  <c r="V40933" i="1"/>
  <c r="V40934" i="1"/>
  <c r="V40935" i="1"/>
  <c r="V40936" i="1"/>
  <c r="V40937" i="1"/>
  <c r="V40938" i="1"/>
  <c r="V40939" i="1"/>
  <c r="V40940" i="1"/>
  <c r="V40941" i="1"/>
  <c r="V40942" i="1"/>
  <c r="V40943" i="1"/>
  <c r="V40944" i="1"/>
  <c r="V40945" i="1"/>
  <c r="V40946" i="1"/>
  <c r="V40947" i="1"/>
  <c r="V40948" i="1"/>
  <c r="V40949" i="1"/>
  <c r="V40950" i="1"/>
  <c r="V40951" i="1"/>
  <c r="V40952" i="1"/>
  <c r="V40953" i="1"/>
  <c r="V40954" i="1"/>
  <c r="V40955" i="1"/>
  <c r="V40956" i="1"/>
  <c r="V40957" i="1"/>
  <c r="V40958" i="1"/>
  <c r="V40959" i="1"/>
  <c r="V40960" i="1"/>
  <c r="V40961" i="1"/>
  <c r="V40962" i="1"/>
  <c r="V40963" i="1"/>
  <c r="V40964" i="1"/>
  <c r="V40965" i="1"/>
  <c r="V40966" i="1"/>
  <c r="V40967" i="1"/>
  <c r="V40968" i="1"/>
  <c r="V40969" i="1"/>
  <c r="V40970" i="1"/>
  <c r="V40971" i="1"/>
  <c r="V40972" i="1"/>
  <c r="V40973" i="1"/>
  <c r="V40974" i="1"/>
  <c r="V40975" i="1"/>
  <c r="V40976" i="1"/>
  <c r="V40977" i="1"/>
  <c r="V40978" i="1"/>
  <c r="V40979" i="1"/>
  <c r="V40980" i="1"/>
  <c r="V40981" i="1"/>
  <c r="V40982" i="1"/>
  <c r="V40983" i="1"/>
  <c r="V40984" i="1"/>
  <c r="V40985" i="1"/>
  <c r="V40986" i="1"/>
  <c r="V40987" i="1"/>
  <c r="V40988" i="1"/>
  <c r="V40989" i="1"/>
  <c r="V40990" i="1"/>
  <c r="V40991" i="1"/>
  <c r="V40992" i="1"/>
  <c r="V40993" i="1"/>
  <c r="V40994" i="1"/>
  <c r="V40995" i="1"/>
  <c r="V40996" i="1"/>
  <c r="V40997" i="1"/>
  <c r="V40998" i="1"/>
  <c r="V40999" i="1"/>
  <c r="V41000" i="1"/>
  <c r="V41001" i="1"/>
  <c r="V41002" i="1"/>
  <c r="V41003" i="1"/>
  <c r="V41004" i="1"/>
  <c r="V41005" i="1"/>
  <c r="V41006" i="1"/>
  <c r="V41007" i="1"/>
  <c r="V41008" i="1"/>
  <c r="V41009" i="1"/>
  <c r="V41010" i="1"/>
  <c r="V41011" i="1"/>
  <c r="V41012" i="1"/>
  <c r="V41013" i="1"/>
  <c r="V41014" i="1"/>
  <c r="V41015" i="1"/>
  <c r="V41016" i="1"/>
  <c r="V41017" i="1"/>
  <c r="V41018" i="1"/>
  <c r="V41019" i="1"/>
  <c r="V41020" i="1"/>
  <c r="V41021" i="1"/>
  <c r="V41022" i="1"/>
  <c r="V41023" i="1"/>
  <c r="V41024" i="1"/>
  <c r="V41025" i="1"/>
  <c r="V41026" i="1"/>
  <c r="V41027" i="1"/>
  <c r="V41028" i="1"/>
  <c r="V41029" i="1"/>
  <c r="V41030" i="1"/>
  <c r="V41031" i="1"/>
  <c r="V41032" i="1"/>
  <c r="V41033" i="1"/>
  <c r="V41034" i="1"/>
  <c r="V41035" i="1"/>
  <c r="V41036" i="1"/>
  <c r="V41037" i="1"/>
  <c r="V41038" i="1"/>
  <c r="V41039" i="1"/>
  <c r="V41040" i="1"/>
  <c r="V41041" i="1"/>
  <c r="V41042" i="1"/>
  <c r="V41043" i="1"/>
  <c r="V41044" i="1"/>
  <c r="V41045" i="1"/>
  <c r="V41046" i="1"/>
  <c r="V41047" i="1"/>
  <c r="V41048" i="1"/>
  <c r="V41049" i="1"/>
  <c r="V41050" i="1"/>
  <c r="V41051" i="1"/>
  <c r="V41052" i="1"/>
  <c r="V41053" i="1"/>
  <c r="V41054" i="1"/>
  <c r="V41055" i="1"/>
  <c r="V41056" i="1"/>
  <c r="V41057" i="1"/>
  <c r="V41058" i="1"/>
  <c r="V41059" i="1"/>
  <c r="V41060" i="1"/>
  <c r="V41061" i="1"/>
  <c r="V41062" i="1"/>
  <c r="V41063" i="1"/>
  <c r="V41064" i="1"/>
  <c r="V41065" i="1"/>
  <c r="V41066" i="1"/>
  <c r="V41067" i="1"/>
  <c r="V41068" i="1"/>
  <c r="V41069" i="1"/>
  <c r="V41070" i="1"/>
  <c r="V41071" i="1"/>
  <c r="V41072" i="1"/>
  <c r="V41073" i="1"/>
  <c r="V41074" i="1"/>
  <c r="V41075" i="1"/>
  <c r="V41076" i="1"/>
  <c r="V41077" i="1"/>
  <c r="V41078" i="1"/>
  <c r="V41079" i="1"/>
  <c r="V41080" i="1"/>
  <c r="V41081" i="1"/>
  <c r="V41082" i="1"/>
  <c r="V41083" i="1"/>
  <c r="V41084" i="1"/>
  <c r="V41085" i="1"/>
  <c r="V41086" i="1"/>
  <c r="V41087" i="1"/>
  <c r="V41088" i="1"/>
  <c r="V41089" i="1"/>
  <c r="V41090" i="1"/>
  <c r="V41091" i="1"/>
  <c r="V41092" i="1"/>
  <c r="V41093" i="1"/>
  <c r="V41094" i="1"/>
  <c r="V41095" i="1"/>
  <c r="V41096" i="1"/>
  <c r="V41097" i="1"/>
  <c r="V41098" i="1"/>
  <c r="V41099" i="1"/>
  <c r="V41100" i="1"/>
  <c r="V41101" i="1"/>
  <c r="V41102" i="1"/>
  <c r="V41103" i="1"/>
  <c r="V41104" i="1"/>
  <c r="V41105" i="1"/>
  <c r="V41106" i="1"/>
  <c r="V41107" i="1"/>
  <c r="V41108" i="1"/>
  <c r="V41109" i="1"/>
  <c r="V41110" i="1"/>
  <c r="V41111" i="1"/>
  <c r="V41112" i="1"/>
  <c r="V41113" i="1"/>
  <c r="V41114" i="1"/>
  <c r="V41115" i="1"/>
  <c r="V41116" i="1"/>
  <c r="V41117" i="1"/>
  <c r="V41118" i="1"/>
  <c r="V41119" i="1"/>
  <c r="V41120" i="1"/>
  <c r="V41121" i="1"/>
  <c r="V41122" i="1"/>
  <c r="V41123" i="1"/>
  <c r="V41124" i="1"/>
  <c r="V41125" i="1"/>
  <c r="V41126" i="1"/>
  <c r="V41127" i="1"/>
  <c r="V41128" i="1"/>
  <c r="V41129" i="1"/>
  <c r="V41130" i="1"/>
  <c r="V41131" i="1"/>
  <c r="V41132" i="1"/>
  <c r="V41133" i="1"/>
  <c r="V41134" i="1"/>
  <c r="V41135" i="1"/>
  <c r="V41136" i="1"/>
  <c r="V41137" i="1"/>
  <c r="V41138" i="1"/>
  <c r="V41139" i="1"/>
  <c r="V41140" i="1"/>
  <c r="V41141" i="1"/>
  <c r="V41142" i="1"/>
  <c r="V41143" i="1"/>
  <c r="V41144" i="1"/>
  <c r="V41145" i="1"/>
  <c r="V41146" i="1"/>
  <c r="V41147" i="1"/>
  <c r="V41148" i="1"/>
  <c r="V41149" i="1"/>
  <c r="V41150" i="1"/>
  <c r="V41151" i="1"/>
  <c r="V41152" i="1"/>
  <c r="V41153" i="1"/>
  <c r="V41154" i="1"/>
  <c r="V41155" i="1"/>
  <c r="V41156" i="1"/>
  <c r="V41157" i="1"/>
  <c r="V41158" i="1"/>
  <c r="V41159" i="1"/>
  <c r="V41160" i="1"/>
  <c r="V41161" i="1"/>
  <c r="V41162" i="1"/>
  <c r="V41163" i="1"/>
  <c r="V41164" i="1"/>
  <c r="V41165" i="1"/>
  <c r="V41166" i="1"/>
  <c r="V41167" i="1"/>
  <c r="V41168" i="1"/>
  <c r="V41169" i="1"/>
  <c r="V41170" i="1"/>
  <c r="V41171" i="1"/>
  <c r="V41172" i="1"/>
  <c r="V41173" i="1"/>
  <c r="V41174" i="1"/>
  <c r="V41175" i="1"/>
  <c r="V41176" i="1"/>
  <c r="V41177" i="1"/>
  <c r="V41178" i="1"/>
  <c r="V41179" i="1"/>
  <c r="V41180" i="1"/>
  <c r="V41181" i="1"/>
  <c r="V41182" i="1"/>
  <c r="V41183" i="1"/>
  <c r="V41184" i="1"/>
  <c r="V41185" i="1"/>
  <c r="V41186" i="1"/>
  <c r="V41187" i="1"/>
  <c r="V41188" i="1"/>
  <c r="V41189" i="1"/>
  <c r="V41190" i="1"/>
  <c r="V41191" i="1"/>
  <c r="V41192" i="1"/>
  <c r="V41193" i="1"/>
  <c r="V41194" i="1"/>
  <c r="V41195" i="1"/>
  <c r="V41196" i="1"/>
  <c r="V41197" i="1"/>
  <c r="V41198" i="1"/>
  <c r="V41199" i="1"/>
  <c r="V41200" i="1"/>
  <c r="V41201" i="1"/>
  <c r="V41202" i="1"/>
  <c r="V41203" i="1"/>
  <c r="V41204" i="1"/>
  <c r="V41205" i="1"/>
  <c r="V41206" i="1"/>
  <c r="V41207" i="1"/>
  <c r="V41208" i="1"/>
  <c r="V41209" i="1"/>
  <c r="V41210" i="1"/>
  <c r="V41211" i="1"/>
  <c r="V41212" i="1"/>
  <c r="V41213" i="1"/>
  <c r="V41214" i="1"/>
  <c r="V41215" i="1"/>
  <c r="V41216" i="1"/>
  <c r="V41217" i="1"/>
  <c r="V41218" i="1"/>
  <c r="V41219" i="1"/>
  <c r="V41220" i="1"/>
  <c r="V41221" i="1"/>
  <c r="V41222" i="1"/>
  <c r="V41223" i="1"/>
  <c r="V41224" i="1"/>
  <c r="V41225" i="1"/>
  <c r="V41226" i="1"/>
  <c r="V41227" i="1"/>
  <c r="V41228" i="1"/>
  <c r="V41229" i="1"/>
  <c r="V41230" i="1"/>
  <c r="V41231" i="1"/>
  <c r="V41232" i="1"/>
  <c r="V41233" i="1"/>
  <c r="V41234" i="1"/>
  <c r="V41235" i="1"/>
  <c r="V41236" i="1"/>
  <c r="V41237" i="1"/>
  <c r="V41238" i="1"/>
  <c r="V41239" i="1"/>
  <c r="V41240" i="1"/>
  <c r="V41241" i="1"/>
  <c r="V41242" i="1"/>
  <c r="V41243" i="1"/>
  <c r="V41244" i="1"/>
  <c r="V41245" i="1"/>
  <c r="V41246" i="1"/>
  <c r="V41247" i="1"/>
  <c r="V41248" i="1"/>
  <c r="V41249" i="1"/>
  <c r="V41250" i="1"/>
  <c r="V41251" i="1"/>
  <c r="V41252" i="1"/>
  <c r="V41253" i="1"/>
  <c r="V41254" i="1"/>
  <c r="V41255" i="1"/>
  <c r="V41256" i="1"/>
  <c r="V41257" i="1"/>
  <c r="V41258" i="1"/>
  <c r="V41259" i="1"/>
  <c r="V41260" i="1"/>
  <c r="V41261" i="1"/>
  <c r="V41262" i="1"/>
  <c r="V41263" i="1"/>
  <c r="V41264" i="1"/>
  <c r="V41265" i="1"/>
  <c r="V41266" i="1"/>
  <c r="V41267" i="1"/>
  <c r="V41268" i="1"/>
  <c r="V41269" i="1"/>
  <c r="V41270" i="1"/>
  <c r="V41271" i="1"/>
  <c r="V41272" i="1"/>
  <c r="V41273" i="1"/>
  <c r="V41274" i="1"/>
  <c r="V41275" i="1"/>
  <c r="V41276" i="1"/>
  <c r="V41277" i="1"/>
  <c r="V41278" i="1"/>
  <c r="V41279" i="1"/>
  <c r="V41280" i="1"/>
  <c r="V41281" i="1"/>
  <c r="V41282" i="1"/>
  <c r="V41283" i="1"/>
  <c r="V41284" i="1"/>
  <c r="V41285" i="1"/>
  <c r="V41286" i="1"/>
  <c r="V41287" i="1"/>
  <c r="V41288" i="1"/>
  <c r="V41289" i="1"/>
  <c r="V41290" i="1"/>
  <c r="V41291" i="1"/>
  <c r="V41292" i="1"/>
  <c r="V41293" i="1"/>
  <c r="V41294" i="1"/>
  <c r="V41295" i="1"/>
  <c r="V41296" i="1"/>
  <c r="V41297" i="1"/>
  <c r="V41298" i="1"/>
  <c r="V41299" i="1"/>
  <c r="V41300" i="1"/>
  <c r="V41301" i="1"/>
  <c r="V41302" i="1"/>
  <c r="V41303" i="1"/>
  <c r="V41304" i="1"/>
  <c r="V41305" i="1"/>
  <c r="V41306" i="1"/>
  <c r="V41307" i="1"/>
  <c r="V41308" i="1"/>
  <c r="V41309" i="1"/>
  <c r="V41310" i="1"/>
  <c r="V41311" i="1"/>
  <c r="V41312" i="1"/>
  <c r="V41313" i="1"/>
  <c r="V41314" i="1"/>
  <c r="V41315" i="1"/>
  <c r="V41316" i="1"/>
  <c r="V41317" i="1"/>
  <c r="V41318" i="1"/>
  <c r="V41319" i="1"/>
  <c r="V41320" i="1"/>
  <c r="V41321" i="1"/>
  <c r="V41322" i="1"/>
  <c r="V41323" i="1"/>
  <c r="V41324" i="1"/>
  <c r="V41325" i="1"/>
  <c r="V41326" i="1"/>
  <c r="V41327" i="1"/>
  <c r="V41328" i="1"/>
  <c r="V41329" i="1"/>
  <c r="V41330" i="1"/>
  <c r="V41331" i="1"/>
  <c r="V41332" i="1"/>
  <c r="V41333" i="1"/>
  <c r="V41334" i="1"/>
  <c r="V41335" i="1"/>
  <c r="V41336" i="1"/>
  <c r="V41337" i="1"/>
  <c r="V41338" i="1"/>
  <c r="V41339" i="1"/>
  <c r="V41340" i="1"/>
  <c r="V41341" i="1"/>
  <c r="V41342" i="1"/>
  <c r="V41343" i="1"/>
  <c r="V41344" i="1"/>
  <c r="V41345" i="1"/>
  <c r="V41346" i="1"/>
  <c r="V41347" i="1"/>
  <c r="V41348" i="1"/>
  <c r="V41349" i="1"/>
  <c r="V41350" i="1"/>
  <c r="V41351" i="1"/>
  <c r="V41352" i="1"/>
  <c r="V41353" i="1"/>
  <c r="V41354" i="1"/>
  <c r="V41355" i="1"/>
  <c r="V41356" i="1"/>
  <c r="V41357" i="1"/>
  <c r="V41358" i="1"/>
  <c r="V41359" i="1"/>
  <c r="V41360" i="1"/>
  <c r="V41361" i="1"/>
  <c r="V41362" i="1"/>
  <c r="V41363" i="1"/>
  <c r="V41364" i="1"/>
  <c r="V41365" i="1"/>
  <c r="V41366" i="1"/>
  <c r="V41367" i="1"/>
  <c r="V41368" i="1"/>
  <c r="V41369" i="1"/>
  <c r="V41370" i="1"/>
  <c r="V41371" i="1"/>
  <c r="V41372" i="1"/>
  <c r="V41373" i="1"/>
  <c r="V41374" i="1"/>
  <c r="V41375" i="1"/>
  <c r="V41376" i="1"/>
  <c r="V41377" i="1"/>
  <c r="V41378" i="1"/>
  <c r="V41379" i="1"/>
  <c r="V41380" i="1"/>
  <c r="V41381" i="1"/>
  <c r="V41382" i="1"/>
  <c r="V41383" i="1"/>
  <c r="V41384" i="1"/>
  <c r="V41385" i="1"/>
  <c r="V41386" i="1"/>
  <c r="V41387" i="1"/>
  <c r="V41388" i="1"/>
  <c r="V41389" i="1"/>
  <c r="V41390" i="1"/>
  <c r="V41391" i="1"/>
  <c r="V41392" i="1"/>
  <c r="V41393" i="1"/>
  <c r="V41394" i="1"/>
  <c r="V41395" i="1"/>
  <c r="V41396" i="1"/>
  <c r="V41397" i="1"/>
  <c r="V41398" i="1"/>
  <c r="V41399" i="1"/>
  <c r="V41400" i="1"/>
  <c r="V41401" i="1"/>
  <c r="V41402" i="1"/>
  <c r="V41403" i="1"/>
  <c r="V41404" i="1"/>
  <c r="V41405" i="1"/>
  <c r="V41406" i="1"/>
  <c r="V41407" i="1"/>
  <c r="V41408" i="1"/>
  <c r="V41409" i="1"/>
  <c r="V41410" i="1"/>
  <c r="V41411" i="1"/>
  <c r="V41412" i="1"/>
  <c r="V41413" i="1"/>
  <c r="V41414" i="1"/>
  <c r="V41415" i="1"/>
  <c r="V41416" i="1"/>
  <c r="V41417" i="1"/>
  <c r="V41418" i="1"/>
  <c r="V41419" i="1"/>
  <c r="V41420" i="1"/>
  <c r="V41421" i="1"/>
  <c r="V41422" i="1"/>
  <c r="V41423" i="1"/>
  <c r="V41424" i="1"/>
  <c r="V41425" i="1"/>
  <c r="V41426" i="1"/>
  <c r="V41427" i="1"/>
  <c r="V41428" i="1"/>
  <c r="V41429" i="1"/>
  <c r="V41430" i="1"/>
  <c r="V41431" i="1"/>
  <c r="V41432" i="1"/>
  <c r="V41433" i="1"/>
  <c r="V41434" i="1"/>
  <c r="V41435" i="1"/>
  <c r="V41436" i="1"/>
  <c r="V41437" i="1"/>
  <c r="V41438" i="1"/>
  <c r="V41439" i="1"/>
  <c r="V41440" i="1"/>
  <c r="V41441" i="1"/>
  <c r="V41442" i="1"/>
  <c r="V41443" i="1"/>
  <c r="V41444" i="1"/>
  <c r="V41445" i="1"/>
  <c r="V41446" i="1"/>
  <c r="V41447" i="1"/>
  <c r="V41448" i="1"/>
  <c r="V41449" i="1"/>
  <c r="V41450" i="1"/>
  <c r="V41451" i="1"/>
  <c r="V41452" i="1"/>
  <c r="V41453" i="1"/>
  <c r="V41454" i="1"/>
  <c r="V41455" i="1"/>
  <c r="V41456" i="1"/>
  <c r="V41457" i="1"/>
  <c r="V41458" i="1"/>
  <c r="V41459" i="1"/>
  <c r="V41460" i="1"/>
  <c r="V41461" i="1"/>
  <c r="V41462" i="1"/>
  <c r="V41463" i="1"/>
  <c r="V41464" i="1"/>
  <c r="V41465" i="1"/>
  <c r="V41466" i="1"/>
  <c r="V41467" i="1"/>
  <c r="V41468" i="1"/>
  <c r="V41469" i="1"/>
  <c r="V41470" i="1"/>
  <c r="V41471" i="1"/>
  <c r="V41472" i="1"/>
  <c r="V41473" i="1"/>
  <c r="V41474" i="1"/>
  <c r="V41475" i="1"/>
  <c r="V41476" i="1"/>
  <c r="V41477" i="1"/>
  <c r="V41478" i="1"/>
  <c r="V41479" i="1"/>
  <c r="V41480" i="1"/>
  <c r="V41481" i="1"/>
  <c r="V41482" i="1"/>
  <c r="V41483" i="1"/>
  <c r="V41484" i="1"/>
  <c r="V41485" i="1"/>
  <c r="V41486" i="1"/>
  <c r="V41487" i="1"/>
  <c r="V41488" i="1"/>
  <c r="V41489" i="1"/>
  <c r="V41490" i="1"/>
  <c r="V41491" i="1"/>
  <c r="V41492" i="1"/>
  <c r="V41493" i="1"/>
  <c r="V41494" i="1"/>
  <c r="V41495" i="1"/>
  <c r="V41496" i="1"/>
  <c r="V41497" i="1"/>
  <c r="V41498" i="1"/>
  <c r="V41499" i="1"/>
  <c r="V41500" i="1"/>
  <c r="V41501" i="1"/>
  <c r="V41502" i="1"/>
  <c r="V41503" i="1"/>
  <c r="V41504" i="1"/>
  <c r="V41505" i="1"/>
  <c r="V41506" i="1"/>
  <c r="V41507" i="1"/>
  <c r="V41508" i="1"/>
  <c r="V41509" i="1"/>
  <c r="V41510" i="1"/>
  <c r="V41511" i="1"/>
  <c r="V41512" i="1"/>
  <c r="V41513" i="1"/>
  <c r="V41514" i="1"/>
  <c r="V41515" i="1"/>
  <c r="V41516" i="1"/>
  <c r="V41517" i="1"/>
  <c r="V41518" i="1"/>
  <c r="V41519" i="1"/>
  <c r="V41520" i="1"/>
  <c r="V41521" i="1"/>
  <c r="V41522" i="1"/>
  <c r="V41523" i="1"/>
  <c r="V41524" i="1"/>
  <c r="V41525" i="1"/>
  <c r="V41526" i="1"/>
  <c r="V41527" i="1"/>
  <c r="V41528" i="1"/>
  <c r="V41529" i="1"/>
  <c r="V41530" i="1"/>
  <c r="V41531" i="1"/>
  <c r="V41532" i="1"/>
  <c r="V41533" i="1"/>
  <c r="V41534" i="1"/>
  <c r="V41535" i="1"/>
  <c r="V41536" i="1"/>
  <c r="V41537" i="1"/>
  <c r="V41538" i="1"/>
  <c r="V41539" i="1"/>
  <c r="V41540" i="1"/>
  <c r="V41541" i="1"/>
  <c r="V41542" i="1"/>
  <c r="V41543" i="1"/>
  <c r="V41544" i="1"/>
  <c r="V41545" i="1"/>
  <c r="V41546" i="1"/>
  <c r="V41547" i="1"/>
  <c r="V41548" i="1"/>
  <c r="V41549" i="1"/>
  <c r="V41550" i="1"/>
  <c r="V41551" i="1"/>
  <c r="V41552" i="1"/>
  <c r="V41553" i="1"/>
  <c r="V41554" i="1"/>
  <c r="V41555" i="1"/>
  <c r="V41556" i="1"/>
  <c r="V41557" i="1"/>
  <c r="V41558" i="1"/>
  <c r="V41559" i="1"/>
  <c r="V41560" i="1"/>
  <c r="V41561" i="1"/>
  <c r="V41562" i="1"/>
  <c r="V41563" i="1"/>
  <c r="V41564" i="1"/>
  <c r="V41565" i="1"/>
  <c r="V41566" i="1"/>
  <c r="V41567" i="1"/>
  <c r="V41568" i="1"/>
  <c r="V41569" i="1"/>
  <c r="V41570" i="1"/>
  <c r="V41571" i="1"/>
  <c r="V41572" i="1"/>
  <c r="V41573" i="1"/>
  <c r="V41574" i="1"/>
  <c r="V41575" i="1"/>
  <c r="V41576" i="1"/>
  <c r="V41577" i="1"/>
  <c r="V41578" i="1"/>
  <c r="V41579" i="1"/>
  <c r="V41580" i="1"/>
  <c r="V41581" i="1"/>
  <c r="V41582" i="1"/>
  <c r="V41583" i="1"/>
  <c r="V41584" i="1"/>
  <c r="V41585" i="1"/>
  <c r="V41586" i="1"/>
  <c r="V41587" i="1"/>
  <c r="V41588" i="1"/>
  <c r="V41589" i="1"/>
  <c r="V41590" i="1"/>
  <c r="V41591" i="1"/>
  <c r="V41592" i="1"/>
  <c r="V41593" i="1"/>
  <c r="V41594" i="1"/>
  <c r="V41595" i="1"/>
  <c r="V41596" i="1"/>
  <c r="V41597" i="1"/>
  <c r="V41598" i="1"/>
  <c r="V41599" i="1"/>
  <c r="V41600" i="1"/>
  <c r="V41601" i="1"/>
  <c r="V41602" i="1"/>
  <c r="V41603" i="1"/>
  <c r="V41604" i="1"/>
  <c r="V41605" i="1"/>
  <c r="V41606" i="1"/>
  <c r="V41607" i="1"/>
  <c r="V41608" i="1"/>
  <c r="V41609" i="1"/>
  <c r="V41610" i="1"/>
  <c r="V41611" i="1"/>
  <c r="V41612" i="1"/>
  <c r="V41613" i="1"/>
  <c r="V41614" i="1"/>
  <c r="V41615" i="1"/>
  <c r="V41616" i="1"/>
  <c r="V41617" i="1"/>
  <c r="V41618" i="1"/>
  <c r="V41619" i="1"/>
  <c r="V41620" i="1"/>
  <c r="V41621" i="1"/>
  <c r="V41622" i="1"/>
  <c r="V41623" i="1"/>
  <c r="V41624" i="1"/>
  <c r="V41625" i="1"/>
  <c r="V41626" i="1"/>
  <c r="V41627" i="1"/>
  <c r="V41628" i="1"/>
  <c r="V41629" i="1"/>
  <c r="V41630" i="1"/>
  <c r="V41631" i="1"/>
  <c r="V41632" i="1"/>
  <c r="V41633" i="1"/>
  <c r="V41634" i="1"/>
  <c r="V41635" i="1"/>
  <c r="V41636" i="1"/>
  <c r="V41637" i="1"/>
  <c r="V41638" i="1"/>
  <c r="V41639" i="1"/>
  <c r="V41640" i="1"/>
  <c r="V41641" i="1"/>
  <c r="V41642" i="1"/>
  <c r="V41643" i="1"/>
  <c r="V41644" i="1"/>
  <c r="V41645" i="1"/>
  <c r="V41646" i="1"/>
  <c r="V41647" i="1"/>
  <c r="V41648" i="1"/>
  <c r="V41649" i="1"/>
  <c r="V41650" i="1"/>
  <c r="V41651" i="1"/>
  <c r="V41652" i="1"/>
  <c r="V41653" i="1"/>
  <c r="V41654" i="1"/>
  <c r="V41655" i="1"/>
  <c r="V41656" i="1"/>
  <c r="V41657" i="1"/>
  <c r="V41658" i="1"/>
  <c r="V41659" i="1"/>
  <c r="V41660" i="1"/>
  <c r="V41661" i="1"/>
  <c r="V41662" i="1"/>
  <c r="V41663" i="1"/>
  <c r="V41664" i="1"/>
  <c r="V41665" i="1"/>
  <c r="V41666" i="1"/>
  <c r="V41667" i="1"/>
  <c r="V41668" i="1"/>
  <c r="V41669" i="1"/>
  <c r="V41670" i="1"/>
  <c r="V41671" i="1"/>
  <c r="V41672" i="1"/>
  <c r="V41673" i="1"/>
  <c r="V41674" i="1"/>
  <c r="V41675" i="1"/>
  <c r="V41676" i="1"/>
  <c r="V41677" i="1"/>
  <c r="V41678" i="1"/>
  <c r="V41679" i="1"/>
  <c r="V41680" i="1"/>
  <c r="V41681" i="1"/>
  <c r="V41682" i="1"/>
  <c r="V41683" i="1"/>
  <c r="V41684" i="1"/>
  <c r="V41685" i="1"/>
  <c r="V41686" i="1"/>
  <c r="V41687" i="1"/>
  <c r="V41688" i="1"/>
  <c r="V41689" i="1"/>
  <c r="V41690" i="1"/>
  <c r="V41691" i="1"/>
  <c r="V41692" i="1"/>
  <c r="V41693" i="1"/>
  <c r="V41694" i="1"/>
  <c r="V41695" i="1"/>
  <c r="V41696" i="1"/>
  <c r="V41697" i="1"/>
  <c r="V41698" i="1"/>
  <c r="V41699" i="1"/>
  <c r="V41700" i="1"/>
  <c r="V41701" i="1"/>
  <c r="V41702" i="1"/>
  <c r="V41703" i="1"/>
  <c r="V41704" i="1"/>
  <c r="V41705" i="1"/>
  <c r="V41706" i="1"/>
  <c r="V41707" i="1"/>
  <c r="V41708" i="1"/>
  <c r="V41709" i="1"/>
  <c r="V41710" i="1"/>
  <c r="V41711" i="1"/>
  <c r="V41712" i="1"/>
  <c r="V41713" i="1"/>
  <c r="V41714" i="1"/>
  <c r="V41715" i="1"/>
  <c r="V41716" i="1"/>
  <c r="V41717" i="1"/>
  <c r="V41718" i="1"/>
  <c r="V41719" i="1"/>
  <c r="V41720" i="1"/>
  <c r="V41721" i="1"/>
  <c r="V41722" i="1"/>
  <c r="V41723" i="1"/>
  <c r="V41724" i="1"/>
  <c r="V41725" i="1"/>
  <c r="V41726" i="1"/>
  <c r="V41727" i="1"/>
  <c r="V41728" i="1"/>
  <c r="V41729" i="1"/>
  <c r="V41730" i="1"/>
  <c r="V41731" i="1"/>
  <c r="V41732" i="1"/>
  <c r="V41733" i="1"/>
  <c r="V41734" i="1"/>
  <c r="V41735" i="1"/>
  <c r="V41736" i="1"/>
  <c r="V41737" i="1"/>
  <c r="V41738" i="1"/>
  <c r="V41739" i="1"/>
  <c r="V41740" i="1"/>
  <c r="V41741" i="1"/>
  <c r="V41742" i="1"/>
  <c r="V41743" i="1"/>
  <c r="V41744" i="1"/>
  <c r="V41745" i="1"/>
  <c r="V41746" i="1"/>
  <c r="V41747" i="1"/>
  <c r="V41748" i="1"/>
  <c r="V41749" i="1"/>
  <c r="V41750" i="1"/>
  <c r="V41751" i="1"/>
  <c r="V41752" i="1"/>
  <c r="V41753" i="1"/>
  <c r="V41754" i="1"/>
  <c r="V41755" i="1"/>
  <c r="V41756" i="1"/>
  <c r="V41757" i="1"/>
  <c r="V41758" i="1"/>
  <c r="V41759" i="1"/>
  <c r="V41760" i="1"/>
  <c r="V41761" i="1"/>
  <c r="V41762" i="1"/>
  <c r="V41763" i="1"/>
  <c r="V41764" i="1"/>
  <c r="V41765" i="1"/>
  <c r="V41766" i="1"/>
  <c r="V41767" i="1"/>
  <c r="V41768" i="1"/>
  <c r="V41769" i="1"/>
  <c r="V41770" i="1"/>
  <c r="V41771" i="1"/>
  <c r="V41772" i="1"/>
  <c r="V41773" i="1"/>
  <c r="V41774" i="1"/>
  <c r="V41775" i="1"/>
  <c r="V41776" i="1"/>
  <c r="V41777" i="1"/>
  <c r="V41778" i="1"/>
  <c r="V41779" i="1"/>
  <c r="V41780" i="1"/>
  <c r="V41781" i="1"/>
  <c r="V41782" i="1"/>
  <c r="V41783" i="1"/>
  <c r="V41784" i="1"/>
  <c r="V41785" i="1"/>
  <c r="V41786" i="1"/>
  <c r="V41787" i="1"/>
  <c r="V41788" i="1"/>
  <c r="V41789" i="1"/>
  <c r="V41790" i="1"/>
  <c r="V41791" i="1"/>
  <c r="V41792" i="1"/>
  <c r="V41793" i="1"/>
  <c r="V41794" i="1"/>
  <c r="V41795" i="1"/>
  <c r="V41796" i="1"/>
  <c r="V41797" i="1"/>
  <c r="V41798" i="1"/>
  <c r="V41799" i="1"/>
  <c r="V41800" i="1"/>
  <c r="V41801" i="1"/>
  <c r="V41802" i="1"/>
  <c r="V41803" i="1"/>
  <c r="V41804" i="1"/>
  <c r="V41805" i="1"/>
  <c r="V41806" i="1"/>
  <c r="V41807" i="1"/>
  <c r="V41808" i="1"/>
  <c r="V41809" i="1"/>
  <c r="V41810" i="1"/>
  <c r="V41811" i="1"/>
  <c r="V41812" i="1"/>
  <c r="V41813" i="1"/>
  <c r="V41814" i="1"/>
  <c r="V41815" i="1"/>
  <c r="V41816" i="1"/>
  <c r="V41817" i="1"/>
  <c r="V41818" i="1"/>
  <c r="V41819" i="1"/>
  <c r="V41820" i="1"/>
  <c r="V41821" i="1"/>
  <c r="V41822" i="1"/>
  <c r="V41823" i="1"/>
  <c r="V41824" i="1"/>
  <c r="V41825" i="1"/>
  <c r="V41826" i="1"/>
  <c r="V41827" i="1"/>
  <c r="V41828" i="1"/>
  <c r="V41829" i="1"/>
  <c r="V41830" i="1"/>
  <c r="V41831" i="1"/>
  <c r="V41832" i="1"/>
  <c r="V41833" i="1"/>
  <c r="V41834" i="1"/>
  <c r="V41835" i="1"/>
  <c r="V41836" i="1"/>
  <c r="V41837" i="1"/>
  <c r="V41838" i="1"/>
  <c r="V41839" i="1"/>
  <c r="V41840" i="1"/>
  <c r="V41841" i="1"/>
  <c r="V41842" i="1"/>
  <c r="V41843" i="1"/>
  <c r="V41844" i="1"/>
  <c r="V41845" i="1"/>
  <c r="V41846" i="1"/>
  <c r="V41847" i="1"/>
  <c r="V41848" i="1"/>
  <c r="V41849" i="1"/>
  <c r="V41850" i="1"/>
  <c r="V41851" i="1"/>
  <c r="V41852" i="1"/>
  <c r="V41853" i="1"/>
  <c r="V41854" i="1"/>
  <c r="V41855" i="1"/>
  <c r="V41856" i="1"/>
  <c r="V41857" i="1"/>
  <c r="V41858" i="1"/>
  <c r="V41859" i="1"/>
  <c r="V41860" i="1"/>
  <c r="V41861" i="1"/>
  <c r="V41862" i="1"/>
  <c r="V41863" i="1"/>
  <c r="V41864" i="1"/>
  <c r="V41865" i="1"/>
  <c r="V41866" i="1"/>
  <c r="V41867" i="1"/>
  <c r="V41868" i="1"/>
  <c r="V41869" i="1"/>
  <c r="V41870" i="1"/>
  <c r="V41871" i="1"/>
  <c r="V41872" i="1"/>
  <c r="V41873" i="1"/>
  <c r="V41874" i="1"/>
  <c r="V41875" i="1"/>
  <c r="V41876" i="1"/>
  <c r="V41877" i="1"/>
  <c r="V41878" i="1"/>
  <c r="V41879" i="1"/>
  <c r="V41880" i="1"/>
  <c r="V41881" i="1"/>
  <c r="V41882" i="1"/>
  <c r="V41883" i="1"/>
  <c r="V41884" i="1"/>
  <c r="V41885" i="1"/>
  <c r="V41886" i="1"/>
  <c r="V41887" i="1"/>
  <c r="V41888" i="1"/>
  <c r="V41889" i="1"/>
  <c r="V41890" i="1"/>
  <c r="V41891" i="1"/>
  <c r="V41892" i="1"/>
  <c r="V41893" i="1"/>
  <c r="V41894" i="1"/>
  <c r="V41895" i="1"/>
  <c r="V41896" i="1"/>
  <c r="V41897" i="1"/>
  <c r="V41898" i="1"/>
  <c r="V41899" i="1"/>
  <c r="V41900" i="1"/>
  <c r="V41901" i="1"/>
  <c r="V41902" i="1"/>
  <c r="V41903" i="1"/>
  <c r="V41904" i="1"/>
  <c r="V41905" i="1"/>
  <c r="V41906" i="1"/>
  <c r="V41907" i="1"/>
  <c r="V41908" i="1"/>
  <c r="V41909" i="1"/>
  <c r="V41910" i="1"/>
  <c r="V41911" i="1"/>
  <c r="V41912" i="1"/>
  <c r="V41913" i="1"/>
  <c r="V41914" i="1"/>
  <c r="V41915" i="1"/>
  <c r="V41916" i="1"/>
  <c r="V41917" i="1"/>
  <c r="V41918" i="1"/>
  <c r="V41919" i="1"/>
  <c r="V41920" i="1"/>
  <c r="V41921" i="1"/>
  <c r="V41922" i="1"/>
  <c r="V41923" i="1"/>
  <c r="V41924" i="1"/>
  <c r="V41925" i="1"/>
  <c r="V41926" i="1"/>
  <c r="V41927" i="1"/>
  <c r="V41928" i="1"/>
  <c r="V41929" i="1"/>
  <c r="V41930" i="1"/>
  <c r="V41931" i="1"/>
  <c r="V41932" i="1"/>
  <c r="V41933" i="1"/>
  <c r="V41934" i="1"/>
  <c r="V41935" i="1"/>
  <c r="V41936" i="1"/>
  <c r="V41937" i="1"/>
  <c r="V41938" i="1"/>
  <c r="V41939" i="1"/>
  <c r="V41940" i="1"/>
  <c r="V41941" i="1"/>
  <c r="V41942" i="1"/>
  <c r="V41943" i="1"/>
  <c r="V41944" i="1"/>
  <c r="V41945" i="1"/>
  <c r="V41946" i="1"/>
  <c r="V41947" i="1"/>
  <c r="V41948" i="1"/>
  <c r="V41949" i="1"/>
  <c r="V41950" i="1"/>
  <c r="V41951" i="1"/>
  <c r="V41952" i="1"/>
  <c r="V41953" i="1"/>
  <c r="V41954" i="1"/>
  <c r="V41955" i="1"/>
  <c r="V41956" i="1"/>
  <c r="V41957" i="1"/>
  <c r="V41958" i="1"/>
  <c r="V41959" i="1"/>
  <c r="V41960" i="1"/>
  <c r="V41961" i="1"/>
  <c r="V41962" i="1"/>
  <c r="V41963" i="1"/>
  <c r="V41964" i="1"/>
  <c r="V41965" i="1"/>
  <c r="V41966" i="1"/>
  <c r="V41967" i="1"/>
  <c r="V41968" i="1"/>
  <c r="V41969" i="1"/>
  <c r="V41970" i="1"/>
  <c r="V41971" i="1"/>
  <c r="V41972" i="1"/>
  <c r="V41973" i="1"/>
  <c r="V41974" i="1"/>
  <c r="V41975" i="1"/>
  <c r="V41976" i="1"/>
  <c r="V41977" i="1"/>
  <c r="V41978" i="1"/>
  <c r="V41979" i="1"/>
  <c r="V41980" i="1"/>
  <c r="V41981" i="1"/>
  <c r="V41982" i="1"/>
  <c r="V41983" i="1"/>
  <c r="V41984" i="1"/>
  <c r="V41985" i="1"/>
  <c r="V41986" i="1"/>
  <c r="V41987" i="1"/>
  <c r="V41988" i="1"/>
  <c r="V41989" i="1"/>
  <c r="V41990" i="1"/>
  <c r="V41991" i="1"/>
  <c r="V41992" i="1"/>
  <c r="V41993" i="1"/>
  <c r="V41994" i="1"/>
  <c r="V41995" i="1"/>
  <c r="V41996" i="1"/>
  <c r="V41997" i="1"/>
  <c r="V41998" i="1"/>
  <c r="V41999" i="1"/>
  <c r="V42000" i="1"/>
  <c r="V42001" i="1"/>
  <c r="V42002" i="1"/>
  <c r="V42003" i="1"/>
  <c r="V42004" i="1"/>
  <c r="V42005" i="1"/>
  <c r="V42006" i="1"/>
  <c r="V42007" i="1"/>
  <c r="V42008" i="1"/>
  <c r="V42009" i="1"/>
  <c r="V42010" i="1"/>
  <c r="V42011" i="1"/>
  <c r="V42012" i="1"/>
  <c r="V42013" i="1"/>
  <c r="V42014" i="1"/>
  <c r="V42015" i="1"/>
  <c r="V42016" i="1"/>
  <c r="V42017" i="1"/>
  <c r="V42018" i="1"/>
  <c r="V42019" i="1"/>
  <c r="V42020" i="1"/>
  <c r="V42021" i="1"/>
  <c r="V42022" i="1"/>
  <c r="V42023" i="1"/>
  <c r="V42024" i="1"/>
  <c r="V42025" i="1"/>
  <c r="V42026" i="1"/>
  <c r="V42027" i="1"/>
  <c r="V42028" i="1"/>
  <c r="V42029" i="1"/>
  <c r="V42030" i="1"/>
  <c r="V42031" i="1"/>
  <c r="V42032" i="1"/>
  <c r="V42033" i="1"/>
  <c r="V42034" i="1"/>
  <c r="V42035" i="1"/>
  <c r="V42036" i="1"/>
  <c r="V42037" i="1"/>
  <c r="V42038" i="1"/>
  <c r="V42039" i="1"/>
  <c r="V42040" i="1"/>
  <c r="V42041" i="1"/>
  <c r="V42042" i="1"/>
  <c r="V42043" i="1"/>
  <c r="V42044" i="1"/>
  <c r="V42045" i="1"/>
  <c r="V42046" i="1"/>
  <c r="V42047" i="1"/>
  <c r="V42048" i="1"/>
  <c r="V42049" i="1"/>
  <c r="V42050" i="1"/>
  <c r="V42051" i="1"/>
  <c r="V42052" i="1"/>
  <c r="V42053" i="1"/>
  <c r="V42054" i="1"/>
  <c r="V42055" i="1"/>
  <c r="V42056" i="1"/>
  <c r="V42057" i="1"/>
  <c r="V42058" i="1"/>
  <c r="V42059" i="1"/>
  <c r="V42060" i="1"/>
  <c r="V42061" i="1"/>
  <c r="V42062" i="1"/>
  <c r="V42063" i="1"/>
  <c r="V42064" i="1"/>
  <c r="V42065" i="1"/>
  <c r="V42066" i="1"/>
  <c r="V42067" i="1"/>
  <c r="V42068" i="1"/>
  <c r="V42069" i="1"/>
  <c r="V42070" i="1"/>
  <c r="V42071" i="1"/>
  <c r="V42072" i="1"/>
  <c r="V42073" i="1"/>
  <c r="V42074" i="1"/>
  <c r="V42075" i="1"/>
  <c r="V42076" i="1"/>
  <c r="V42077" i="1"/>
  <c r="V42078" i="1"/>
  <c r="V42079" i="1"/>
  <c r="V42080" i="1"/>
  <c r="V42081" i="1"/>
  <c r="V42082" i="1"/>
  <c r="V42083" i="1"/>
  <c r="V42084" i="1"/>
  <c r="V42085" i="1"/>
  <c r="V42086" i="1"/>
  <c r="V42087" i="1"/>
  <c r="V42088" i="1"/>
  <c r="V42089" i="1"/>
  <c r="V42090" i="1"/>
  <c r="V42091" i="1"/>
  <c r="V42092" i="1"/>
  <c r="V42093" i="1"/>
  <c r="V42094" i="1"/>
  <c r="V42095" i="1"/>
  <c r="V42096" i="1"/>
  <c r="V42097" i="1"/>
  <c r="V42098" i="1"/>
  <c r="V42099" i="1"/>
  <c r="V42100" i="1"/>
  <c r="V42101" i="1"/>
  <c r="V42102" i="1"/>
  <c r="V42103" i="1"/>
  <c r="V42104" i="1"/>
  <c r="V42105" i="1"/>
  <c r="V42106" i="1"/>
  <c r="V42107" i="1"/>
  <c r="V42108" i="1"/>
  <c r="V42109" i="1"/>
  <c r="V42110" i="1"/>
  <c r="V42111" i="1"/>
  <c r="V42112" i="1"/>
  <c r="V42113" i="1"/>
  <c r="V42114" i="1"/>
  <c r="V42115" i="1"/>
  <c r="V42116" i="1"/>
  <c r="V42117" i="1"/>
  <c r="V42118" i="1"/>
  <c r="V42119" i="1"/>
  <c r="V42120" i="1"/>
  <c r="V42121" i="1"/>
  <c r="V42122" i="1"/>
  <c r="V42123" i="1"/>
  <c r="V42124" i="1"/>
  <c r="V42125" i="1"/>
  <c r="V42126" i="1"/>
  <c r="V42127" i="1"/>
  <c r="V42128" i="1"/>
  <c r="V42129" i="1"/>
  <c r="V42130" i="1"/>
  <c r="V42131" i="1"/>
  <c r="V42132" i="1"/>
  <c r="V42133" i="1"/>
  <c r="V42134" i="1"/>
  <c r="V42135" i="1"/>
  <c r="V42136" i="1"/>
  <c r="V42137" i="1"/>
  <c r="V42138" i="1"/>
  <c r="V42139" i="1"/>
  <c r="V42140" i="1"/>
  <c r="V42141" i="1"/>
  <c r="V42142" i="1"/>
  <c r="V42143" i="1"/>
  <c r="V42144" i="1"/>
  <c r="V42145" i="1"/>
  <c r="V42146" i="1"/>
  <c r="V42147" i="1"/>
  <c r="V42148" i="1"/>
  <c r="V42149" i="1"/>
  <c r="V42150" i="1"/>
  <c r="V42151" i="1"/>
  <c r="V42152" i="1"/>
  <c r="V42153" i="1"/>
  <c r="V42154" i="1"/>
  <c r="V42155" i="1"/>
  <c r="V42156" i="1"/>
  <c r="V42157" i="1"/>
  <c r="V42158" i="1"/>
  <c r="V42159" i="1"/>
  <c r="V42160" i="1"/>
  <c r="V42161" i="1"/>
  <c r="V42162" i="1"/>
  <c r="V42163" i="1"/>
  <c r="V42164" i="1"/>
  <c r="V42165" i="1"/>
  <c r="V42166" i="1"/>
  <c r="V42167" i="1"/>
  <c r="V42168" i="1"/>
  <c r="V42169" i="1"/>
  <c r="V42170" i="1"/>
  <c r="V42171" i="1"/>
  <c r="V42172" i="1"/>
  <c r="V42173" i="1"/>
  <c r="V42174" i="1"/>
  <c r="V42175" i="1"/>
  <c r="V42176" i="1"/>
  <c r="V42177" i="1"/>
  <c r="V42178" i="1"/>
  <c r="V42179" i="1"/>
  <c r="V42180" i="1"/>
  <c r="V42181" i="1"/>
  <c r="V42182" i="1"/>
  <c r="V42183" i="1"/>
  <c r="V42184" i="1"/>
  <c r="V42185" i="1"/>
  <c r="V42186" i="1"/>
  <c r="V42187" i="1"/>
  <c r="V42188" i="1"/>
  <c r="V42189" i="1"/>
  <c r="V42190" i="1"/>
  <c r="V42191" i="1"/>
  <c r="V42192" i="1"/>
  <c r="V42193" i="1"/>
  <c r="V42194" i="1"/>
  <c r="V42195" i="1"/>
  <c r="V42196" i="1"/>
  <c r="V42197" i="1"/>
  <c r="V42198" i="1"/>
  <c r="V42199" i="1"/>
  <c r="V42200" i="1"/>
  <c r="V42201" i="1"/>
  <c r="V42202" i="1"/>
  <c r="V42203" i="1"/>
  <c r="V42204" i="1"/>
  <c r="V42205" i="1"/>
  <c r="V42206" i="1"/>
  <c r="V42207" i="1"/>
  <c r="V42208" i="1"/>
  <c r="V42209" i="1"/>
  <c r="V42210" i="1"/>
  <c r="V42211" i="1"/>
  <c r="V42212" i="1"/>
  <c r="V42213" i="1"/>
  <c r="V42214" i="1"/>
  <c r="V42215" i="1"/>
  <c r="V42216" i="1"/>
  <c r="V42217" i="1"/>
  <c r="V42218" i="1"/>
  <c r="V42219" i="1"/>
  <c r="V42220" i="1"/>
  <c r="V42221" i="1"/>
  <c r="V42222" i="1"/>
  <c r="V42223" i="1"/>
  <c r="V42224" i="1"/>
  <c r="V42225" i="1"/>
  <c r="V42226" i="1"/>
  <c r="V42227" i="1"/>
  <c r="V42228" i="1"/>
  <c r="V42229" i="1"/>
  <c r="V42230" i="1"/>
  <c r="V42231" i="1"/>
  <c r="V42232" i="1"/>
  <c r="V42233" i="1"/>
  <c r="V42234" i="1"/>
  <c r="V42235" i="1"/>
  <c r="V42236" i="1"/>
  <c r="V42237" i="1"/>
  <c r="V42238" i="1"/>
  <c r="V42239" i="1"/>
  <c r="V42240" i="1"/>
  <c r="V42241" i="1"/>
  <c r="V42242" i="1"/>
  <c r="V42243" i="1"/>
  <c r="V42244" i="1"/>
  <c r="V42245" i="1"/>
  <c r="V42246" i="1"/>
  <c r="V42247" i="1"/>
  <c r="V42248" i="1"/>
  <c r="V42249" i="1"/>
  <c r="V42250" i="1"/>
  <c r="V42251" i="1"/>
  <c r="V42252" i="1"/>
  <c r="V42253" i="1"/>
  <c r="V42254" i="1"/>
  <c r="V42255" i="1"/>
  <c r="V42256" i="1"/>
  <c r="V42257" i="1"/>
  <c r="V42258" i="1"/>
  <c r="V42259" i="1"/>
  <c r="V42260" i="1"/>
  <c r="V42261" i="1"/>
  <c r="V42262" i="1"/>
  <c r="V42263" i="1"/>
  <c r="V42264" i="1"/>
  <c r="V42265" i="1"/>
  <c r="V42266" i="1"/>
  <c r="V42267" i="1"/>
  <c r="V42268" i="1"/>
  <c r="V42269" i="1"/>
  <c r="V42270" i="1"/>
  <c r="V42271" i="1"/>
  <c r="V42272" i="1"/>
  <c r="V42273" i="1"/>
  <c r="V42274" i="1"/>
  <c r="V42275" i="1"/>
  <c r="V42276" i="1"/>
  <c r="V42277" i="1"/>
  <c r="V42278" i="1"/>
  <c r="V42279" i="1"/>
  <c r="V42280" i="1"/>
  <c r="V42281" i="1"/>
  <c r="V42282" i="1"/>
  <c r="V42283" i="1"/>
  <c r="V42284" i="1"/>
  <c r="V42285" i="1"/>
  <c r="V42286" i="1"/>
  <c r="V42287" i="1"/>
  <c r="V42288" i="1"/>
  <c r="V42289" i="1"/>
  <c r="V42290" i="1"/>
  <c r="V42291" i="1"/>
  <c r="V42292" i="1"/>
  <c r="V42293" i="1"/>
  <c r="V42294" i="1"/>
  <c r="V42295" i="1"/>
  <c r="V42296" i="1"/>
  <c r="V42297" i="1"/>
  <c r="V42298" i="1"/>
  <c r="V42299" i="1"/>
  <c r="V42300" i="1"/>
  <c r="V42301" i="1"/>
  <c r="V42302" i="1"/>
  <c r="V42303" i="1"/>
  <c r="V42304" i="1"/>
  <c r="V42305" i="1"/>
  <c r="V42306" i="1"/>
  <c r="V42307" i="1"/>
  <c r="V42308" i="1"/>
  <c r="V42309" i="1"/>
  <c r="V42310" i="1"/>
  <c r="V42311" i="1"/>
  <c r="V42312" i="1"/>
  <c r="V42313" i="1"/>
  <c r="V42314" i="1"/>
  <c r="V42315" i="1"/>
  <c r="V42316" i="1"/>
  <c r="V42317" i="1"/>
  <c r="V42318" i="1"/>
  <c r="V42319" i="1"/>
  <c r="V42320" i="1"/>
  <c r="V42321" i="1"/>
  <c r="V42322" i="1"/>
  <c r="V42323" i="1"/>
  <c r="V42324" i="1"/>
  <c r="V42325" i="1"/>
  <c r="V42326" i="1"/>
  <c r="V42327" i="1"/>
  <c r="V42328" i="1"/>
  <c r="V42329" i="1"/>
  <c r="V42330" i="1"/>
  <c r="V42331" i="1"/>
  <c r="V42332" i="1"/>
  <c r="V42333" i="1"/>
  <c r="V42334" i="1"/>
  <c r="V42335" i="1"/>
  <c r="V42336" i="1"/>
  <c r="V42337" i="1"/>
  <c r="V42338" i="1"/>
  <c r="V42339" i="1"/>
  <c r="V42340" i="1"/>
  <c r="V42341" i="1"/>
  <c r="V42342" i="1"/>
  <c r="V42343" i="1"/>
  <c r="V42344" i="1"/>
  <c r="V42345" i="1"/>
  <c r="V42346" i="1"/>
  <c r="V42347" i="1"/>
  <c r="V42348" i="1"/>
  <c r="V42349" i="1"/>
  <c r="V42350" i="1"/>
  <c r="V42351" i="1"/>
  <c r="V42352" i="1"/>
  <c r="V42353" i="1"/>
  <c r="V42354" i="1"/>
  <c r="V42355" i="1"/>
  <c r="V42356" i="1"/>
  <c r="V42357" i="1"/>
  <c r="V42358" i="1"/>
  <c r="V42359" i="1"/>
  <c r="V42360" i="1"/>
  <c r="V42361" i="1"/>
  <c r="V42362" i="1"/>
  <c r="V42363" i="1"/>
  <c r="V42364" i="1"/>
  <c r="V42365" i="1"/>
  <c r="V42366" i="1"/>
  <c r="V42367" i="1"/>
  <c r="V42368" i="1"/>
  <c r="V42369" i="1"/>
  <c r="V42370" i="1"/>
  <c r="V42371" i="1"/>
  <c r="V42372" i="1"/>
  <c r="V42373" i="1"/>
  <c r="V42374" i="1"/>
  <c r="V42375" i="1"/>
  <c r="V42376" i="1"/>
  <c r="V42377" i="1"/>
  <c r="V42378" i="1"/>
  <c r="V42379" i="1"/>
  <c r="V42380" i="1"/>
  <c r="V42381" i="1"/>
  <c r="V42382" i="1"/>
  <c r="V42383" i="1"/>
  <c r="V42384" i="1"/>
  <c r="V42385" i="1"/>
  <c r="V42386" i="1"/>
  <c r="V42387" i="1"/>
  <c r="V42388" i="1"/>
  <c r="V42389" i="1"/>
  <c r="V42390" i="1"/>
  <c r="V42391" i="1"/>
  <c r="V42392" i="1"/>
  <c r="V42393" i="1"/>
  <c r="V42394" i="1"/>
  <c r="V42395" i="1"/>
  <c r="V42396" i="1"/>
  <c r="V42397" i="1"/>
  <c r="V42398" i="1"/>
  <c r="V42399" i="1"/>
  <c r="V42400" i="1"/>
  <c r="V42401" i="1"/>
  <c r="V42402" i="1"/>
  <c r="V42403" i="1"/>
  <c r="V42404" i="1"/>
  <c r="V42405" i="1"/>
  <c r="V42406" i="1"/>
  <c r="V42407" i="1"/>
  <c r="V42408" i="1"/>
  <c r="V42409" i="1"/>
  <c r="V42410" i="1"/>
  <c r="V42411" i="1"/>
  <c r="V42412" i="1"/>
  <c r="V42413" i="1"/>
  <c r="V42414" i="1"/>
  <c r="V42415" i="1"/>
  <c r="V42416" i="1"/>
  <c r="V42417" i="1"/>
  <c r="V42418" i="1"/>
  <c r="V42419" i="1"/>
  <c r="V42420" i="1"/>
  <c r="V42421" i="1"/>
  <c r="V42422" i="1"/>
  <c r="V42423" i="1"/>
  <c r="V42424" i="1"/>
  <c r="V42425" i="1"/>
  <c r="V42426" i="1"/>
  <c r="V42427" i="1"/>
  <c r="V42428" i="1"/>
  <c r="V42429" i="1"/>
  <c r="V42430" i="1"/>
  <c r="V42431" i="1"/>
  <c r="V42432" i="1"/>
  <c r="V42433" i="1"/>
  <c r="V42434" i="1"/>
  <c r="V42435" i="1"/>
  <c r="V42436" i="1"/>
  <c r="V42437" i="1"/>
  <c r="V42438" i="1"/>
  <c r="V42439" i="1"/>
  <c r="V42440" i="1"/>
  <c r="V42441" i="1"/>
  <c r="V42442" i="1"/>
  <c r="V42443" i="1"/>
  <c r="V42444" i="1"/>
  <c r="V42445" i="1"/>
  <c r="V42446" i="1"/>
  <c r="V42447" i="1"/>
  <c r="V42448" i="1"/>
  <c r="V42449" i="1"/>
  <c r="V42450" i="1"/>
  <c r="V42451" i="1"/>
  <c r="V42452" i="1"/>
  <c r="V42453" i="1"/>
  <c r="V42454" i="1"/>
  <c r="V42455" i="1"/>
  <c r="V42456" i="1"/>
  <c r="V42457" i="1"/>
  <c r="V42458" i="1"/>
  <c r="V42459" i="1"/>
  <c r="V42460" i="1"/>
  <c r="V42461" i="1"/>
  <c r="V42462" i="1"/>
  <c r="V42463" i="1"/>
  <c r="V42464" i="1"/>
  <c r="V42465" i="1"/>
  <c r="V42466" i="1"/>
  <c r="V42467" i="1"/>
  <c r="V42468" i="1"/>
  <c r="V42469" i="1"/>
  <c r="V42470" i="1"/>
  <c r="V42471" i="1"/>
  <c r="V42472" i="1"/>
  <c r="V42473" i="1"/>
  <c r="V42474" i="1"/>
  <c r="V42475" i="1"/>
  <c r="V42476" i="1"/>
  <c r="V42477" i="1"/>
  <c r="V42478" i="1"/>
  <c r="V42479" i="1"/>
  <c r="V42480" i="1"/>
  <c r="V42481" i="1"/>
  <c r="V42482" i="1"/>
  <c r="V42483" i="1"/>
  <c r="V42484" i="1"/>
  <c r="V42485" i="1"/>
  <c r="V42486" i="1"/>
  <c r="V42487" i="1"/>
  <c r="V42488" i="1"/>
  <c r="V42489" i="1"/>
  <c r="V42490" i="1"/>
  <c r="V42491" i="1"/>
  <c r="V42492" i="1"/>
  <c r="V42493" i="1"/>
  <c r="V42494" i="1"/>
  <c r="V42495" i="1"/>
  <c r="V42496" i="1"/>
  <c r="V42497" i="1"/>
  <c r="V42498" i="1"/>
  <c r="V42499" i="1"/>
  <c r="V42500" i="1"/>
  <c r="V42501" i="1"/>
  <c r="V42502" i="1"/>
  <c r="V42503" i="1"/>
  <c r="V42504" i="1"/>
  <c r="V42505" i="1"/>
  <c r="V42506" i="1"/>
  <c r="V42507" i="1"/>
  <c r="V42508" i="1"/>
  <c r="V42509" i="1"/>
  <c r="V42510" i="1"/>
  <c r="V42511" i="1"/>
  <c r="V42512" i="1"/>
  <c r="V42513" i="1"/>
  <c r="V42514" i="1"/>
  <c r="V42515" i="1"/>
  <c r="V42516" i="1"/>
  <c r="V42517" i="1"/>
  <c r="V42518" i="1"/>
  <c r="V42519" i="1"/>
  <c r="V42520" i="1"/>
  <c r="V42521" i="1"/>
  <c r="V42522" i="1"/>
  <c r="V42523" i="1"/>
  <c r="V42524" i="1"/>
  <c r="V42525" i="1"/>
  <c r="V42526" i="1"/>
  <c r="V42527" i="1"/>
  <c r="V42528" i="1"/>
  <c r="V42529" i="1"/>
  <c r="V42530" i="1"/>
  <c r="V42531" i="1"/>
  <c r="V42532" i="1"/>
  <c r="V42533" i="1"/>
  <c r="V42534" i="1"/>
  <c r="V42535" i="1"/>
  <c r="V42536" i="1"/>
  <c r="V42537" i="1"/>
  <c r="V42538" i="1"/>
  <c r="V42539" i="1"/>
  <c r="V42540" i="1"/>
  <c r="V42541" i="1"/>
  <c r="V42542" i="1"/>
  <c r="V42543" i="1"/>
  <c r="V42544" i="1"/>
  <c r="V42545" i="1"/>
  <c r="V42546" i="1"/>
  <c r="V42547" i="1"/>
  <c r="V42548" i="1"/>
  <c r="V42549" i="1"/>
  <c r="V42550" i="1"/>
  <c r="V42551" i="1"/>
  <c r="V42552" i="1"/>
  <c r="V42553" i="1"/>
  <c r="V42554" i="1"/>
  <c r="V42555" i="1"/>
  <c r="V42556" i="1"/>
  <c r="V42557" i="1"/>
  <c r="V42558" i="1"/>
  <c r="V42559" i="1"/>
  <c r="V42560" i="1"/>
  <c r="V42561" i="1"/>
  <c r="V42562" i="1"/>
  <c r="V42563" i="1"/>
  <c r="V42564" i="1"/>
  <c r="V42565" i="1"/>
  <c r="V42566" i="1"/>
  <c r="V42567" i="1"/>
  <c r="V42568" i="1"/>
  <c r="V42569" i="1"/>
  <c r="V42570" i="1"/>
  <c r="V42571" i="1"/>
  <c r="V42572" i="1"/>
  <c r="V42573" i="1"/>
  <c r="V42574" i="1"/>
  <c r="V42575" i="1"/>
  <c r="V42576" i="1"/>
  <c r="V42577" i="1"/>
  <c r="V42578" i="1"/>
  <c r="V42579" i="1"/>
  <c r="V42580" i="1"/>
  <c r="V42581" i="1"/>
  <c r="V42582" i="1"/>
  <c r="V42583" i="1"/>
  <c r="V42584" i="1"/>
  <c r="V42585" i="1"/>
  <c r="V42586" i="1"/>
  <c r="V42587" i="1"/>
  <c r="V42588" i="1"/>
  <c r="V42589" i="1"/>
  <c r="V42590" i="1"/>
  <c r="V42591" i="1"/>
  <c r="V42592" i="1"/>
  <c r="V42593" i="1"/>
  <c r="V42594" i="1"/>
  <c r="V42595" i="1"/>
  <c r="V42596" i="1"/>
  <c r="V42597" i="1"/>
  <c r="V42598" i="1"/>
  <c r="V42599" i="1"/>
  <c r="V42600" i="1"/>
  <c r="V42601" i="1"/>
  <c r="V42602" i="1"/>
  <c r="V42603" i="1"/>
  <c r="V42604" i="1"/>
  <c r="V42605" i="1"/>
  <c r="V42606" i="1"/>
  <c r="V42607" i="1"/>
  <c r="V42608" i="1"/>
  <c r="V42609" i="1"/>
  <c r="V42610" i="1"/>
  <c r="V42611" i="1"/>
  <c r="V42612" i="1"/>
  <c r="V42613" i="1"/>
  <c r="V42614" i="1"/>
  <c r="V42615" i="1"/>
  <c r="V42616" i="1"/>
  <c r="V42617" i="1"/>
  <c r="V42618" i="1"/>
  <c r="V42619" i="1"/>
  <c r="V42620" i="1"/>
  <c r="V42621" i="1"/>
  <c r="V42622" i="1"/>
  <c r="V42623" i="1"/>
  <c r="V42624" i="1"/>
  <c r="V42625" i="1"/>
  <c r="V42626" i="1"/>
  <c r="V42627" i="1"/>
  <c r="V42628" i="1"/>
  <c r="V42629" i="1"/>
  <c r="V42630" i="1"/>
  <c r="V42631" i="1"/>
  <c r="V42632" i="1"/>
  <c r="V42633" i="1"/>
  <c r="V42634" i="1"/>
  <c r="V42635" i="1"/>
  <c r="V42636" i="1"/>
  <c r="V42637" i="1"/>
  <c r="V42638" i="1"/>
  <c r="V42639" i="1"/>
  <c r="V42640" i="1"/>
  <c r="V42641" i="1"/>
  <c r="V42642" i="1"/>
  <c r="V42643" i="1"/>
  <c r="V42644" i="1"/>
  <c r="V42645" i="1"/>
  <c r="V42646" i="1"/>
  <c r="V42647" i="1"/>
  <c r="V42648" i="1"/>
  <c r="V42649" i="1"/>
  <c r="V42650" i="1"/>
  <c r="V42651" i="1"/>
  <c r="V42652" i="1"/>
  <c r="V42653" i="1"/>
  <c r="V42654" i="1"/>
  <c r="V42655" i="1"/>
  <c r="V42656" i="1"/>
  <c r="V42657" i="1"/>
  <c r="V42658" i="1"/>
  <c r="V42659" i="1"/>
  <c r="V42660" i="1"/>
  <c r="V42661" i="1"/>
  <c r="V42662" i="1"/>
  <c r="V42663" i="1"/>
  <c r="V42664" i="1"/>
  <c r="V42665" i="1"/>
  <c r="V42666" i="1"/>
  <c r="V42667" i="1"/>
  <c r="V42668" i="1"/>
  <c r="V42669" i="1"/>
  <c r="V42670" i="1"/>
  <c r="V42671" i="1"/>
  <c r="V42672" i="1"/>
  <c r="V42673" i="1"/>
  <c r="V42674" i="1"/>
  <c r="V42675" i="1"/>
  <c r="V42676" i="1"/>
  <c r="V42677" i="1"/>
  <c r="V42678" i="1"/>
  <c r="V42679" i="1"/>
  <c r="V42680" i="1"/>
  <c r="V42681" i="1"/>
  <c r="V42682" i="1"/>
  <c r="V42683" i="1"/>
  <c r="V42684" i="1"/>
  <c r="V42685" i="1"/>
  <c r="V42686" i="1"/>
  <c r="V42687" i="1"/>
  <c r="V42688" i="1"/>
  <c r="V42689" i="1"/>
  <c r="V42690" i="1"/>
  <c r="V42691" i="1"/>
  <c r="V42692" i="1"/>
  <c r="V42693" i="1"/>
  <c r="V42694" i="1"/>
  <c r="V42695" i="1"/>
  <c r="V42696" i="1"/>
  <c r="V42697" i="1"/>
  <c r="V42698" i="1"/>
  <c r="V42699" i="1"/>
  <c r="V42700" i="1"/>
  <c r="V42701" i="1"/>
  <c r="V42702" i="1"/>
  <c r="V42703" i="1"/>
  <c r="V42704" i="1"/>
  <c r="V42705" i="1"/>
  <c r="V42706" i="1"/>
  <c r="V42707" i="1"/>
  <c r="V42708" i="1"/>
  <c r="V42709" i="1"/>
  <c r="V42710" i="1"/>
  <c r="V42711" i="1"/>
  <c r="V42712" i="1"/>
  <c r="V42713" i="1"/>
  <c r="V42714" i="1"/>
  <c r="V42715" i="1"/>
  <c r="V42716" i="1"/>
  <c r="V42717" i="1"/>
  <c r="V42718" i="1"/>
  <c r="V42719" i="1"/>
  <c r="V42720" i="1"/>
  <c r="V42721" i="1"/>
  <c r="V42722" i="1"/>
  <c r="V42723" i="1"/>
  <c r="V42724" i="1"/>
  <c r="V42725" i="1"/>
  <c r="V42726" i="1"/>
  <c r="V42727" i="1"/>
  <c r="V42728" i="1"/>
  <c r="V42729" i="1"/>
  <c r="V42730" i="1"/>
  <c r="V42731" i="1"/>
  <c r="V42732" i="1"/>
  <c r="V42733" i="1"/>
  <c r="V42734" i="1"/>
  <c r="V42735" i="1"/>
  <c r="V42736" i="1"/>
  <c r="V42737" i="1"/>
  <c r="V42738" i="1"/>
  <c r="V42739" i="1"/>
  <c r="V42740" i="1"/>
  <c r="V42741" i="1"/>
  <c r="V42742" i="1"/>
  <c r="V42743" i="1"/>
  <c r="V42744" i="1"/>
  <c r="V42745" i="1"/>
  <c r="V42746" i="1"/>
  <c r="V42747" i="1"/>
  <c r="V42748" i="1"/>
  <c r="V42749" i="1"/>
  <c r="V42750" i="1"/>
  <c r="V42751" i="1"/>
  <c r="V42752" i="1"/>
  <c r="V42753" i="1"/>
  <c r="V42754" i="1"/>
  <c r="V42755" i="1"/>
  <c r="V42756" i="1"/>
  <c r="V42757" i="1"/>
  <c r="V42758" i="1"/>
  <c r="V42759" i="1"/>
  <c r="V42760" i="1"/>
  <c r="V42761" i="1"/>
  <c r="V42762" i="1"/>
  <c r="V42763" i="1"/>
  <c r="V42764" i="1"/>
  <c r="V42765" i="1"/>
  <c r="V42766" i="1"/>
  <c r="V42767" i="1"/>
  <c r="V42768" i="1"/>
  <c r="V42769" i="1"/>
  <c r="V42770" i="1"/>
  <c r="V42771" i="1"/>
  <c r="V42772" i="1"/>
  <c r="V42773" i="1"/>
  <c r="V42774" i="1"/>
  <c r="V42775" i="1"/>
  <c r="V42776" i="1"/>
  <c r="V42777" i="1"/>
  <c r="V42778" i="1"/>
  <c r="V42779" i="1"/>
  <c r="V42780" i="1"/>
  <c r="V42781" i="1"/>
  <c r="V42782" i="1"/>
  <c r="V42783" i="1"/>
  <c r="V42784" i="1"/>
  <c r="V42785" i="1"/>
  <c r="V42786" i="1"/>
  <c r="V42787" i="1"/>
  <c r="V42788" i="1"/>
  <c r="V42789" i="1"/>
  <c r="V42790" i="1"/>
  <c r="V42791" i="1"/>
  <c r="V42792" i="1"/>
  <c r="V42793" i="1"/>
  <c r="V42794" i="1"/>
  <c r="V42795" i="1"/>
  <c r="V42796" i="1"/>
  <c r="V42797" i="1"/>
  <c r="V42798" i="1"/>
  <c r="V42799" i="1"/>
  <c r="V42800" i="1"/>
  <c r="V42801" i="1"/>
  <c r="V42802" i="1"/>
  <c r="V42803" i="1"/>
  <c r="V42804" i="1"/>
  <c r="V42805" i="1"/>
  <c r="V42806" i="1"/>
  <c r="V42807" i="1"/>
  <c r="V42808" i="1"/>
  <c r="V42809" i="1"/>
  <c r="V42810" i="1"/>
  <c r="V42811" i="1"/>
  <c r="V42812" i="1"/>
  <c r="V42813" i="1"/>
  <c r="V42814" i="1"/>
  <c r="V42815" i="1"/>
  <c r="V42816" i="1"/>
  <c r="V42817" i="1"/>
  <c r="V42818" i="1"/>
  <c r="V42819" i="1"/>
  <c r="V42820" i="1"/>
  <c r="V42821" i="1"/>
  <c r="V42822" i="1"/>
  <c r="V42823" i="1"/>
  <c r="V42824" i="1"/>
  <c r="V42825" i="1"/>
  <c r="V42826" i="1"/>
  <c r="V42827" i="1"/>
  <c r="V42828" i="1"/>
  <c r="V42829" i="1"/>
  <c r="V42830" i="1"/>
  <c r="V42831" i="1"/>
  <c r="V42832" i="1"/>
  <c r="V42833" i="1"/>
  <c r="V42834" i="1"/>
  <c r="V42835" i="1"/>
  <c r="V42836" i="1"/>
  <c r="V42837" i="1"/>
  <c r="V42838" i="1"/>
  <c r="V42839" i="1"/>
  <c r="V42840" i="1"/>
  <c r="V42841" i="1"/>
  <c r="V42842" i="1"/>
  <c r="V42843" i="1"/>
  <c r="V42844" i="1"/>
  <c r="V42845" i="1"/>
  <c r="V42846" i="1"/>
  <c r="V42847" i="1"/>
  <c r="V42848" i="1"/>
  <c r="V42849" i="1"/>
  <c r="V42850" i="1"/>
  <c r="V42851" i="1"/>
  <c r="V42852" i="1"/>
  <c r="V42853" i="1"/>
  <c r="V42854" i="1"/>
  <c r="V42855" i="1"/>
  <c r="V42856" i="1"/>
  <c r="V42857" i="1"/>
  <c r="V42858" i="1"/>
  <c r="V42859" i="1"/>
  <c r="V42860" i="1"/>
  <c r="V42861" i="1"/>
  <c r="V42862" i="1"/>
  <c r="V42863" i="1"/>
  <c r="V42864" i="1"/>
  <c r="V42865" i="1"/>
  <c r="V42866" i="1"/>
  <c r="V42867" i="1"/>
  <c r="V42868" i="1"/>
  <c r="V42869" i="1"/>
  <c r="V42870" i="1"/>
  <c r="V42871" i="1"/>
  <c r="V42872" i="1"/>
  <c r="V42873" i="1"/>
  <c r="V42874" i="1"/>
  <c r="V42875" i="1"/>
  <c r="V42876" i="1"/>
  <c r="V42877" i="1"/>
  <c r="V42878" i="1"/>
  <c r="V42879" i="1"/>
  <c r="V42880" i="1"/>
  <c r="V42881" i="1"/>
  <c r="V42882" i="1"/>
  <c r="V42883" i="1"/>
  <c r="V42884" i="1"/>
  <c r="V42885" i="1"/>
  <c r="V42886" i="1"/>
  <c r="V42887" i="1"/>
  <c r="V42888" i="1"/>
  <c r="V42889" i="1"/>
  <c r="V42890" i="1"/>
  <c r="V42891" i="1"/>
  <c r="V42892" i="1"/>
  <c r="V42893" i="1"/>
  <c r="V42894" i="1"/>
  <c r="V42895" i="1"/>
  <c r="V42896" i="1"/>
  <c r="V42897" i="1"/>
  <c r="V42898" i="1"/>
  <c r="V42899" i="1"/>
  <c r="V42900" i="1"/>
  <c r="V42901" i="1"/>
  <c r="V42902" i="1"/>
  <c r="V42903" i="1"/>
  <c r="V42904" i="1"/>
  <c r="V42905" i="1"/>
  <c r="V42906" i="1"/>
  <c r="V42907" i="1"/>
  <c r="V42908" i="1"/>
  <c r="V42909" i="1"/>
  <c r="V42910" i="1"/>
  <c r="V42911" i="1"/>
  <c r="V42912" i="1"/>
  <c r="V42913" i="1"/>
  <c r="V42914" i="1"/>
  <c r="V42915" i="1"/>
  <c r="V42916" i="1"/>
  <c r="V42917" i="1"/>
  <c r="V42918" i="1"/>
  <c r="V42919" i="1"/>
  <c r="V42920" i="1"/>
  <c r="V42921" i="1"/>
  <c r="V42922" i="1"/>
  <c r="V42923" i="1"/>
  <c r="V42924" i="1"/>
  <c r="V42925" i="1"/>
  <c r="V42926" i="1"/>
  <c r="V42927" i="1"/>
  <c r="V42928" i="1"/>
  <c r="V42929" i="1"/>
  <c r="V42930" i="1"/>
  <c r="V42931" i="1"/>
  <c r="V42932" i="1"/>
  <c r="V42933" i="1"/>
  <c r="V42934" i="1"/>
  <c r="V42935" i="1"/>
  <c r="V42936" i="1"/>
  <c r="V42937" i="1"/>
  <c r="V42938" i="1"/>
  <c r="V42939" i="1"/>
  <c r="V42940" i="1"/>
  <c r="V42941" i="1"/>
  <c r="V42942" i="1"/>
  <c r="V42943" i="1"/>
  <c r="V42944" i="1"/>
  <c r="V42945" i="1"/>
  <c r="V42946" i="1"/>
  <c r="V42947" i="1"/>
  <c r="V42948" i="1"/>
  <c r="V42949" i="1"/>
  <c r="V42950" i="1"/>
  <c r="V42951" i="1"/>
  <c r="V42952" i="1"/>
  <c r="V42953" i="1"/>
  <c r="V42954" i="1"/>
  <c r="V42955" i="1"/>
  <c r="V42956" i="1"/>
  <c r="V42957" i="1"/>
  <c r="V42958" i="1"/>
  <c r="V42959" i="1"/>
  <c r="V42960" i="1"/>
  <c r="V42961" i="1"/>
  <c r="V42962" i="1"/>
  <c r="V42963" i="1"/>
  <c r="V42964" i="1"/>
  <c r="V42965" i="1"/>
  <c r="V42966" i="1"/>
  <c r="V42967" i="1"/>
  <c r="V42968" i="1"/>
  <c r="V42969" i="1"/>
  <c r="V42970" i="1"/>
  <c r="V42971" i="1"/>
  <c r="V42972" i="1"/>
  <c r="V42973" i="1"/>
  <c r="V42974" i="1"/>
  <c r="V42975" i="1"/>
  <c r="V42976" i="1"/>
  <c r="V42977" i="1"/>
  <c r="V42978" i="1"/>
  <c r="V42979" i="1"/>
  <c r="V42980" i="1"/>
  <c r="V42981" i="1"/>
  <c r="V42982" i="1"/>
  <c r="V42983" i="1"/>
  <c r="V42984" i="1"/>
  <c r="V42985" i="1"/>
  <c r="V42986" i="1"/>
  <c r="V42987" i="1"/>
  <c r="V42988" i="1"/>
  <c r="V42989" i="1"/>
  <c r="V42990" i="1"/>
  <c r="V42991" i="1"/>
  <c r="V42992" i="1"/>
  <c r="V42993" i="1"/>
  <c r="V42994" i="1"/>
  <c r="V42995" i="1"/>
  <c r="V42996" i="1"/>
  <c r="V42997" i="1"/>
  <c r="V42998" i="1"/>
  <c r="V42999" i="1"/>
  <c r="V43000" i="1"/>
  <c r="V43001" i="1"/>
  <c r="V43002" i="1"/>
  <c r="V43003" i="1"/>
  <c r="V43004" i="1"/>
  <c r="V43005" i="1"/>
  <c r="V43006" i="1"/>
  <c r="V43007" i="1"/>
  <c r="V43008" i="1"/>
  <c r="V43009" i="1"/>
  <c r="V43010" i="1"/>
  <c r="V43011" i="1"/>
  <c r="V43012" i="1"/>
  <c r="V43013" i="1"/>
  <c r="V43014" i="1"/>
  <c r="V43015" i="1"/>
  <c r="V43016" i="1"/>
  <c r="V43017" i="1"/>
  <c r="V43018" i="1"/>
  <c r="V43019" i="1"/>
  <c r="V43020" i="1"/>
  <c r="V43021" i="1"/>
  <c r="V43022" i="1"/>
  <c r="V43023" i="1"/>
  <c r="V43024" i="1"/>
  <c r="V43025" i="1"/>
  <c r="V43026" i="1"/>
  <c r="V43027" i="1"/>
  <c r="V43028" i="1"/>
  <c r="V43029" i="1"/>
  <c r="V43030" i="1"/>
  <c r="V43031" i="1"/>
  <c r="V43032" i="1"/>
  <c r="V43033" i="1"/>
  <c r="V43034" i="1"/>
  <c r="V43035" i="1"/>
  <c r="V43036" i="1"/>
  <c r="V43037" i="1"/>
  <c r="V43038" i="1"/>
  <c r="V43039" i="1"/>
  <c r="V43040" i="1"/>
  <c r="V43041" i="1"/>
  <c r="V43042" i="1"/>
  <c r="V43043" i="1"/>
  <c r="V43044" i="1"/>
  <c r="V43045" i="1"/>
  <c r="V43046" i="1"/>
  <c r="V43047" i="1"/>
  <c r="V43048" i="1"/>
  <c r="V43049" i="1"/>
  <c r="V43050" i="1"/>
  <c r="V43051" i="1"/>
  <c r="V43052" i="1"/>
  <c r="V43053" i="1"/>
  <c r="V43054" i="1"/>
  <c r="V43055" i="1"/>
  <c r="V43056" i="1"/>
  <c r="V43057" i="1"/>
  <c r="V43058" i="1"/>
  <c r="V43059" i="1"/>
  <c r="V43060" i="1"/>
  <c r="V43061" i="1"/>
  <c r="V43062" i="1"/>
  <c r="V43063" i="1"/>
  <c r="V43064" i="1"/>
  <c r="V43065" i="1"/>
  <c r="V43066" i="1"/>
  <c r="V43067" i="1"/>
  <c r="V43068" i="1"/>
  <c r="V43069" i="1"/>
  <c r="V43070" i="1"/>
  <c r="V43071" i="1"/>
  <c r="V43072" i="1"/>
  <c r="V43073" i="1"/>
  <c r="V43074" i="1"/>
  <c r="V43075" i="1"/>
  <c r="V43076" i="1"/>
  <c r="V43077" i="1"/>
  <c r="V43078" i="1"/>
  <c r="V43079" i="1"/>
  <c r="V43080" i="1"/>
  <c r="V43081" i="1"/>
  <c r="V43082" i="1"/>
  <c r="V43083" i="1"/>
  <c r="V43084" i="1"/>
  <c r="V43085" i="1"/>
  <c r="V43086" i="1"/>
  <c r="V43087" i="1"/>
  <c r="V43088" i="1"/>
  <c r="V43089" i="1"/>
  <c r="V43090" i="1"/>
  <c r="V43091" i="1"/>
  <c r="V43092" i="1"/>
  <c r="V43093" i="1"/>
  <c r="V43094" i="1"/>
  <c r="V43095" i="1"/>
  <c r="V43096" i="1"/>
  <c r="V43097" i="1"/>
  <c r="V43098" i="1"/>
  <c r="V43099" i="1"/>
  <c r="V43100" i="1"/>
  <c r="V43101" i="1"/>
  <c r="V43102" i="1"/>
  <c r="V43103" i="1"/>
  <c r="V43104" i="1"/>
  <c r="V43105" i="1"/>
  <c r="V43106" i="1"/>
  <c r="V43107" i="1"/>
  <c r="V43108" i="1"/>
  <c r="V43109" i="1"/>
  <c r="V43110" i="1"/>
  <c r="V43111" i="1"/>
  <c r="V43112" i="1"/>
  <c r="V43113" i="1"/>
  <c r="V43114" i="1"/>
  <c r="V43115" i="1"/>
  <c r="V43116" i="1"/>
  <c r="V43117" i="1"/>
  <c r="V43118" i="1"/>
  <c r="V43119" i="1"/>
  <c r="V43120" i="1"/>
  <c r="V43121" i="1"/>
  <c r="V43122" i="1"/>
  <c r="V43123" i="1"/>
  <c r="V43124" i="1"/>
  <c r="V43125" i="1"/>
  <c r="V43126" i="1"/>
  <c r="V43127" i="1"/>
  <c r="V43128" i="1"/>
  <c r="V43129" i="1"/>
  <c r="V43130" i="1"/>
  <c r="V43131" i="1"/>
  <c r="V43132" i="1"/>
  <c r="V43133" i="1"/>
  <c r="V43134" i="1"/>
  <c r="V43135" i="1"/>
  <c r="V43136" i="1"/>
  <c r="V43137" i="1"/>
  <c r="V43138" i="1"/>
  <c r="V43139" i="1"/>
  <c r="V43140" i="1"/>
  <c r="V43141" i="1"/>
  <c r="V43142" i="1"/>
  <c r="V43143" i="1"/>
  <c r="V43144" i="1"/>
  <c r="V43145" i="1"/>
  <c r="V43146" i="1"/>
  <c r="V43147" i="1"/>
  <c r="V43148" i="1"/>
  <c r="V43149" i="1"/>
  <c r="V43150" i="1"/>
  <c r="V43151" i="1"/>
  <c r="V43152" i="1"/>
  <c r="V43153" i="1"/>
  <c r="V43154" i="1"/>
  <c r="V43155" i="1"/>
  <c r="V43156" i="1"/>
  <c r="V43157" i="1"/>
  <c r="V43158" i="1"/>
  <c r="V43159" i="1"/>
  <c r="V43160" i="1"/>
  <c r="V43161" i="1"/>
  <c r="V43162" i="1"/>
  <c r="V43163" i="1"/>
  <c r="V43164" i="1"/>
  <c r="V43165" i="1"/>
  <c r="V43166" i="1"/>
  <c r="V43167" i="1"/>
  <c r="V43168" i="1"/>
  <c r="V43169" i="1"/>
  <c r="V43170" i="1"/>
  <c r="V43171" i="1"/>
  <c r="V43172" i="1"/>
  <c r="V43173" i="1"/>
  <c r="V43174" i="1"/>
  <c r="V43175" i="1"/>
  <c r="V43176" i="1"/>
  <c r="V43177" i="1"/>
  <c r="V43178" i="1"/>
  <c r="V43179" i="1"/>
  <c r="V43180" i="1"/>
  <c r="V43181" i="1"/>
  <c r="V43182" i="1"/>
  <c r="V43183" i="1"/>
  <c r="V43184" i="1"/>
  <c r="V43185" i="1"/>
  <c r="V43186" i="1"/>
  <c r="V43187" i="1"/>
  <c r="V43188" i="1"/>
  <c r="V43189" i="1"/>
  <c r="V43190" i="1"/>
  <c r="V43191" i="1"/>
  <c r="V43192" i="1"/>
  <c r="V43193" i="1"/>
  <c r="V43194" i="1"/>
  <c r="V43195" i="1"/>
  <c r="V43196" i="1"/>
  <c r="V43197" i="1"/>
  <c r="V43198" i="1"/>
  <c r="V43199" i="1"/>
  <c r="V43200" i="1"/>
  <c r="V43201" i="1"/>
  <c r="V43202" i="1"/>
  <c r="V43203" i="1"/>
  <c r="V43204" i="1"/>
  <c r="V43205" i="1"/>
  <c r="V43206" i="1"/>
  <c r="V43207" i="1"/>
  <c r="V43208" i="1"/>
  <c r="V43209" i="1"/>
  <c r="V43210" i="1"/>
  <c r="V43211" i="1"/>
  <c r="V43212" i="1"/>
  <c r="V43213" i="1"/>
  <c r="V43214" i="1"/>
  <c r="V43215" i="1"/>
  <c r="V43216" i="1"/>
  <c r="V43217" i="1"/>
  <c r="V43218" i="1"/>
  <c r="V43219" i="1"/>
  <c r="V43220" i="1"/>
  <c r="V43221" i="1"/>
  <c r="V43222" i="1"/>
  <c r="V43223" i="1"/>
  <c r="V43224" i="1"/>
  <c r="V43225" i="1"/>
  <c r="V43226" i="1"/>
  <c r="V43227" i="1"/>
  <c r="V43228" i="1"/>
  <c r="V43229" i="1"/>
  <c r="V43230" i="1"/>
  <c r="V43231" i="1"/>
  <c r="V43232" i="1"/>
  <c r="V43233" i="1"/>
  <c r="V43234" i="1"/>
  <c r="V43235" i="1"/>
  <c r="V43236" i="1"/>
  <c r="V43237" i="1"/>
  <c r="V43238" i="1"/>
  <c r="V43239" i="1"/>
  <c r="V43240" i="1"/>
  <c r="V43241" i="1"/>
  <c r="V43242" i="1"/>
  <c r="V43243" i="1"/>
  <c r="V43244" i="1"/>
  <c r="V43245" i="1"/>
  <c r="V43246" i="1"/>
  <c r="V43247" i="1"/>
  <c r="V43248" i="1"/>
  <c r="V43249" i="1"/>
  <c r="V43250" i="1"/>
  <c r="V43251" i="1"/>
  <c r="V43252" i="1"/>
  <c r="V43253" i="1"/>
  <c r="V43254" i="1"/>
  <c r="V43255" i="1"/>
  <c r="V43256" i="1"/>
  <c r="V43257" i="1"/>
  <c r="V43258" i="1"/>
  <c r="V43259" i="1"/>
  <c r="V43260" i="1"/>
  <c r="V43261" i="1"/>
  <c r="V43262" i="1"/>
  <c r="V43263" i="1"/>
  <c r="V43264" i="1"/>
  <c r="V43265" i="1"/>
  <c r="V43266" i="1"/>
  <c r="V43267" i="1"/>
  <c r="V43268" i="1"/>
  <c r="V43269" i="1"/>
  <c r="V43270" i="1"/>
  <c r="V43271" i="1"/>
  <c r="V43272" i="1"/>
  <c r="V43273" i="1"/>
  <c r="V43274" i="1"/>
  <c r="V43275" i="1"/>
  <c r="V43276" i="1"/>
  <c r="V43277" i="1"/>
  <c r="V43278" i="1"/>
  <c r="V43279" i="1"/>
  <c r="V43280" i="1"/>
  <c r="V43281" i="1"/>
  <c r="V43282" i="1"/>
  <c r="V43283" i="1"/>
  <c r="V43284" i="1"/>
  <c r="V43285" i="1"/>
  <c r="V43286" i="1"/>
  <c r="V43287" i="1"/>
  <c r="V43288" i="1"/>
  <c r="V43289" i="1"/>
  <c r="V43290" i="1"/>
  <c r="V43291" i="1"/>
  <c r="V43292" i="1"/>
  <c r="V43293" i="1"/>
  <c r="V43294" i="1"/>
  <c r="V43295" i="1"/>
  <c r="V43296" i="1"/>
  <c r="V43297" i="1"/>
  <c r="V43298" i="1"/>
  <c r="V43299" i="1"/>
  <c r="V43300" i="1"/>
  <c r="V43301" i="1"/>
  <c r="V43302" i="1"/>
  <c r="V43303" i="1"/>
  <c r="V43304" i="1"/>
  <c r="V43305" i="1"/>
  <c r="V43306" i="1"/>
  <c r="V43307" i="1"/>
  <c r="V43308" i="1"/>
  <c r="V43309" i="1"/>
  <c r="V43310" i="1"/>
  <c r="V43311" i="1"/>
  <c r="V43312" i="1"/>
  <c r="V43313" i="1"/>
  <c r="V43314" i="1"/>
  <c r="V43315" i="1"/>
  <c r="V43316" i="1"/>
  <c r="V43317" i="1"/>
  <c r="V43318" i="1"/>
  <c r="V43319" i="1"/>
  <c r="V43320" i="1"/>
  <c r="V43321" i="1"/>
  <c r="V43322" i="1"/>
  <c r="V43323" i="1"/>
  <c r="V43324" i="1"/>
  <c r="V43325" i="1"/>
  <c r="V43326" i="1"/>
  <c r="V43327" i="1"/>
  <c r="V43328" i="1"/>
  <c r="V43329" i="1"/>
  <c r="V43330" i="1"/>
  <c r="V43331" i="1"/>
  <c r="V43332" i="1"/>
  <c r="V43333" i="1"/>
  <c r="V43334" i="1"/>
  <c r="V43335" i="1"/>
  <c r="V43336" i="1"/>
  <c r="V43337" i="1"/>
  <c r="V43338" i="1"/>
  <c r="V43339" i="1"/>
  <c r="V43340" i="1"/>
  <c r="V43341" i="1"/>
  <c r="V43342" i="1"/>
  <c r="V43343" i="1"/>
  <c r="V43344" i="1"/>
  <c r="V43345" i="1"/>
  <c r="V43346" i="1"/>
  <c r="V43347" i="1"/>
  <c r="V43348" i="1"/>
  <c r="V43349" i="1"/>
  <c r="V43350" i="1"/>
  <c r="V43351" i="1"/>
  <c r="V43352" i="1"/>
  <c r="V43353" i="1"/>
  <c r="V43354" i="1"/>
  <c r="V43355" i="1"/>
  <c r="V43356" i="1"/>
  <c r="V43357" i="1"/>
  <c r="V43358" i="1"/>
  <c r="V43359" i="1"/>
  <c r="V43360" i="1"/>
  <c r="V43361" i="1"/>
  <c r="V43362" i="1"/>
  <c r="V43363" i="1"/>
  <c r="V43364" i="1"/>
  <c r="V43365" i="1"/>
  <c r="V43366" i="1"/>
  <c r="V43367" i="1"/>
  <c r="V43368" i="1"/>
  <c r="V43369" i="1"/>
  <c r="V43370" i="1"/>
  <c r="V43371" i="1"/>
  <c r="V43372" i="1"/>
  <c r="V43373" i="1"/>
  <c r="V43374" i="1"/>
  <c r="V43375" i="1"/>
  <c r="V43376" i="1"/>
  <c r="V43377" i="1"/>
  <c r="V43378" i="1"/>
  <c r="V43379" i="1"/>
  <c r="V43380" i="1"/>
  <c r="V43381" i="1"/>
  <c r="V43382" i="1"/>
  <c r="V43383" i="1"/>
  <c r="V43384" i="1"/>
  <c r="V43385" i="1"/>
  <c r="V43386" i="1"/>
  <c r="V43387" i="1"/>
  <c r="V43388" i="1"/>
  <c r="V43389" i="1"/>
  <c r="V43390" i="1"/>
  <c r="V43391" i="1"/>
  <c r="V43392" i="1"/>
  <c r="V43393" i="1"/>
  <c r="V43394" i="1"/>
  <c r="V43395" i="1"/>
  <c r="V43396" i="1"/>
  <c r="V43397" i="1"/>
  <c r="V43398" i="1"/>
  <c r="V43399" i="1"/>
  <c r="V43400" i="1"/>
  <c r="V43401" i="1"/>
  <c r="V43402" i="1"/>
  <c r="V43403" i="1"/>
  <c r="V43404" i="1"/>
  <c r="V43405" i="1"/>
  <c r="V43406" i="1"/>
  <c r="V43407" i="1"/>
  <c r="V43408" i="1"/>
  <c r="V43409" i="1"/>
  <c r="V43410" i="1"/>
  <c r="V43411" i="1"/>
  <c r="V43412" i="1"/>
  <c r="V43413" i="1"/>
  <c r="V43414" i="1"/>
  <c r="V43415" i="1"/>
  <c r="V43416" i="1"/>
  <c r="V43417" i="1"/>
  <c r="V43418" i="1"/>
  <c r="V43419" i="1"/>
  <c r="V43420" i="1"/>
  <c r="V43421" i="1"/>
  <c r="V43422" i="1"/>
  <c r="V43423" i="1"/>
  <c r="V43424" i="1"/>
  <c r="V43425" i="1"/>
  <c r="V43426" i="1"/>
  <c r="V43427" i="1"/>
  <c r="V43428" i="1"/>
  <c r="V43429" i="1"/>
  <c r="V43430" i="1"/>
  <c r="V43431" i="1"/>
  <c r="V43432" i="1"/>
  <c r="V43433" i="1"/>
  <c r="V43434" i="1"/>
  <c r="V43435" i="1"/>
  <c r="V43436" i="1"/>
  <c r="V43437" i="1"/>
  <c r="V43438" i="1"/>
  <c r="V43439" i="1"/>
  <c r="V43440" i="1"/>
  <c r="V43441" i="1"/>
  <c r="V43442" i="1"/>
  <c r="V43443" i="1"/>
  <c r="V43444" i="1"/>
  <c r="V43445" i="1"/>
  <c r="V43446" i="1"/>
  <c r="V43447" i="1"/>
  <c r="V43448" i="1"/>
  <c r="V43449" i="1"/>
  <c r="V43450" i="1"/>
  <c r="V43451" i="1"/>
  <c r="V43452" i="1"/>
  <c r="V43453" i="1"/>
  <c r="V43454" i="1"/>
  <c r="V43455" i="1"/>
  <c r="V43456" i="1"/>
  <c r="V43457" i="1"/>
  <c r="V43458" i="1"/>
  <c r="V43459" i="1"/>
  <c r="V43460" i="1"/>
  <c r="V43461" i="1"/>
  <c r="V43462" i="1"/>
  <c r="V43463" i="1"/>
  <c r="V43464" i="1"/>
  <c r="V43465" i="1"/>
  <c r="V43466" i="1"/>
  <c r="V43467" i="1"/>
  <c r="V43468" i="1"/>
  <c r="V43469" i="1"/>
  <c r="V43470" i="1"/>
  <c r="V43471" i="1"/>
  <c r="V43472" i="1"/>
  <c r="V43473" i="1"/>
  <c r="V43474" i="1"/>
  <c r="V43475" i="1"/>
  <c r="V43476" i="1"/>
  <c r="V43477" i="1"/>
  <c r="V43478" i="1"/>
  <c r="V43479" i="1"/>
  <c r="V43480" i="1"/>
  <c r="V43481" i="1"/>
  <c r="V43482" i="1"/>
  <c r="V43483" i="1"/>
  <c r="V43484" i="1"/>
  <c r="V43485" i="1"/>
  <c r="V43486" i="1"/>
  <c r="V43487" i="1"/>
  <c r="V43488" i="1"/>
  <c r="V43489" i="1"/>
  <c r="V43490" i="1"/>
  <c r="V43491" i="1"/>
  <c r="V43492" i="1"/>
  <c r="V43493" i="1"/>
  <c r="V43494" i="1"/>
  <c r="V43495" i="1"/>
  <c r="V43496" i="1"/>
  <c r="V43497" i="1"/>
  <c r="V43498" i="1"/>
  <c r="V43499" i="1"/>
  <c r="V43500" i="1"/>
  <c r="V43501" i="1"/>
  <c r="V43502" i="1"/>
  <c r="V43503" i="1"/>
  <c r="V43504" i="1"/>
  <c r="V43505" i="1"/>
  <c r="V43506" i="1"/>
  <c r="V43507" i="1"/>
  <c r="V43508" i="1"/>
  <c r="V43509" i="1"/>
  <c r="V43510" i="1"/>
  <c r="V43511" i="1"/>
  <c r="V43512" i="1"/>
  <c r="V43513" i="1"/>
  <c r="V43514" i="1"/>
  <c r="V43515" i="1"/>
  <c r="V43516" i="1"/>
  <c r="V43517" i="1"/>
  <c r="V43518" i="1"/>
  <c r="V43519" i="1"/>
  <c r="V43520" i="1"/>
  <c r="V43521" i="1"/>
  <c r="V43522" i="1"/>
  <c r="V43523" i="1"/>
  <c r="V43524" i="1"/>
  <c r="V43525" i="1"/>
  <c r="V43526" i="1"/>
  <c r="V43527" i="1"/>
  <c r="V43528" i="1"/>
  <c r="V43529" i="1"/>
  <c r="V43530" i="1"/>
  <c r="V43531" i="1"/>
  <c r="V43532" i="1"/>
  <c r="V43533" i="1"/>
  <c r="V43534" i="1"/>
  <c r="V43535" i="1"/>
  <c r="V43536" i="1"/>
  <c r="V43537" i="1"/>
  <c r="V43538" i="1"/>
  <c r="V43539" i="1"/>
  <c r="V43540" i="1"/>
  <c r="V43541" i="1"/>
  <c r="V43542" i="1"/>
  <c r="V43543" i="1"/>
  <c r="V43544" i="1"/>
  <c r="V43545" i="1"/>
  <c r="V43546" i="1"/>
  <c r="V43547" i="1"/>
  <c r="V43548" i="1"/>
  <c r="V43549" i="1"/>
  <c r="V43550" i="1"/>
  <c r="V43551" i="1"/>
  <c r="V43552" i="1"/>
  <c r="V43553" i="1"/>
  <c r="V43554" i="1"/>
  <c r="V43555" i="1"/>
  <c r="V43556" i="1"/>
  <c r="V43557" i="1"/>
  <c r="V43558" i="1"/>
  <c r="V43559" i="1"/>
  <c r="V43560" i="1"/>
  <c r="V43561" i="1"/>
  <c r="V43562" i="1"/>
  <c r="V43563" i="1"/>
  <c r="V43564" i="1"/>
  <c r="V43565" i="1"/>
  <c r="V43566" i="1"/>
  <c r="V43567" i="1"/>
  <c r="V43568" i="1"/>
  <c r="V43569" i="1"/>
  <c r="V43570" i="1"/>
  <c r="V43571" i="1"/>
  <c r="V43572" i="1"/>
  <c r="V43573" i="1"/>
  <c r="V43574" i="1"/>
  <c r="V43575" i="1"/>
  <c r="V43576" i="1"/>
  <c r="V43577" i="1"/>
  <c r="V43578" i="1"/>
  <c r="V43579" i="1"/>
  <c r="V43580" i="1"/>
  <c r="V43581" i="1"/>
  <c r="V43582" i="1"/>
  <c r="V43583" i="1"/>
  <c r="V43584" i="1"/>
  <c r="V43585" i="1"/>
  <c r="V43586" i="1"/>
  <c r="V43587" i="1"/>
  <c r="V43588" i="1"/>
  <c r="V43589" i="1"/>
  <c r="V43590" i="1"/>
  <c r="V43591" i="1"/>
  <c r="V43592" i="1"/>
  <c r="V43593" i="1"/>
  <c r="V43594" i="1"/>
  <c r="V43595" i="1"/>
  <c r="V43596" i="1"/>
  <c r="V43597" i="1"/>
  <c r="V43598" i="1"/>
  <c r="V43599" i="1"/>
  <c r="V43600" i="1"/>
  <c r="V43601" i="1"/>
  <c r="V43602" i="1"/>
  <c r="V43603" i="1"/>
  <c r="V43604" i="1"/>
  <c r="V43605" i="1"/>
  <c r="V43606" i="1"/>
  <c r="V43607" i="1"/>
  <c r="V43608" i="1"/>
  <c r="V43609" i="1"/>
  <c r="V43610" i="1"/>
  <c r="V43611" i="1"/>
  <c r="V43612" i="1"/>
  <c r="V43613" i="1"/>
  <c r="V43614" i="1"/>
  <c r="V43615" i="1"/>
  <c r="V43616" i="1"/>
  <c r="V43617" i="1"/>
  <c r="V43618" i="1"/>
  <c r="V43619" i="1"/>
  <c r="V43620" i="1"/>
  <c r="V43621" i="1"/>
  <c r="V43622" i="1"/>
  <c r="V43623" i="1"/>
  <c r="V43624" i="1"/>
  <c r="V43625" i="1"/>
  <c r="V43626" i="1"/>
  <c r="V43627" i="1"/>
  <c r="V43628" i="1"/>
  <c r="V43629" i="1"/>
  <c r="V43630" i="1"/>
  <c r="V43631" i="1"/>
  <c r="V43632" i="1"/>
  <c r="V43633" i="1"/>
  <c r="V43634" i="1"/>
  <c r="V43635" i="1"/>
  <c r="V43636" i="1"/>
  <c r="V43637" i="1"/>
  <c r="V43638" i="1"/>
  <c r="V43639" i="1"/>
  <c r="V43640" i="1"/>
  <c r="V43641" i="1"/>
  <c r="V43642" i="1"/>
  <c r="V43643" i="1"/>
  <c r="V43644" i="1"/>
  <c r="V43645" i="1"/>
  <c r="V43646" i="1"/>
  <c r="V43647" i="1"/>
  <c r="V43648" i="1"/>
  <c r="V43649" i="1"/>
  <c r="V43650" i="1"/>
  <c r="V43651" i="1"/>
  <c r="V43652" i="1"/>
  <c r="V43653" i="1"/>
  <c r="V43654" i="1"/>
  <c r="V43655" i="1"/>
  <c r="V43656" i="1"/>
  <c r="V43657" i="1"/>
  <c r="V43658" i="1"/>
  <c r="V43659" i="1"/>
  <c r="V43660" i="1"/>
  <c r="V43661" i="1"/>
  <c r="V43662" i="1"/>
  <c r="V43663" i="1"/>
  <c r="V43664" i="1"/>
  <c r="V43665" i="1"/>
  <c r="V43666" i="1"/>
  <c r="V43667" i="1"/>
  <c r="V43668" i="1"/>
  <c r="V43669" i="1"/>
  <c r="V43670" i="1"/>
  <c r="V43671" i="1"/>
  <c r="V43672" i="1"/>
  <c r="V43673" i="1"/>
  <c r="V43674" i="1"/>
  <c r="V43675" i="1"/>
  <c r="V43676" i="1"/>
  <c r="V43677" i="1"/>
  <c r="V43678" i="1"/>
  <c r="V43679" i="1"/>
  <c r="V43680" i="1"/>
  <c r="V43681" i="1"/>
  <c r="V43682" i="1"/>
  <c r="V43683" i="1"/>
  <c r="V43684" i="1"/>
  <c r="V43685" i="1"/>
  <c r="V43686" i="1"/>
  <c r="V43687" i="1"/>
  <c r="V43688" i="1"/>
  <c r="V43689" i="1"/>
  <c r="V43690" i="1"/>
  <c r="V43691" i="1"/>
  <c r="V43692" i="1"/>
  <c r="V43693" i="1"/>
  <c r="V43694" i="1"/>
  <c r="V43695" i="1"/>
  <c r="V43696" i="1"/>
  <c r="V43697" i="1"/>
  <c r="V43698" i="1"/>
  <c r="V43699" i="1"/>
  <c r="V43700" i="1"/>
  <c r="V43701" i="1"/>
  <c r="V43702" i="1"/>
  <c r="V43703" i="1"/>
  <c r="V43704" i="1"/>
  <c r="V43705" i="1"/>
  <c r="V43706" i="1"/>
  <c r="V43707" i="1"/>
  <c r="V43708" i="1"/>
  <c r="V43709" i="1"/>
  <c r="V43710" i="1"/>
  <c r="V43711" i="1"/>
  <c r="V43712" i="1"/>
  <c r="V43713" i="1"/>
  <c r="V43714" i="1"/>
  <c r="V43715" i="1"/>
  <c r="V43716" i="1"/>
  <c r="V43717" i="1"/>
  <c r="V43718" i="1"/>
  <c r="V43719" i="1"/>
  <c r="V43720" i="1"/>
  <c r="V43721" i="1"/>
  <c r="V43722" i="1"/>
  <c r="V43723" i="1"/>
  <c r="V43724" i="1"/>
  <c r="V43725" i="1"/>
  <c r="V43726" i="1"/>
  <c r="V43727" i="1"/>
  <c r="V43728" i="1"/>
  <c r="V43729" i="1"/>
  <c r="V43730" i="1"/>
  <c r="V43731" i="1"/>
  <c r="V43732" i="1"/>
  <c r="V43733" i="1"/>
  <c r="V43734" i="1"/>
  <c r="V43735" i="1"/>
  <c r="V43736" i="1"/>
  <c r="V43737" i="1"/>
  <c r="V43738" i="1"/>
  <c r="V43739" i="1"/>
  <c r="V43740" i="1"/>
  <c r="V43741" i="1"/>
  <c r="V43742" i="1"/>
  <c r="V43743" i="1"/>
  <c r="V43744" i="1"/>
  <c r="V43745" i="1"/>
  <c r="V43746" i="1"/>
  <c r="V43747" i="1"/>
  <c r="V43748" i="1"/>
  <c r="V43749" i="1"/>
  <c r="V43750" i="1"/>
  <c r="V43751" i="1"/>
  <c r="V43752" i="1"/>
  <c r="V43753" i="1"/>
  <c r="V43754" i="1"/>
  <c r="V43755" i="1"/>
  <c r="V43756" i="1"/>
  <c r="V43757" i="1"/>
  <c r="V43758" i="1"/>
  <c r="V43759" i="1"/>
  <c r="V43760" i="1"/>
  <c r="V43761" i="1"/>
  <c r="V43762" i="1"/>
  <c r="V43763" i="1"/>
  <c r="V43764" i="1"/>
  <c r="V43765" i="1"/>
  <c r="V43766" i="1"/>
  <c r="V43767" i="1"/>
  <c r="V43768" i="1"/>
  <c r="V43769" i="1"/>
  <c r="V43770" i="1"/>
  <c r="V43771" i="1"/>
  <c r="V43772" i="1"/>
  <c r="V43773" i="1"/>
  <c r="V43774" i="1"/>
  <c r="V43775" i="1"/>
  <c r="V43776" i="1"/>
  <c r="V43777" i="1"/>
  <c r="V43778" i="1"/>
  <c r="V43779" i="1"/>
  <c r="V43780" i="1"/>
  <c r="V43781" i="1"/>
  <c r="V43782" i="1"/>
  <c r="V43783" i="1"/>
  <c r="V43784" i="1"/>
  <c r="V43785" i="1"/>
  <c r="V43786" i="1"/>
  <c r="V43787" i="1"/>
  <c r="V43788" i="1"/>
  <c r="V43789" i="1"/>
  <c r="V43790" i="1"/>
  <c r="V43791" i="1"/>
  <c r="V43792" i="1"/>
  <c r="V43793" i="1"/>
  <c r="V43794" i="1"/>
  <c r="V43795" i="1"/>
  <c r="V43796" i="1"/>
  <c r="V43797" i="1"/>
  <c r="V43798" i="1"/>
  <c r="V43799" i="1"/>
  <c r="V43800" i="1"/>
  <c r="V43801" i="1"/>
  <c r="V43802" i="1"/>
  <c r="V43803" i="1"/>
  <c r="V43804" i="1"/>
  <c r="V43805" i="1"/>
  <c r="V43806" i="1"/>
  <c r="V43807" i="1"/>
  <c r="V43808" i="1"/>
  <c r="V43809" i="1"/>
  <c r="V43810" i="1"/>
  <c r="V43811" i="1"/>
  <c r="V43812" i="1"/>
  <c r="V43813" i="1"/>
  <c r="V43814" i="1"/>
  <c r="V43815" i="1"/>
  <c r="V43816" i="1"/>
  <c r="V43817" i="1"/>
  <c r="V43818" i="1"/>
  <c r="V43819" i="1"/>
  <c r="V43820" i="1"/>
  <c r="V43821" i="1"/>
  <c r="V43822" i="1"/>
  <c r="V43823" i="1"/>
  <c r="V43824" i="1"/>
  <c r="V43825" i="1"/>
  <c r="V43826" i="1"/>
  <c r="V43827" i="1"/>
  <c r="V43828" i="1"/>
  <c r="V43829" i="1"/>
  <c r="V43830" i="1"/>
  <c r="V43831" i="1"/>
  <c r="V43832" i="1"/>
  <c r="V43833" i="1"/>
  <c r="V43834" i="1"/>
  <c r="V43835" i="1"/>
  <c r="V43836" i="1"/>
  <c r="V43837" i="1"/>
  <c r="V43838" i="1"/>
  <c r="V43839" i="1"/>
  <c r="V43840" i="1"/>
  <c r="V43841" i="1"/>
  <c r="V43842" i="1"/>
  <c r="V43843" i="1"/>
  <c r="V43844" i="1"/>
  <c r="V43845" i="1"/>
  <c r="V43846" i="1"/>
  <c r="V43847" i="1"/>
  <c r="V43848" i="1"/>
  <c r="V43849" i="1"/>
  <c r="V43850" i="1"/>
  <c r="V43851" i="1"/>
  <c r="V43852" i="1"/>
  <c r="V43853" i="1"/>
  <c r="V43854" i="1"/>
  <c r="V43855" i="1"/>
  <c r="V43856" i="1"/>
  <c r="V43857" i="1"/>
  <c r="V43858" i="1"/>
  <c r="V43859" i="1"/>
  <c r="V43860" i="1"/>
  <c r="V43861" i="1"/>
  <c r="V43862" i="1"/>
  <c r="V43863" i="1"/>
  <c r="V43864" i="1"/>
  <c r="V43865" i="1"/>
  <c r="V43866" i="1"/>
  <c r="V43867" i="1"/>
  <c r="V43868" i="1"/>
  <c r="V43869" i="1"/>
  <c r="V43870" i="1"/>
  <c r="V43871" i="1"/>
  <c r="V43872" i="1"/>
  <c r="V43873" i="1"/>
  <c r="V43874" i="1"/>
  <c r="V43875" i="1"/>
  <c r="V43876" i="1"/>
  <c r="V43877" i="1"/>
  <c r="V43878" i="1"/>
  <c r="V43879" i="1"/>
  <c r="V43880" i="1"/>
  <c r="V43881" i="1"/>
  <c r="V43882" i="1"/>
  <c r="V43883" i="1"/>
  <c r="V43884" i="1"/>
  <c r="V43885" i="1"/>
  <c r="V43886" i="1"/>
  <c r="V43887" i="1"/>
  <c r="V43888" i="1"/>
  <c r="V43889" i="1"/>
  <c r="V43890" i="1"/>
  <c r="V43891" i="1"/>
  <c r="V43892" i="1"/>
  <c r="V43893" i="1"/>
  <c r="V43894" i="1"/>
  <c r="V43895" i="1"/>
  <c r="V43896" i="1"/>
  <c r="V43897" i="1"/>
  <c r="V43898" i="1"/>
  <c r="V43899" i="1"/>
  <c r="V43900" i="1"/>
  <c r="V43901" i="1"/>
  <c r="V43902" i="1"/>
  <c r="V43903" i="1"/>
  <c r="V43904" i="1"/>
  <c r="V43905" i="1"/>
  <c r="V43906" i="1"/>
  <c r="V43907" i="1"/>
  <c r="V43908" i="1"/>
  <c r="V43909" i="1"/>
  <c r="V43910" i="1"/>
  <c r="V43911" i="1"/>
  <c r="V43912" i="1"/>
  <c r="V43913" i="1"/>
  <c r="V43914" i="1"/>
  <c r="V43915" i="1"/>
  <c r="V43916" i="1"/>
  <c r="V43917" i="1"/>
  <c r="V43918" i="1"/>
  <c r="V43919" i="1"/>
  <c r="V43920" i="1"/>
  <c r="V43921" i="1"/>
  <c r="V43922" i="1"/>
  <c r="V43923" i="1"/>
  <c r="V43924" i="1"/>
  <c r="V43925" i="1"/>
  <c r="V43926" i="1"/>
  <c r="V43927" i="1"/>
  <c r="V43928" i="1"/>
  <c r="V43929" i="1"/>
  <c r="V43930" i="1"/>
  <c r="V43931" i="1"/>
  <c r="V43932" i="1"/>
  <c r="V43933" i="1"/>
  <c r="V43934" i="1"/>
  <c r="V43935" i="1"/>
  <c r="V43936" i="1"/>
  <c r="V43937" i="1"/>
  <c r="V43938" i="1"/>
  <c r="V43939" i="1"/>
  <c r="V43940" i="1"/>
  <c r="V43941" i="1"/>
  <c r="V43942" i="1"/>
  <c r="V43943" i="1"/>
  <c r="V43944" i="1"/>
  <c r="V43945" i="1"/>
  <c r="V43946" i="1"/>
  <c r="V43947" i="1"/>
  <c r="V43948" i="1"/>
  <c r="V43949" i="1"/>
  <c r="V43950" i="1"/>
  <c r="V43951" i="1"/>
  <c r="V43952" i="1"/>
  <c r="V43953" i="1"/>
  <c r="V43954" i="1"/>
  <c r="V43955" i="1"/>
  <c r="V43956" i="1"/>
  <c r="V43957" i="1"/>
  <c r="V43958" i="1"/>
  <c r="V43959" i="1"/>
  <c r="V43960" i="1"/>
  <c r="V43961" i="1"/>
  <c r="V43962" i="1"/>
  <c r="V43963" i="1"/>
  <c r="V43964" i="1"/>
  <c r="V43965" i="1"/>
  <c r="V43966" i="1"/>
  <c r="V43967" i="1"/>
  <c r="V43968" i="1"/>
  <c r="V43969" i="1"/>
  <c r="V43970" i="1"/>
  <c r="V43971" i="1"/>
  <c r="V43972" i="1"/>
  <c r="V43973" i="1"/>
  <c r="V43974" i="1"/>
  <c r="V43975" i="1"/>
  <c r="V43976" i="1"/>
  <c r="V43977" i="1"/>
  <c r="V43978" i="1"/>
  <c r="V43979" i="1"/>
  <c r="V43980" i="1"/>
  <c r="V43981" i="1"/>
  <c r="V43982" i="1"/>
  <c r="V43983" i="1"/>
  <c r="V43984" i="1"/>
  <c r="V43985" i="1"/>
  <c r="V43986" i="1"/>
  <c r="V43987" i="1"/>
  <c r="V43988" i="1"/>
  <c r="V43989" i="1"/>
  <c r="V43990" i="1"/>
  <c r="V43991" i="1"/>
  <c r="V43992" i="1"/>
  <c r="V43993" i="1"/>
  <c r="V43994" i="1"/>
  <c r="V43995" i="1"/>
  <c r="V43996" i="1"/>
  <c r="V43997" i="1"/>
  <c r="V43998" i="1"/>
  <c r="V43999" i="1"/>
  <c r="V44000" i="1"/>
  <c r="V44001" i="1"/>
  <c r="V44002" i="1"/>
  <c r="V44003" i="1"/>
  <c r="V44004" i="1"/>
  <c r="V44005" i="1"/>
  <c r="V44006" i="1"/>
  <c r="V44007" i="1"/>
  <c r="V44008" i="1"/>
  <c r="V44009" i="1"/>
  <c r="V44010" i="1"/>
  <c r="V44011" i="1"/>
  <c r="V44012" i="1"/>
  <c r="V44013" i="1"/>
  <c r="V44014" i="1"/>
  <c r="V44015" i="1"/>
  <c r="V44016" i="1"/>
  <c r="V44017" i="1"/>
  <c r="V44018" i="1"/>
  <c r="V44019" i="1"/>
  <c r="V44020" i="1"/>
  <c r="V44021" i="1"/>
  <c r="V44022" i="1"/>
  <c r="V44023" i="1"/>
  <c r="V44024" i="1"/>
  <c r="V44025" i="1"/>
  <c r="V44026" i="1"/>
  <c r="V44027" i="1"/>
  <c r="V44028" i="1"/>
  <c r="V44029" i="1"/>
  <c r="V44030" i="1"/>
  <c r="V44031" i="1"/>
  <c r="V44032" i="1"/>
  <c r="V44033" i="1"/>
  <c r="V44034" i="1"/>
  <c r="V44035" i="1"/>
  <c r="V44036" i="1"/>
  <c r="V44037" i="1"/>
  <c r="V44038" i="1"/>
  <c r="V44039" i="1"/>
  <c r="V44040" i="1"/>
  <c r="V44041" i="1"/>
  <c r="V44042" i="1"/>
  <c r="V44043" i="1"/>
  <c r="V44044" i="1"/>
  <c r="V44045" i="1"/>
  <c r="V44046" i="1"/>
  <c r="V44047" i="1"/>
  <c r="V44048" i="1"/>
  <c r="V44049" i="1"/>
  <c r="V44050" i="1"/>
  <c r="V44051" i="1"/>
  <c r="V44052" i="1"/>
  <c r="V44053" i="1"/>
  <c r="V44054" i="1"/>
  <c r="V44055" i="1"/>
  <c r="V44056" i="1"/>
  <c r="V44057" i="1"/>
  <c r="V44058" i="1"/>
  <c r="V44059" i="1"/>
  <c r="V44060" i="1"/>
  <c r="V44061" i="1"/>
  <c r="V44062" i="1"/>
  <c r="V44063" i="1"/>
  <c r="V44064" i="1"/>
  <c r="V44065" i="1"/>
  <c r="V44066" i="1"/>
  <c r="V44067" i="1"/>
  <c r="V44068" i="1"/>
  <c r="V44069" i="1"/>
  <c r="V44070" i="1"/>
  <c r="V44071" i="1"/>
  <c r="V44072" i="1"/>
  <c r="V44073" i="1"/>
  <c r="V44074" i="1"/>
  <c r="V44075" i="1"/>
  <c r="V44076" i="1"/>
  <c r="V44077" i="1"/>
  <c r="V44078" i="1"/>
  <c r="V44079" i="1"/>
  <c r="V44080" i="1"/>
  <c r="V44081" i="1"/>
  <c r="V44082" i="1"/>
  <c r="V44083" i="1"/>
  <c r="V44084" i="1"/>
  <c r="V44085" i="1"/>
  <c r="V44086" i="1"/>
  <c r="V44087" i="1"/>
  <c r="V44088" i="1"/>
  <c r="V44089" i="1"/>
  <c r="V44090" i="1"/>
  <c r="V44091" i="1"/>
  <c r="V44092" i="1"/>
  <c r="V44093" i="1"/>
  <c r="V44094" i="1"/>
  <c r="V44095" i="1"/>
  <c r="V44096" i="1"/>
  <c r="V44097" i="1"/>
  <c r="V44098" i="1"/>
  <c r="V44099" i="1"/>
  <c r="V44100" i="1"/>
  <c r="V44101" i="1"/>
  <c r="V44102" i="1"/>
  <c r="V44103" i="1"/>
  <c r="V44104" i="1"/>
  <c r="V44105" i="1"/>
  <c r="V44106" i="1"/>
  <c r="V44107" i="1"/>
  <c r="V44108" i="1"/>
  <c r="V44109" i="1"/>
  <c r="V44110" i="1"/>
  <c r="V44111" i="1"/>
  <c r="V44112" i="1"/>
  <c r="V44113" i="1"/>
  <c r="V44114" i="1"/>
  <c r="V44115" i="1"/>
  <c r="V44116" i="1"/>
  <c r="V44117" i="1"/>
  <c r="V44118" i="1"/>
  <c r="V44119" i="1"/>
  <c r="V44120" i="1"/>
  <c r="V44121" i="1"/>
  <c r="V44122" i="1"/>
  <c r="V44123" i="1"/>
  <c r="V44124" i="1"/>
  <c r="V44125" i="1"/>
  <c r="V44126" i="1"/>
  <c r="V44127" i="1"/>
  <c r="V44128" i="1"/>
  <c r="V44129" i="1"/>
  <c r="V44130" i="1"/>
  <c r="V44131" i="1"/>
  <c r="V44132" i="1"/>
  <c r="V44133" i="1"/>
  <c r="V44134" i="1"/>
  <c r="V44135" i="1"/>
  <c r="V44136" i="1"/>
  <c r="V44137" i="1"/>
  <c r="V44138" i="1"/>
  <c r="V44139" i="1"/>
  <c r="V44140" i="1"/>
  <c r="V44141" i="1"/>
  <c r="V44142" i="1"/>
  <c r="V44143" i="1"/>
  <c r="V44144" i="1"/>
  <c r="V44145" i="1"/>
  <c r="V44146" i="1"/>
  <c r="V44147" i="1"/>
  <c r="V44148" i="1"/>
  <c r="V44149" i="1"/>
  <c r="V44150" i="1"/>
  <c r="V44151" i="1"/>
  <c r="V44152" i="1"/>
  <c r="V44153" i="1"/>
  <c r="V44154" i="1"/>
  <c r="V44155" i="1"/>
  <c r="V44156" i="1"/>
  <c r="V44157" i="1"/>
  <c r="V44158" i="1"/>
  <c r="V44159" i="1"/>
  <c r="V44160" i="1"/>
  <c r="V44161" i="1"/>
  <c r="V44162" i="1"/>
  <c r="V44163" i="1"/>
  <c r="V44164" i="1"/>
  <c r="V44165" i="1"/>
  <c r="V44166" i="1"/>
  <c r="V44167" i="1"/>
  <c r="V44168" i="1"/>
  <c r="V44169" i="1"/>
  <c r="V44170" i="1"/>
  <c r="V44171" i="1"/>
  <c r="V44172" i="1"/>
  <c r="V44173" i="1"/>
  <c r="V44174" i="1"/>
  <c r="V44175" i="1"/>
  <c r="V44176" i="1"/>
  <c r="V44177" i="1"/>
  <c r="V44178" i="1"/>
  <c r="V44179" i="1"/>
  <c r="V44180" i="1"/>
  <c r="V44181" i="1"/>
  <c r="V44182" i="1"/>
  <c r="V44183" i="1"/>
  <c r="V44184" i="1"/>
  <c r="V44185" i="1"/>
  <c r="V44186" i="1"/>
  <c r="V44187" i="1"/>
  <c r="V44188" i="1"/>
  <c r="V44189" i="1"/>
  <c r="V44190" i="1"/>
  <c r="V44191" i="1"/>
  <c r="V44192" i="1"/>
  <c r="V44193" i="1"/>
  <c r="V44194" i="1"/>
  <c r="V44195" i="1"/>
  <c r="V44196" i="1"/>
  <c r="V44197" i="1"/>
  <c r="V44198" i="1"/>
  <c r="V44199" i="1"/>
  <c r="V44200" i="1"/>
  <c r="V44201" i="1"/>
  <c r="V44202" i="1"/>
  <c r="V44203" i="1"/>
  <c r="V44204" i="1"/>
  <c r="V44205" i="1"/>
  <c r="V44206" i="1"/>
  <c r="V44207" i="1"/>
  <c r="V44208" i="1"/>
  <c r="V44209" i="1"/>
  <c r="V44210" i="1"/>
  <c r="V44211" i="1"/>
  <c r="V44212" i="1"/>
  <c r="V44213" i="1"/>
  <c r="V44214" i="1"/>
  <c r="V44215" i="1"/>
  <c r="V44216" i="1"/>
  <c r="V44217" i="1"/>
  <c r="V44218" i="1"/>
  <c r="V44219" i="1"/>
  <c r="V44220" i="1"/>
  <c r="V44221" i="1"/>
  <c r="V44222" i="1"/>
  <c r="V44223" i="1"/>
  <c r="V44224" i="1"/>
  <c r="V44225" i="1"/>
  <c r="V44226" i="1"/>
  <c r="V44227" i="1"/>
  <c r="V44228" i="1"/>
  <c r="V44229" i="1"/>
  <c r="V44230" i="1"/>
  <c r="V44231" i="1"/>
  <c r="V44232" i="1"/>
  <c r="V44233" i="1"/>
  <c r="V44234" i="1"/>
  <c r="V44235" i="1"/>
  <c r="V44236" i="1"/>
  <c r="V44237" i="1"/>
  <c r="V44238" i="1"/>
  <c r="V44239" i="1"/>
  <c r="V44240" i="1"/>
  <c r="V44241" i="1"/>
  <c r="V44242" i="1"/>
  <c r="V44243" i="1"/>
  <c r="V44244" i="1"/>
  <c r="V44245" i="1"/>
  <c r="V44246" i="1"/>
  <c r="V44247" i="1"/>
  <c r="V44248" i="1"/>
  <c r="V44249" i="1"/>
  <c r="V44250" i="1"/>
  <c r="V44251" i="1"/>
  <c r="V44252" i="1"/>
  <c r="V44253" i="1"/>
  <c r="V44254" i="1"/>
  <c r="V44255" i="1"/>
  <c r="V44256" i="1"/>
  <c r="V44257" i="1"/>
  <c r="V44258" i="1"/>
  <c r="V44259" i="1"/>
  <c r="V44260" i="1"/>
  <c r="V44261" i="1"/>
  <c r="V44262" i="1"/>
  <c r="V44263" i="1"/>
  <c r="V44264" i="1"/>
  <c r="V44265" i="1"/>
  <c r="V44266" i="1"/>
  <c r="V44267" i="1"/>
  <c r="V44268" i="1"/>
  <c r="V44269" i="1"/>
  <c r="V44270" i="1"/>
  <c r="V44271" i="1"/>
  <c r="V44272" i="1"/>
  <c r="V44273" i="1"/>
  <c r="V44274" i="1"/>
  <c r="V44275" i="1"/>
  <c r="V44276" i="1"/>
  <c r="V44277" i="1"/>
  <c r="V44278" i="1"/>
  <c r="V44279" i="1"/>
  <c r="V44280" i="1"/>
  <c r="V44281" i="1"/>
  <c r="V44282" i="1"/>
  <c r="V44283" i="1"/>
  <c r="V44284" i="1"/>
  <c r="V44285" i="1"/>
  <c r="V44286" i="1"/>
  <c r="V44287" i="1"/>
  <c r="V44288" i="1"/>
  <c r="V44289" i="1"/>
  <c r="V44290" i="1"/>
  <c r="V44291" i="1"/>
  <c r="V44292" i="1"/>
  <c r="V44293" i="1"/>
  <c r="V44294" i="1"/>
  <c r="V44295" i="1"/>
  <c r="V44296" i="1"/>
  <c r="V44297" i="1"/>
  <c r="V44298" i="1"/>
  <c r="V44299" i="1"/>
  <c r="V44300" i="1"/>
  <c r="V44301" i="1"/>
  <c r="V44302" i="1"/>
  <c r="V44303" i="1"/>
  <c r="V44304" i="1"/>
  <c r="V44305" i="1"/>
  <c r="V44306" i="1"/>
  <c r="V44307" i="1"/>
  <c r="V44308" i="1"/>
  <c r="V44309" i="1"/>
  <c r="V44310" i="1"/>
  <c r="V44311" i="1"/>
  <c r="V44312" i="1"/>
  <c r="V44313" i="1"/>
  <c r="V44314" i="1"/>
  <c r="V44315" i="1"/>
  <c r="V44316" i="1"/>
  <c r="V44317" i="1"/>
  <c r="V44318" i="1"/>
  <c r="V44319" i="1"/>
  <c r="V44320" i="1"/>
  <c r="V44321" i="1"/>
  <c r="V44322" i="1"/>
  <c r="V44323" i="1"/>
  <c r="V44324" i="1"/>
  <c r="V44325" i="1"/>
  <c r="V44326" i="1"/>
  <c r="V44327" i="1"/>
  <c r="V44328" i="1"/>
  <c r="V44329" i="1"/>
  <c r="V44330" i="1"/>
  <c r="V44331" i="1"/>
  <c r="V44332" i="1"/>
  <c r="V44333" i="1"/>
  <c r="V44334" i="1"/>
  <c r="V44335" i="1"/>
  <c r="V44336" i="1"/>
  <c r="V44337" i="1"/>
  <c r="V44338" i="1"/>
  <c r="V44339" i="1"/>
  <c r="V44340" i="1"/>
  <c r="V44341" i="1"/>
  <c r="V44342" i="1"/>
  <c r="V44343" i="1"/>
  <c r="V44344" i="1"/>
  <c r="V44345" i="1"/>
  <c r="V44346" i="1"/>
  <c r="V44347" i="1"/>
  <c r="V44348" i="1"/>
  <c r="V44349" i="1"/>
  <c r="V44350" i="1"/>
  <c r="V44351" i="1"/>
  <c r="V44352" i="1"/>
  <c r="V44353" i="1"/>
  <c r="V44354" i="1"/>
  <c r="V44355" i="1"/>
  <c r="V44356" i="1"/>
  <c r="V44357" i="1"/>
  <c r="V44358" i="1"/>
  <c r="V44359" i="1"/>
  <c r="V44360" i="1"/>
  <c r="V44361" i="1"/>
  <c r="V44362" i="1"/>
  <c r="V44363" i="1"/>
  <c r="V44364" i="1"/>
  <c r="V44365" i="1"/>
  <c r="V44366" i="1"/>
  <c r="V44367" i="1"/>
  <c r="V44368" i="1"/>
  <c r="V44369" i="1"/>
  <c r="V44370" i="1"/>
  <c r="V44371" i="1"/>
  <c r="V44372" i="1"/>
  <c r="V44373" i="1"/>
  <c r="V44374" i="1"/>
  <c r="V44375" i="1"/>
  <c r="V44376" i="1"/>
  <c r="V44377" i="1"/>
  <c r="V44378" i="1"/>
  <c r="V44379" i="1"/>
  <c r="V44380" i="1"/>
  <c r="V44381" i="1"/>
  <c r="V44382" i="1"/>
  <c r="V44383" i="1"/>
  <c r="V44384" i="1"/>
  <c r="V44385" i="1"/>
  <c r="V44386" i="1"/>
  <c r="V44387" i="1"/>
  <c r="V44388" i="1"/>
  <c r="V44389" i="1"/>
  <c r="V44390" i="1"/>
  <c r="V44391" i="1"/>
  <c r="V44392" i="1"/>
  <c r="V44393" i="1"/>
  <c r="V44394" i="1"/>
  <c r="V44395" i="1"/>
  <c r="V44396" i="1"/>
  <c r="V44397" i="1"/>
  <c r="V44398" i="1"/>
  <c r="V44399" i="1"/>
  <c r="V44400" i="1"/>
  <c r="V44401" i="1"/>
  <c r="V44402" i="1"/>
  <c r="V44403" i="1"/>
  <c r="V44404" i="1"/>
  <c r="V44405" i="1"/>
  <c r="V44406" i="1"/>
  <c r="V44407" i="1"/>
  <c r="V44408" i="1"/>
  <c r="V44409" i="1"/>
  <c r="V44410" i="1"/>
  <c r="V44411" i="1"/>
  <c r="V44412" i="1"/>
  <c r="V44413" i="1"/>
  <c r="V44414" i="1"/>
  <c r="V44415" i="1"/>
  <c r="V44416" i="1"/>
  <c r="V44417" i="1"/>
  <c r="V44418" i="1"/>
  <c r="V44419" i="1"/>
  <c r="V44420" i="1"/>
  <c r="V44421" i="1"/>
  <c r="V44422" i="1"/>
  <c r="V44423" i="1"/>
  <c r="V44424" i="1"/>
  <c r="V44425" i="1"/>
  <c r="V44426" i="1"/>
  <c r="V44427" i="1"/>
  <c r="V44428" i="1"/>
  <c r="V44429" i="1"/>
  <c r="V44430" i="1"/>
  <c r="V44431" i="1"/>
  <c r="V44432" i="1"/>
  <c r="V44433" i="1"/>
  <c r="V44434" i="1"/>
  <c r="V44435" i="1"/>
  <c r="V44436" i="1"/>
  <c r="V44437" i="1"/>
  <c r="V44438" i="1"/>
  <c r="V44439" i="1"/>
  <c r="V44440" i="1"/>
  <c r="V44441" i="1"/>
  <c r="V44442" i="1"/>
  <c r="V44443" i="1"/>
  <c r="V44444" i="1"/>
  <c r="V44445" i="1"/>
  <c r="V44446" i="1"/>
  <c r="V44447" i="1"/>
  <c r="V44448" i="1"/>
  <c r="V44449" i="1"/>
  <c r="V44450" i="1"/>
  <c r="V44451" i="1"/>
  <c r="V44452" i="1"/>
  <c r="V44453" i="1"/>
  <c r="V44454" i="1"/>
  <c r="V44455" i="1"/>
  <c r="V44456" i="1"/>
  <c r="V44457" i="1"/>
  <c r="V44458" i="1"/>
  <c r="V44459" i="1"/>
  <c r="V44460" i="1"/>
  <c r="V44461" i="1"/>
  <c r="V44462" i="1"/>
  <c r="V44463" i="1"/>
  <c r="V44464" i="1"/>
  <c r="V44465" i="1"/>
  <c r="V44466" i="1"/>
  <c r="V44467" i="1"/>
  <c r="V44468" i="1"/>
  <c r="V44469" i="1"/>
  <c r="V44470" i="1"/>
  <c r="V44471" i="1"/>
  <c r="V44472" i="1"/>
  <c r="V44473" i="1"/>
  <c r="V44474" i="1"/>
  <c r="V44475" i="1"/>
  <c r="V44476" i="1"/>
  <c r="V44477" i="1"/>
  <c r="V44478" i="1"/>
  <c r="V44479" i="1"/>
  <c r="V44480" i="1"/>
  <c r="V44481" i="1"/>
  <c r="V44482" i="1"/>
  <c r="V44483" i="1"/>
  <c r="V44484" i="1"/>
  <c r="V44485" i="1"/>
  <c r="V44486" i="1"/>
  <c r="V44487" i="1"/>
  <c r="V44488" i="1"/>
  <c r="V44489" i="1"/>
  <c r="V44490" i="1"/>
  <c r="V44491" i="1"/>
  <c r="V44492" i="1"/>
  <c r="V44493" i="1"/>
  <c r="V44494" i="1"/>
  <c r="V44495" i="1"/>
  <c r="V44496" i="1"/>
  <c r="V44497" i="1"/>
  <c r="V44498" i="1"/>
  <c r="V44499" i="1"/>
  <c r="V44500" i="1"/>
  <c r="V44501" i="1"/>
  <c r="V44502" i="1"/>
  <c r="V44503" i="1"/>
  <c r="V44504" i="1"/>
  <c r="V44505" i="1"/>
  <c r="V44506" i="1"/>
  <c r="V44507" i="1"/>
  <c r="V44508" i="1"/>
  <c r="V44509" i="1"/>
  <c r="V44510" i="1"/>
  <c r="V44511" i="1"/>
  <c r="V44512" i="1"/>
  <c r="V44513" i="1"/>
  <c r="V44514" i="1"/>
  <c r="V44515" i="1"/>
  <c r="V44516" i="1"/>
  <c r="V44517" i="1"/>
  <c r="V44518" i="1"/>
  <c r="V44519" i="1"/>
  <c r="V44520" i="1"/>
  <c r="V44521" i="1"/>
  <c r="V44522" i="1"/>
  <c r="V44523" i="1"/>
  <c r="V44524" i="1"/>
  <c r="V44525" i="1"/>
  <c r="V44526" i="1"/>
  <c r="V44527" i="1"/>
  <c r="V44528" i="1"/>
  <c r="V44529" i="1"/>
  <c r="V44530" i="1"/>
  <c r="V44531" i="1"/>
  <c r="V44532" i="1"/>
  <c r="V44533" i="1"/>
  <c r="V44534" i="1"/>
  <c r="V44535" i="1"/>
  <c r="V44536" i="1"/>
  <c r="V44537" i="1"/>
  <c r="V44538" i="1"/>
  <c r="V44539" i="1"/>
  <c r="V44540" i="1"/>
  <c r="V44541" i="1"/>
  <c r="V44542" i="1"/>
  <c r="V44543" i="1"/>
  <c r="V44544" i="1"/>
  <c r="V44545" i="1"/>
  <c r="V44546" i="1"/>
  <c r="V44547" i="1"/>
  <c r="V44548" i="1"/>
  <c r="V44549" i="1"/>
  <c r="V44550" i="1"/>
  <c r="V44551" i="1"/>
  <c r="V44552" i="1"/>
  <c r="V44553" i="1"/>
  <c r="V44554" i="1"/>
  <c r="V44555" i="1"/>
  <c r="V44556" i="1"/>
  <c r="V44557" i="1"/>
  <c r="V44558" i="1"/>
  <c r="V44559" i="1"/>
  <c r="V44560" i="1"/>
  <c r="V44561" i="1"/>
  <c r="V44562" i="1"/>
  <c r="V44563" i="1"/>
  <c r="V44564" i="1"/>
  <c r="V44565" i="1"/>
  <c r="V44566" i="1"/>
  <c r="V44567" i="1"/>
  <c r="V44568" i="1"/>
  <c r="V44569" i="1"/>
  <c r="V44570" i="1"/>
  <c r="V44571" i="1"/>
  <c r="V44572" i="1"/>
  <c r="V44573" i="1"/>
  <c r="V44574" i="1"/>
  <c r="V44575" i="1"/>
  <c r="V44576" i="1"/>
  <c r="V44577" i="1"/>
  <c r="V44578" i="1"/>
  <c r="V44579" i="1"/>
  <c r="V44580" i="1"/>
  <c r="V44581" i="1"/>
  <c r="V44582" i="1"/>
  <c r="V44583" i="1"/>
  <c r="V44584" i="1"/>
  <c r="V44585" i="1"/>
  <c r="V44586" i="1"/>
  <c r="V44587" i="1"/>
  <c r="V44588" i="1"/>
  <c r="V44589" i="1"/>
  <c r="V44590" i="1"/>
  <c r="V44591" i="1"/>
  <c r="V44592" i="1"/>
  <c r="V44593" i="1"/>
  <c r="V44594" i="1"/>
  <c r="V44595" i="1"/>
  <c r="V44596" i="1"/>
  <c r="V44597" i="1"/>
  <c r="V44598" i="1"/>
  <c r="V44599" i="1"/>
  <c r="V44600" i="1"/>
  <c r="V44601" i="1"/>
  <c r="V44602" i="1"/>
  <c r="V44603" i="1"/>
  <c r="V44604" i="1"/>
  <c r="V44605" i="1"/>
  <c r="V44606" i="1"/>
  <c r="V44607" i="1"/>
  <c r="V44608" i="1"/>
  <c r="V44609" i="1"/>
  <c r="V44610" i="1"/>
  <c r="V44611" i="1"/>
  <c r="V44612" i="1"/>
  <c r="V44613" i="1"/>
  <c r="V44614" i="1"/>
  <c r="V44615" i="1"/>
  <c r="V44616" i="1"/>
  <c r="V44617" i="1"/>
  <c r="V44618" i="1"/>
  <c r="V44619" i="1"/>
  <c r="V44620" i="1"/>
  <c r="V44621" i="1"/>
  <c r="V44622" i="1"/>
  <c r="V44623" i="1"/>
  <c r="V44624" i="1"/>
  <c r="V44625" i="1"/>
  <c r="V44626" i="1"/>
  <c r="V44627" i="1"/>
  <c r="V44628" i="1"/>
  <c r="V44629" i="1"/>
  <c r="V44630" i="1"/>
  <c r="V44631" i="1"/>
  <c r="V44632" i="1"/>
  <c r="V44633" i="1"/>
  <c r="V44634" i="1"/>
  <c r="V44635" i="1"/>
  <c r="V44636" i="1"/>
  <c r="V44637" i="1"/>
  <c r="V44638" i="1"/>
  <c r="V44639" i="1"/>
  <c r="V44640" i="1"/>
  <c r="V44641" i="1"/>
  <c r="V44642" i="1"/>
  <c r="V44643" i="1"/>
  <c r="V44644" i="1"/>
  <c r="V44645" i="1"/>
  <c r="V44646" i="1"/>
  <c r="V44647" i="1"/>
  <c r="V44648" i="1"/>
  <c r="V44649" i="1"/>
  <c r="V44650" i="1"/>
  <c r="V44651" i="1"/>
  <c r="V44652" i="1"/>
  <c r="V44653" i="1"/>
  <c r="V44654" i="1"/>
  <c r="V44655" i="1"/>
  <c r="V44656" i="1"/>
  <c r="V44657" i="1"/>
  <c r="V44658" i="1"/>
  <c r="V44659" i="1"/>
  <c r="V44660" i="1"/>
  <c r="V44661" i="1"/>
  <c r="V44662" i="1"/>
  <c r="V44663" i="1"/>
  <c r="V44664" i="1"/>
  <c r="V44665" i="1"/>
  <c r="V44666" i="1"/>
  <c r="V44667" i="1"/>
  <c r="V44668" i="1"/>
  <c r="V44669" i="1"/>
  <c r="V44670" i="1"/>
  <c r="V44671" i="1"/>
  <c r="V44672" i="1"/>
  <c r="V44673" i="1"/>
  <c r="V44674" i="1"/>
  <c r="V44675" i="1"/>
  <c r="V44676" i="1"/>
  <c r="V44677" i="1"/>
  <c r="V44678" i="1"/>
  <c r="V44679" i="1"/>
  <c r="V44680" i="1"/>
  <c r="V44681" i="1"/>
  <c r="V44682" i="1"/>
  <c r="V44683" i="1"/>
  <c r="V44684" i="1"/>
  <c r="V44685" i="1"/>
  <c r="V44686" i="1"/>
  <c r="V44687" i="1"/>
  <c r="V44688" i="1"/>
  <c r="V44689" i="1"/>
  <c r="V44690" i="1"/>
  <c r="V44691" i="1"/>
  <c r="V44692" i="1"/>
  <c r="V44693" i="1"/>
  <c r="V44694" i="1"/>
  <c r="V44695" i="1"/>
  <c r="V44696" i="1"/>
  <c r="V44697" i="1"/>
  <c r="V44698" i="1"/>
  <c r="V44699" i="1"/>
  <c r="V44700" i="1"/>
  <c r="V44701" i="1"/>
  <c r="V44702" i="1"/>
  <c r="V44703" i="1"/>
  <c r="V44704" i="1"/>
  <c r="V44705" i="1"/>
  <c r="V44706" i="1"/>
  <c r="V44707" i="1"/>
  <c r="V44708" i="1"/>
  <c r="V44709" i="1"/>
  <c r="V44710" i="1"/>
  <c r="V44711" i="1"/>
  <c r="V44712" i="1"/>
  <c r="V44713" i="1"/>
  <c r="V44714" i="1"/>
  <c r="V44715" i="1"/>
  <c r="V44716" i="1"/>
  <c r="V44717" i="1"/>
  <c r="V44718" i="1"/>
  <c r="V44719" i="1"/>
  <c r="V44720" i="1"/>
  <c r="V44721" i="1"/>
  <c r="V44722" i="1"/>
  <c r="V44723" i="1"/>
  <c r="V44724" i="1"/>
  <c r="V44725" i="1"/>
  <c r="V44726" i="1"/>
  <c r="V44727" i="1"/>
  <c r="V44728" i="1"/>
  <c r="V44729" i="1"/>
  <c r="V44730" i="1"/>
  <c r="V44731" i="1"/>
  <c r="V44732" i="1"/>
  <c r="V44733" i="1"/>
  <c r="V44734" i="1"/>
  <c r="V44735" i="1"/>
  <c r="V44736" i="1"/>
  <c r="V44737" i="1"/>
  <c r="V44738" i="1"/>
  <c r="V44739" i="1"/>
  <c r="V44740" i="1"/>
  <c r="V44741" i="1"/>
  <c r="V44742" i="1"/>
  <c r="V44743" i="1"/>
  <c r="V44744" i="1"/>
  <c r="V44745" i="1"/>
  <c r="V44746" i="1"/>
  <c r="V44747" i="1"/>
  <c r="V44748" i="1"/>
  <c r="V44749" i="1"/>
  <c r="V44750" i="1"/>
  <c r="V44751" i="1"/>
  <c r="V44752" i="1"/>
  <c r="V44753" i="1"/>
  <c r="V44754" i="1"/>
  <c r="V44755" i="1"/>
  <c r="V44756" i="1"/>
  <c r="V44757" i="1"/>
  <c r="V44758" i="1"/>
  <c r="V44759" i="1"/>
  <c r="V44760" i="1"/>
  <c r="V44761" i="1"/>
  <c r="V44762" i="1"/>
  <c r="V44763" i="1"/>
  <c r="V44764" i="1"/>
  <c r="V44765" i="1"/>
  <c r="V44766" i="1"/>
  <c r="V44767" i="1"/>
  <c r="V44768" i="1"/>
  <c r="V44769" i="1"/>
  <c r="V44770" i="1"/>
  <c r="V44771" i="1"/>
  <c r="V44772" i="1"/>
  <c r="V44773" i="1"/>
  <c r="V44774" i="1"/>
  <c r="V44775" i="1"/>
  <c r="V44776" i="1"/>
  <c r="V44777" i="1"/>
  <c r="V44778" i="1"/>
  <c r="V44779" i="1"/>
  <c r="V44780" i="1"/>
  <c r="V44781" i="1"/>
  <c r="V44782" i="1"/>
  <c r="V44783" i="1"/>
  <c r="V44784" i="1"/>
  <c r="V44785" i="1"/>
  <c r="V44786" i="1"/>
  <c r="V44787" i="1"/>
  <c r="V44788" i="1"/>
  <c r="V44789" i="1"/>
  <c r="V44790" i="1"/>
  <c r="V44791" i="1"/>
  <c r="V44792" i="1"/>
  <c r="V44793" i="1"/>
  <c r="V44794" i="1"/>
  <c r="V44795" i="1"/>
  <c r="V44796" i="1"/>
  <c r="V44797" i="1"/>
  <c r="V44798" i="1"/>
  <c r="V44799" i="1"/>
  <c r="V44800" i="1"/>
  <c r="V44801" i="1"/>
  <c r="V44802" i="1"/>
  <c r="V44803" i="1"/>
  <c r="V44804" i="1"/>
  <c r="V44805" i="1"/>
  <c r="V44806" i="1"/>
  <c r="V44807" i="1"/>
  <c r="V44808" i="1"/>
  <c r="V44809" i="1"/>
  <c r="V44810" i="1"/>
  <c r="V44811" i="1"/>
  <c r="V44812" i="1"/>
  <c r="V44813" i="1"/>
  <c r="V44814" i="1"/>
  <c r="V44815" i="1"/>
  <c r="V44816" i="1"/>
  <c r="V44817" i="1"/>
  <c r="V44818" i="1"/>
  <c r="V44819" i="1"/>
  <c r="V44820" i="1"/>
  <c r="V44821" i="1"/>
  <c r="V44822" i="1"/>
  <c r="V44823" i="1"/>
  <c r="V44824" i="1"/>
  <c r="V44825" i="1"/>
  <c r="V44826" i="1"/>
  <c r="V44827" i="1"/>
  <c r="V44828" i="1"/>
  <c r="V44829" i="1"/>
  <c r="V44830" i="1"/>
  <c r="V44831" i="1"/>
  <c r="V44832" i="1"/>
  <c r="V44833" i="1"/>
  <c r="V44834" i="1"/>
  <c r="V44835" i="1"/>
  <c r="V44836" i="1"/>
  <c r="V44837" i="1"/>
  <c r="V44838" i="1"/>
  <c r="V44839" i="1"/>
  <c r="V44840" i="1"/>
  <c r="V44841" i="1"/>
  <c r="V44842" i="1"/>
  <c r="V44843" i="1"/>
  <c r="V44844" i="1"/>
  <c r="V44845" i="1"/>
  <c r="V44846" i="1"/>
  <c r="V44847" i="1"/>
  <c r="V44848" i="1"/>
  <c r="V44849" i="1"/>
  <c r="V44850" i="1"/>
  <c r="V44851" i="1"/>
  <c r="V44852" i="1"/>
  <c r="V44853" i="1"/>
  <c r="V44854" i="1"/>
  <c r="V44855" i="1"/>
  <c r="V44856" i="1"/>
  <c r="V44857" i="1"/>
  <c r="V44858" i="1"/>
  <c r="V44859" i="1"/>
  <c r="V44860" i="1"/>
  <c r="V44861" i="1"/>
  <c r="V44862" i="1"/>
  <c r="V44863" i="1"/>
  <c r="V44864" i="1"/>
  <c r="V44865" i="1"/>
  <c r="V44866" i="1"/>
  <c r="V44867" i="1"/>
  <c r="V44868" i="1"/>
  <c r="V44869" i="1"/>
  <c r="V44870" i="1"/>
  <c r="V44871" i="1"/>
  <c r="V44872" i="1"/>
  <c r="V44873" i="1"/>
  <c r="V44874" i="1"/>
  <c r="V44875" i="1"/>
  <c r="V44876" i="1"/>
  <c r="V44877" i="1"/>
  <c r="V44878" i="1"/>
  <c r="V44879" i="1"/>
  <c r="V44880" i="1"/>
  <c r="V44881" i="1"/>
  <c r="V44882" i="1"/>
  <c r="V44883" i="1"/>
  <c r="V44884" i="1"/>
  <c r="V44885" i="1"/>
  <c r="V44886" i="1"/>
  <c r="V44887" i="1"/>
  <c r="V44888" i="1"/>
  <c r="V44889" i="1"/>
  <c r="V44890" i="1"/>
  <c r="V44891" i="1"/>
  <c r="V44892" i="1"/>
  <c r="V44893" i="1"/>
  <c r="V44894" i="1"/>
  <c r="V44895" i="1"/>
  <c r="V44896" i="1"/>
  <c r="V44897" i="1"/>
  <c r="V44898" i="1"/>
  <c r="V44899" i="1"/>
  <c r="V44900" i="1"/>
  <c r="V44901" i="1"/>
  <c r="V44902" i="1"/>
  <c r="V44903" i="1"/>
  <c r="V44904" i="1"/>
  <c r="V44905" i="1"/>
  <c r="V44906" i="1"/>
  <c r="V44907" i="1"/>
  <c r="V44908" i="1"/>
  <c r="V44909" i="1"/>
  <c r="V44910" i="1"/>
  <c r="V44911" i="1"/>
  <c r="V44912" i="1"/>
  <c r="V44913" i="1"/>
  <c r="V44914" i="1"/>
  <c r="V44915" i="1"/>
  <c r="V44916" i="1"/>
  <c r="V44917" i="1"/>
  <c r="V44918" i="1"/>
  <c r="V44919" i="1"/>
  <c r="V44920" i="1"/>
  <c r="V44921" i="1"/>
  <c r="V44922" i="1"/>
  <c r="V44923" i="1"/>
  <c r="V44924" i="1"/>
  <c r="V44925" i="1"/>
  <c r="V44926" i="1"/>
  <c r="V44927" i="1"/>
  <c r="V44928" i="1"/>
  <c r="V44929" i="1"/>
  <c r="V44930" i="1"/>
  <c r="V44931" i="1"/>
  <c r="V44932" i="1"/>
  <c r="V44933" i="1"/>
  <c r="V44934" i="1"/>
  <c r="V44935" i="1"/>
  <c r="V44936" i="1"/>
  <c r="V44937" i="1"/>
  <c r="V44938" i="1"/>
  <c r="V44939" i="1"/>
  <c r="V44940" i="1"/>
  <c r="V44941" i="1"/>
  <c r="V44942" i="1"/>
  <c r="V44943" i="1"/>
  <c r="V44944" i="1"/>
  <c r="V44945" i="1"/>
  <c r="V44946" i="1"/>
  <c r="V44947" i="1"/>
  <c r="V44948" i="1"/>
  <c r="V44949" i="1"/>
  <c r="V44950" i="1"/>
  <c r="V44951" i="1"/>
  <c r="V44952" i="1"/>
  <c r="V44953" i="1"/>
  <c r="V44954" i="1"/>
  <c r="V44955" i="1"/>
  <c r="V44956" i="1"/>
  <c r="V44957" i="1"/>
  <c r="V44958" i="1"/>
  <c r="V44959" i="1"/>
  <c r="V44960" i="1"/>
  <c r="V44961" i="1"/>
  <c r="V44962" i="1"/>
  <c r="V44963" i="1"/>
  <c r="V44964" i="1"/>
  <c r="V44965" i="1"/>
  <c r="V44966" i="1"/>
  <c r="V44967" i="1"/>
  <c r="V44968" i="1"/>
  <c r="V44969" i="1"/>
  <c r="V44970" i="1"/>
  <c r="V44971" i="1"/>
  <c r="V44972" i="1"/>
  <c r="V44973" i="1"/>
  <c r="V44974" i="1"/>
  <c r="V44975" i="1"/>
  <c r="V44976" i="1"/>
  <c r="V44977" i="1"/>
  <c r="V44978" i="1"/>
  <c r="V44979" i="1"/>
  <c r="V44980" i="1"/>
  <c r="V44981" i="1"/>
  <c r="V44982" i="1"/>
  <c r="V44983" i="1"/>
  <c r="V44984" i="1"/>
  <c r="V44985" i="1"/>
  <c r="V44986" i="1"/>
  <c r="V44987" i="1"/>
  <c r="V44988" i="1"/>
  <c r="V44989" i="1"/>
  <c r="V44990" i="1"/>
  <c r="V44991" i="1"/>
  <c r="V44992" i="1"/>
  <c r="V44993" i="1"/>
  <c r="V44994" i="1"/>
  <c r="V44995" i="1"/>
  <c r="V44996" i="1"/>
  <c r="V44997" i="1"/>
  <c r="V44998" i="1"/>
  <c r="V44999" i="1"/>
  <c r="V45000" i="1"/>
  <c r="V45001" i="1"/>
  <c r="V45002" i="1"/>
  <c r="V45003" i="1"/>
  <c r="V45004" i="1"/>
  <c r="V45005" i="1"/>
  <c r="V45006" i="1"/>
  <c r="V45007" i="1"/>
  <c r="V45008" i="1"/>
  <c r="V45009" i="1"/>
  <c r="V45010" i="1"/>
  <c r="V45011" i="1"/>
  <c r="V45012" i="1"/>
  <c r="V45013" i="1"/>
  <c r="V45014" i="1"/>
  <c r="V45015" i="1"/>
  <c r="V45016" i="1"/>
  <c r="V45017" i="1"/>
  <c r="V45018" i="1"/>
  <c r="V45019" i="1"/>
  <c r="V45020" i="1"/>
  <c r="V45021" i="1"/>
  <c r="V45022" i="1"/>
  <c r="V45023" i="1"/>
  <c r="V45024" i="1"/>
  <c r="V45025" i="1"/>
  <c r="V45026" i="1"/>
  <c r="V45027" i="1"/>
  <c r="V45028" i="1"/>
  <c r="V45029" i="1"/>
  <c r="V45030" i="1"/>
  <c r="V45031" i="1"/>
  <c r="V45032" i="1"/>
  <c r="V45033" i="1"/>
  <c r="V45034" i="1"/>
  <c r="V45035" i="1"/>
  <c r="V45036" i="1"/>
  <c r="V45037" i="1"/>
  <c r="V45038" i="1"/>
  <c r="V45039" i="1"/>
  <c r="V45040" i="1"/>
  <c r="V45041" i="1"/>
  <c r="V45042" i="1"/>
  <c r="V45043" i="1"/>
  <c r="V45044" i="1"/>
  <c r="V45045" i="1"/>
  <c r="V45046" i="1"/>
  <c r="V45047" i="1"/>
  <c r="V45048" i="1"/>
  <c r="V45049" i="1"/>
  <c r="V45050" i="1"/>
  <c r="V45051" i="1"/>
  <c r="V45052" i="1"/>
  <c r="V45053" i="1"/>
  <c r="V45054" i="1"/>
  <c r="V45055" i="1"/>
  <c r="V45056" i="1"/>
  <c r="V45057" i="1"/>
  <c r="V45058" i="1"/>
  <c r="V45059" i="1"/>
  <c r="V45060" i="1"/>
  <c r="V45061" i="1"/>
  <c r="V45062" i="1"/>
  <c r="V45063" i="1"/>
  <c r="V45064" i="1"/>
  <c r="V45065" i="1"/>
  <c r="V45066" i="1"/>
  <c r="V45067" i="1"/>
  <c r="V45068" i="1"/>
  <c r="V45069" i="1"/>
  <c r="V45070" i="1"/>
  <c r="V45071" i="1"/>
  <c r="V45072" i="1"/>
  <c r="V45073" i="1"/>
  <c r="V45074" i="1"/>
  <c r="V45075" i="1"/>
  <c r="V45076" i="1"/>
  <c r="V45077" i="1"/>
  <c r="V45078" i="1"/>
  <c r="V45079" i="1"/>
  <c r="V45080" i="1"/>
  <c r="V45081" i="1"/>
  <c r="V45082" i="1"/>
  <c r="V45083" i="1"/>
  <c r="V45084" i="1"/>
  <c r="V45085" i="1"/>
  <c r="V45086" i="1"/>
  <c r="V45087" i="1"/>
  <c r="V45088" i="1"/>
  <c r="V45089" i="1"/>
  <c r="V45090" i="1"/>
  <c r="V45091" i="1"/>
  <c r="V45092" i="1"/>
  <c r="V45093" i="1"/>
  <c r="V45094" i="1"/>
  <c r="V45095" i="1"/>
  <c r="V45096" i="1"/>
  <c r="V45097" i="1"/>
  <c r="V45098" i="1"/>
  <c r="V45099" i="1"/>
  <c r="V45100" i="1"/>
  <c r="V45101" i="1"/>
  <c r="V45102" i="1"/>
  <c r="V45103" i="1"/>
  <c r="V45104" i="1"/>
  <c r="V45105" i="1"/>
  <c r="V45106" i="1"/>
  <c r="V45107" i="1"/>
  <c r="V45108" i="1"/>
  <c r="V45109" i="1"/>
  <c r="V45110" i="1"/>
  <c r="V45111" i="1"/>
  <c r="V45112" i="1"/>
  <c r="V45113" i="1"/>
  <c r="V45114" i="1"/>
  <c r="V45115" i="1"/>
  <c r="V45116" i="1"/>
  <c r="V45117" i="1"/>
  <c r="V45118" i="1"/>
  <c r="V45119" i="1"/>
  <c r="V45120" i="1"/>
  <c r="V45121" i="1"/>
  <c r="V45122" i="1"/>
  <c r="V45123" i="1"/>
  <c r="V45124" i="1"/>
  <c r="V45125" i="1"/>
  <c r="V45126" i="1"/>
  <c r="V45127" i="1"/>
  <c r="V45128" i="1"/>
  <c r="V45129" i="1"/>
  <c r="V45130" i="1"/>
  <c r="V45131" i="1"/>
  <c r="V45132" i="1"/>
  <c r="V45133" i="1"/>
  <c r="V45134" i="1"/>
  <c r="V45135" i="1"/>
  <c r="V45136" i="1"/>
  <c r="V45137" i="1"/>
  <c r="V45138" i="1"/>
  <c r="V45139" i="1"/>
  <c r="V45140" i="1"/>
  <c r="V45141" i="1"/>
  <c r="V45142" i="1"/>
  <c r="V45143" i="1"/>
  <c r="V45144" i="1"/>
  <c r="V45145" i="1"/>
  <c r="V45146" i="1"/>
  <c r="V45147" i="1"/>
  <c r="V45148" i="1"/>
  <c r="V45149" i="1"/>
  <c r="V45150" i="1"/>
  <c r="V45151" i="1"/>
  <c r="V45152" i="1"/>
  <c r="V45153" i="1"/>
  <c r="V45154" i="1"/>
  <c r="V45155" i="1"/>
  <c r="V45156" i="1"/>
  <c r="V45157" i="1"/>
  <c r="V45158" i="1"/>
  <c r="V45159" i="1"/>
  <c r="V45160" i="1"/>
  <c r="V45161" i="1"/>
  <c r="V45162" i="1"/>
  <c r="V45163" i="1"/>
  <c r="V45164" i="1"/>
  <c r="V45165" i="1"/>
  <c r="V45166" i="1"/>
  <c r="V45167" i="1"/>
  <c r="V45168" i="1"/>
  <c r="V45169" i="1"/>
  <c r="V45170" i="1"/>
  <c r="V45171" i="1"/>
  <c r="V45172" i="1"/>
  <c r="V45173" i="1"/>
  <c r="V45174" i="1"/>
  <c r="V45175" i="1"/>
  <c r="V45176" i="1"/>
  <c r="V45177" i="1"/>
  <c r="V45178" i="1"/>
  <c r="V45179" i="1"/>
  <c r="V45180" i="1"/>
  <c r="V45181" i="1"/>
  <c r="V45182" i="1"/>
  <c r="V45183" i="1"/>
  <c r="V45184" i="1"/>
  <c r="V45185" i="1"/>
  <c r="V45186" i="1"/>
  <c r="V45187" i="1"/>
  <c r="V45188" i="1"/>
  <c r="V45189" i="1"/>
  <c r="V45190" i="1"/>
  <c r="V45191" i="1"/>
  <c r="V45192" i="1"/>
  <c r="V45193" i="1"/>
  <c r="V45194" i="1"/>
  <c r="V45195" i="1"/>
  <c r="V45196" i="1"/>
  <c r="V45197" i="1"/>
  <c r="V45198" i="1"/>
  <c r="V45199" i="1"/>
  <c r="V45200" i="1"/>
  <c r="V45201" i="1"/>
  <c r="V45202" i="1"/>
  <c r="V45203" i="1"/>
  <c r="V45204" i="1"/>
  <c r="V45205" i="1"/>
  <c r="V45206" i="1"/>
  <c r="V45207" i="1"/>
  <c r="V45208" i="1"/>
  <c r="V45209" i="1"/>
  <c r="V45210" i="1"/>
  <c r="V45211" i="1"/>
  <c r="V45212" i="1"/>
  <c r="V45213" i="1"/>
  <c r="V45214" i="1"/>
  <c r="V45215" i="1"/>
  <c r="V45216" i="1"/>
  <c r="V45217" i="1"/>
  <c r="V45218" i="1"/>
  <c r="V45219" i="1"/>
  <c r="V45220" i="1"/>
  <c r="V45221" i="1"/>
  <c r="V45222" i="1"/>
  <c r="V45223" i="1"/>
  <c r="V45224" i="1"/>
  <c r="V45225" i="1"/>
  <c r="V45226" i="1"/>
  <c r="V45227" i="1"/>
  <c r="V45228" i="1"/>
  <c r="V45229" i="1"/>
  <c r="V45230" i="1"/>
  <c r="V45231" i="1"/>
  <c r="V45232" i="1"/>
  <c r="V45233" i="1"/>
  <c r="V45234" i="1"/>
  <c r="V45235" i="1"/>
  <c r="V45236" i="1"/>
  <c r="V45237" i="1"/>
  <c r="V45238" i="1"/>
  <c r="V45239" i="1"/>
  <c r="V45240" i="1"/>
  <c r="V45241" i="1"/>
  <c r="V45242" i="1"/>
  <c r="V45243" i="1"/>
  <c r="V45244" i="1"/>
  <c r="V45245" i="1"/>
  <c r="V45246" i="1"/>
  <c r="V45247" i="1"/>
  <c r="V45248" i="1"/>
  <c r="V45249" i="1"/>
  <c r="V45250" i="1"/>
  <c r="V45251" i="1"/>
  <c r="V45252" i="1"/>
  <c r="V45253" i="1"/>
  <c r="V45254" i="1"/>
  <c r="V45255" i="1"/>
  <c r="V45256" i="1"/>
  <c r="V45257" i="1"/>
  <c r="V45258" i="1"/>
  <c r="V45259" i="1"/>
  <c r="V45260" i="1"/>
  <c r="V45261" i="1"/>
  <c r="V45262" i="1"/>
  <c r="V45263" i="1"/>
  <c r="V45264" i="1"/>
  <c r="V45265" i="1"/>
  <c r="V45266" i="1"/>
  <c r="V45267" i="1"/>
  <c r="V45268" i="1"/>
  <c r="V45269" i="1"/>
  <c r="V45270" i="1"/>
  <c r="V45271" i="1"/>
  <c r="V45272" i="1"/>
  <c r="V45273" i="1"/>
  <c r="V45274" i="1"/>
  <c r="V45275" i="1"/>
  <c r="V45276" i="1"/>
  <c r="V45277" i="1"/>
  <c r="V45278" i="1"/>
  <c r="V45279" i="1"/>
  <c r="V45280" i="1"/>
  <c r="V45281" i="1"/>
  <c r="V45282" i="1"/>
  <c r="V45283" i="1"/>
  <c r="V45284" i="1"/>
  <c r="V45285" i="1"/>
  <c r="V45286" i="1"/>
  <c r="V45287" i="1"/>
  <c r="V45288" i="1"/>
  <c r="V45289" i="1"/>
  <c r="V45290" i="1"/>
  <c r="V45291" i="1"/>
  <c r="V45292" i="1"/>
  <c r="V45293" i="1"/>
  <c r="V45294" i="1"/>
  <c r="V45295" i="1"/>
  <c r="V45296" i="1"/>
  <c r="V45297" i="1"/>
  <c r="V45298" i="1"/>
  <c r="V45299" i="1"/>
  <c r="V45300" i="1"/>
  <c r="V45301" i="1"/>
  <c r="V45302" i="1"/>
  <c r="V45303" i="1"/>
  <c r="V45304" i="1"/>
  <c r="V45305" i="1"/>
  <c r="V45306" i="1"/>
  <c r="V45307" i="1"/>
  <c r="V45308" i="1"/>
  <c r="V45309" i="1"/>
  <c r="V45310" i="1"/>
  <c r="V45311" i="1"/>
  <c r="V45312" i="1"/>
  <c r="V45313" i="1"/>
  <c r="V45314" i="1"/>
  <c r="V45315" i="1"/>
  <c r="V45316" i="1"/>
  <c r="V45317" i="1"/>
  <c r="V45318" i="1"/>
  <c r="V45319" i="1"/>
  <c r="V45320" i="1"/>
  <c r="V45321" i="1"/>
  <c r="V45322" i="1"/>
  <c r="V45323" i="1"/>
  <c r="V45324" i="1"/>
  <c r="V45325" i="1"/>
  <c r="V45326" i="1"/>
  <c r="V45327" i="1"/>
  <c r="V45328" i="1"/>
  <c r="V45329" i="1"/>
  <c r="V45330" i="1"/>
  <c r="V45331" i="1"/>
  <c r="V45332" i="1"/>
  <c r="V45333" i="1"/>
  <c r="V45334" i="1"/>
  <c r="V45335" i="1"/>
  <c r="V45336" i="1"/>
  <c r="V45337" i="1"/>
  <c r="V45338" i="1"/>
  <c r="V45339" i="1"/>
  <c r="V45340" i="1"/>
  <c r="V45341" i="1"/>
  <c r="V45342" i="1"/>
  <c r="V45343" i="1"/>
  <c r="V45344" i="1"/>
  <c r="V45345" i="1"/>
  <c r="V45346" i="1"/>
  <c r="V45347" i="1"/>
  <c r="V45348" i="1"/>
  <c r="V45349" i="1"/>
  <c r="V45350" i="1"/>
  <c r="V45351" i="1"/>
  <c r="V45352" i="1"/>
  <c r="V45353" i="1"/>
  <c r="V45354" i="1"/>
  <c r="V45355" i="1"/>
  <c r="V45356" i="1"/>
  <c r="V45357" i="1"/>
  <c r="V45358" i="1"/>
  <c r="V45359" i="1"/>
  <c r="V45360" i="1"/>
  <c r="V45361" i="1"/>
  <c r="V45362" i="1"/>
  <c r="V45363" i="1"/>
  <c r="V45364" i="1"/>
  <c r="V45365" i="1"/>
  <c r="V45366" i="1"/>
  <c r="V45367" i="1"/>
  <c r="V45368" i="1"/>
  <c r="V45369" i="1"/>
  <c r="V45370" i="1"/>
  <c r="V45371" i="1"/>
  <c r="V45372" i="1"/>
  <c r="V45373" i="1"/>
  <c r="V45374" i="1"/>
  <c r="V45375" i="1"/>
  <c r="V45376" i="1"/>
  <c r="V45377" i="1"/>
  <c r="V45378" i="1"/>
  <c r="V45379" i="1"/>
  <c r="V45380" i="1"/>
  <c r="V45381" i="1"/>
  <c r="V45382" i="1"/>
  <c r="V45383" i="1"/>
  <c r="V45384" i="1"/>
  <c r="V45385" i="1"/>
  <c r="V45386" i="1"/>
  <c r="V45387" i="1"/>
  <c r="V45388" i="1"/>
  <c r="V45389" i="1"/>
  <c r="V45390" i="1"/>
  <c r="V45391" i="1"/>
  <c r="V45392" i="1"/>
  <c r="V45393" i="1"/>
  <c r="V45394" i="1"/>
  <c r="V45395" i="1"/>
  <c r="V45396" i="1"/>
  <c r="V45397" i="1"/>
  <c r="V45398" i="1"/>
  <c r="V45399" i="1"/>
  <c r="V45400" i="1"/>
  <c r="V45401" i="1"/>
  <c r="V45402" i="1"/>
  <c r="V45403" i="1"/>
  <c r="V45404" i="1"/>
  <c r="V45405" i="1"/>
  <c r="V45406" i="1"/>
  <c r="V45407" i="1"/>
  <c r="V45408" i="1"/>
  <c r="V45409" i="1"/>
  <c r="V45410" i="1"/>
  <c r="V45411" i="1"/>
  <c r="V45412" i="1"/>
  <c r="V45413" i="1"/>
  <c r="V45414" i="1"/>
  <c r="V45415" i="1"/>
  <c r="V45416" i="1"/>
  <c r="V45417" i="1"/>
  <c r="V45418" i="1"/>
  <c r="V45419" i="1"/>
  <c r="V45420" i="1"/>
  <c r="V45421" i="1"/>
  <c r="V45422" i="1"/>
  <c r="V45423" i="1"/>
  <c r="V45424" i="1"/>
  <c r="V45425" i="1"/>
  <c r="V45426" i="1"/>
  <c r="V45427" i="1"/>
  <c r="V45428" i="1"/>
  <c r="V45429" i="1"/>
  <c r="V45430" i="1"/>
  <c r="V45431" i="1"/>
  <c r="V45432" i="1"/>
  <c r="V45433" i="1"/>
  <c r="V45434" i="1"/>
  <c r="V45435" i="1"/>
  <c r="V45436" i="1"/>
  <c r="V45437" i="1"/>
  <c r="V45438" i="1"/>
  <c r="V45439" i="1"/>
  <c r="V45440" i="1"/>
  <c r="V45441" i="1"/>
  <c r="V45442" i="1"/>
  <c r="V45443" i="1"/>
  <c r="V45444" i="1"/>
  <c r="V45445" i="1"/>
  <c r="V45446" i="1"/>
  <c r="V45447" i="1"/>
  <c r="V45448" i="1"/>
  <c r="V45449" i="1"/>
  <c r="V45450" i="1"/>
  <c r="V45451" i="1"/>
  <c r="V45452" i="1"/>
  <c r="V45453" i="1"/>
  <c r="V45454" i="1"/>
  <c r="V45455" i="1"/>
  <c r="V45456" i="1"/>
  <c r="V45457" i="1"/>
  <c r="V45458" i="1"/>
  <c r="V45459" i="1"/>
  <c r="V45460" i="1"/>
  <c r="V45461" i="1"/>
  <c r="V45462" i="1"/>
  <c r="V45463" i="1"/>
  <c r="V45464" i="1"/>
  <c r="V45465" i="1"/>
  <c r="V45466" i="1"/>
  <c r="V45467" i="1"/>
  <c r="V45468" i="1"/>
  <c r="V45469" i="1"/>
  <c r="V45470" i="1"/>
  <c r="V45471" i="1"/>
  <c r="V45472" i="1"/>
  <c r="V45473" i="1"/>
  <c r="V45474" i="1"/>
  <c r="V45475" i="1"/>
  <c r="V45476" i="1"/>
  <c r="V45477" i="1"/>
  <c r="V45478" i="1"/>
  <c r="V45479" i="1"/>
  <c r="V45480" i="1"/>
  <c r="V45481" i="1"/>
  <c r="V45482" i="1"/>
  <c r="V45483" i="1"/>
  <c r="V45484" i="1"/>
  <c r="V45485" i="1"/>
  <c r="V45486" i="1"/>
  <c r="V45487" i="1"/>
  <c r="V45488" i="1"/>
  <c r="V45489" i="1"/>
  <c r="V45490" i="1"/>
  <c r="V45491" i="1"/>
  <c r="V45492" i="1"/>
  <c r="V45493" i="1"/>
  <c r="V45494" i="1"/>
  <c r="V45495" i="1"/>
  <c r="V45496" i="1"/>
  <c r="V45497" i="1"/>
  <c r="V45498" i="1"/>
  <c r="V45499" i="1"/>
  <c r="V45500" i="1"/>
  <c r="V45501" i="1"/>
  <c r="V45502" i="1"/>
  <c r="V45503" i="1"/>
  <c r="V45504" i="1"/>
  <c r="V45505" i="1"/>
  <c r="V45506" i="1"/>
  <c r="V45507" i="1"/>
  <c r="V45508" i="1"/>
  <c r="V45509" i="1"/>
  <c r="V45510" i="1"/>
  <c r="V45511" i="1"/>
  <c r="V45512" i="1"/>
  <c r="V45513" i="1"/>
  <c r="V45514" i="1"/>
  <c r="V45515" i="1"/>
  <c r="V45516" i="1"/>
  <c r="V45517" i="1"/>
  <c r="V45518" i="1"/>
  <c r="V45519" i="1"/>
  <c r="V45520" i="1"/>
  <c r="V45521" i="1"/>
  <c r="V45522" i="1"/>
  <c r="V45523" i="1"/>
  <c r="V45524" i="1"/>
  <c r="V45525" i="1"/>
  <c r="V45526" i="1"/>
  <c r="V45527" i="1"/>
  <c r="V45528" i="1"/>
  <c r="V45529" i="1"/>
  <c r="V45530" i="1"/>
  <c r="V45531" i="1"/>
  <c r="V45532" i="1"/>
  <c r="V45533" i="1"/>
  <c r="V45534" i="1"/>
  <c r="V45535" i="1"/>
  <c r="V45536" i="1"/>
  <c r="V45537" i="1"/>
  <c r="V45538" i="1"/>
  <c r="V45539" i="1"/>
  <c r="V45540" i="1"/>
  <c r="V45541" i="1"/>
  <c r="V45542" i="1"/>
  <c r="V45543" i="1"/>
  <c r="V45544" i="1"/>
  <c r="V45545" i="1"/>
  <c r="V45546" i="1"/>
  <c r="V45547" i="1"/>
  <c r="V45548" i="1"/>
  <c r="V45549" i="1"/>
  <c r="V45550" i="1"/>
  <c r="V45551" i="1"/>
  <c r="V45552" i="1"/>
  <c r="V45553" i="1"/>
  <c r="V45554" i="1"/>
  <c r="V45555" i="1"/>
  <c r="V45556" i="1"/>
  <c r="V45557" i="1"/>
  <c r="V45558" i="1"/>
  <c r="V45559" i="1"/>
  <c r="V45560" i="1"/>
  <c r="V45561" i="1"/>
  <c r="V45562" i="1"/>
  <c r="V45563" i="1"/>
  <c r="V45564" i="1"/>
  <c r="V45565" i="1"/>
  <c r="V45566" i="1"/>
  <c r="V45567" i="1"/>
  <c r="V45568" i="1"/>
  <c r="V45569" i="1"/>
  <c r="V45570" i="1"/>
  <c r="V45571" i="1"/>
  <c r="V45572" i="1"/>
  <c r="V45573" i="1"/>
  <c r="V45574" i="1"/>
  <c r="V45575" i="1"/>
  <c r="V45576" i="1"/>
  <c r="V45577" i="1"/>
  <c r="V45578" i="1"/>
  <c r="V45579" i="1"/>
  <c r="V45580" i="1"/>
  <c r="V45581" i="1"/>
  <c r="V45582" i="1"/>
  <c r="V45583" i="1"/>
  <c r="V45584" i="1"/>
  <c r="V45585" i="1"/>
  <c r="V45586" i="1"/>
  <c r="V45587" i="1"/>
  <c r="V45588" i="1"/>
  <c r="V45589" i="1"/>
  <c r="V45590" i="1"/>
  <c r="V45591" i="1"/>
  <c r="V45592" i="1"/>
  <c r="V45593" i="1"/>
  <c r="V45594" i="1"/>
  <c r="V45595" i="1"/>
  <c r="V45596" i="1"/>
  <c r="V45597" i="1"/>
  <c r="V45598" i="1"/>
  <c r="V45599" i="1"/>
  <c r="V45600" i="1"/>
  <c r="V45601" i="1"/>
  <c r="V45602" i="1"/>
  <c r="V45603" i="1"/>
  <c r="V45604" i="1"/>
  <c r="V45605" i="1"/>
  <c r="V45606" i="1"/>
  <c r="V45607" i="1"/>
  <c r="V45608" i="1"/>
  <c r="V45609" i="1"/>
  <c r="V45610" i="1"/>
  <c r="V45611" i="1"/>
  <c r="V45612" i="1"/>
  <c r="V45613" i="1"/>
  <c r="V45614" i="1"/>
  <c r="V45615" i="1"/>
  <c r="V45616" i="1"/>
  <c r="V45617" i="1"/>
  <c r="V45618" i="1"/>
  <c r="V45619" i="1"/>
  <c r="V45620" i="1"/>
  <c r="V45621" i="1"/>
  <c r="V45622" i="1"/>
  <c r="V45623" i="1"/>
  <c r="V45624" i="1"/>
  <c r="V45625" i="1"/>
  <c r="V45626" i="1"/>
  <c r="V45627" i="1"/>
  <c r="V45628" i="1"/>
  <c r="V45629" i="1"/>
  <c r="V45630" i="1"/>
  <c r="V45631" i="1"/>
  <c r="V45632" i="1"/>
  <c r="V45633" i="1"/>
  <c r="V45634" i="1"/>
  <c r="V45635" i="1"/>
  <c r="V45636" i="1"/>
  <c r="V45637" i="1"/>
  <c r="V45638" i="1"/>
  <c r="V45639" i="1"/>
  <c r="V45640" i="1"/>
  <c r="V45641" i="1"/>
  <c r="V45642" i="1"/>
  <c r="V45643" i="1"/>
  <c r="V45644" i="1"/>
  <c r="V45645" i="1"/>
  <c r="V45646" i="1"/>
  <c r="V45647" i="1"/>
  <c r="V45648" i="1"/>
  <c r="V45649" i="1"/>
  <c r="V45650" i="1"/>
  <c r="V45651" i="1"/>
  <c r="V45652" i="1"/>
  <c r="V45653" i="1"/>
  <c r="V45654" i="1"/>
  <c r="V45655" i="1"/>
  <c r="V45656" i="1"/>
  <c r="V45657" i="1"/>
  <c r="V45658" i="1"/>
  <c r="V45659" i="1"/>
  <c r="V45660" i="1"/>
  <c r="V45661" i="1"/>
  <c r="V45662" i="1"/>
  <c r="V45663" i="1"/>
  <c r="V45664" i="1"/>
  <c r="V45665" i="1"/>
  <c r="V45666" i="1"/>
  <c r="V45667" i="1"/>
  <c r="V45668" i="1"/>
  <c r="V45669" i="1"/>
  <c r="V45670" i="1"/>
  <c r="V45671" i="1"/>
  <c r="V45672" i="1"/>
  <c r="V45673" i="1"/>
  <c r="V45674" i="1"/>
  <c r="V45675" i="1"/>
  <c r="V45676" i="1"/>
  <c r="V45677" i="1"/>
  <c r="V45678" i="1"/>
  <c r="V45679" i="1"/>
  <c r="V45680" i="1"/>
  <c r="V45681" i="1"/>
  <c r="V45682" i="1"/>
  <c r="V45683" i="1"/>
  <c r="V45684" i="1"/>
  <c r="V45685" i="1"/>
  <c r="V45686" i="1"/>
  <c r="V45687" i="1"/>
  <c r="V45688" i="1"/>
  <c r="V45689" i="1"/>
  <c r="V45690" i="1"/>
  <c r="V45691" i="1"/>
  <c r="V45692" i="1"/>
  <c r="V45693" i="1"/>
  <c r="V45694" i="1"/>
  <c r="V45695" i="1"/>
  <c r="V45696" i="1"/>
  <c r="V45697" i="1"/>
  <c r="V45698" i="1"/>
  <c r="V45699" i="1"/>
  <c r="V45700" i="1"/>
  <c r="V45701" i="1"/>
  <c r="V45702" i="1"/>
  <c r="V45703" i="1"/>
  <c r="V45704" i="1"/>
  <c r="V45705" i="1"/>
  <c r="V45706" i="1"/>
  <c r="V45707" i="1"/>
  <c r="V45708" i="1"/>
  <c r="V45709" i="1"/>
  <c r="V45710" i="1"/>
  <c r="V45711" i="1"/>
  <c r="V45712" i="1"/>
  <c r="V45713" i="1"/>
  <c r="V45714" i="1"/>
  <c r="V45715" i="1"/>
  <c r="V45716" i="1"/>
  <c r="V45717" i="1"/>
  <c r="V45718" i="1"/>
  <c r="V45719" i="1"/>
  <c r="V45720" i="1"/>
  <c r="V45721" i="1"/>
  <c r="V45722" i="1"/>
  <c r="V45723" i="1"/>
  <c r="V45724" i="1"/>
  <c r="V45725" i="1"/>
  <c r="V45726" i="1"/>
  <c r="V45727" i="1"/>
  <c r="V45728" i="1"/>
  <c r="V45729" i="1"/>
  <c r="V45730" i="1"/>
  <c r="V45731" i="1"/>
  <c r="V45732" i="1"/>
  <c r="V45733" i="1"/>
  <c r="V45734" i="1"/>
  <c r="V45735" i="1"/>
  <c r="V45736" i="1"/>
  <c r="V45737" i="1"/>
  <c r="V45738" i="1"/>
  <c r="V45739" i="1"/>
  <c r="V45740" i="1"/>
  <c r="V45741" i="1"/>
  <c r="V45742" i="1"/>
  <c r="V45743" i="1"/>
  <c r="V45744" i="1"/>
  <c r="V45745" i="1"/>
  <c r="V45746" i="1"/>
  <c r="V45747" i="1"/>
  <c r="V45748" i="1"/>
  <c r="V45749" i="1"/>
  <c r="V45750" i="1"/>
  <c r="V45751" i="1"/>
  <c r="V45752" i="1"/>
  <c r="V45753" i="1"/>
  <c r="V45754" i="1"/>
  <c r="V45755" i="1"/>
  <c r="V45756" i="1"/>
  <c r="V45757" i="1"/>
  <c r="V45758" i="1"/>
  <c r="V45759" i="1"/>
  <c r="V45760" i="1"/>
  <c r="V45761" i="1"/>
  <c r="V45762" i="1"/>
  <c r="V45763" i="1"/>
  <c r="V45764" i="1"/>
  <c r="V45765" i="1"/>
  <c r="V45766" i="1"/>
  <c r="V45767" i="1"/>
  <c r="V45768" i="1"/>
  <c r="V45769" i="1"/>
  <c r="V45770" i="1"/>
  <c r="V45771" i="1"/>
  <c r="V45772" i="1"/>
  <c r="V45773" i="1"/>
  <c r="V45774" i="1"/>
  <c r="V45775" i="1"/>
  <c r="V45776" i="1"/>
  <c r="V45777" i="1"/>
  <c r="V45778" i="1"/>
  <c r="V45779" i="1"/>
  <c r="V45780" i="1"/>
  <c r="V45781" i="1"/>
  <c r="V45782" i="1"/>
  <c r="V45783" i="1"/>
  <c r="V45784" i="1"/>
  <c r="V45785" i="1"/>
  <c r="V45786" i="1"/>
  <c r="V45787" i="1"/>
  <c r="V45788" i="1"/>
  <c r="V45789" i="1"/>
  <c r="V45790" i="1"/>
  <c r="V45791" i="1"/>
  <c r="V45792" i="1"/>
  <c r="V45793" i="1"/>
  <c r="V45794" i="1"/>
  <c r="V45795" i="1"/>
  <c r="V45796" i="1"/>
  <c r="V45797" i="1"/>
  <c r="V45798" i="1"/>
  <c r="V45799" i="1"/>
  <c r="V45800" i="1"/>
  <c r="V45801" i="1"/>
  <c r="V45802" i="1"/>
  <c r="V45803" i="1"/>
  <c r="V45804" i="1"/>
  <c r="V45805" i="1"/>
  <c r="V45806" i="1"/>
  <c r="V45807" i="1"/>
  <c r="V45808" i="1"/>
  <c r="V45809" i="1"/>
  <c r="V45810" i="1"/>
  <c r="V45811" i="1"/>
  <c r="V45812" i="1"/>
  <c r="V45813" i="1"/>
  <c r="V45814" i="1"/>
  <c r="V45815" i="1"/>
  <c r="V45816" i="1"/>
  <c r="V45817" i="1"/>
  <c r="V45818" i="1"/>
  <c r="V45819" i="1"/>
  <c r="V45820" i="1"/>
  <c r="V45821" i="1"/>
  <c r="V45822" i="1"/>
  <c r="V45823" i="1"/>
  <c r="V45824" i="1"/>
  <c r="V45825" i="1"/>
  <c r="V45826" i="1"/>
  <c r="V45827" i="1"/>
  <c r="V45828" i="1"/>
  <c r="V45829" i="1"/>
  <c r="V45830" i="1"/>
  <c r="V45831" i="1"/>
  <c r="V45832" i="1"/>
  <c r="V45833" i="1"/>
  <c r="V45834" i="1"/>
  <c r="V45835" i="1"/>
  <c r="V45836" i="1"/>
  <c r="V45837" i="1"/>
  <c r="V45838" i="1"/>
  <c r="V45839" i="1"/>
  <c r="V45840" i="1"/>
  <c r="V45841" i="1"/>
  <c r="V45842" i="1"/>
  <c r="V45843" i="1"/>
  <c r="V45844" i="1"/>
  <c r="V45845" i="1"/>
  <c r="V45846" i="1"/>
  <c r="V45847" i="1"/>
  <c r="V45848" i="1"/>
  <c r="V45849" i="1"/>
  <c r="V45850" i="1"/>
  <c r="V45851" i="1"/>
  <c r="V45852" i="1"/>
  <c r="V45853" i="1"/>
  <c r="V45854" i="1"/>
  <c r="V45855" i="1"/>
  <c r="V45856" i="1"/>
  <c r="V45857" i="1"/>
  <c r="V45858" i="1"/>
  <c r="V45859" i="1"/>
  <c r="V45860" i="1"/>
  <c r="V45861" i="1"/>
  <c r="V45862" i="1"/>
  <c r="V45863" i="1"/>
  <c r="V45864" i="1"/>
  <c r="V45865" i="1"/>
  <c r="V45866" i="1"/>
  <c r="V45867" i="1"/>
  <c r="V45868" i="1"/>
  <c r="V45869" i="1"/>
  <c r="V45870" i="1"/>
  <c r="V45871" i="1"/>
  <c r="V45872" i="1"/>
  <c r="V45873" i="1"/>
  <c r="V45874" i="1"/>
  <c r="V45875" i="1"/>
  <c r="V45876" i="1"/>
  <c r="V45877" i="1"/>
  <c r="V45878" i="1"/>
  <c r="V45879" i="1"/>
  <c r="V45880" i="1"/>
  <c r="V45881" i="1"/>
  <c r="V45882" i="1"/>
  <c r="V45883" i="1"/>
  <c r="V45884" i="1"/>
  <c r="V45885" i="1"/>
  <c r="V45886" i="1"/>
  <c r="V45887" i="1"/>
  <c r="V45888" i="1"/>
  <c r="V45889" i="1"/>
  <c r="V45890" i="1"/>
  <c r="V45891" i="1"/>
  <c r="V45892" i="1"/>
  <c r="V45893" i="1"/>
  <c r="V45894" i="1"/>
  <c r="V45895" i="1"/>
  <c r="V45896" i="1"/>
  <c r="V45897" i="1"/>
  <c r="V45898" i="1"/>
  <c r="V45899" i="1"/>
  <c r="V45900" i="1"/>
  <c r="V45901" i="1"/>
  <c r="V45902" i="1"/>
  <c r="V45903" i="1"/>
  <c r="V45904" i="1"/>
  <c r="V45905" i="1"/>
  <c r="V45906" i="1"/>
  <c r="V45907" i="1"/>
  <c r="V45908" i="1"/>
  <c r="V45909" i="1"/>
  <c r="V45910" i="1"/>
  <c r="V45911" i="1"/>
  <c r="V45912" i="1"/>
  <c r="V45913" i="1"/>
  <c r="V45914" i="1"/>
  <c r="V45915" i="1"/>
  <c r="V45916" i="1"/>
  <c r="V45917" i="1"/>
  <c r="V45918" i="1"/>
  <c r="V45919" i="1"/>
  <c r="V45920" i="1"/>
  <c r="V45921" i="1"/>
  <c r="V45922" i="1"/>
  <c r="V45923" i="1"/>
  <c r="V45924" i="1"/>
  <c r="V45925" i="1"/>
  <c r="V45926" i="1"/>
  <c r="V45927" i="1"/>
  <c r="V45928" i="1"/>
  <c r="V45929" i="1"/>
  <c r="V45930" i="1"/>
  <c r="V45931" i="1"/>
  <c r="V45932" i="1"/>
  <c r="V45933" i="1"/>
  <c r="V45934" i="1"/>
  <c r="V45935" i="1"/>
  <c r="V45936" i="1"/>
  <c r="V45937" i="1"/>
  <c r="V45938" i="1"/>
  <c r="V45939" i="1"/>
  <c r="V45940" i="1"/>
  <c r="V45941" i="1"/>
  <c r="V45942" i="1"/>
  <c r="V45943" i="1"/>
  <c r="V45944" i="1"/>
  <c r="V45945" i="1"/>
  <c r="V45946" i="1"/>
  <c r="V45947" i="1"/>
  <c r="V45948" i="1"/>
  <c r="V45949" i="1"/>
  <c r="V45950" i="1"/>
  <c r="V45951" i="1"/>
  <c r="V45952" i="1"/>
  <c r="V45953" i="1"/>
  <c r="V45954" i="1"/>
  <c r="V45955" i="1"/>
  <c r="V45956" i="1"/>
  <c r="V45957" i="1"/>
  <c r="V45958" i="1"/>
  <c r="V45959" i="1"/>
  <c r="V45960" i="1"/>
  <c r="V45961" i="1"/>
  <c r="V45962" i="1"/>
  <c r="V45963" i="1"/>
  <c r="V45964" i="1"/>
  <c r="V45965" i="1"/>
  <c r="V45966" i="1"/>
  <c r="V45967" i="1"/>
  <c r="V45968" i="1"/>
  <c r="V45969" i="1"/>
  <c r="V45970" i="1"/>
  <c r="V45971" i="1"/>
  <c r="V45972" i="1"/>
  <c r="V45973" i="1"/>
  <c r="V45974" i="1"/>
  <c r="V45975" i="1"/>
  <c r="V45976" i="1"/>
  <c r="V45977" i="1"/>
  <c r="V45978" i="1"/>
  <c r="V45979" i="1"/>
  <c r="V45980" i="1"/>
  <c r="V45981" i="1"/>
  <c r="V45982" i="1"/>
  <c r="V45983" i="1"/>
  <c r="V45984" i="1"/>
  <c r="V45985" i="1"/>
  <c r="V45986" i="1"/>
  <c r="V45987" i="1"/>
  <c r="V45988" i="1"/>
  <c r="V45989" i="1"/>
  <c r="V45990" i="1"/>
  <c r="V45991" i="1"/>
  <c r="V45992" i="1"/>
  <c r="V45993" i="1"/>
  <c r="V45994" i="1"/>
  <c r="V45995" i="1"/>
  <c r="V45996" i="1"/>
  <c r="V45997" i="1"/>
  <c r="V45998" i="1"/>
  <c r="V45999" i="1"/>
  <c r="V46000" i="1"/>
  <c r="V46001" i="1"/>
  <c r="V46002" i="1"/>
  <c r="V46003" i="1"/>
  <c r="V46004" i="1"/>
  <c r="V46005" i="1"/>
  <c r="V46006" i="1"/>
  <c r="V46007" i="1"/>
  <c r="V46008" i="1"/>
  <c r="V46009" i="1"/>
  <c r="V46010" i="1"/>
  <c r="V46011" i="1"/>
  <c r="V46012" i="1"/>
  <c r="V46013" i="1"/>
  <c r="V46014" i="1"/>
  <c r="V46015" i="1"/>
  <c r="V46016" i="1"/>
  <c r="V46017" i="1"/>
  <c r="V46018" i="1"/>
  <c r="V46019" i="1"/>
  <c r="V46020" i="1"/>
  <c r="V46021" i="1"/>
  <c r="V46022" i="1"/>
  <c r="V46023" i="1"/>
  <c r="V46024" i="1"/>
  <c r="V46025" i="1"/>
  <c r="V46026" i="1"/>
  <c r="V46027" i="1"/>
  <c r="V46028" i="1"/>
  <c r="V46029" i="1"/>
  <c r="V46030" i="1"/>
  <c r="V46031" i="1"/>
  <c r="V46032" i="1"/>
  <c r="V46033" i="1"/>
  <c r="V46034" i="1"/>
  <c r="V46035" i="1"/>
  <c r="V46036" i="1"/>
  <c r="V46037" i="1"/>
  <c r="V46038" i="1"/>
  <c r="V46039" i="1"/>
  <c r="V46040" i="1"/>
  <c r="V46041" i="1"/>
  <c r="V46042" i="1"/>
  <c r="V46043" i="1"/>
  <c r="V46044" i="1"/>
  <c r="V46045" i="1"/>
  <c r="V46046" i="1"/>
  <c r="V46047" i="1"/>
  <c r="V46048" i="1"/>
  <c r="V46049" i="1"/>
  <c r="V46050" i="1"/>
  <c r="V46051" i="1"/>
  <c r="V46052" i="1"/>
  <c r="V46053" i="1"/>
  <c r="V46054" i="1"/>
  <c r="V46055" i="1"/>
  <c r="V46056" i="1"/>
  <c r="V46057" i="1"/>
  <c r="V46058" i="1"/>
  <c r="V46059" i="1"/>
  <c r="V46060" i="1"/>
  <c r="V46061" i="1"/>
  <c r="V46062" i="1"/>
  <c r="V46063" i="1"/>
  <c r="V46064" i="1"/>
  <c r="V46065" i="1"/>
  <c r="V46066" i="1"/>
  <c r="V46067" i="1"/>
  <c r="V46068" i="1"/>
  <c r="V46069" i="1"/>
  <c r="V46070" i="1"/>
  <c r="V46071" i="1"/>
  <c r="V46072" i="1"/>
  <c r="V46073" i="1"/>
  <c r="V46074" i="1"/>
  <c r="V46075" i="1"/>
  <c r="V46076" i="1"/>
  <c r="V46077" i="1"/>
  <c r="V46078" i="1"/>
  <c r="V46079" i="1"/>
  <c r="V46080" i="1"/>
  <c r="V46081" i="1"/>
  <c r="V46082" i="1"/>
  <c r="V46083" i="1"/>
  <c r="V46084" i="1"/>
  <c r="V46085" i="1"/>
  <c r="V46086" i="1"/>
  <c r="V46087" i="1"/>
  <c r="V46088" i="1"/>
  <c r="V46089" i="1"/>
  <c r="V46090" i="1"/>
  <c r="V46091" i="1"/>
  <c r="V46092" i="1"/>
  <c r="V46093" i="1"/>
  <c r="V46094" i="1"/>
  <c r="V46095" i="1"/>
  <c r="V46096" i="1"/>
  <c r="V46097" i="1"/>
  <c r="V46098" i="1"/>
  <c r="V46099" i="1"/>
  <c r="V46100" i="1"/>
  <c r="V46101" i="1"/>
  <c r="V46102" i="1"/>
  <c r="V46103" i="1"/>
  <c r="V46104" i="1"/>
  <c r="V46105" i="1"/>
  <c r="V46106" i="1"/>
  <c r="V46107" i="1"/>
  <c r="V46108" i="1"/>
  <c r="V46109" i="1"/>
  <c r="V46110" i="1"/>
  <c r="V46111" i="1"/>
  <c r="V46112" i="1"/>
  <c r="V46113" i="1"/>
  <c r="V46114" i="1"/>
  <c r="V46115" i="1"/>
  <c r="V46116" i="1"/>
  <c r="V46117" i="1"/>
  <c r="V46118" i="1"/>
  <c r="V46119" i="1"/>
  <c r="V46120" i="1"/>
  <c r="V46121" i="1"/>
  <c r="V46122" i="1"/>
  <c r="V46123" i="1"/>
  <c r="V46124" i="1"/>
  <c r="V46125" i="1"/>
  <c r="V46126" i="1"/>
  <c r="V46127" i="1"/>
  <c r="V46128" i="1"/>
  <c r="V46129" i="1"/>
  <c r="V46130" i="1"/>
  <c r="V46131" i="1"/>
  <c r="V46132" i="1"/>
  <c r="V46133" i="1"/>
  <c r="V46134" i="1"/>
  <c r="V46135" i="1"/>
  <c r="V46136" i="1"/>
  <c r="V46137" i="1"/>
  <c r="V46138" i="1"/>
  <c r="V46139" i="1"/>
  <c r="V46140" i="1"/>
  <c r="V46141" i="1"/>
  <c r="V46142" i="1"/>
  <c r="V46143" i="1"/>
  <c r="V46144" i="1"/>
  <c r="V46145" i="1"/>
  <c r="V46146" i="1"/>
  <c r="V46147" i="1"/>
  <c r="V46148" i="1"/>
  <c r="V46149" i="1"/>
  <c r="V46150" i="1"/>
  <c r="V46151" i="1"/>
  <c r="V46152" i="1"/>
  <c r="V46153" i="1"/>
  <c r="V46154" i="1"/>
  <c r="V46155" i="1"/>
  <c r="V46156" i="1"/>
  <c r="V46157" i="1"/>
  <c r="V46158" i="1"/>
  <c r="V46159" i="1"/>
  <c r="V46160" i="1"/>
  <c r="V46161" i="1"/>
  <c r="V46162" i="1"/>
  <c r="V46163" i="1"/>
  <c r="V46164" i="1"/>
  <c r="V46165" i="1"/>
  <c r="V46166" i="1"/>
  <c r="V46167" i="1"/>
  <c r="V46168" i="1"/>
  <c r="V46169" i="1"/>
  <c r="V46170" i="1"/>
  <c r="V46171" i="1"/>
  <c r="V46172" i="1"/>
  <c r="V46173" i="1"/>
  <c r="V46174" i="1"/>
  <c r="V46175" i="1"/>
  <c r="V46176" i="1"/>
  <c r="V46177" i="1"/>
  <c r="V46178" i="1"/>
  <c r="V46179" i="1"/>
  <c r="V46180" i="1"/>
  <c r="V46181" i="1"/>
  <c r="V46182" i="1"/>
  <c r="V46183" i="1"/>
  <c r="V46184" i="1"/>
  <c r="V46185" i="1"/>
  <c r="V46186" i="1"/>
  <c r="V46187" i="1"/>
  <c r="V46188" i="1"/>
  <c r="V46189" i="1"/>
  <c r="V46190" i="1"/>
  <c r="V46191" i="1"/>
  <c r="V46192" i="1"/>
  <c r="V46193" i="1"/>
  <c r="V46194" i="1"/>
  <c r="V46195" i="1"/>
  <c r="V46196" i="1"/>
  <c r="V46197" i="1"/>
  <c r="V46198" i="1"/>
  <c r="V46199" i="1"/>
  <c r="V46200" i="1"/>
  <c r="V46201" i="1"/>
  <c r="V46202" i="1"/>
  <c r="V46203" i="1"/>
  <c r="V46204" i="1"/>
  <c r="V46205" i="1"/>
  <c r="V46206" i="1"/>
  <c r="V46207" i="1"/>
  <c r="V46208" i="1"/>
  <c r="V46209" i="1"/>
  <c r="V46210" i="1"/>
  <c r="V46211" i="1"/>
  <c r="V46212" i="1"/>
  <c r="V46213" i="1"/>
  <c r="V46214" i="1"/>
  <c r="V46215" i="1"/>
  <c r="V46216" i="1"/>
  <c r="V46217" i="1"/>
  <c r="V46218" i="1"/>
  <c r="V46219" i="1"/>
  <c r="V46220" i="1"/>
  <c r="V46221" i="1"/>
  <c r="V46222" i="1"/>
  <c r="V46223" i="1"/>
  <c r="V46224" i="1"/>
  <c r="V46225" i="1"/>
  <c r="V46226" i="1"/>
  <c r="V46227" i="1"/>
  <c r="V46228" i="1"/>
  <c r="V46229" i="1"/>
  <c r="V46230" i="1"/>
  <c r="V46231" i="1"/>
  <c r="V46232" i="1"/>
  <c r="V46233" i="1"/>
  <c r="V46234" i="1"/>
  <c r="V46235" i="1"/>
  <c r="V46236" i="1"/>
  <c r="V46237" i="1"/>
  <c r="V46238" i="1"/>
  <c r="V46239" i="1"/>
  <c r="V46240" i="1"/>
  <c r="V46241" i="1"/>
  <c r="V46242" i="1"/>
  <c r="V46243" i="1"/>
  <c r="V46244" i="1"/>
  <c r="V46245" i="1"/>
  <c r="V46246" i="1"/>
  <c r="V46247" i="1"/>
  <c r="V46248" i="1"/>
  <c r="V46249" i="1"/>
  <c r="V46250" i="1"/>
  <c r="V46251" i="1"/>
  <c r="V46252" i="1"/>
  <c r="V46253" i="1"/>
  <c r="V46254" i="1"/>
  <c r="V46255" i="1"/>
  <c r="V46256" i="1"/>
  <c r="V46257" i="1"/>
  <c r="V46258" i="1"/>
  <c r="V46259" i="1"/>
  <c r="V46260" i="1"/>
  <c r="V46261" i="1"/>
  <c r="V46262" i="1"/>
  <c r="V46263" i="1"/>
  <c r="V46264" i="1"/>
  <c r="V46265" i="1"/>
  <c r="V46266" i="1"/>
  <c r="V46267" i="1"/>
  <c r="V46268" i="1"/>
  <c r="V46269" i="1"/>
  <c r="V46270" i="1"/>
  <c r="V46271" i="1"/>
  <c r="V46272" i="1"/>
  <c r="V46273" i="1"/>
  <c r="V46274" i="1"/>
  <c r="V46275" i="1"/>
  <c r="V46276" i="1"/>
  <c r="V46277" i="1"/>
  <c r="V46278" i="1"/>
  <c r="V46279" i="1"/>
  <c r="V46280" i="1"/>
  <c r="V46281" i="1"/>
  <c r="V46282" i="1"/>
  <c r="V46283" i="1"/>
  <c r="V46284" i="1"/>
  <c r="V46285" i="1"/>
  <c r="V46286" i="1"/>
  <c r="V46287" i="1"/>
  <c r="V46288" i="1"/>
  <c r="V46289" i="1"/>
  <c r="V46290" i="1"/>
  <c r="V46291" i="1"/>
  <c r="V46292" i="1"/>
  <c r="V46293" i="1"/>
  <c r="V46294" i="1"/>
  <c r="V46295" i="1"/>
  <c r="V46296" i="1"/>
  <c r="V46297" i="1"/>
  <c r="V46298" i="1"/>
  <c r="V46299" i="1"/>
  <c r="V46300" i="1"/>
  <c r="V46301" i="1"/>
  <c r="V46302" i="1"/>
  <c r="V46303" i="1"/>
  <c r="V46304" i="1"/>
  <c r="V46305" i="1"/>
  <c r="V46306" i="1"/>
  <c r="V46307" i="1"/>
  <c r="V46308" i="1"/>
  <c r="V46309" i="1"/>
  <c r="V46310" i="1"/>
  <c r="V46311" i="1"/>
  <c r="V46312" i="1"/>
  <c r="V46313" i="1"/>
  <c r="V46314" i="1"/>
  <c r="V46315" i="1"/>
  <c r="V46316" i="1"/>
  <c r="V46317" i="1"/>
  <c r="V46318" i="1"/>
  <c r="V46319" i="1"/>
  <c r="V46320" i="1"/>
  <c r="V46321" i="1"/>
  <c r="V46322" i="1"/>
  <c r="V46323" i="1"/>
  <c r="V46324" i="1"/>
  <c r="V46325" i="1"/>
  <c r="V46326" i="1"/>
  <c r="V46327" i="1"/>
  <c r="V46328" i="1"/>
  <c r="V46329" i="1"/>
  <c r="V46330" i="1"/>
  <c r="V46331" i="1"/>
  <c r="V46332" i="1"/>
  <c r="V46333" i="1"/>
  <c r="V46334" i="1"/>
  <c r="V46335" i="1"/>
  <c r="V46336" i="1"/>
  <c r="V46337" i="1"/>
  <c r="V46338" i="1"/>
  <c r="V46339" i="1"/>
  <c r="V46340" i="1"/>
  <c r="V46341" i="1"/>
  <c r="V46342" i="1"/>
  <c r="V46343" i="1"/>
  <c r="V46344" i="1"/>
  <c r="V46345" i="1"/>
  <c r="V46346" i="1"/>
  <c r="V46347" i="1"/>
  <c r="V46348" i="1"/>
  <c r="V46349" i="1"/>
  <c r="V46350" i="1"/>
  <c r="V46351" i="1"/>
  <c r="V46352" i="1"/>
  <c r="V46353" i="1"/>
  <c r="V46354" i="1"/>
  <c r="V46355" i="1"/>
  <c r="V46356" i="1"/>
  <c r="V46357" i="1"/>
  <c r="V46358" i="1"/>
  <c r="V46359" i="1"/>
  <c r="V46360" i="1"/>
  <c r="V46361" i="1"/>
  <c r="V46362" i="1"/>
  <c r="V46363" i="1"/>
  <c r="V46364" i="1"/>
  <c r="V46365" i="1"/>
  <c r="V46366" i="1"/>
  <c r="V46367" i="1"/>
  <c r="V46368" i="1"/>
  <c r="V46369" i="1"/>
  <c r="V46370" i="1"/>
  <c r="V46371" i="1"/>
  <c r="V46372" i="1"/>
  <c r="V46373" i="1"/>
  <c r="V46374" i="1"/>
  <c r="V46375" i="1"/>
  <c r="V46376" i="1"/>
  <c r="V46377" i="1"/>
  <c r="V46378" i="1"/>
  <c r="V46379" i="1"/>
  <c r="V46380" i="1"/>
  <c r="V46381" i="1"/>
  <c r="V46382" i="1"/>
  <c r="V46383" i="1"/>
  <c r="V46384" i="1"/>
  <c r="V46385" i="1"/>
  <c r="V46386" i="1"/>
  <c r="V46387" i="1"/>
  <c r="V46388" i="1"/>
  <c r="V46389" i="1"/>
  <c r="V46390" i="1"/>
  <c r="V46391" i="1"/>
  <c r="V46392" i="1"/>
  <c r="V46393" i="1"/>
  <c r="V46394" i="1"/>
  <c r="V46395" i="1"/>
  <c r="V46396" i="1"/>
  <c r="V46397" i="1"/>
  <c r="V46398" i="1"/>
  <c r="V46399" i="1"/>
  <c r="V46400" i="1"/>
  <c r="V46401" i="1"/>
  <c r="V46402" i="1"/>
  <c r="V46403" i="1"/>
  <c r="V46404" i="1"/>
  <c r="V46405" i="1"/>
  <c r="V46406" i="1"/>
  <c r="V46407" i="1"/>
  <c r="V46408" i="1"/>
  <c r="V46409" i="1"/>
  <c r="V46410" i="1"/>
  <c r="V46411" i="1"/>
  <c r="V46412" i="1"/>
  <c r="V46413" i="1"/>
  <c r="V46414" i="1"/>
  <c r="V46415" i="1"/>
  <c r="V46416" i="1"/>
  <c r="V46417" i="1"/>
  <c r="V46418" i="1"/>
  <c r="V46419" i="1"/>
  <c r="V46420" i="1"/>
  <c r="V46421" i="1"/>
  <c r="V46422" i="1"/>
  <c r="V46423" i="1"/>
  <c r="V46424" i="1"/>
  <c r="V46425" i="1"/>
  <c r="V46426" i="1"/>
  <c r="V46427" i="1"/>
  <c r="V46428" i="1"/>
  <c r="V46429" i="1"/>
  <c r="V46430" i="1"/>
  <c r="V46431" i="1"/>
  <c r="V46432" i="1"/>
  <c r="V46433" i="1"/>
  <c r="V46434" i="1"/>
  <c r="V46435" i="1"/>
  <c r="V46436" i="1"/>
  <c r="V46437" i="1"/>
  <c r="V46438" i="1"/>
  <c r="V46439" i="1"/>
  <c r="V46440" i="1"/>
  <c r="V46441" i="1"/>
  <c r="V46442" i="1"/>
  <c r="V46443" i="1"/>
  <c r="V46444" i="1"/>
  <c r="V46445" i="1"/>
  <c r="V46446" i="1"/>
  <c r="V46447" i="1"/>
  <c r="V46448" i="1"/>
  <c r="V46449" i="1"/>
  <c r="V46450" i="1"/>
  <c r="V46451" i="1"/>
  <c r="V46452" i="1"/>
  <c r="V46453" i="1"/>
  <c r="V46454" i="1"/>
  <c r="V46455" i="1"/>
  <c r="V46456" i="1"/>
  <c r="V46457" i="1"/>
  <c r="V46458" i="1"/>
  <c r="V46459" i="1"/>
  <c r="V46460" i="1"/>
  <c r="V46461" i="1"/>
  <c r="V46462" i="1"/>
  <c r="V46463" i="1"/>
  <c r="V46464" i="1"/>
  <c r="V46465" i="1"/>
  <c r="V46466" i="1"/>
  <c r="V46467" i="1"/>
  <c r="V46468" i="1"/>
  <c r="V46469" i="1"/>
  <c r="V46470" i="1"/>
  <c r="V46471" i="1"/>
  <c r="V46472" i="1"/>
  <c r="V46473" i="1"/>
  <c r="V46474" i="1"/>
  <c r="V46475" i="1"/>
  <c r="V46476" i="1"/>
  <c r="V46477" i="1"/>
  <c r="V46478" i="1"/>
  <c r="V46479" i="1"/>
  <c r="V46480" i="1"/>
  <c r="V46481" i="1"/>
  <c r="V46482" i="1"/>
  <c r="V46483" i="1"/>
  <c r="V46484" i="1"/>
  <c r="V46485" i="1"/>
  <c r="V46486" i="1"/>
  <c r="V46487" i="1"/>
  <c r="V46488" i="1"/>
  <c r="V46489" i="1"/>
  <c r="V46490" i="1"/>
  <c r="V46491" i="1"/>
  <c r="V46492" i="1"/>
  <c r="V46493" i="1"/>
  <c r="V46494" i="1"/>
  <c r="V46495" i="1"/>
  <c r="V46496" i="1"/>
  <c r="V46497" i="1"/>
  <c r="V46498" i="1"/>
  <c r="V46499" i="1"/>
  <c r="V46500" i="1"/>
  <c r="V46501" i="1"/>
  <c r="V46502" i="1"/>
  <c r="V46503" i="1"/>
  <c r="V46504" i="1"/>
  <c r="V46505" i="1"/>
  <c r="V46506" i="1"/>
  <c r="V46507" i="1"/>
  <c r="V46508" i="1"/>
  <c r="V46509" i="1"/>
  <c r="V46510" i="1"/>
  <c r="V46511" i="1"/>
  <c r="V46512" i="1"/>
  <c r="V46513" i="1"/>
  <c r="V46514" i="1"/>
  <c r="V46515" i="1"/>
  <c r="V46516" i="1"/>
  <c r="V46517" i="1"/>
  <c r="V46518" i="1"/>
  <c r="V46519" i="1"/>
  <c r="V46520" i="1"/>
  <c r="V46521" i="1"/>
  <c r="V46522" i="1"/>
  <c r="V46523" i="1"/>
  <c r="V46524" i="1"/>
  <c r="V46525" i="1"/>
  <c r="V46526" i="1"/>
  <c r="V46527" i="1"/>
  <c r="V46528" i="1"/>
  <c r="V46529" i="1"/>
  <c r="V46530" i="1"/>
  <c r="V46531" i="1"/>
  <c r="V46532" i="1"/>
  <c r="V46533" i="1"/>
  <c r="V46534" i="1"/>
  <c r="V46535" i="1"/>
  <c r="V46536" i="1"/>
  <c r="V46537" i="1"/>
  <c r="V46538" i="1"/>
  <c r="V46539" i="1"/>
  <c r="V46540" i="1"/>
  <c r="V46541" i="1"/>
  <c r="V46542" i="1"/>
  <c r="V46543" i="1"/>
  <c r="V46544" i="1"/>
  <c r="V46545" i="1"/>
  <c r="V46546" i="1"/>
  <c r="V46547" i="1"/>
  <c r="V46548" i="1"/>
  <c r="V46549" i="1"/>
  <c r="V46550" i="1"/>
  <c r="V46551" i="1"/>
  <c r="V46552" i="1"/>
  <c r="V46553" i="1"/>
  <c r="V46554" i="1"/>
  <c r="V46555" i="1"/>
  <c r="V46556" i="1"/>
  <c r="V46557" i="1"/>
  <c r="V46558" i="1"/>
  <c r="V46559" i="1"/>
  <c r="V46560" i="1"/>
  <c r="V46561" i="1"/>
  <c r="V46562" i="1"/>
  <c r="V46563" i="1"/>
  <c r="V46564" i="1"/>
  <c r="V46565" i="1"/>
  <c r="V46566" i="1"/>
  <c r="V46567" i="1"/>
  <c r="V46568" i="1"/>
  <c r="V46569" i="1"/>
  <c r="V46570" i="1"/>
  <c r="V46571" i="1"/>
  <c r="V46572" i="1"/>
  <c r="V46573" i="1"/>
  <c r="V46574" i="1"/>
  <c r="V46575" i="1"/>
  <c r="V46576" i="1"/>
  <c r="V46577" i="1"/>
  <c r="V46578" i="1"/>
  <c r="V46579" i="1"/>
  <c r="V46580" i="1"/>
  <c r="V46581" i="1"/>
  <c r="V46582" i="1"/>
  <c r="V46583" i="1"/>
  <c r="V46584" i="1"/>
  <c r="V46585" i="1"/>
  <c r="V46586" i="1"/>
  <c r="V46587" i="1"/>
  <c r="V46588" i="1"/>
  <c r="V46589" i="1"/>
  <c r="V46590" i="1"/>
  <c r="V46591" i="1"/>
  <c r="V46592" i="1"/>
  <c r="V46593" i="1"/>
  <c r="V46594" i="1"/>
  <c r="V46595" i="1"/>
  <c r="V46596" i="1"/>
  <c r="V46597" i="1"/>
  <c r="V46598" i="1"/>
  <c r="V46599" i="1"/>
  <c r="V46600" i="1"/>
  <c r="V46601" i="1"/>
  <c r="V46602" i="1"/>
  <c r="V46603" i="1"/>
  <c r="V46604" i="1"/>
  <c r="V46605" i="1"/>
  <c r="V46606" i="1"/>
  <c r="V46607" i="1"/>
  <c r="V46608" i="1"/>
  <c r="V46609" i="1"/>
  <c r="V46610" i="1"/>
  <c r="V46611" i="1"/>
  <c r="V46612" i="1"/>
  <c r="V46613" i="1"/>
  <c r="V46614" i="1"/>
  <c r="V46615" i="1"/>
  <c r="V46616" i="1"/>
  <c r="V46617" i="1"/>
  <c r="V46618" i="1"/>
  <c r="V46619" i="1"/>
  <c r="V46620" i="1"/>
  <c r="V46621" i="1"/>
  <c r="V46622" i="1"/>
  <c r="V46623" i="1"/>
  <c r="V46624" i="1"/>
  <c r="V46625" i="1"/>
  <c r="V46626" i="1"/>
  <c r="V46627" i="1"/>
  <c r="V46628" i="1"/>
  <c r="V46629" i="1"/>
  <c r="V46630" i="1"/>
  <c r="V46631" i="1"/>
  <c r="V46632" i="1"/>
  <c r="V46633" i="1"/>
  <c r="V46634" i="1"/>
  <c r="V46635" i="1"/>
  <c r="V46636" i="1"/>
  <c r="V46637" i="1"/>
  <c r="V46638" i="1"/>
  <c r="V46639" i="1"/>
  <c r="V46640" i="1"/>
  <c r="V46641" i="1"/>
  <c r="V46642" i="1"/>
  <c r="V46643" i="1"/>
  <c r="V46644" i="1"/>
  <c r="V46645" i="1"/>
  <c r="V46646" i="1"/>
  <c r="V46647" i="1"/>
  <c r="V46648" i="1"/>
  <c r="V46649" i="1"/>
  <c r="V46650" i="1"/>
  <c r="V46651" i="1"/>
  <c r="V46652" i="1"/>
  <c r="V46653" i="1"/>
  <c r="V46654" i="1"/>
  <c r="V46655" i="1"/>
  <c r="V46656" i="1"/>
  <c r="V46657" i="1"/>
  <c r="V46658" i="1"/>
  <c r="V46659" i="1"/>
  <c r="V46660" i="1"/>
  <c r="V46661" i="1"/>
  <c r="V46662" i="1"/>
  <c r="V46663" i="1"/>
  <c r="V46664" i="1"/>
  <c r="V46665" i="1"/>
  <c r="V46666" i="1"/>
  <c r="V46667" i="1"/>
  <c r="V46668" i="1"/>
  <c r="V46669" i="1"/>
  <c r="V46670" i="1"/>
  <c r="V46671" i="1"/>
  <c r="V46672" i="1"/>
  <c r="V46673" i="1"/>
  <c r="V46674" i="1"/>
  <c r="V46675" i="1"/>
  <c r="V46676" i="1"/>
  <c r="V46677" i="1"/>
  <c r="V46678" i="1"/>
  <c r="V46679" i="1"/>
  <c r="V46680" i="1"/>
  <c r="V46681" i="1"/>
  <c r="V46682" i="1"/>
  <c r="V46683" i="1"/>
  <c r="V46684" i="1"/>
  <c r="V46685" i="1"/>
  <c r="V46686" i="1"/>
  <c r="V46687" i="1"/>
  <c r="V46688" i="1"/>
  <c r="V46689" i="1"/>
  <c r="V46690" i="1"/>
  <c r="V46691" i="1"/>
  <c r="V46692" i="1"/>
  <c r="V46693" i="1"/>
  <c r="V46694" i="1"/>
  <c r="V46695" i="1"/>
  <c r="V46696" i="1"/>
  <c r="V46697" i="1"/>
  <c r="V46698" i="1"/>
  <c r="V46699" i="1"/>
  <c r="V46700" i="1"/>
  <c r="V46701" i="1"/>
  <c r="V46702" i="1"/>
  <c r="V46703" i="1"/>
  <c r="V46704" i="1"/>
  <c r="V46705" i="1"/>
  <c r="V46706" i="1"/>
  <c r="V46707" i="1"/>
  <c r="V46708" i="1"/>
  <c r="V46709" i="1"/>
  <c r="V46710" i="1"/>
  <c r="V46711" i="1"/>
  <c r="V46712" i="1"/>
  <c r="V46713" i="1"/>
  <c r="V46714" i="1"/>
  <c r="V46715" i="1"/>
  <c r="V46716" i="1"/>
  <c r="V46717" i="1"/>
  <c r="V46718" i="1"/>
  <c r="V46719" i="1"/>
  <c r="V46720" i="1"/>
  <c r="V46721" i="1"/>
  <c r="V46722" i="1"/>
  <c r="V46723" i="1"/>
  <c r="V46724" i="1"/>
  <c r="V46725" i="1"/>
  <c r="V46726" i="1"/>
  <c r="V46727" i="1"/>
  <c r="V46728" i="1"/>
  <c r="V46729" i="1"/>
  <c r="V46730" i="1"/>
  <c r="V46731" i="1"/>
  <c r="V46732" i="1"/>
  <c r="V46733" i="1"/>
  <c r="V46734" i="1"/>
  <c r="V46735" i="1"/>
  <c r="V46736" i="1"/>
  <c r="V46737" i="1"/>
  <c r="V46738" i="1"/>
  <c r="V46739" i="1"/>
  <c r="V46740" i="1"/>
  <c r="V46741" i="1"/>
  <c r="V46742" i="1"/>
  <c r="V46743" i="1"/>
  <c r="V46744" i="1"/>
  <c r="V46745" i="1"/>
  <c r="V46746" i="1"/>
  <c r="V46747" i="1"/>
  <c r="V46748" i="1"/>
  <c r="V46749" i="1"/>
  <c r="V46750" i="1"/>
  <c r="V46751" i="1"/>
  <c r="V46752" i="1"/>
  <c r="V46753" i="1"/>
  <c r="V46754" i="1"/>
  <c r="V46755" i="1"/>
  <c r="V46756" i="1"/>
  <c r="V46757" i="1"/>
  <c r="V46758" i="1"/>
  <c r="V46759" i="1"/>
  <c r="V46760" i="1"/>
  <c r="V46761" i="1"/>
  <c r="V46762" i="1"/>
  <c r="V46763" i="1"/>
  <c r="V46764" i="1"/>
  <c r="V46765" i="1"/>
  <c r="V46766" i="1"/>
  <c r="V46767" i="1"/>
  <c r="V46768" i="1"/>
  <c r="V46769" i="1"/>
  <c r="V46770" i="1"/>
  <c r="V46771" i="1"/>
  <c r="V46772" i="1"/>
  <c r="V46773" i="1"/>
  <c r="V46774" i="1"/>
  <c r="V46775" i="1"/>
  <c r="V46776" i="1"/>
  <c r="V46777" i="1"/>
  <c r="V46778" i="1"/>
  <c r="V46779" i="1"/>
  <c r="V46780" i="1"/>
  <c r="V46781" i="1"/>
  <c r="V46782" i="1"/>
  <c r="V46783" i="1"/>
  <c r="V46784" i="1"/>
  <c r="V46785" i="1"/>
  <c r="V46786" i="1"/>
  <c r="V46787" i="1"/>
  <c r="V46788" i="1"/>
  <c r="V46789" i="1"/>
  <c r="V46790" i="1"/>
  <c r="V46791" i="1"/>
  <c r="V46792" i="1"/>
  <c r="V46793" i="1"/>
  <c r="V46794" i="1"/>
  <c r="V46795" i="1"/>
  <c r="V46796" i="1"/>
  <c r="V46797" i="1"/>
  <c r="V46798" i="1"/>
  <c r="V46799" i="1"/>
  <c r="V46800" i="1"/>
  <c r="V46801" i="1"/>
  <c r="V46802" i="1"/>
  <c r="V46803" i="1"/>
  <c r="V46804" i="1"/>
  <c r="V46805" i="1"/>
  <c r="V46806" i="1"/>
  <c r="V46807" i="1"/>
  <c r="V46808" i="1"/>
  <c r="V46809" i="1"/>
  <c r="V46810" i="1"/>
  <c r="V46811" i="1"/>
  <c r="V46812" i="1"/>
  <c r="V46813" i="1"/>
  <c r="V46814" i="1"/>
  <c r="V46815" i="1"/>
  <c r="V46816" i="1"/>
  <c r="V46817" i="1"/>
  <c r="V46818" i="1"/>
  <c r="V46819" i="1"/>
  <c r="V46820" i="1"/>
  <c r="V46821" i="1"/>
  <c r="V46822" i="1"/>
  <c r="V46823" i="1"/>
  <c r="V46824" i="1"/>
  <c r="V46825" i="1"/>
  <c r="V46826" i="1"/>
  <c r="V46827" i="1"/>
  <c r="V46828" i="1"/>
  <c r="V46829" i="1"/>
  <c r="V46830" i="1"/>
  <c r="V46831" i="1"/>
  <c r="V46832" i="1"/>
  <c r="V46833" i="1"/>
  <c r="V46834" i="1"/>
  <c r="V46835" i="1"/>
  <c r="V46836" i="1"/>
  <c r="V46837" i="1"/>
  <c r="V46838" i="1"/>
  <c r="V46839" i="1"/>
  <c r="V46840" i="1"/>
  <c r="V46841" i="1"/>
  <c r="V46842" i="1"/>
  <c r="V46843" i="1"/>
  <c r="V46844" i="1"/>
  <c r="V46845" i="1"/>
  <c r="V46846" i="1"/>
  <c r="V46847" i="1"/>
  <c r="V46848" i="1"/>
  <c r="V46849" i="1"/>
  <c r="V46850" i="1"/>
  <c r="V46851" i="1"/>
  <c r="V46852" i="1"/>
  <c r="V46853" i="1"/>
  <c r="V46854" i="1"/>
  <c r="V46855" i="1"/>
  <c r="V46856" i="1"/>
  <c r="V46857" i="1"/>
  <c r="V46858" i="1"/>
  <c r="V46859" i="1"/>
  <c r="V46860" i="1"/>
  <c r="V46861" i="1"/>
  <c r="V46862" i="1"/>
  <c r="V46863" i="1"/>
  <c r="V46864" i="1"/>
  <c r="V46865" i="1"/>
  <c r="V46866" i="1"/>
  <c r="V46867" i="1"/>
  <c r="V46868" i="1"/>
  <c r="V46869" i="1"/>
  <c r="V46870" i="1"/>
  <c r="V46871" i="1"/>
  <c r="V46872" i="1"/>
  <c r="V46873" i="1"/>
  <c r="V46874" i="1"/>
  <c r="V46875" i="1"/>
  <c r="V46876" i="1"/>
  <c r="V46877" i="1"/>
  <c r="V46878" i="1"/>
  <c r="V46879" i="1"/>
  <c r="V46880" i="1"/>
  <c r="V46881" i="1"/>
  <c r="V46882" i="1"/>
  <c r="V46883" i="1"/>
  <c r="V46884" i="1"/>
  <c r="V46885" i="1"/>
  <c r="V46886" i="1"/>
  <c r="V46887" i="1"/>
  <c r="V46888" i="1"/>
  <c r="V46889" i="1"/>
  <c r="V46890" i="1"/>
  <c r="V46891" i="1"/>
  <c r="V46892" i="1"/>
  <c r="V46893" i="1"/>
  <c r="V46894" i="1"/>
  <c r="V46895" i="1"/>
  <c r="V46896" i="1"/>
  <c r="V46897" i="1"/>
  <c r="V46898" i="1"/>
  <c r="V46899" i="1"/>
  <c r="V46900" i="1"/>
  <c r="V46901" i="1"/>
  <c r="V46902" i="1"/>
  <c r="V46903" i="1"/>
  <c r="V46904" i="1"/>
  <c r="V46905" i="1"/>
  <c r="V46906" i="1"/>
  <c r="V46907" i="1"/>
  <c r="V46908" i="1"/>
  <c r="V46909" i="1"/>
  <c r="V46910" i="1"/>
  <c r="V46911" i="1"/>
  <c r="V46912" i="1"/>
  <c r="V46913" i="1"/>
  <c r="V46914" i="1"/>
  <c r="V46915" i="1"/>
  <c r="V46916" i="1"/>
  <c r="V46917" i="1"/>
  <c r="V46918" i="1"/>
  <c r="V46919" i="1"/>
  <c r="V46920" i="1"/>
  <c r="V46921" i="1"/>
  <c r="V46922" i="1"/>
  <c r="V46923" i="1"/>
  <c r="V46924" i="1"/>
  <c r="V46925" i="1"/>
  <c r="V46926" i="1"/>
  <c r="V46927" i="1"/>
  <c r="V46928" i="1"/>
  <c r="V46929" i="1"/>
  <c r="V46930" i="1"/>
  <c r="V46931" i="1"/>
  <c r="V46932" i="1"/>
  <c r="V46933" i="1"/>
  <c r="V46934" i="1"/>
  <c r="V46935" i="1"/>
  <c r="V46936" i="1"/>
  <c r="V46937" i="1"/>
  <c r="V46938" i="1"/>
  <c r="V46939" i="1"/>
  <c r="V46940" i="1"/>
  <c r="V46941" i="1"/>
  <c r="V46942" i="1"/>
  <c r="V46943" i="1"/>
  <c r="V46944" i="1"/>
  <c r="V46945" i="1"/>
  <c r="V46946" i="1"/>
  <c r="V46947" i="1"/>
  <c r="V46948" i="1"/>
  <c r="V46949" i="1"/>
  <c r="V46950" i="1"/>
  <c r="V46951" i="1"/>
  <c r="V46952" i="1"/>
  <c r="V46953" i="1"/>
  <c r="V46954" i="1"/>
  <c r="V46955" i="1"/>
  <c r="V46956" i="1"/>
  <c r="V46957" i="1"/>
  <c r="V46958" i="1"/>
  <c r="V46959" i="1"/>
  <c r="V46960" i="1"/>
  <c r="V46961" i="1"/>
  <c r="V46962" i="1"/>
  <c r="V46963" i="1"/>
  <c r="V46964" i="1"/>
  <c r="V46965" i="1"/>
  <c r="V46966" i="1"/>
  <c r="V46967" i="1"/>
  <c r="V46968" i="1"/>
  <c r="V46969" i="1"/>
  <c r="V46970" i="1"/>
  <c r="V46971" i="1"/>
  <c r="V46972" i="1"/>
  <c r="V46973" i="1"/>
  <c r="V46974" i="1"/>
  <c r="V46975" i="1"/>
  <c r="V46976" i="1"/>
  <c r="V46977" i="1"/>
  <c r="V46978" i="1"/>
  <c r="V46979" i="1"/>
  <c r="V46980" i="1"/>
  <c r="V46981" i="1"/>
  <c r="V46982" i="1"/>
  <c r="V46983" i="1"/>
  <c r="V46984" i="1"/>
  <c r="V46985" i="1"/>
  <c r="V46986" i="1"/>
  <c r="V46987" i="1"/>
  <c r="V46988" i="1"/>
  <c r="V46989" i="1"/>
  <c r="V46990" i="1"/>
  <c r="V46991" i="1"/>
  <c r="V46992" i="1"/>
  <c r="V46993" i="1"/>
  <c r="V46994" i="1"/>
  <c r="V46995" i="1"/>
  <c r="V46996" i="1"/>
  <c r="V46997" i="1"/>
  <c r="V46998" i="1"/>
  <c r="V46999" i="1"/>
  <c r="V47000" i="1"/>
  <c r="V47001" i="1"/>
  <c r="V47002" i="1"/>
  <c r="V47003" i="1"/>
  <c r="V47004" i="1"/>
  <c r="V47005" i="1"/>
  <c r="V47006" i="1"/>
  <c r="V47007" i="1"/>
  <c r="V47008" i="1"/>
  <c r="V47009" i="1"/>
  <c r="V47010" i="1"/>
  <c r="V47011" i="1"/>
  <c r="V47012" i="1"/>
  <c r="V47013" i="1"/>
  <c r="V47014" i="1"/>
  <c r="V47015" i="1"/>
  <c r="V47016" i="1"/>
  <c r="V47017" i="1"/>
  <c r="V47018" i="1"/>
  <c r="V47019" i="1"/>
  <c r="V47020" i="1"/>
  <c r="V47021" i="1"/>
  <c r="V47022" i="1"/>
  <c r="V47023" i="1"/>
  <c r="V47024" i="1"/>
  <c r="V47025" i="1"/>
  <c r="V47026" i="1"/>
  <c r="V47027" i="1"/>
  <c r="V47028" i="1"/>
  <c r="V47029" i="1"/>
  <c r="V47030" i="1"/>
  <c r="V47031" i="1"/>
  <c r="V47032" i="1"/>
  <c r="V47033" i="1"/>
  <c r="V47034" i="1"/>
  <c r="V47035" i="1"/>
  <c r="V47036" i="1"/>
  <c r="V47037" i="1"/>
  <c r="V47038" i="1"/>
  <c r="V47039" i="1"/>
  <c r="V47040" i="1"/>
  <c r="V47041" i="1"/>
  <c r="V47042" i="1"/>
  <c r="V47043" i="1"/>
  <c r="V47044" i="1"/>
  <c r="V47045" i="1"/>
  <c r="V47046" i="1"/>
  <c r="V47047" i="1"/>
  <c r="V47048" i="1"/>
  <c r="V47049" i="1"/>
  <c r="V47050" i="1"/>
  <c r="V47051" i="1"/>
  <c r="V47052" i="1"/>
  <c r="V47053" i="1"/>
  <c r="V47054" i="1"/>
  <c r="V47055" i="1"/>
  <c r="V47056" i="1"/>
  <c r="V47057" i="1"/>
  <c r="V47058" i="1"/>
  <c r="V47059" i="1"/>
  <c r="V47060" i="1"/>
  <c r="V47061" i="1"/>
  <c r="V47062" i="1"/>
  <c r="V47063" i="1"/>
  <c r="V47064" i="1"/>
  <c r="V47065" i="1"/>
  <c r="V47066" i="1"/>
  <c r="V47067" i="1"/>
  <c r="V47068" i="1"/>
  <c r="V47069" i="1"/>
  <c r="V47070" i="1"/>
  <c r="V47071" i="1"/>
  <c r="V47072" i="1"/>
  <c r="V47073" i="1"/>
  <c r="V47074" i="1"/>
  <c r="V47075" i="1"/>
  <c r="V47076" i="1"/>
  <c r="V47077" i="1"/>
  <c r="V47078" i="1"/>
  <c r="V47079" i="1"/>
  <c r="V47080" i="1"/>
  <c r="V47081" i="1"/>
  <c r="V47082" i="1"/>
  <c r="V47083" i="1"/>
  <c r="V47084" i="1"/>
  <c r="V47085" i="1"/>
  <c r="V47086" i="1"/>
  <c r="V47087" i="1"/>
  <c r="V47088" i="1"/>
  <c r="V47089" i="1"/>
  <c r="V47090" i="1"/>
  <c r="V47091" i="1"/>
  <c r="V47092" i="1"/>
  <c r="V47093" i="1"/>
  <c r="V47094" i="1"/>
  <c r="V47095" i="1"/>
  <c r="V47096" i="1"/>
  <c r="V47097" i="1"/>
  <c r="V47098" i="1"/>
  <c r="V47099" i="1"/>
  <c r="V47100" i="1"/>
  <c r="V47101" i="1"/>
  <c r="V47102" i="1"/>
  <c r="V47103" i="1"/>
  <c r="V47104" i="1"/>
  <c r="V47105" i="1"/>
  <c r="V47106" i="1"/>
  <c r="V47107" i="1"/>
  <c r="V47108" i="1"/>
  <c r="V47109" i="1"/>
  <c r="V47110" i="1"/>
  <c r="V47111" i="1"/>
  <c r="V47112" i="1"/>
  <c r="V47113" i="1"/>
  <c r="V47114" i="1"/>
  <c r="V47115" i="1"/>
  <c r="V47116" i="1"/>
  <c r="V47117" i="1"/>
  <c r="V47118" i="1"/>
  <c r="V47119" i="1"/>
  <c r="V47120" i="1"/>
  <c r="V47121" i="1"/>
  <c r="V47122" i="1"/>
  <c r="V47123" i="1"/>
  <c r="V47124" i="1"/>
  <c r="V47125" i="1"/>
  <c r="V47126" i="1"/>
  <c r="V47127" i="1"/>
  <c r="V47128" i="1"/>
  <c r="V47129" i="1"/>
  <c r="V47130" i="1"/>
  <c r="V47131" i="1"/>
  <c r="V47132" i="1"/>
  <c r="V47133" i="1"/>
  <c r="V47134" i="1"/>
  <c r="V47135" i="1"/>
  <c r="V47136" i="1"/>
  <c r="V47137" i="1"/>
  <c r="V47138" i="1"/>
  <c r="V47139" i="1"/>
  <c r="V47140" i="1"/>
  <c r="V47141" i="1"/>
  <c r="V47142" i="1"/>
  <c r="V47143" i="1"/>
  <c r="V47144" i="1"/>
  <c r="V47145" i="1"/>
  <c r="V47146" i="1"/>
  <c r="V47147" i="1"/>
  <c r="V47148" i="1"/>
  <c r="V47149" i="1"/>
  <c r="V47150" i="1"/>
  <c r="V47151" i="1"/>
  <c r="V47152" i="1"/>
  <c r="V47153" i="1"/>
  <c r="V47154" i="1"/>
  <c r="V47155" i="1"/>
  <c r="V47156" i="1"/>
  <c r="V47157" i="1"/>
  <c r="V47158" i="1"/>
  <c r="V47159" i="1"/>
  <c r="V47160" i="1"/>
  <c r="V47161" i="1"/>
  <c r="V47162" i="1"/>
  <c r="V47163" i="1"/>
  <c r="V47164" i="1"/>
  <c r="V47165" i="1"/>
  <c r="V47166" i="1"/>
  <c r="V47167" i="1"/>
  <c r="V47168" i="1"/>
  <c r="V47169" i="1"/>
  <c r="V47170" i="1"/>
  <c r="V47171" i="1"/>
  <c r="V47172" i="1"/>
  <c r="V47173" i="1"/>
  <c r="V47174" i="1"/>
  <c r="V47175" i="1"/>
  <c r="V47176" i="1"/>
  <c r="V47177" i="1"/>
  <c r="V47178" i="1"/>
  <c r="V47179" i="1"/>
  <c r="V47180" i="1"/>
  <c r="V47181" i="1"/>
  <c r="V47182" i="1"/>
  <c r="V47183" i="1"/>
  <c r="V47184" i="1"/>
  <c r="V47185" i="1"/>
  <c r="V47186" i="1"/>
  <c r="V47187" i="1"/>
  <c r="V47188" i="1"/>
  <c r="V47189" i="1"/>
  <c r="V47190" i="1"/>
  <c r="V47191" i="1"/>
  <c r="V47192" i="1"/>
  <c r="V47193" i="1"/>
  <c r="V47194" i="1"/>
  <c r="V47195" i="1"/>
  <c r="V47196" i="1"/>
  <c r="V47197" i="1"/>
  <c r="V47198" i="1"/>
  <c r="V47199" i="1"/>
  <c r="V47200" i="1"/>
  <c r="V47201" i="1"/>
  <c r="V47202" i="1"/>
  <c r="V47203" i="1"/>
  <c r="V47204" i="1"/>
  <c r="V47205" i="1"/>
  <c r="V47206" i="1"/>
  <c r="V47207" i="1"/>
  <c r="V47208" i="1"/>
  <c r="V47209" i="1"/>
  <c r="V47210" i="1"/>
  <c r="V47211" i="1"/>
  <c r="V47212" i="1"/>
  <c r="V47213" i="1"/>
  <c r="V47214" i="1"/>
  <c r="V47215" i="1"/>
  <c r="V47216" i="1"/>
  <c r="V47217" i="1"/>
  <c r="V47218" i="1"/>
  <c r="V47219" i="1"/>
  <c r="V47220" i="1"/>
  <c r="V47221" i="1"/>
  <c r="V47222" i="1"/>
  <c r="V47223" i="1"/>
  <c r="V47224" i="1"/>
  <c r="V47225" i="1"/>
  <c r="V47226" i="1"/>
  <c r="V47227" i="1"/>
  <c r="V47228" i="1"/>
  <c r="V47229" i="1"/>
  <c r="V47230" i="1"/>
  <c r="V47231" i="1"/>
  <c r="V47232" i="1"/>
  <c r="V47233" i="1"/>
  <c r="V47234" i="1"/>
  <c r="V47235" i="1"/>
  <c r="V47236" i="1"/>
  <c r="V47237" i="1"/>
  <c r="V47238" i="1"/>
  <c r="V47239" i="1"/>
  <c r="V47240" i="1"/>
  <c r="V47241" i="1"/>
  <c r="V47242" i="1"/>
  <c r="V47243" i="1"/>
  <c r="V47244" i="1"/>
  <c r="V47245" i="1"/>
  <c r="V47246" i="1"/>
  <c r="V47247" i="1"/>
  <c r="V47248" i="1"/>
  <c r="V47249" i="1"/>
  <c r="V47250" i="1"/>
  <c r="V47251" i="1"/>
  <c r="V47252" i="1"/>
  <c r="V47253" i="1"/>
  <c r="V47254" i="1"/>
  <c r="V47255" i="1"/>
  <c r="V47256" i="1"/>
  <c r="V47257" i="1"/>
  <c r="V47258" i="1"/>
  <c r="V47259" i="1"/>
  <c r="V47260" i="1"/>
  <c r="V47261" i="1"/>
  <c r="V47262" i="1"/>
  <c r="V47263" i="1"/>
  <c r="V47264" i="1"/>
  <c r="V47265" i="1"/>
  <c r="V47266" i="1"/>
  <c r="V47267" i="1"/>
  <c r="V47268" i="1"/>
  <c r="V47269" i="1"/>
  <c r="V47270" i="1"/>
  <c r="V47271" i="1"/>
  <c r="V47272" i="1"/>
  <c r="V47273" i="1"/>
  <c r="V47274" i="1"/>
  <c r="V47275" i="1"/>
  <c r="V47276" i="1"/>
  <c r="V47277" i="1"/>
  <c r="V47278" i="1"/>
  <c r="V47279" i="1"/>
  <c r="V47280" i="1"/>
  <c r="V47281" i="1"/>
  <c r="V47282" i="1"/>
  <c r="V47283" i="1"/>
  <c r="V47284" i="1"/>
  <c r="V47285" i="1"/>
  <c r="V47286" i="1"/>
  <c r="V47287" i="1"/>
  <c r="V47288" i="1"/>
  <c r="V47289" i="1"/>
  <c r="V47290" i="1"/>
  <c r="V47291" i="1"/>
  <c r="V47292" i="1"/>
  <c r="V47293" i="1"/>
  <c r="V47294" i="1"/>
  <c r="V47295" i="1"/>
  <c r="V47296" i="1"/>
  <c r="V47297" i="1"/>
  <c r="V47298" i="1"/>
  <c r="V47299" i="1"/>
  <c r="V47300" i="1"/>
  <c r="V47301" i="1"/>
  <c r="V47302" i="1"/>
  <c r="V47303" i="1"/>
  <c r="V47304" i="1"/>
  <c r="V47305" i="1"/>
  <c r="V47306" i="1"/>
  <c r="V47307" i="1"/>
  <c r="V47308" i="1"/>
  <c r="V47309" i="1"/>
  <c r="V47310" i="1"/>
  <c r="V47311" i="1"/>
  <c r="V47312" i="1"/>
  <c r="V47313" i="1"/>
  <c r="V47314" i="1"/>
  <c r="V47315" i="1"/>
  <c r="V47316" i="1"/>
  <c r="V47317" i="1"/>
  <c r="V47318" i="1"/>
  <c r="V47319" i="1"/>
  <c r="V47320" i="1"/>
  <c r="V47321" i="1"/>
  <c r="V47322" i="1"/>
  <c r="V47323" i="1"/>
  <c r="V47324" i="1"/>
  <c r="V47325" i="1"/>
  <c r="V47326" i="1"/>
  <c r="V47327" i="1"/>
  <c r="V47328" i="1"/>
  <c r="V47329" i="1"/>
  <c r="V47330" i="1"/>
  <c r="V47331" i="1"/>
  <c r="V47332" i="1"/>
  <c r="V47333" i="1"/>
  <c r="V47334" i="1"/>
  <c r="V47335" i="1"/>
  <c r="V47336" i="1"/>
  <c r="V47337" i="1"/>
  <c r="V47338" i="1"/>
  <c r="V47339" i="1"/>
  <c r="V47340" i="1"/>
  <c r="V47341" i="1"/>
  <c r="V47342" i="1"/>
  <c r="V47343" i="1"/>
  <c r="V47344" i="1"/>
  <c r="V47345" i="1"/>
  <c r="V47346" i="1"/>
  <c r="V47347" i="1"/>
  <c r="V47348" i="1"/>
  <c r="V47349" i="1"/>
  <c r="V47350" i="1"/>
  <c r="V47351" i="1"/>
  <c r="V47352" i="1"/>
  <c r="V47353" i="1"/>
  <c r="V47354" i="1"/>
  <c r="V47355" i="1"/>
  <c r="V47356" i="1"/>
  <c r="V47357" i="1"/>
  <c r="V47358" i="1"/>
  <c r="V47359" i="1"/>
  <c r="V47360" i="1"/>
  <c r="V47361" i="1"/>
  <c r="V47362" i="1"/>
  <c r="V47363" i="1"/>
  <c r="V47364" i="1"/>
  <c r="V47365" i="1"/>
  <c r="V47366" i="1"/>
  <c r="V47367" i="1"/>
  <c r="V47368" i="1"/>
  <c r="V47369" i="1"/>
  <c r="V47370" i="1"/>
  <c r="V47371" i="1"/>
  <c r="V47372" i="1"/>
  <c r="V47373" i="1"/>
  <c r="V47374" i="1"/>
  <c r="V47375" i="1"/>
  <c r="V47376" i="1"/>
  <c r="V47377" i="1"/>
  <c r="V47378" i="1"/>
  <c r="V47379" i="1"/>
  <c r="V47380" i="1"/>
  <c r="V47381" i="1"/>
  <c r="V47382" i="1"/>
  <c r="V47383" i="1"/>
  <c r="V47384" i="1"/>
  <c r="V47385" i="1"/>
  <c r="V47386" i="1"/>
  <c r="V47387" i="1"/>
  <c r="V47388" i="1"/>
  <c r="V47389" i="1"/>
  <c r="V47390" i="1"/>
  <c r="V47391" i="1"/>
  <c r="V47392" i="1"/>
  <c r="V47393" i="1"/>
  <c r="V47394" i="1"/>
  <c r="V47395" i="1"/>
  <c r="V47396" i="1"/>
  <c r="V47397" i="1"/>
  <c r="V47398" i="1"/>
  <c r="V47399" i="1"/>
  <c r="V47400" i="1"/>
  <c r="V47401" i="1"/>
  <c r="V47402" i="1"/>
  <c r="V47403" i="1"/>
  <c r="V47404" i="1"/>
  <c r="V47405" i="1"/>
  <c r="V47406" i="1"/>
  <c r="V47407" i="1"/>
  <c r="V47408" i="1"/>
  <c r="V47409" i="1"/>
  <c r="V47410" i="1"/>
  <c r="V47411" i="1"/>
  <c r="V47412" i="1"/>
  <c r="V47413" i="1"/>
  <c r="V47414" i="1"/>
  <c r="V47415" i="1"/>
  <c r="V47416" i="1"/>
  <c r="V47417" i="1"/>
  <c r="V47418" i="1"/>
  <c r="V47419" i="1"/>
  <c r="V47420" i="1"/>
  <c r="V47421" i="1"/>
  <c r="V47422" i="1"/>
  <c r="V47423" i="1"/>
  <c r="V47424" i="1"/>
  <c r="V47425" i="1"/>
  <c r="V47426" i="1"/>
  <c r="V47427" i="1"/>
  <c r="V47428" i="1"/>
  <c r="V47429" i="1"/>
  <c r="V47430" i="1"/>
  <c r="V47431" i="1"/>
  <c r="V47432" i="1"/>
  <c r="V47433" i="1"/>
  <c r="V47434" i="1"/>
  <c r="V47435" i="1"/>
  <c r="V47436" i="1"/>
  <c r="V47437" i="1"/>
  <c r="V47438" i="1"/>
  <c r="V47439" i="1"/>
  <c r="V47440" i="1"/>
  <c r="V47441" i="1"/>
  <c r="V47442" i="1"/>
  <c r="V47443" i="1"/>
  <c r="V47444" i="1"/>
  <c r="V47445" i="1"/>
  <c r="V47446" i="1"/>
  <c r="V47447" i="1"/>
  <c r="V47448" i="1"/>
  <c r="V47449" i="1"/>
  <c r="V47450" i="1"/>
  <c r="V47451" i="1"/>
  <c r="V47452" i="1"/>
  <c r="V47453" i="1"/>
  <c r="V47454" i="1"/>
  <c r="V47455" i="1"/>
  <c r="V47456" i="1"/>
  <c r="V47457" i="1"/>
  <c r="V47458" i="1"/>
  <c r="V47459" i="1"/>
  <c r="V47460" i="1"/>
  <c r="V47461" i="1"/>
  <c r="V47462" i="1"/>
  <c r="V47463" i="1"/>
  <c r="V47464" i="1"/>
  <c r="V47465" i="1"/>
  <c r="V47466" i="1"/>
  <c r="V47467" i="1"/>
  <c r="V47468" i="1"/>
  <c r="V47469" i="1"/>
  <c r="V47470" i="1"/>
  <c r="V47471" i="1"/>
  <c r="V47472" i="1"/>
  <c r="V47473" i="1"/>
  <c r="V47474" i="1"/>
  <c r="V47475" i="1"/>
  <c r="V47476" i="1"/>
  <c r="V47477" i="1"/>
  <c r="V47478" i="1"/>
  <c r="V47479" i="1"/>
  <c r="V47480" i="1"/>
  <c r="V47481" i="1"/>
  <c r="V47482" i="1"/>
  <c r="V47483" i="1"/>
  <c r="V47484" i="1"/>
  <c r="V47485" i="1"/>
  <c r="V47486" i="1"/>
  <c r="V47487" i="1"/>
  <c r="V47488" i="1"/>
  <c r="V47489" i="1"/>
  <c r="V47490" i="1"/>
  <c r="V47491" i="1"/>
  <c r="V47492" i="1"/>
  <c r="V47493" i="1"/>
  <c r="V47494" i="1"/>
  <c r="V47495" i="1"/>
  <c r="V47496" i="1"/>
  <c r="V47497" i="1"/>
  <c r="V47498" i="1"/>
  <c r="V47499" i="1"/>
  <c r="V47500" i="1"/>
  <c r="V47501" i="1"/>
  <c r="V47502" i="1"/>
  <c r="V47503" i="1"/>
  <c r="V47504" i="1"/>
  <c r="V47505" i="1"/>
  <c r="V47506" i="1"/>
  <c r="V47507" i="1"/>
  <c r="V47508" i="1"/>
  <c r="V47509" i="1"/>
  <c r="V47510" i="1"/>
  <c r="V47511" i="1"/>
  <c r="V47512" i="1"/>
  <c r="V47513" i="1"/>
  <c r="V47514" i="1"/>
  <c r="V47515" i="1"/>
  <c r="V47516" i="1"/>
  <c r="V47517" i="1"/>
  <c r="V47518" i="1"/>
  <c r="V47519" i="1"/>
  <c r="V47520" i="1"/>
  <c r="V47521" i="1"/>
  <c r="V47522" i="1"/>
  <c r="V47523" i="1"/>
  <c r="V47524" i="1"/>
  <c r="V47525" i="1"/>
  <c r="V47526" i="1"/>
  <c r="V47527" i="1"/>
  <c r="V47528" i="1"/>
  <c r="V47529" i="1"/>
  <c r="V47530" i="1"/>
  <c r="V47531" i="1"/>
  <c r="V47532" i="1"/>
  <c r="V47533" i="1"/>
  <c r="V47534" i="1"/>
  <c r="V47535" i="1"/>
  <c r="V47536" i="1"/>
  <c r="V47537" i="1"/>
  <c r="V47538" i="1"/>
  <c r="V47539" i="1"/>
  <c r="V47540" i="1"/>
  <c r="V47541" i="1"/>
  <c r="V47542" i="1"/>
  <c r="V47543" i="1"/>
  <c r="V47544" i="1"/>
  <c r="V47545" i="1"/>
  <c r="V47546" i="1"/>
  <c r="V47547" i="1"/>
  <c r="V47548" i="1"/>
  <c r="V47549" i="1"/>
  <c r="V47550" i="1"/>
  <c r="V47551" i="1"/>
  <c r="V47552" i="1"/>
  <c r="V47553" i="1"/>
  <c r="V47554" i="1"/>
  <c r="V47555" i="1"/>
  <c r="V47556" i="1"/>
  <c r="V47557" i="1"/>
  <c r="V47558" i="1"/>
  <c r="V47559" i="1"/>
  <c r="V47560" i="1"/>
  <c r="V47561" i="1"/>
  <c r="V47562" i="1"/>
  <c r="V47563" i="1"/>
  <c r="V47564" i="1"/>
  <c r="V47565" i="1"/>
  <c r="V47566" i="1"/>
  <c r="V47567" i="1"/>
  <c r="V47568" i="1"/>
  <c r="V47569" i="1"/>
  <c r="V47570" i="1"/>
  <c r="V47571" i="1"/>
  <c r="V47572" i="1"/>
  <c r="V47573" i="1"/>
  <c r="V47574" i="1"/>
  <c r="V47575" i="1"/>
  <c r="V47576" i="1"/>
  <c r="V47577" i="1"/>
  <c r="V47578" i="1"/>
  <c r="V47579" i="1"/>
  <c r="V47580" i="1"/>
  <c r="V47581" i="1"/>
  <c r="V47582" i="1"/>
  <c r="V47583" i="1"/>
  <c r="V47584" i="1"/>
  <c r="V47585" i="1"/>
  <c r="V47586" i="1"/>
  <c r="V47587" i="1"/>
  <c r="V47588" i="1"/>
  <c r="V47589" i="1"/>
  <c r="V47590" i="1"/>
  <c r="V47591" i="1"/>
  <c r="V47592" i="1"/>
  <c r="V47593" i="1"/>
  <c r="V47594" i="1"/>
  <c r="V47595" i="1"/>
  <c r="V47596" i="1"/>
  <c r="V47597" i="1"/>
  <c r="V47598" i="1"/>
  <c r="V47599" i="1"/>
  <c r="V47600" i="1"/>
  <c r="V47601" i="1"/>
  <c r="V47602" i="1"/>
  <c r="V47603" i="1"/>
  <c r="V47604" i="1"/>
  <c r="V47605" i="1"/>
  <c r="V47606" i="1"/>
  <c r="V47607" i="1"/>
  <c r="V47608" i="1"/>
  <c r="V47609" i="1"/>
  <c r="V47610" i="1"/>
  <c r="V47611" i="1"/>
  <c r="V47612" i="1"/>
  <c r="V47613" i="1"/>
  <c r="V47614" i="1"/>
  <c r="V47615" i="1"/>
  <c r="V47616" i="1"/>
  <c r="V47617" i="1"/>
  <c r="V47618" i="1"/>
  <c r="V47619" i="1"/>
  <c r="V47620" i="1"/>
  <c r="V47621" i="1"/>
  <c r="V47622" i="1"/>
  <c r="V47623" i="1"/>
  <c r="V47624" i="1"/>
  <c r="V47625" i="1"/>
  <c r="V47626" i="1"/>
  <c r="V47627" i="1"/>
  <c r="V47628" i="1"/>
  <c r="V47629" i="1"/>
  <c r="V47630" i="1"/>
  <c r="V47631" i="1"/>
  <c r="V47632" i="1"/>
  <c r="V47633" i="1"/>
  <c r="V47634" i="1"/>
  <c r="V47635" i="1"/>
  <c r="V47636" i="1"/>
  <c r="V47637" i="1"/>
  <c r="V47638" i="1"/>
  <c r="V47639" i="1"/>
  <c r="V47640" i="1"/>
  <c r="V47641" i="1"/>
  <c r="V47642" i="1"/>
  <c r="V47643" i="1"/>
  <c r="V47644" i="1"/>
  <c r="V47645" i="1"/>
  <c r="V47646" i="1"/>
  <c r="V47647" i="1"/>
  <c r="V47648" i="1"/>
  <c r="V47649" i="1"/>
  <c r="V47650" i="1"/>
  <c r="V47651" i="1"/>
  <c r="V47652" i="1"/>
  <c r="V47653" i="1"/>
  <c r="V47654" i="1"/>
  <c r="V47655" i="1"/>
  <c r="V47656" i="1"/>
  <c r="V47657" i="1"/>
  <c r="V47658" i="1"/>
  <c r="V47659" i="1"/>
  <c r="V47660" i="1"/>
  <c r="V47661" i="1"/>
  <c r="V47662" i="1"/>
  <c r="V47663" i="1"/>
  <c r="V47664" i="1"/>
  <c r="V47665" i="1"/>
  <c r="V47666" i="1"/>
  <c r="V47667" i="1"/>
  <c r="V47668" i="1"/>
  <c r="V47669" i="1"/>
  <c r="V47670" i="1"/>
  <c r="V47671" i="1"/>
  <c r="V47672" i="1"/>
  <c r="V47673" i="1"/>
  <c r="V47674" i="1"/>
  <c r="V47675" i="1"/>
  <c r="V47676" i="1"/>
  <c r="V47677" i="1"/>
  <c r="V47678" i="1"/>
  <c r="V47679" i="1"/>
  <c r="V47680" i="1"/>
  <c r="V47681" i="1"/>
  <c r="V47682" i="1"/>
  <c r="V47683" i="1"/>
  <c r="V47684" i="1"/>
  <c r="V47685" i="1"/>
  <c r="V47686" i="1"/>
  <c r="V47687" i="1"/>
  <c r="V47688" i="1"/>
  <c r="V47689" i="1"/>
  <c r="V47690" i="1"/>
  <c r="V47691" i="1"/>
  <c r="V47692" i="1"/>
  <c r="V47693" i="1"/>
  <c r="V47694" i="1"/>
  <c r="V47695" i="1"/>
  <c r="V47696" i="1"/>
  <c r="V47697" i="1"/>
  <c r="V47698" i="1"/>
  <c r="V47699" i="1"/>
  <c r="V47700" i="1"/>
  <c r="V47701" i="1"/>
  <c r="V47702" i="1"/>
  <c r="V47703" i="1"/>
  <c r="V47704" i="1"/>
  <c r="V47705" i="1"/>
  <c r="V47706" i="1"/>
  <c r="V47707" i="1"/>
  <c r="V47708" i="1"/>
  <c r="V47709" i="1"/>
  <c r="V47710" i="1"/>
  <c r="V47711" i="1"/>
  <c r="V47712" i="1"/>
  <c r="V47713" i="1"/>
  <c r="V47714" i="1"/>
  <c r="V47715" i="1"/>
  <c r="V47716" i="1"/>
  <c r="V47717" i="1"/>
  <c r="V47718" i="1"/>
  <c r="V47719" i="1"/>
  <c r="V47720" i="1"/>
  <c r="V47721" i="1"/>
  <c r="V47722" i="1"/>
  <c r="V47723" i="1"/>
  <c r="V47724" i="1"/>
  <c r="V47725" i="1"/>
  <c r="V47726" i="1"/>
  <c r="V47727" i="1"/>
  <c r="V47728" i="1"/>
  <c r="V47729" i="1"/>
  <c r="V47730" i="1"/>
  <c r="V47731" i="1"/>
  <c r="V47732" i="1"/>
  <c r="V47733" i="1"/>
  <c r="V47734" i="1"/>
  <c r="V47735" i="1"/>
  <c r="V47736" i="1"/>
  <c r="V47737" i="1"/>
  <c r="V47738" i="1"/>
  <c r="V47739" i="1"/>
  <c r="V47740" i="1"/>
  <c r="V47741" i="1"/>
  <c r="V47742" i="1"/>
  <c r="V47743" i="1"/>
  <c r="V47744" i="1"/>
  <c r="V47745" i="1"/>
  <c r="V47746" i="1"/>
  <c r="V47747" i="1"/>
  <c r="V47748" i="1"/>
  <c r="V47749" i="1"/>
  <c r="V47750" i="1"/>
  <c r="V47751" i="1"/>
  <c r="V47752" i="1"/>
  <c r="V47753" i="1"/>
  <c r="V47754" i="1"/>
  <c r="V47755" i="1"/>
  <c r="V47756" i="1"/>
  <c r="V47757" i="1"/>
  <c r="V47758" i="1"/>
  <c r="V47759" i="1"/>
  <c r="V47760" i="1"/>
  <c r="V47761" i="1"/>
  <c r="V47762" i="1"/>
  <c r="V47763" i="1"/>
  <c r="V47764" i="1"/>
  <c r="V47765" i="1"/>
  <c r="V47766" i="1"/>
  <c r="V47767" i="1"/>
  <c r="V47768" i="1"/>
  <c r="V47769" i="1"/>
  <c r="V47770" i="1"/>
  <c r="V47771" i="1"/>
  <c r="V47772" i="1"/>
  <c r="V47773" i="1"/>
  <c r="V47774" i="1"/>
  <c r="V47775" i="1"/>
  <c r="V47776" i="1"/>
  <c r="V47777" i="1"/>
  <c r="V47778" i="1"/>
  <c r="V47779" i="1"/>
  <c r="V47780" i="1"/>
  <c r="V47781" i="1"/>
  <c r="V47782" i="1"/>
  <c r="V47783" i="1"/>
  <c r="V47784" i="1"/>
  <c r="V47785" i="1"/>
  <c r="V47786" i="1"/>
  <c r="V47787" i="1"/>
  <c r="V47788" i="1"/>
  <c r="V47789" i="1"/>
  <c r="V47790" i="1"/>
  <c r="V47791" i="1"/>
  <c r="V47792" i="1"/>
  <c r="V47793" i="1"/>
  <c r="V47794" i="1"/>
  <c r="V47795" i="1"/>
  <c r="V47796" i="1"/>
  <c r="V47797" i="1"/>
  <c r="V47798" i="1"/>
  <c r="V47799" i="1"/>
  <c r="V47800" i="1"/>
  <c r="V47801" i="1"/>
  <c r="V47802" i="1"/>
  <c r="V47803" i="1"/>
  <c r="V47804" i="1"/>
  <c r="V47805" i="1"/>
  <c r="V47806" i="1"/>
  <c r="V47807" i="1"/>
  <c r="V47808" i="1"/>
  <c r="V47809" i="1"/>
  <c r="V47810" i="1"/>
  <c r="V47811" i="1"/>
  <c r="V47812" i="1"/>
  <c r="V47813" i="1"/>
  <c r="V47814" i="1"/>
  <c r="V47815" i="1"/>
  <c r="V47816" i="1"/>
  <c r="V47817" i="1"/>
  <c r="V47818" i="1"/>
  <c r="V47819" i="1"/>
  <c r="V47820" i="1"/>
  <c r="V47821" i="1"/>
  <c r="V47822" i="1"/>
  <c r="V47823" i="1"/>
  <c r="V47824" i="1"/>
  <c r="V47825" i="1"/>
  <c r="V47826" i="1"/>
  <c r="V47827" i="1"/>
  <c r="V47828" i="1"/>
  <c r="V47829" i="1"/>
  <c r="V47830" i="1"/>
  <c r="V47831" i="1"/>
  <c r="V47832" i="1"/>
  <c r="V47833" i="1"/>
  <c r="V47834" i="1"/>
  <c r="V47835" i="1"/>
  <c r="V47836" i="1"/>
  <c r="V47837" i="1"/>
  <c r="V47838" i="1"/>
  <c r="V47839" i="1"/>
  <c r="V47840" i="1"/>
  <c r="V47841" i="1"/>
  <c r="V47842" i="1"/>
  <c r="V47843" i="1"/>
  <c r="V47844" i="1"/>
  <c r="V47845" i="1"/>
  <c r="V47846" i="1"/>
  <c r="V47847" i="1"/>
  <c r="V47848" i="1"/>
  <c r="V47849" i="1"/>
  <c r="V47850" i="1"/>
  <c r="V47851" i="1"/>
  <c r="V47852" i="1"/>
  <c r="V47853" i="1"/>
  <c r="V47854" i="1"/>
  <c r="V47855" i="1"/>
  <c r="V47856" i="1"/>
  <c r="V47857" i="1"/>
  <c r="V47858" i="1"/>
  <c r="V47859" i="1"/>
  <c r="V47860" i="1"/>
  <c r="V47861" i="1"/>
  <c r="V47862" i="1"/>
  <c r="V47863" i="1"/>
  <c r="V47864" i="1"/>
  <c r="V47865" i="1"/>
  <c r="V47866" i="1"/>
  <c r="V47867" i="1"/>
  <c r="V47868" i="1"/>
  <c r="V47869" i="1"/>
  <c r="V47870" i="1"/>
  <c r="V47871" i="1"/>
  <c r="V47872" i="1"/>
  <c r="V47873" i="1"/>
  <c r="V47874" i="1"/>
  <c r="V47875" i="1"/>
  <c r="V47876" i="1"/>
  <c r="V47877" i="1"/>
  <c r="V47878" i="1"/>
  <c r="V47879" i="1"/>
  <c r="V47880" i="1"/>
  <c r="V47881" i="1"/>
  <c r="V47882" i="1"/>
  <c r="V47883" i="1"/>
  <c r="V47884" i="1"/>
  <c r="V47885" i="1"/>
  <c r="V47886" i="1"/>
  <c r="V47887" i="1"/>
  <c r="V47888" i="1"/>
  <c r="V47889" i="1"/>
  <c r="V47890" i="1"/>
  <c r="V47891" i="1"/>
  <c r="V47892" i="1"/>
  <c r="V47893" i="1"/>
  <c r="V47894" i="1"/>
  <c r="V47895" i="1"/>
  <c r="V47896" i="1"/>
  <c r="V47897" i="1"/>
  <c r="V47898" i="1"/>
  <c r="V47899" i="1"/>
  <c r="V47900" i="1"/>
  <c r="V47901" i="1"/>
  <c r="V47902" i="1"/>
  <c r="V47903" i="1"/>
  <c r="V47904" i="1"/>
  <c r="V47905" i="1"/>
  <c r="V47906" i="1"/>
  <c r="V47907" i="1"/>
  <c r="V47908" i="1"/>
  <c r="V47909" i="1"/>
  <c r="V47910" i="1"/>
  <c r="V47911" i="1"/>
  <c r="V47912" i="1"/>
  <c r="V47913" i="1"/>
  <c r="V47914" i="1"/>
  <c r="V47915" i="1"/>
  <c r="V47916" i="1"/>
  <c r="V47917" i="1"/>
  <c r="V47918" i="1"/>
  <c r="V47919" i="1"/>
  <c r="V47920" i="1"/>
  <c r="V47921" i="1"/>
  <c r="V47922" i="1"/>
  <c r="V47923" i="1"/>
  <c r="V47924" i="1"/>
  <c r="V47925" i="1"/>
  <c r="V47926" i="1"/>
  <c r="V47927" i="1"/>
  <c r="V47928" i="1"/>
  <c r="V47929" i="1"/>
  <c r="V47930" i="1"/>
  <c r="V47931" i="1"/>
  <c r="V47932" i="1"/>
  <c r="V47933" i="1"/>
  <c r="V47934" i="1"/>
  <c r="V47935" i="1"/>
  <c r="V47936" i="1"/>
  <c r="V47937" i="1"/>
  <c r="V47938" i="1"/>
  <c r="V47939" i="1"/>
  <c r="V47940" i="1"/>
  <c r="V47941" i="1"/>
  <c r="V47942" i="1"/>
  <c r="V47943" i="1"/>
  <c r="V47944" i="1"/>
  <c r="V47945" i="1"/>
  <c r="V47946" i="1"/>
  <c r="V47947" i="1"/>
  <c r="V47948" i="1"/>
  <c r="V47949" i="1"/>
  <c r="V47950" i="1"/>
  <c r="V47951" i="1"/>
  <c r="V47952" i="1"/>
  <c r="V47953" i="1"/>
  <c r="V47954" i="1"/>
  <c r="V47955" i="1"/>
  <c r="V47956" i="1"/>
  <c r="V47957" i="1"/>
  <c r="V47958" i="1"/>
  <c r="V47959" i="1"/>
  <c r="V47960" i="1"/>
  <c r="V47961" i="1"/>
  <c r="V47962" i="1"/>
  <c r="V47963" i="1"/>
  <c r="V47964" i="1"/>
  <c r="V47965" i="1"/>
  <c r="V47966" i="1"/>
  <c r="V47967" i="1"/>
  <c r="V47968" i="1"/>
  <c r="V47969" i="1"/>
  <c r="V47970" i="1"/>
  <c r="V47971" i="1"/>
  <c r="V47972" i="1"/>
  <c r="V47973" i="1"/>
  <c r="V47974" i="1"/>
  <c r="V47975" i="1"/>
  <c r="V47976" i="1"/>
  <c r="V47977" i="1"/>
  <c r="V47978" i="1"/>
  <c r="V47979" i="1"/>
  <c r="V47980" i="1"/>
  <c r="V47981" i="1"/>
  <c r="V47982" i="1"/>
  <c r="V47983" i="1"/>
  <c r="V47984" i="1"/>
  <c r="V47985" i="1"/>
  <c r="V47986" i="1"/>
  <c r="V47987" i="1"/>
  <c r="V47988" i="1"/>
  <c r="V47989" i="1"/>
  <c r="V47990" i="1"/>
  <c r="V47991" i="1"/>
  <c r="V47992" i="1"/>
  <c r="V47993" i="1"/>
  <c r="V47994" i="1"/>
  <c r="V47995" i="1"/>
  <c r="V47996" i="1"/>
  <c r="V47997" i="1"/>
  <c r="V47998" i="1"/>
  <c r="V47999" i="1"/>
  <c r="V48000" i="1"/>
  <c r="V48001" i="1"/>
  <c r="V48002" i="1"/>
  <c r="V48003" i="1"/>
  <c r="V48004" i="1"/>
  <c r="V48005" i="1"/>
  <c r="V48006" i="1"/>
  <c r="V48007" i="1"/>
  <c r="V48008" i="1"/>
  <c r="V48009" i="1"/>
  <c r="V48010" i="1"/>
  <c r="V48011" i="1"/>
  <c r="V48012" i="1"/>
  <c r="V48013" i="1"/>
  <c r="V48014" i="1"/>
  <c r="V48015" i="1"/>
  <c r="V48016" i="1"/>
  <c r="V48017" i="1"/>
  <c r="V48018" i="1"/>
  <c r="V48019" i="1"/>
  <c r="V48020" i="1"/>
  <c r="V48021" i="1"/>
  <c r="V48022" i="1"/>
  <c r="V48023" i="1"/>
  <c r="V48024" i="1"/>
  <c r="V48025" i="1"/>
  <c r="V48026" i="1"/>
  <c r="V48027" i="1"/>
  <c r="V48028" i="1"/>
  <c r="V48029" i="1"/>
  <c r="V48030" i="1"/>
  <c r="V48031" i="1"/>
  <c r="V48032" i="1"/>
  <c r="V48033" i="1"/>
  <c r="V48034" i="1"/>
  <c r="V48035" i="1"/>
  <c r="V48036" i="1"/>
  <c r="V48037" i="1"/>
  <c r="V48038" i="1"/>
  <c r="V48039" i="1"/>
  <c r="V48040" i="1"/>
  <c r="V48041" i="1"/>
  <c r="V48042" i="1"/>
  <c r="V48043" i="1"/>
  <c r="V48044" i="1"/>
  <c r="V48045" i="1"/>
  <c r="V48046" i="1"/>
  <c r="V48047" i="1"/>
  <c r="V48048" i="1"/>
  <c r="V48049" i="1"/>
  <c r="V48050" i="1"/>
  <c r="V48051" i="1"/>
  <c r="V48052" i="1"/>
  <c r="V48053" i="1"/>
  <c r="V48054" i="1"/>
  <c r="V48055" i="1"/>
  <c r="V48056" i="1"/>
  <c r="V48057" i="1"/>
  <c r="V48058" i="1"/>
  <c r="V48059" i="1"/>
  <c r="V48060" i="1"/>
  <c r="V48061" i="1"/>
  <c r="V48062" i="1"/>
  <c r="V48063" i="1"/>
  <c r="V48064" i="1"/>
  <c r="V48065" i="1"/>
  <c r="V48066" i="1"/>
  <c r="V48067" i="1"/>
  <c r="V48068" i="1"/>
  <c r="V48069" i="1"/>
  <c r="V48070" i="1"/>
  <c r="V48071" i="1"/>
  <c r="V48072" i="1"/>
  <c r="V48073" i="1"/>
  <c r="V48074" i="1"/>
  <c r="V48075" i="1"/>
  <c r="V48076" i="1"/>
  <c r="V48077" i="1"/>
  <c r="V48078" i="1"/>
  <c r="V48079" i="1"/>
  <c r="V48080" i="1"/>
  <c r="V48081" i="1"/>
  <c r="V48082" i="1"/>
  <c r="V48083" i="1"/>
  <c r="V48084" i="1"/>
  <c r="V48085" i="1"/>
  <c r="V48086" i="1"/>
  <c r="V48087" i="1"/>
  <c r="V48088" i="1"/>
  <c r="V48089" i="1"/>
  <c r="V48090" i="1"/>
  <c r="V48091" i="1"/>
  <c r="V48092" i="1"/>
  <c r="V48093" i="1"/>
  <c r="V48094" i="1"/>
  <c r="V48095" i="1"/>
  <c r="V48096" i="1"/>
  <c r="V48097" i="1"/>
  <c r="V48098" i="1"/>
  <c r="V48099" i="1"/>
  <c r="V48100" i="1"/>
  <c r="V48101" i="1"/>
  <c r="V48102" i="1"/>
  <c r="V48103" i="1"/>
  <c r="V48104" i="1"/>
  <c r="V48105" i="1"/>
  <c r="V48106" i="1"/>
  <c r="V48107" i="1"/>
  <c r="V48108" i="1"/>
  <c r="V48109" i="1"/>
  <c r="V48110" i="1"/>
  <c r="V48111" i="1"/>
  <c r="V48112" i="1"/>
  <c r="V48113" i="1"/>
  <c r="V48114" i="1"/>
  <c r="V48115" i="1"/>
  <c r="V48116" i="1"/>
  <c r="V48117" i="1"/>
  <c r="V48118" i="1"/>
  <c r="V48119" i="1"/>
  <c r="V48120" i="1"/>
  <c r="V48121" i="1"/>
  <c r="V48122" i="1"/>
  <c r="V48123" i="1"/>
  <c r="V48124" i="1"/>
  <c r="V48125" i="1"/>
  <c r="V48126" i="1"/>
  <c r="V48127" i="1"/>
  <c r="V48128" i="1"/>
  <c r="V48129" i="1"/>
  <c r="V48130" i="1"/>
  <c r="V48131" i="1"/>
  <c r="V48132" i="1"/>
  <c r="V48133" i="1"/>
  <c r="V48134" i="1"/>
  <c r="V48135" i="1"/>
  <c r="V48136" i="1"/>
  <c r="V48137" i="1"/>
  <c r="V48138" i="1"/>
  <c r="V48139" i="1"/>
  <c r="V48140" i="1"/>
  <c r="V48141" i="1"/>
  <c r="V48142" i="1"/>
  <c r="V48143" i="1"/>
  <c r="V48144" i="1"/>
  <c r="V48145" i="1"/>
  <c r="V48146" i="1"/>
  <c r="V48147" i="1"/>
  <c r="V48148" i="1"/>
  <c r="V48149" i="1"/>
  <c r="V48150" i="1"/>
  <c r="V48151" i="1"/>
  <c r="V48152" i="1"/>
  <c r="V48153" i="1"/>
  <c r="V48154" i="1"/>
  <c r="V48155" i="1"/>
  <c r="V48156" i="1"/>
  <c r="V48157" i="1"/>
  <c r="V48158" i="1"/>
  <c r="V48159" i="1"/>
  <c r="V48160" i="1"/>
  <c r="V48161" i="1"/>
  <c r="V48162" i="1"/>
  <c r="V48163" i="1"/>
  <c r="V48164" i="1"/>
  <c r="V48165" i="1"/>
  <c r="V48166" i="1"/>
  <c r="V48167" i="1"/>
  <c r="V48168" i="1"/>
  <c r="V48169" i="1"/>
  <c r="V48170" i="1"/>
  <c r="V48171" i="1"/>
  <c r="V48172" i="1"/>
  <c r="V48173" i="1"/>
  <c r="V48174" i="1"/>
  <c r="V48175" i="1"/>
  <c r="V48176" i="1"/>
  <c r="V48177" i="1"/>
  <c r="V48178" i="1"/>
  <c r="V48179" i="1"/>
  <c r="V48180" i="1"/>
  <c r="V48181" i="1"/>
  <c r="V48182" i="1"/>
  <c r="V48183" i="1"/>
  <c r="V48184" i="1"/>
  <c r="V48185" i="1"/>
  <c r="V48186" i="1"/>
  <c r="V48187" i="1"/>
  <c r="V48188" i="1"/>
  <c r="V48189" i="1"/>
  <c r="V48190" i="1"/>
  <c r="V48191" i="1"/>
  <c r="V48192" i="1"/>
  <c r="V48193" i="1"/>
  <c r="V48194" i="1"/>
  <c r="V48195" i="1"/>
  <c r="V48196" i="1"/>
  <c r="V48197" i="1"/>
  <c r="V48198" i="1"/>
  <c r="V48199" i="1"/>
  <c r="V48200" i="1"/>
  <c r="V48201" i="1"/>
  <c r="V48202" i="1"/>
  <c r="V48203" i="1"/>
  <c r="V48204" i="1"/>
  <c r="V48205" i="1"/>
  <c r="V48206" i="1"/>
  <c r="V48207" i="1"/>
  <c r="V48208" i="1"/>
  <c r="V48209" i="1"/>
  <c r="V48210" i="1"/>
  <c r="V48211" i="1"/>
  <c r="V48212" i="1"/>
  <c r="V48213" i="1"/>
  <c r="V48214" i="1"/>
  <c r="V48215" i="1"/>
  <c r="V48216" i="1"/>
  <c r="V48217" i="1"/>
  <c r="V48218" i="1"/>
  <c r="V48219" i="1"/>
  <c r="V48220" i="1"/>
  <c r="V48221" i="1"/>
  <c r="V48222" i="1"/>
  <c r="V48223" i="1"/>
  <c r="V48224" i="1"/>
  <c r="V48225" i="1"/>
  <c r="V48226" i="1"/>
  <c r="V48227" i="1"/>
  <c r="V48228" i="1"/>
  <c r="V48229" i="1"/>
  <c r="V48230" i="1"/>
  <c r="V48231" i="1"/>
  <c r="V48232" i="1"/>
  <c r="V48233" i="1"/>
  <c r="V48234" i="1"/>
  <c r="V48235" i="1"/>
  <c r="V48236" i="1"/>
  <c r="V48237" i="1"/>
  <c r="V48238" i="1"/>
  <c r="V48239" i="1"/>
  <c r="V48240" i="1"/>
  <c r="V48241" i="1"/>
  <c r="V48242" i="1"/>
  <c r="V48243" i="1"/>
  <c r="V48244" i="1"/>
  <c r="V48245" i="1"/>
  <c r="V48246" i="1"/>
  <c r="V48247" i="1"/>
  <c r="V48248" i="1"/>
  <c r="V48249" i="1"/>
  <c r="V48250" i="1"/>
  <c r="V48251" i="1"/>
  <c r="V48252" i="1"/>
  <c r="V48253" i="1"/>
  <c r="V48254" i="1"/>
  <c r="V48255" i="1"/>
  <c r="V48256" i="1"/>
  <c r="V48257" i="1"/>
  <c r="V48258" i="1"/>
  <c r="V48259" i="1"/>
  <c r="V48260" i="1"/>
  <c r="V48261" i="1"/>
  <c r="V48262" i="1"/>
  <c r="V48263" i="1"/>
  <c r="V48264" i="1"/>
  <c r="V48265" i="1"/>
  <c r="V48266" i="1"/>
  <c r="V48267" i="1"/>
  <c r="V48268" i="1"/>
  <c r="V48269" i="1"/>
  <c r="V48270" i="1"/>
  <c r="V48271" i="1"/>
  <c r="V48272" i="1"/>
  <c r="V48273" i="1"/>
  <c r="V48274" i="1"/>
  <c r="V48275" i="1"/>
  <c r="V48276" i="1"/>
  <c r="V48277" i="1"/>
  <c r="V48278" i="1"/>
  <c r="V48279" i="1"/>
  <c r="V48280" i="1"/>
  <c r="V48281" i="1"/>
  <c r="V48282" i="1"/>
  <c r="V48283" i="1"/>
  <c r="V48284" i="1"/>
  <c r="V48285" i="1"/>
  <c r="V48286" i="1"/>
  <c r="V48287" i="1"/>
  <c r="V48288" i="1"/>
  <c r="V48289" i="1"/>
  <c r="V48290" i="1"/>
  <c r="V48291" i="1"/>
  <c r="V48292" i="1"/>
  <c r="V48293" i="1"/>
  <c r="V48294" i="1"/>
  <c r="V48295" i="1"/>
  <c r="V48296" i="1"/>
  <c r="V48297" i="1"/>
  <c r="V48298" i="1"/>
  <c r="V48299" i="1"/>
  <c r="V48300" i="1"/>
  <c r="V48301" i="1"/>
  <c r="V48302" i="1"/>
  <c r="V48303" i="1"/>
  <c r="V48304" i="1"/>
  <c r="V48305" i="1"/>
  <c r="V48306" i="1"/>
  <c r="V48307" i="1"/>
  <c r="V48308" i="1"/>
  <c r="V48309" i="1"/>
  <c r="V48310" i="1"/>
  <c r="V48311" i="1"/>
  <c r="V48312" i="1"/>
  <c r="V48313" i="1"/>
  <c r="V48314" i="1"/>
  <c r="V48315" i="1"/>
  <c r="V48316" i="1"/>
  <c r="V48317" i="1"/>
  <c r="V48318" i="1"/>
  <c r="V48319" i="1"/>
  <c r="V48320" i="1"/>
  <c r="V48321" i="1"/>
  <c r="V48322" i="1"/>
  <c r="V48323" i="1"/>
  <c r="V48324" i="1"/>
  <c r="V48325" i="1"/>
  <c r="V48326" i="1"/>
  <c r="V48327" i="1"/>
  <c r="V48328" i="1"/>
  <c r="V48329" i="1"/>
  <c r="V48330" i="1"/>
  <c r="V48331" i="1"/>
  <c r="V48332" i="1"/>
  <c r="V48333" i="1"/>
  <c r="V48334" i="1"/>
  <c r="V48335" i="1"/>
  <c r="V48336" i="1"/>
  <c r="V48337" i="1"/>
  <c r="V48338" i="1"/>
  <c r="V48339" i="1"/>
  <c r="V48340" i="1"/>
  <c r="V48341" i="1"/>
  <c r="V48342" i="1"/>
  <c r="V48343" i="1"/>
  <c r="V48344" i="1"/>
  <c r="V48345" i="1"/>
  <c r="V48346" i="1"/>
  <c r="V48347" i="1"/>
  <c r="V48348" i="1"/>
  <c r="V48349" i="1"/>
  <c r="V48350" i="1"/>
  <c r="V48351" i="1"/>
  <c r="V48352" i="1"/>
  <c r="V48353" i="1"/>
  <c r="V48354" i="1"/>
  <c r="V48355" i="1"/>
  <c r="V48356" i="1"/>
  <c r="V48357" i="1"/>
  <c r="V48358" i="1"/>
  <c r="V48359" i="1"/>
  <c r="V48360" i="1"/>
  <c r="V48361" i="1"/>
  <c r="V48362" i="1"/>
  <c r="V48363" i="1"/>
  <c r="V48364" i="1"/>
  <c r="V48365" i="1"/>
  <c r="V48366" i="1"/>
  <c r="V48367" i="1"/>
  <c r="V48368" i="1"/>
  <c r="V48369" i="1"/>
  <c r="V48370" i="1"/>
  <c r="V48371" i="1"/>
  <c r="V48372" i="1"/>
  <c r="V48373" i="1"/>
  <c r="V48374" i="1"/>
  <c r="V48375" i="1"/>
  <c r="V48376" i="1"/>
  <c r="V48377" i="1"/>
  <c r="V48378" i="1"/>
  <c r="V48379" i="1"/>
  <c r="V48380" i="1"/>
  <c r="V48381" i="1"/>
  <c r="V48382" i="1"/>
  <c r="V48383" i="1"/>
  <c r="V48384" i="1"/>
  <c r="V48385" i="1"/>
  <c r="V48386" i="1"/>
  <c r="V48387" i="1"/>
  <c r="V48388" i="1"/>
  <c r="V48389" i="1"/>
  <c r="V48390" i="1"/>
  <c r="V48391" i="1"/>
  <c r="V48392" i="1"/>
  <c r="V48393" i="1"/>
  <c r="V48394" i="1"/>
  <c r="V48395" i="1"/>
  <c r="V48396" i="1"/>
  <c r="V48397" i="1"/>
  <c r="V48398" i="1"/>
  <c r="V48399" i="1"/>
  <c r="V48400" i="1"/>
  <c r="V48401" i="1"/>
  <c r="V48402" i="1"/>
  <c r="V48403" i="1"/>
  <c r="V48404" i="1"/>
  <c r="V48405" i="1"/>
  <c r="V48406" i="1"/>
  <c r="V48407" i="1"/>
  <c r="V48408" i="1"/>
  <c r="V48409" i="1"/>
  <c r="V48410" i="1"/>
  <c r="V48411" i="1"/>
  <c r="V48412" i="1"/>
  <c r="V48413" i="1"/>
  <c r="V48414" i="1"/>
  <c r="V48415" i="1"/>
  <c r="V48416" i="1"/>
  <c r="V48417" i="1"/>
  <c r="V48418" i="1"/>
  <c r="V48419" i="1"/>
  <c r="V48420" i="1"/>
  <c r="V48421" i="1"/>
  <c r="V48422" i="1"/>
  <c r="V48423" i="1"/>
  <c r="V48424" i="1"/>
  <c r="V48425" i="1"/>
  <c r="V48426" i="1"/>
  <c r="V48427" i="1"/>
  <c r="V48428" i="1"/>
  <c r="V48429" i="1"/>
  <c r="V48430" i="1"/>
  <c r="V48431" i="1"/>
  <c r="V48432" i="1"/>
  <c r="V48433" i="1"/>
  <c r="V48434" i="1"/>
  <c r="V48435" i="1"/>
  <c r="V48436" i="1"/>
  <c r="V48437" i="1"/>
  <c r="V48438" i="1"/>
  <c r="V48439" i="1"/>
  <c r="V48440" i="1"/>
  <c r="V48441" i="1"/>
  <c r="V48442" i="1"/>
  <c r="V48443" i="1"/>
  <c r="V48444" i="1"/>
  <c r="V48445" i="1"/>
  <c r="V48446" i="1"/>
  <c r="V48447" i="1"/>
  <c r="V48448" i="1"/>
  <c r="V48449" i="1"/>
  <c r="V48450" i="1"/>
  <c r="V48451" i="1"/>
  <c r="V48452" i="1"/>
  <c r="V48453" i="1"/>
  <c r="V48454" i="1"/>
  <c r="V48455" i="1"/>
  <c r="V48456" i="1"/>
  <c r="V48457" i="1"/>
  <c r="V48458" i="1"/>
  <c r="V48459" i="1"/>
  <c r="V48460" i="1"/>
  <c r="V48461" i="1"/>
  <c r="V48462" i="1"/>
  <c r="V48463" i="1"/>
  <c r="V48464" i="1"/>
  <c r="V48465" i="1"/>
  <c r="V48466" i="1"/>
  <c r="V48467" i="1"/>
  <c r="V48468" i="1"/>
  <c r="V48469" i="1"/>
  <c r="V48470" i="1"/>
  <c r="V48471" i="1"/>
  <c r="V48472" i="1"/>
  <c r="V48473" i="1"/>
  <c r="V48474" i="1"/>
  <c r="V48475" i="1"/>
  <c r="V48476" i="1"/>
  <c r="V48477" i="1"/>
  <c r="V48478" i="1"/>
  <c r="V48479" i="1"/>
  <c r="V48480" i="1"/>
  <c r="V48481" i="1"/>
  <c r="V48482" i="1"/>
  <c r="V48483" i="1"/>
  <c r="V48484" i="1"/>
  <c r="V48485" i="1"/>
  <c r="V48486" i="1"/>
  <c r="V48487" i="1"/>
  <c r="V48488" i="1"/>
  <c r="V48489" i="1"/>
  <c r="V48490" i="1"/>
  <c r="V48491" i="1"/>
  <c r="V48492" i="1"/>
  <c r="V48493" i="1"/>
  <c r="V48494" i="1"/>
  <c r="V48495" i="1"/>
  <c r="V48496" i="1"/>
  <c r="V48497" i="1"/>
  <c r="V48498" i="1"/>
  <c r="V48499" i="1"/>
  <c r="V48500" i="1"/>
  <c r="V48501" i="1"/>
  <c r="V48502" i="1"/>
  <c r="V48503" i="1"/>
  <c r="V48504" i="1"/>
  <c r="V48505" i="1"/>
  <c r="V48506" i="1"/>
  <c r="V48507" i="1"/>
  <c r="V48508" i="1"/>
  <c r="V48509" i="1"/>
  <c r="V48510" i="1"/>
  <c r="V48511" i="1"/>
  <c r="V48512" i="1"/>
  <c r="V48513" i="1"/>
  <c r="V48514" i="1"/>
  <c r="V48515" i="1"/>
  <c r="V48516" i="1"/>
  <c r="V48517" i="1"/>
  <c r="V48518" i="1"/>
  <c r="V48519" i="1"/>
  <c r="V48520" i="1"/>
  <c r="V48521" i="1"/>
  <c r="V48522" i="1"/>
  <c r="V48523" i="1"/>
  <c r="V48524" i="1"/>
  <c r="V48525" i="1"/>
  <c r="V48526" i="1"/>
  <c r="V48527" i="1"/>
  <c r="V48528" i="1"/>
  <c r="V48529" i="1"/>
  <c r="V48530" i="1"/>
  <c r="V48531" i="1"/>
  <c r="V48532" i="1"/>
  <c r="V48533" i="1"/>
  <c r="V48534" i="1"/>
  <c r="V48535" i="1"/>
  <c r="V48536" i="1"/>
  <c r="V48537" i="1"/>
  <c r="V48538" i="1"/>
  <c r="V48539" i="1"/>
  <c r="V48540" i="1"/>
  <c r="V48541" i="1"/>
  <c r="V48542" i="1"/>
  <c r="V48543" i="1"/>
  <c r="V48544" i="1"/>
  <c r="V48545" i="1"/>
  <c r="V48546" i="1"/>
  <c r="V48547" i="1"/>
  <c r="V48548" i="1"/>
  <c r="V48549" i="1"/>
  <c r="V48550" i="1"/>
  <c r="V48551" i="1"/>
  <c r="V48552" i="1"/>
  <c r="V48553" i="1"/>
  <c r="V48554" i="1"/>
  <c r="V48555" i="1"/>
  <c r="V48556" i="1"/>
  <c r="V48557" i="1"/>
  <c r="V48558" i="1"/>
  <c r="V48559" i="1"/>
  <c r="V48560" i="1"/>
  <c r="V48561" i="1"/>
  <c r="V48562" i="1"/>
  <c r="V48563" i="1"/>
  <c r="V48564" i="1"/>
  <c r="V48565" i="1"/>
  <c r="V48566" i="1"/>
  <c r="V48567" i="1"/>
  <c r="V48568" i="1"/>
  <c r="V48569" i="1"/>
  <c r="V48570" i="1"/>
  <c r="V48571" i="1"/>
  <c r="V48572" i="1"/>
  <c r="V48573" i="1"/>
  <c r="V48574" i="1"/>
  <c r="V48575" i="1"/>
  <c r="V48576" i="1"/>
  <c r="V48577" i="1"/>
  <c r="V48578" i="1"/>
  <c r="V48579" i="1"/>
  <c r="V48580" i="1"/>
  <c r="V48581" i="1"/>
  <c r="V48582" i="1"/>
  <c r="V48583" i="1"/>
  <c r="V48584" i="1"/>
  <c r="V48585" i="1"/>
  <c r="V48586" i="1"/>
  <c r="V48587" i="1"/>
  <c r="V48588" i="1"/>
  <c r="V48589" i="1"/>
  <c r="V48590" i="1"/>
  <c r="V48591" i="1"/>
  <c r="V48592" i="1"/>
  <c r="V48593" i="1"/>
  <c r="V48594" i="1"/>
  <c r="V48595" i="1"/>
  <c r="V48596" i="1"/>
  <c r="V48597" i="1"/>
  <c r="V48598" i="1"/>
  <c r="V48599" i="1"/>
  <c r="V48600" i="1"/>
  <c r="V48601" i="1"/>
  <c r="V48602" i="1"/>
  <c r="V48603" i="1"/>
  <c r="V48604" i="1"/>
  <c r="V48605" i="1"/>
  <c r="V48606" i="1"/>
  <c r="V48607" i="1"/>
  <c r="V48608" i="1"/>
  <c r="V48609" i="1"/>
  <c r="V48610" i="1"/>
  <c r="V48611" i="1"/>
  <c r="V48612" i="1"/>
  <c r="V48613" i="1"/>
  <c r="V48614" i="1"/>
  <c r="V48615" i="1"/>
  <c r="V48616" i="1"/>
  <c r="V48617" i="1"/>
  <c r="V48618" i="1"/>
  <c r="V48619" i="1"/>
  <c r="V48620" i="1"/>
  <c r="V48621" i="1"/>
  <c r="V48622" i="1"/>
  <c r="V48623" i="1"/>
  <c r="V48624" i="1"/>
  <c r="V48625" i="1"/>
  <c r="V48626" i="1"/>
  <c r="V48627" i="1"/>
  <c r="V48628" i="1"/>
  <c r="V48629" i="1"/>
  <c r="V48630" i="1"/>
  <c r="V48631" i="1"/>
  <c r="V48632" i="1"/>
  <c r="V48633" i="1"/>
  <c r="V48634" i="1"/>
  <c r="V48635" i="1"/>
  <c r="V48636" i="1"/>
  <c r="V48637" i="1"/>
  <c r="V48638" i="1"/>
  <c r="V48639" i="1"/>
  <c r="V48640" i="1"/>
  <c r="V48641" i="1"/>
  <c r="V48642" i="1"/>
  <c r="V48643" i="1"/>
  <c r="V48644" i="1"/>
  <c r="V48645" i="1"/>
  <c r="V48646" i="1"/>
  <c r="V48647" i="1"/>
  <c r="V48648" i="1"/>
  <c r="V48649" i="1"/>
  <c r="V48650" i="1"/>
  <c r="V48651" i="1"/>
  <c r="V48652" i="1"/>
  <c r="V48653" i="1"/>
  <c r="V48654" i="1"/>
  <c r="V48655" i="1"/>
  <c r="V48656" i="1"/>
  <c r="V48657" i="1"/>
  <c r="V48658" i="1"/>
  <c r="V48659" i="1"/>
  <c r="V48660" i="1"/>
  <c r="V48661" i="1"/>
  <c r="V48662" i="1"/>
  <c r="V48663" i="1"/>
  <c r="V48664" i="1"/>
  <c r="V48665" i="1"/>
  <c r="V48666" i="1"/>
  <c r="V48667" i="1"/>
  <c r="V48668" i="1"/>
  <c r="V48669" i="1"/>
  <c r="V48670" i="1"/>
  <c r="V48671" i="1"/>
  <c r="V48672" i="1"/>
  <c r="V48673" i="1"/>
  <c r="V48674" i="1"/>
  <c r="V48675" i="1"/>
  <c r="V48676" i="1"/>
  <c r="V48677" i="1"/>
  <c r="V48678" i="1"/>
  <c r="V48679" i="1"/>
  <c r="V48680" i="1"/>
  <c r="V48681" i="1"/>
  <c r="V48682" i="1"/>
  <c r="V48683" i="1"/>
  <c r="V48684" i="1"/>
  <c r="V48685" i="1"/>
  <c r="V48686" i="1"/>
  <c r="V48687" i="1"/>
  <c r="V48688" i="1"/>
  <c r="V48689" i="1"/>
  <c r="V48690" i="1"/>
  <c r="V48691" i="1"/>
  <c r="V48692" i="1"/>
  <c r="V48693" i="1"/>
  <c r="V48694" i="1"/>
  <c r="V48695" i="1"/>
  <c r="V48696" i="1"/>
  <c r="V48697" i="1"/>
  <c r="V48698" i="1"/>
  <c r="V48699" i="1"/>
  <c r="V48700" i="1"/>
  <c r="V48701" i="1"/>
  <c r="V48702" i="1"/>
  <c r="V48703" i="1"/>
  <c r="V48704" i="1"/>
  <c r="V48705" i="1"/>
  <c r="V48706" i="1"/>
  <c r="V48707" i="1"/>
  <c r="V48708" i="1"/>
  <c r="V48709" i="1"/>
  <c r="V48710" i="1"/>
  <c r="V48711" i="1"/>
  <c r="V48712" i="1"/>
  <c r="V48713" i="1"/>
  <c r="V48714" i="1"/>
  <c r="V48715" i="1"/>
  <c r="V48716" i="1"/>
  <c r="V48717" i="1"/>
  <c r="V48718" i="1"/>
  <c r="V48719" i="1"/>
  <c r="V48720" i="1"/>
  <c r="V48721" i="1"/>
  <c r="V48722" i="1"/>
  <c r="V48723" i="1"/>
  <c r="V48724" i="1"/>
  <c r="V48725" i="1"/>
  <c r="V48726" i="1"/>
  <c r="V48727" i="1"/>
  <c r="V48728" i="1"/>
  <c r="V48729" i="1"/>
  <c r="V48730" i="1"/>
  <c r="V48731" i="1"/>
  <c r="V48732" i="1"/>
  <c r="V48733" i="1"/>
  <c r="V48734" i="1"/>
  <c r="V48735" i="1"/>
  <c r="V48736" i="1"/>
  <c r="V48737" i="1"/>
  <c r="V48738" i="1"/>
  <c r="V48739" i="1"/>
  <c r="V48740" i="1"/>
  <c r="V48741" i="1"/>
  <c r="V48742" i="1"/>
  <c r="V48743" i="1"/>
  <c r="V48744" i="1"/>
  <c r="V48745" i="1"/>
  <c r="V48746" i="1"/>
  <c r="V48747" i="1"/>
  <c r="V48748" i="1"/>
  <c r="V48749" i="1"/>
  <c r="V48750" i="1"/>
  <c r="V48751" i="1"/>
  <c r="V48752" i="1"/>
  <c r="V48753" i="1"/>
  <c r="V48754" i="1"/>
  <c r="V48755" i="1"/>
  <c r="V48756" i="1"/>
  <c r="V48757" i="1"/>
  <c r="V48758" i="1"/>
  <c r="V48759" i="1"/>
  <c r="V48760" i="1"/>
  <c r="V48761" i="1"/>
  <c r="V48762" i="1"/>
  <c r="V48763" i="1"/>
  <c r="V48764" i="1"/>
  <c r="V48765" i="1"/>
  <c r="V48766" i="1"/>
  <c r="V48767" i="1"/>
  <c r="V48768" i="1"/>
  <c r="V48769" i="1"/>
  <c r="V48770" i="1"/>
  <c r="V48771" i="1"/>
  <c r="V48772" i="1"/>
  <c r="V48773" i="1"/>
  <c r="V48774" i="1"/>
  <c r="V48775" i="1"/>
  <c r="V48776" i="1"/>
  <c r="V48777" i="1"/>
  <c r="V48778" i="1"/>
  <c r="V48779" i="1"/>
  <c r="V48780" i="1"/>
  <c r="V48781" i="1"/>
  <c r="V48782" i="1"/>
  <c r="V48783" i="1"/>
  <c r="V48784" i="1"/>
  <c r="V48785" i="1"/>
  <c r="V48786" i="1"/>
  <c r="V48787" i="1"/>
  <c r="V48788" i="1"/>
  <c r="V48789" i="1"/>
  <c r="V48790" i="1"/>
  <c r="V48791" i="1"/>
  <c r="V48792" i="1"/>
  <c r="V48793" i="1"/>
  <c r="V48794" i="1"/>
  <c r="V48795" i="1"/>
  <c r="V48796" i="1"/>
  <c r="V48797" i="1"/>
  <c r="V48798" i="1"/>
  <c r="V48799" i="1"/>
  <c r="V48800" i="1"/>
  <c r="V48801" i="1"/>
  <c r="V48802" i="1"/>
  <c r="V48803" i="1"/>
  <c r="V48804" i="1"/>
  <c r="V48805" i="1"/>
  <c r="V48806" i="1"/>
  <c r="V48807" i="1"/>
  <c r="V48808" i="1"/>
  <c r="V48809" i="1"/>
  <c r="V48810" i="1"/>
  <c r="V48811" i="1"/>
  <c r="V48812" i="1"/>
  <c r="V48813" i="1"/>
  <c r="V48814" i="1"/>
  <c r="V48815" i="1"/>
  <c r="V48816" i="1"/>
  <c r="V48817" i="1"/>
  <c r="V48818" i="1"/>
  <c r="V48819" i="1"/>
  <c r="V48820" i="1"/>
  <c r="V48821" i="1"/>
  <c r="V48822" i="1"/>
  <c r="V48823" i="1"/>
  <c r="V48824" i="1"/>
  <c r="V48825" i="1"/>
  <c r="V48826" i="1"/>
  <c r="V48827" i="1"/>
  <c r="V48828" i="1"/>
  <c r="V48829" i="1"/>
  <c r="V48830" i="1"/>
  <c r="V48831" i="1"/>
  <c r="V48832" i="1"/>
  <c r="V48833" i="1"/>
  <c r="V48834" i="1"/>
  <c r="V48835" i="1"/>
  <c r="V48836" i="1"/>
  <c r="V48837" i="1"/>
  <c r="V48838" i="1"/>
  <c r="V48839" i="1"/>
  <c r="V48840" i="1"/>
  <c r="V48841" i="1"/>
  <c r="V48842" i="1"/>
  <c r="V48843" i="1"/>
  <c r="V48844" i="1"/>
  <c r="V48845" i="1"/>
  <c r="V48846" i="1"/>
  <c r="V48847" i="1"/>
  <c r="V48848" i="1"/>
  <c r="V48849" i="1"/>
  <c r="V48850" i="1"/>
  <c r="V48851" i="1"/>
  <c r="V48852" i="1"/>
  <c r="V48853" i="1"/>
  <c r="V48854" i="1"/>
  <c r="V48855" i="1"/>
  <c r="V48856" i="1"/>
  <c r="V48857" i="1"/>
  <c r="V48858" i="1"/>
  <c r="V48859" i="1"/>
  <c r="V48860" i="1"/>
  <c r="V48861" i="1"/>
  <c r="V48862" i="1"/>
  <c r="V48863" i="1"/>
  <c r="V48864" i="1"/>
  <c r="V48865" i="1"/>
  <c r="V48866" i="1"/>
  <c r="V48867" i="1"/>
  <c r="V48868" i="1"/>
  <c r="V48869" i="1"/>
  <c r="V48870" i="1"/>
  <c r="V48871" i="1"/>
  <c r="V48872" i="1"/>
  <c r="V48873" i="1"/>
  <c r="V48874" i="1"/>
  <c r="V48875" i="1"/>
  <c r="V48876" i="1"/>
  <c r="V48877" i="1"/>
  <c r="V48878" i="1"/>
  <c r="V48879" i="1"/>
  <c r="V48880" i="1"/>
  <c r="V48881" i="1"/>
  <c r="V48882" i="1"/>
  <c r="V48883" i="1"/>
  <c r="V48884" i="1"/>
  <c r="V48885" i="1"/>
  <c r="V48886" i="1"/>
  <c r="V48887" i="1"/>
  <c r="V48888" i="1"/>
  <c r="V48889" i="1"/>
  <c r="V48890" i="1"/>
  <c r="V48891" i="1"/>
  <c r="V48892" i="1"/>
  <c r="V48893" i="1"/>
  <c r="V48894" i="1"/>
  <c r="V48895" i="1"/>
  <c r="V48896" i="1"/>
  <c r="V48897" i="1"/>
  <c r="V48898" i="1"/>
  <c r="V48899" i="1"/>
  <c r="V48900" i="1"/>
  <c r="V48901" i="1"/>
  <c r="V48902" i="1"/>
  <c r="V48903" i="1"/>
  <c r="V48904" i="1"/>
  <c r="V48905" i="1"/>
  <c r="V48906" i="1"/>
  <c r="V48907" i="1"/>
  <c r="V48908" i="1"/>
  <c r="V48909" i="1"/>
  <c r="V48910" i="1"/>
  <c r="V48911" i="1"/>
  <c r="V48912" i="1"/>
  <c r="V48913" i="1"/>
  <c r="V48914" i="1"/>
  <c r="V48915" i="1"/>
  <c r="V48916" i="1"/>
  <c r="V48917" i="1"/>
  <c r="V48918" i="1"/>
  <c r="V48919" i="1"/>
  <c r="V48920" i="1"/>
  <c r="V48921" i="1"/>
  <c r="V48922" i="1"/>
  <c r="V48923" i="1"/>
  <c r="V48924" i="1"/>
  <c r="V48925" i="1"/>
  <c r="V48926" i="1"/>
  <c r="V48927" i="1"/>
  <c r="V48928" i="1"/>
  <c r="V48929" i="1"/>
  <c r="V48930" i="1"/>
  <c r="V48931" i="1"/>
  <c r="V48932" i="1"/>
  <c r="V48933" i="1"/>
  <c r="V48934" i="1"/>
  <c r="V48935" i="1"/>
  <c r="V48936" i="1"/>
  <c r="V48937" i="1"/>
  <c r="V48938" i="1"/>
  <c r="V48939" i="1"/>
  <c r="V48940" i="1"/>
  <c r="V48941" i="1"/>
  <c r="V48942" i="1"/>
  <c r="V48943" i="1"/>
  <c r="V48944" i="1"/>
  <c r="V48945" i="1"/>
  <c r="V48946" i="1"/>
  <c r="V48947" i="1"/>
  <c r="V48948" i="1"/>
  <c r="V48949" i="1"/>
  <c r="V48950" i="1"/>
  <c r="V48951" i="1"/>
  <c r="V48952" i="1"/>
  <c r="V48953" i="1"/>
  <c r="V48954" i="1"/>
  <c r="V48955" i="1"/>
  <c r="V48956" i="1"/>
  <c r="V48957" i="1"/>
  <c r="V48958" i="1"/>
  <c r="V48959" i="1"/>
  <c r="V48960" i="1"/>
  <c r="V48961" i="1"/>
  <c r="V48962" i="1"/>
  <c r="V48963" i="1"/>
  <c r="V48964" i="1"/>
  <c r="V48965" i="1"/>
  <c r="V48966" i="1"/>
  <c r="V48967" i="1"/>
  <c r="V48968" i="1"/>
  <c r="V48969" i="1"/>
  <c r="V48970" i="1"/>
  <c r="V48971" i="1"/>
  <c r="V48972" i="1"/>
  <c r="V48973" i="1"/>
  <c r="V48974" i="1"/>
  <c r="V48975" i="1"/>
  <c r="V48976" i="1"/>
  <c r="V48977" i="1"/>
  <c r="V48978" i="1"/>
  <c r="V48979" i="1"/>
  <c r="V48980" i="1"/>
  <c r="V48981" i="1"/>
  <c r="V48982" i="1"/>
  <c r="V48983" i="1"/>
  <c r="V48984" i="1"/>
  <c r="V48985" i="1"/>
  <c r="V48986" i="1"/>
  <c r="V48987" i="1"/>
  <c r="V48988" i="1"/>
  <c r="V48989" i="1"/>
  <c r="V48990" i="1"/>
  <c r="V48991" i="1"/>
  <c r="V48992" i="1"/>
  <c r="V48993" i="1"/>
  <c r="V48994" i="1"/>
  <c r="V48995" i="1"/>
  <c r="V48996" i="1"/>
  <c r="V48997" i="1"/>
  <c r="V48998" i="1"/>
  <c r="V48999" i="1"/>
  <c r="V49000" i="1"/>
  <c r="V49001" i="1"/>
  <c r="V49002" i="1"/>
  <c r="V49003" i="1"/>
  <c r="V49004" i="1"/>
  <c r="V49005" i="1"/>
  <c r="V49006" i="1"/>
  <c r="V49007" i="1"/>
  <c r="V49008" i="1"/>
  <c r="V49009" i="1"/>
  <c r="V49010" i="1"/>
  <c r="V49011" i="1"/>
  <c r="V49012" i="1"/>
  <c r="V49013" i="1"/>
  <c r="V49014" i="1"/>
  <c r="V49015" i="1"/>
  <c r="V49016" i="1"/>
  <c r="V49017" i="1"/>
  <c r="V49018" i="1"/>
  <c r="V49019" i="1"/>
  <c r="V49020" i="1"/>
  <c r="V49021" i="1"/>
  <c r="V49022" i="1"/>
  <c r="V49023" i="1"/>
  <c r="V49024" i="1"/>
  <c r="V49025" i="1"/>
  <c r="V49026" i="1"/>
  <c r="V49027" i="1"/>
  <c r="V49028" i="1"/>
  <c r="V49029" i="1"/>
  <c r="V49030" i="1"/>
  <c r="V49031" i="1"/>
  <c r="V49032" i="1"/>
  <c r="V49033" i="1"/>
  <c r="V49034" i="1"/>
  <c r="V49035" i="1"/>
  <c r="V49036" i="1"/>
  <c r="V49037" i="1"/>
  <c r="V49038" i="1"/>
  <c r="V49039" i="1"/>
  <c r="V49040" i="1"/>
  <c r="V49041" i="1"/>
  <c r="V49042" i="1"/>
  <c r="V49043" i="1"/>
  <c r="V49044" i="1"/>
  <c r="V49045" i="1"/>
  <c r="V49046" i="1"/>
  <c r="V49047" i="1"/>
  <c r="V49048" i="1"/>
  <c r="V49049" i="1"/>
  <c r="V49050" i="1"/>
  <c r="V49051" i="1"/>
  <c r="V49052" i="1"/>
  <c r="V49053" i="1"/>
  <c r="V49054" i="1"/>
  <c r="V49055" i="1"/>
  <c r="V49056" i="1"/>
  <c r="V49057" i="1"/>
  <c r="V49058" i="1"/>
  <c r="V49059" i="1"/>
  <c r="V49060" i="1"/>
  <c r="V49061" i="1"/>
  <c r="V49062" i="1"/>
  <c r="V49063" i="1"/>
  <c r="V49064" i="1"/>
  <c r="V49065" i="1"/>
  <c r="V49066" i="1"/>
  <c r="V49067" i="1"/>
  <c r="V49068" i="1"/>
  <c r="V49069" i="1"/>
  <c r="V49070" i="1"/>
  <c r="V49071" i="1"/>
  <c r="V49072" i="1"/>
  <c r="V49073" i="1"/>
  <c r="V49074" i="1"/>
  <c r="V49075" i="1"/>
  <c r="V49076" i="1"/>
  <c r="V49077" i="1"/>
  <c r="V49078" i="1"/>
  <c r="V49079" i="1"/>
  <c r="V49080" i="1"/>
  <c r="V49081" i="1"/>
  <c r="V49082" i="1"/>
  <c r="V49083" i="1"/>
  <c r="V49084" i="1"/>
  <c r="V49085" i="1"/>
  <c r="V49086" i="1"/>
  <c r="V49087" i="1"/>
  <c r="V49088" i="1"/>
  <c r="V49089" i="1"/>
  <c r="V49090" i="1"/>
  <c r="V49091" i="1"/>
  <c r="V49092" i="1"/>
  <c r="V49093" i="1"/>
  <c r="V49094" i="1"/>
  <c r="V49095" i="1"/>
  <c r="V49096" i="1"/>
  <c r="V49097" i="1"/>
  <c r="V49098" i="1"/>
  <c r="V49099" i="1"/>
  <c r="V49100" i="1"/>
  <c r="V49101" i="1"/>
  <c r="V49102" i="1"/>
  <c r="V49103" i="1"/>
  <c r="V49104" i="1"/>
  <c r="V49105" i="1"/>
  <c r="V49106" i="1"/>
  <c r="V49107" i="1"/>
  <c r="V49108" i="1"/>
  <c r="V49109" i="1"/>
  <c r="V49110" i="1"/>
  <c r="V49111" i="1"/>
  <c r="V49112" i="1"/>
  <c r="V49113" i="1"/>
  <c r="V49114" i="1"/>
  <c r="V49115" i="1"/>
  <c r="V49116" i="1"/>
  <c r="V49117" i="1"/>
  <c r="V49118" i="1"/>
  <c r="V49119" i="1"/>
  <c r="V49120" i="1"/>
  <c r="V49121" i="1"/>
  <c r="V49122" i="1"/>
  <c r="V49123" i="1"/>
  <c r="V49124" i="1"/>
  <c r="V49125" i="1"/>
  <c r="V49126" i="1"/>
  <c r="V49127" i="1"/>
  <c r="V49128" i="1"/>
  <c r="V49129" i="1"/>
  <c r="V49130" i="1"/>
  <c r="V49131" i="1"/>
  <c r="V49132" i="1"/>
  <c r="V49133" i="1"/>
  <c r="V49134" i="1"/>
  <c r="V49135" i="1"/>
  <c r="V49136" i="1"/>
  <c r="V49137" i="1"/>
  <c r="V49138" i="1"/>
  <c r="V49139" i="1"/>
  <c r="V49140" i="1"/>
  <c r="V49141" i="1"/>
  <c r="V49142" i="1"/>
  <c r="V49143" i="1"/>
  <c r="V49144" i="1"/>
  <c r="V49145" i="1"/>
  <c r="V49146" i="1"/>
  <c r="V49147" i="1"/>
  <c r="V49148" i="1"/>
  <c r="V49149" i="1"/>
  <c r="V49150" i="1"/>
  <c r="V49151" i="1"/>
  <c r="V49152" i="1"/>
  <c r="V49153" i="1"/>
  <c r="V49154" i="1"/>
  <c r="V49155" i="1"/>
  <c r="V49156" i="1"/>
  <c r="V49157" i="1"/>
  <c r="V49158" i="1"/>
  <c r="V49159" i="1"/>
  <c r="V49160" i="1"/>
  <c r="V49161" i="1"/>
  <c r="V49162" i="1"/>
  <c r="V49163" i="1"/>
  <c r="V49164" i="1"/>
  <c r="V49165" i="1"/>
  <c r="V49166" i="1"/>
  <c r="V49167" i="1"/>
  <c r="V49168" i="1"/>
  <c r="V49169" i="1"/>
  <c r="V49170" i="1"/>
  <c r="V49171" i="1"/>
  <c r="V49172" i="1"/>
  <c r="V49173" i="1"/>
  <c r="V49174" i="1"/>
  <c r="V49175" i="1"/>
  <c r="V49176" i="1"/>
  <c r="V49177" i="1"/>
  <c r="V49178" i="1"/>
  <c r="V49179" i="1"/>
  <c r="V49180" i="1"/>
  <c r="V49181" i="1"/>
  <c r="V49182" i="1"/>
  <c r="V49183" i="1"/>
  <c r="V49184" i="1"/>
  <c r="V49185" i="1"/>
  <c r="V49186" i="1"/>
  <c r="V49187" i="1"/>
  <c r="V49188" i="1"/>
  <c r="V49189" i="1"/>
  <c r="V49190" i="1"/>
  <c r="V49191" i="1"/>
  <c r="V49192" i="1"/>
  <c r="V49193" i="1"/>
  <c r="V49194" i="1"/>
  <c r="V49195" i="1"/>
  <c r="V49196" i="1"/>
  <c r="V49197" i="1"/>
  <c r="V49198" i="1"/>
  <c r="V49199" i="1"/>
  <c r="V49200" i="1"/>
  <c r="V49201" i="1"/>
  <c r="V49202" i="1"/>
  <c r="V49203" i="1"/>
  <c r="V49204" i="1"/>
  <c r="V49205" i="1"/>
  <c r="V49206" i="1"/>
  <c r="V49207" i="1"/>
  <c r="V49208" i="1"/>
  <c r="V49209" i="1"/>
  <c r="V49210" i="1"/>
  <c r="V49211" i="1"/>
  <c r="V49212" i="1"/>
  <c r="V49213" i="1"/>
  <c r="V49214" i="1"/>
  <c r="V49215" i="1"/>
  <c r="V49216" i="1"/>
  <c r="V49217" i="1"/>
  <c r="V49218" i="1"/>
  <c r="V49219" i="1"/>
  <c r="V49220" i="1"/>
  <c r="V49221" i="1"/>
  <c r="V49222" i="1"/>
  <c r="V49223" i="1"/>
  <c r="V49224" i="1"/>
  <c r="V49225" i="1"/>
  <c r="V49226" i="1"/>
  <c r="V49227" i="1"/>
  <c r="V49228" i="1"/>
  <c r="V49229" i="1"/>
  <c r="V49230" i="1"/>
  <c r="V49231" i="1"/>
  <c r="V49232" i="1"/>
  <c r="V49233" i="1"/>
  <c r="V49234" i="1"/>
  <c r="V49235" i="1"/>
  <c r="V49236" i="1"/>
  <c r="V49237" i="1"/>
  <c r="V49238" i="1"/>
  <c r="V49239" i="1"/>
  <c r="V49240" i="1"/>
  <c r="V49241" i="1"/>
  <c r="V49242" i="1"/>
  <c r="V49243" i="1"/>
  <c r="V49244" i="1"/>
  <c r="V49245" i="1"/>
  <c r="V49246" i="1"/>
  <c r="V49247" i="1"/>
  <c r="V49248" i="1"/>
  <c r="V49249" i="1"/>
  <c r="V49250" i="1"/>
  <c r="V49251" i="1"/>
  <c r="V49252" i="1"/>
  <c r="V49253" i="1"/>
  <c r="V49254" i="1"/>
  <c r="V49255" i="1"/>
  <c r="V49256" i="1"/>
  <c r="V49257" i="1"/>
  <c r="V49258" i="1"/>
  <c r="V49259" i="1"/>
  <c r="V49260" i="1"/>
  <c r="V49261" i="1"/>
  <c r="V49262" i="1"/>
  <c r="V49263" i="1"/>
  <c r="V49264" i="1"/>
  <c r="V49265" i="1"/>
  <c r="V49266" i="1"/>
  <c r="V49267" i="1"/>
  <c r="V49268" i="1"/>
  <c r="V49269" i="1"/>
  <c r="V49270" i="1"/>
  <c r="V49271" i="1"/>
  <c r="V49272" i="1"/>
  <c r="V49273" i="1"/>
  <c r="V49274" i="1"/>
  <c r="V49275" i="1"/>
  <c r="V49276" i="1"/>
  <c r="V49277" i="1"/>
  <c r="V49278" i="1"/>
  <c r="V49279" i="1"/>
  <c r="V49280" i="1"/>
  <c r="V49281" i="1"/>
  <c r="V49282" i="1"/>
  <c r="V49283" i="1"/>
  <c r="V49284" i="1"/>
  <c r="V49285" i="1"/>
  <c r="V49286" i="1"/>
  <c r="V49287" i="1"/>
  <c r="V49288" i="1"/>
  <c r="V49289" i="1"/>
  <c r="V49290" i="1"/>
  <c r="V49291" i="1"/>
  <c r="V49292" i="1"/>
  <c r="V49293" i="1"/>
  <c r="V49294" i="1"/>
  <c r="V49295" i="1"/>
  <c r="V49296" i="1"/>
  <c r="V49297" i="1"/>
  <c r="V49298" i="1"/>
  <c r="V49299" i="1"/>
  <c r="V49300" i="1"/>
  <c r="V49301" i="1"/>
  <c r="V49302" i="1"/>
  <c r="V49303" i="1"/>
  <c r="V49304" i="1"/>
  <c r="V49305" i="1"/>
  <c r="V49306" i="1"/>
  <c r="V49307" i="1"/>
  <c r="V49308" i="1"/>
  <c r="V49309" i="1"/>
  <c r="V49310" i="1"/>
  <c r="V49311" i="1"/>
  <c r="V49312" i="1"/>
  <c r="V49313" i="1"/>
  <c r="V49314" i="1"/>
  <c r="V49315" i="1"/>
  <c r="V49316" i="1"/>
  <c r="V49317" i="1"/>
  <c r="V49318" i="1"/>
  <c r="V49319" i="1"/>
  <c r="V49320" i="1"/>
  <c r="V49321" i="1"/>
  <c r="V49322" i="1"/>
  <c r="V49323" i="1"/>
  <c r="V49324" i="1"/>
  <c r="V49325" i="1"/>
  <c r="V49326" i="1"/>
  <c r="V49327" i="1"/>
  <c r="V49328" i="1"/>
  <c r="V49329" i="1"/>
  <c r="V49330" i="1"/>
  <c r="V49331" i="1"/>
  <c r="V49332" i="1"/>
  <c r="V49333" i="1"/>
  <c r="V49334" i="1"/>
  <c r="V49335" i="1"/>
  <c r="V49336" i="1"/>
  <c r="V49337" i="1"/>
  <c r="V49338" i="1"/>
  <c r="V49339" i="1"/>
  <c r="V49340" i="1"/>
  <c r="V49341" i="1"/>
  <c r="V49342" i="1"/>
  <c r="V49343" i="1"/>
  <c r="V49344" i="1"/>
  <c r="V49345" i="1"/>
  <c r="V49346" i="1"/>
  <c r="V49347" i="1"/>
  <c r="V49348" i="1"/>
  <c r="V49349" i="1"/>
  <c r="V49350" i="1"/>
  <c r="V49351" i="1"/>
  <c r="V49352" i="1"/>
  <c r="V49353" i="1"/>
  <c r="V49354" i="1"/>
  <c r="V49355" i="1"/>
  <c r="V49356" i="1"/>
  <c r="V49357" i="1"/>
  <c r="V49358" i="1"/>
  <c r="V49359" i="1"/>
  <c r="V49360" i="1"/>
  <c r="V49361" i="1"/>
  <c r="V49362" i="1"/>
  <c r="V49363" i="1"/>
  <c r="V49364" i="1"/>
  <c r="V49365" i="1"/>
  <c r="V49366" i="1"/>
  <c r="V49367" i="1"/>
  <c r="V49368" i="1"/>
  <c r="V49369" i="1"/>
  <c r="V49370" i="1"/>
  <c r="V49371" i="1"/>
  <c r="V49372" i="1"/>
  <c r="V49373" i="1"/>
  <c r="V49374" i="1"/>
  <c r="V49375" i="1"/>
  <c r="V49376" i="1"/>
  <c r="V49377" i="1"/>
  <c r="V49378" i="1"/>
  <c r="V49379" i="1"/>
  <c r="V49380" i="1"/>
  <c r="V49381" i="1"/>
  <c r="V49382" i="1"/>
  <c r="V49383" i="1"/>
  <c r="V49384" i="1"/>
  <c r="V49385" i="1"/>
  <c r="V49386" i="1"/>
  <c r="V49387" i="1"/>
  <c r="V49388" i="1"/>
  <c r="V49389" i="1"/>
  <c r="V49390" i="1"/>
  <c r="V49391" i="1"/>
  <c r="V49392" i="1"/>
  <c r="V49393" i="1"/>
  <c r="V49394" i="1"/>
  <c r="V49395" i="1"/>
  <c r="V49396" i="1"/>
  <c r="V49397" i="1"/>
  <c r="V49398" i="1"/>
  <c r="V49399" i="1"/>
  <c r="V49400" i="1"/>
  <c r="V49401" i="1"/>
  <c r="V49402" i="1"/>
  <c r="V49403" i="1"/>
  <c r="V49404" i="1"/>
  <c r="V49405" i="1"/>
  <c r="V49406" i="1"/>
  <c r="V49407" i="1"/>
  <c r="V49408" i="1"/>
  <c r="V49409" i="1"/>
  <c r="V49410" i="1"/>
  <c r="V49411" i="1"/>
  <c r="V49412" i="1"/>
  <c r="V49413" i="1"/>
  <c r="V49414" i="1"/>
  <c r="V49415" i="1"/>
  <c r="V49416" i="1"/>
  <c r="V49417" i="1"/>
  <c r="V49418" i="1"/>
  <c r="V49419" i="1"/>
  <c r="V49420" i="1"/>
  <c r="V49421" i="1"/>
  <c r="V49422" i="1"/>
  <c r="V49423" i="1"/>
  <c r="V49424" i="1"/>
  <c r="V49425" i="1"/>
  <c r="V49426" i="1"/>
  <c r="V49427" i="1"/>
  <c r="V49428" i="1"/>
  <c r="V49429" i="1"/>
  <c r="V49430" i="1"/>
  <c r="V49431" i="1"/>
  <c r="V49432" i="1"/>
  <c r="V49433" i="1"/>
  <c r="V49434" i="1"/>
  <c r="V49435" i="1"/>
  <c r="V49436" i="1"/>
  <c r="V49437" i="1"/>
  <c r="V49438" i="1"/>
  <c r="V49439" i="1"/>
  <c r="V49440" i="1"/>
  <c r="V49441" i="1"/>
  <c r="V49442" i="1"/>
  <c r="V49443" i="1"/>
  <c r="V49444" i="1"/>
  <c r="V49445" i="1"/>
  <c r="V49446" i="1"/>
  <c r="V49447" i="1"/>
  <c r="V49448" i="1"/>
  <c r="V49449" i="1"/>
  <c r="V49450" i="1"/>
  <c r="V49451" i="1"/>
  <c r="V49452" i="1"/>
  <c r="V49453" i="1"/>
  <c r="V49454" i="1"/>
  <c r="V49455" i="1"/>
  <c r="V49456" i="1"/>
  <c r="V49457" i="1"/>
  <c r="V49458" i="1"/>
  <c r="V49459" i="1"/>
  <c r="V49460" i="1"/>
  <c r="V49461" i="1"/>
  <c r="V49462" i="1"/>
  <c r="V49463" i="1"/>
  <c r="V49464" i="1"/>
  <c r="V49465" i="1"/>
  <c r="V49466" i="1"/>
  <c r="V49467" i="1"/>
  <c r="V49468" i="1"/>
  <c r="V49469" i="1"/>
  <c r="V49470" i="1"/>
  <c r="V49471" i="1"/>
  <c r="V49472" i="1"/>
  <c r="V49473" i="1"/>
  <c r="V49474" i="1"/>
  <c r="V49475" i="1"/>
  <c r="V49476" i="1"/>
  <c r="V49477" i="1"/>
  <c r="V49478" i="1"/>
  <c r="V49479" i="1"/>
  <c r="V49480" i="1"/>
  <c r="V49481" i="1"/>
  <c r="V49482" i="1"/>
  <c r="V49483" i="1"/>
  <c r="V49484" i="1"/>
  <c r="V49485" i="1"/>
  <c r="V49486" i="1"/>
  <c r="V49487" i="1"/>
  <c r="V49488" i="1"/>
  <c r="V49489" i="1"/>
  <c r="V49490" i="1"/>
  <c r="V49491" i="1"/>
  <c r="V49492" i="1"/>
  <c r="V49493" i="1"/>
  <c r="V49494" i="1"/>
  <c r="V49495" i="1"/>
  <c r="V49496" i="1"/>
  <c r="V49497" i="1"/>
  <c r="V49498" i="1"/>
  <c r="V49499" i="1"/>
  <c r="V49500" i="1"/>
  <c r="V49501" i="1"/>
  <c r="V49502" i="1"/>
  <c r="V49503" i="1"/>
  <c r="V49504" i="1"/>
  <c r="V49505" i="1"/>
  <c r="V49506" i="1"/>
  <c r="V49507" i="1"/>
  <c r="V49508" i="1"/>
  <c r="V49509" i="1"/>
  <c r="V49510" i="1"/>
  <c r="V49511" i="1"/>
  <c r="V49512" i="1"/>
  <c r="V49513" i="1"/>
  <c r="V49514" i="1"/>
  <c r="V49515" i="1"/>
  <c r="V49516" i="1"/>
  <c r="V49517" i="1"/>
  <c r="V49518" i="1"/>
  <c r="V49519" i="1"/>
  <c r="V49520" i="1"/>
  <c r="V49521" i="1"/>
  <c r="V49522" i="1"/>
  <c r="V49523" i="1"/>
  <c r="V49524" i="1"/>
  <c r="V49525" i="1"/>
  <c r="V49526" i="1"/>
  <c r="V49527" i="1"/>
  <c r="V49528" i="1"/>
  <c r="V49529" i="1"/>
  <c r="V49530" i="1"/>
  <c r="V49531" i="1"/>
  <c r="V49532" i="1"/>
  <c r="V49533" i="1"/>
  <c r="V49534" i="1"/>
  <c r="V49535" i="1"/>
  <c r="V49536" i="1"/>
  <c r="V49537" i="1"/>
  <c r="V49538" i="1"/>
  <c r="V49539" i="1"/>
  <c r="V49540" i="1"/>
  <c r="V49541" i="1"/>
  <c r="V49542" i="1"/>
  <c r="V49543" i="1"/>
  <c r="V49544" i="1"/>
  <c r="V49545" i="1"/>
  <c r="V49546" i="1"/>
  <c r="V49547" i="1"/>
  <c r="V49548" i="1"/>
  <c r="V49549" i="1"/>
  <c r="V49550" i="1"/>
  <c r="V49551" i="1"/>
  <c r="V49552" i="1"/>
  <c r="V49553" i="1"/>
  <c r="V49554" i="1"/>
  <c r="V49555" i="1"/>
  <c r="V49556" i="1"/>
  <c r="V49557" i="1"/>
  <c r="V49558" i="1"/>
  <c r="V49559" i="1"/>
  <c r="V49560" i="1"/>
  <c r="V49561" i="1"/>
  <c r="V49562" i="1"/>
  <c r="V49563" i="1"/>
  <c r="V49564" i="1"/>
  <c r="V49565" i="1"/>
  <c r="V49566" i="1"/>
  <c r="V49567" i="1"/>
  <c r="V49568" i="1"/>
  <c r="V49569" i="1"/>
  <c r="V49570" i="1"/>
  <c r="V49571" i="1"/>
  <c r="V49572" i="1"/>
  <c r="V49573" i="1"/>
  <c r="V49574" i="1"/>
  <c r="V49575" i="1"/>
  <c r="V49576" i="1"/>
  <c r="V49577" i="1"/>
  <c r="V49578" i="1"/>
  <c r="V49579" i="1"/>
  <c r="V49580" i="1"/>
  <c r="V49581" i="1"/>
  <c r="V49582" i="1"/>
  <c r="V49583" i="1"/>
  <c r="V49584" i="1"/>
  <c r="V49585" i="1"/>
  <c r="V49586" i="1"/>
  <c r="V49587" i="1"/>
  <c r="V49588" i="1"/>
  <c r="V49589" i="1"/>
  <c r="V49590" i="1"/>
  <c r="V49591" i="1"/>
  <c r="V49592" i="1"/>
  <c r="V49593" i="1"/>
  <c r="V49594" i="1"/>
  <c r="V49595" i="1"/>
  <c r="V49596" i="1"/>
  <c r="V49597" i="1"/>
  <c r="V49598" i="1"/>
  <c r="V49599" i="1"/>
  <c r="V49600" i="1"/>
  <c r="V49601" i="1"/>
  <c r="V49602" i="1"/>
  <c r="V49603" i="1"/>
  <c r="V49604" i="1"/>
  <c r="V49605" i="1"/>
  <c r="V49606" i="1"/>
  <c r="V49607" i="1"/>
  <c r="V49608" i="1"/>
  <c r="V49609" i="1"/>
  <c r="V49610" i="1"/>
  <c r="V49611" i="1"/>
  <c r="V49612" i="1"/>
  <c r="V49613" i="1"/>
  <c r="V49614" i="1"/>
  <c r="V49615" i="1"/>
  <c r="V49616" i="1"/>
  <c r="V49617" i="1"/>
  <c r="V49618" i="1"/>
  <c r="V49619" i="1"/>
  <c r="V49620" i="1"/>
  <c r="V49621" i="1"/>
  <c r="V49622" i="1"/>
  <c r="V49623" i="1"/>
  <c r="V49624" i="1"/>
  <c r="V49625" i="1"/>
  <c r="V49626" i="1"/>
  <c r="V49627" i="1"/>
  <c r="V49628" i="1"/>
  <c r="V49629" i="1"/>
  <c r="V49630" i="1"/>
  <c r="V49631" i="1"/>
  <c r="V49632" i="1"/>
  <c r="V49633" i="1"/>
  <c r="V49634" i="1"/>
  <c r="V49635" i="1"/>
  <c r="V49636" i="1"/>
  <c r="V49637" i="1"/>
  <c r="V49638" i="1"/>
  <c r="V49639" i="1"/>
  <c r="V49640" i="1"/>
  <c r="V49641" i="1"/>
  <c r="V49642" i="1"/>
  <c r="V49643" i="1"/>
  <c r="V49644" i="1"/>
  <c r="V49645" i="1"/>
  <c r="V49646" i="1"/>
  <c r="V49647" i="1"/>
  <c r="V49648" i="1"/>
  <c r="V49649" i="1"/>
  <c r="V49650" i="1"/>
  <c r="V49651" i="1"/>
  <c r="V49652" i="1"/>
  <c r="V49653" i="1"/>
  <c r="V49654" i="1"/>
  <c r="V49655" i="1"/>
  <c r="V49656" i="1"/>
  <c r="V49657" i="1"/>
  <c r="V49658" i="1"/>
  <c r="V49659" i="1"/>
  <c r="V49660" i="1"/>
  <c r="V49661" i="1"/>
  <c r="V49662" i="1"/>
  <c r="V49663" i="1"/>
  <c r="V49664" i="1"/>
  <c r="V49665" i="1"/>
  <c r="V49666" i="1"/>
  <c r="V49667" i="1"/>
  <c r="V49668" i="1"/>
  <c r="V49669" i="1"/>
  <c r="V49670" i="1"/>
  <c r="V49671" i="1"/>
  <c r="V49672" i="1"/>
  <c r="V49673" i="1"/>
  <c r="V49674" i="1"/>
  <c r="V49675" i="1"/>
  <c r="V49676" i="1"/>
  <c r="V49677" i="1"/>
  <c r="V49678" i="1"/>
  <c r="V49679" i="1"/>
  <c r="V49680" i="1"/>
  <c r="V49681" i="1"/>
  <c r="V49682" i="1"/>
  <c r="V49683" i="1"/>
  <c r="V49684" i="1"/>
  <c r="V49685" i="1"/>
  <c r="V49686" i="1"/>
  <c r="V49687" i="1"/>
  <c r="V49688" i="1"/>
  <c r="V49689" i="1"/>
  <c r="V49690" i="1"/>
  <c r="V49691" i="1"/>
  <c r="V49692" i="1"/>
  <c r="V49693" i="1"/>
  <c r="V49694" i="1"/>
  <c r="V49695" i="1"/>
  <c r="V49696" i="1"/>
  <c r="V49697" i="1"/>
  <c r="V49698" i="1"/>
  <c r="V49699" i="1"/>
  <c r="V49700" i="1"/>
  <c r="V49701" i="1"/>
  <c r="V49702" i="1"/>
  <c r="V49703" i="1"/>
  <c r="V49704" i="1"/>
  <c r="V49705" i="1"/>
  <c r="V49706" i="1"/>
  <c r="V49707" i="1"/>
  <c r="V49708" i="1"/>
  <c r="V49709" i="1"/>
  <c r="V49710" i="1"/>
  <c r="V49711" i="1"/>
  <c r="V49712" i="1"/>
  <c r="V49713" i="1"/>
  <c r="V49714" i="1"/>
  <c r="V49715" i="1"/>
  <c r="V49716" i="1"/>
  <c r="V49717" i="1"/>
  <c r="V49718" i="1"/>
  <c r="V49719" i="1"/>
  <c r="V49720" i="1"/>
  <c r="V49721" i="1"/>
  <c r="V49722" i="1"/>
  <c r="V49723" i="1"/>
  <c r="V49724" i="1"/>
  <c r="V49725" i="1"/>
  <c r="V49726" i="1"/>
  <c r="V49727" i="1"/>
  <c r="V49728" i="1"/>
  <c r="V49729" i="1"/>
  <c r="V49730" i="1"/>
  <c r="V49731" i="1"/>
  <c r="V49732" i="1"/>
  <c r="V49733" i="1"/>
  <c r="V49734" i="1"/>
  <c r="V49735" i="1"/>
  <c r="V49736" i="1"/>
  <c r="V49737" i="1"/>
  <c r="V49738" i="1"/>
  <c r="V49739" i="1"/>
  <c r="V49740" i="1"/>
  <c r="V49741" i="1"/>
  <c r="V49742" i="1"/>
  <c r="V49743" i="1"/>
  <c r="V49744" i="1"/>
  <c r="V49745" i="1"/>
  <c r="V49746" i="1"/>
  <c r="V49747" i="1"/>
  <c r="V49748" i="1"/>
  <c r="V49749" i="1"/>
  <c r="V49750" i="1"/>
  <c r="V49751" i="1"/>
  <c r="V49752" i="1"/>
  <c r="V49753" i="1"/>
  <c r="V49754" i="1"/>
  <c r="V49755" i="1"/>
  <c r="V49756" i="1"/>
  <c r="V49757" i="1"/>
  <c r="V49758" i="1"/>
  <c r="V49759" i="1"/>
  <c r="V49760" i="1"/>
  <c r="V49761" i="1"/>
  <c r="V49762" i="1"/>
  <c r="V49763" i="1"/>
  <c r="V49764" i="1"/>
  <c r="V49765" i="1"/>
  <c r="V49766" i="1"/>
  <c r="V49767" i="1"/>
  <c r="V49768" i="1"/>
  <c r="V49769" i="1"/>
  <c r="V49770" i="1"/>
  <c r="V49771" i="1"/>
  <c r="V49772" i="1"/>
  <c r="V49773" i="1"/>
  <c r="V49774" i="1"/>
  <c r="V49775" i="1"/>
  <c r="V49776" i="1"/>
  <c r="V49777" i="1"/>
  <c r="V49778" i="1"/>
  <c r="V49779" i="1"/>
  <c r="V49780" i="1"/>
  <c r="V49781" i="1"/>
  <c r="V49782" i="1"/>
  <c r="V49783" i="1"/>
  <c r="V49784" i="1"/>
  <c r="V49785" i="1"/>
  <c r="V49786" i="1"/>
  <c r="V49787" i="1"/>
  <c r="V49788" i="1"/>
  <c r="V49789" i="1"/>
  <c r="V49790" i="1"/>
  <c r="V49791" i="1"/>
  <c r="V49792" i="1"/>
  <c r="V49793" i="1"/>
  <c r="V49794" i="1"/>
  <c r="V49795" i="1"/>
  <c r="V49796" i="1"/>
  <c r="V49797" i="1"/>
  <c r="V49798" i="1"/>
  <c r="V49799" i="1"/>
  <c r="V49800" i="1"/>
  <c r="V49801" i="1"/>
  <c r="V49802" i="1"/>
  <c r="V49803" i="1"/>
  <c r="V49804" i="1"/>
  <c r="V49805" i="1"/>
  <c r="V49806" i="1"/>
  <c r="V49807" i="1"/>
  <c r="V49808" i="1"/>
  <c r="V49809" i="1"/>
  <c r="V49810" i="1"/>
  <c r="V49811" i="1"/>
  <c r="V49812" i="1"/>
  <c r="V49813" i="1"/>
  <c r="V49814" i="1"/>
  <c r="V49815" i="1"/>
  <c r="V49816" i="1"/>
  <c r="V49817" i="1"/>
  <c r="V49818" i="1"/>
  <c r="V49819" i="1"/>
  <c r="V49820" i="1"/>
  <c r="V49821" i="1"/>
  <c r="V49822" i="1"/>
  <c r="V49823" i="1"/>
  <c r="V49824" i="1"/>
  <c r="V49825" i="1"/>
  <c r="V49826" i="1"/>
  <c r="V49827" i="1"/>
  <c r="V49828" i="1"/>
  <c r="V49829" i="1"/>
  <c r="V49830" i="1"/>
  <c r="V49831" i="1"/>
  <c r="V49832" i="1"/>
  <c r="V49833" i="1"/>
  <c r="V49834" i="1"/>
  <c r="V49835" i="1"/>
  <c r="V49836" i="1"/>
  <c r="V49837" i="1"/>
  <c r="V49838" i="1"/>
  <c r="V49839" i="1"/>
  <c r="V49840" i="1"/>
  <c r="V49841" i="1"/>
  <c r="V49842" i="1"/>
  <c r="V49843" i="1"/>
  <c r="V49844" i="1"/>
  <c r="V49845" i="1"/>
  <c r="V49846" i="1"/>
  <c r="V49847" i="1"/>
  <c r="V49848" i="1"/>
  <c r="V49849" i="1"/>
  <c r="V49850" i="1"/>
  <c r="V49851" i="1"/>
  <c r="V49852" i="1"/>
  <c r="V49853" i="1"/>
  <c r="V49854" i="1"/>
  <c r="V49855" i="1"/>
  <c r="V49856" i="1"/>
  <c r="V49857" i="1"/>
  <c r="V49858" i="1"/>
  <c r="V49859" i="1"/>
  <c r="V49860" i="1"/>
  <c r="V49861" i="1"/>
  <c r="V49862" i="1"/>
  <c r="V49863" i="1"/>
  <c r="V49864" i="1"/>
  <c r="V49865" i="1"/>
  <c r="V49866" i="1"/>
  <c r="V49867" i="1"/>
  <c r="V49868" i="1"/>
  <c r="V49869" i="1"/>
  <c r="V49870" i="1"/>
  <c r="V49871" i="1"/>
  <c r="V49872" i="1"/>
  <c r="V49873" i="1"/>
  <c r="V49874" i="1"/>
  <c r="V49875" i="1"/>
  <c r="V49876" i="1"/>
  <c r="V49877" i="1"/>
  <c r="V49878" i="1"/>
  <c r="V49879" i="1"/>
  <c r="V49880" i="1"/>
  <c r="V49881" i="1"/>
  <c r="V49882" i="1"/>
  <c r="V49883" i="1"/>
  <c r="V49884" i="1"/>
  <c r="V49885" i="1"/>
  <c r="V49886" i="1"/>
  <c r="V49887" i="1"/>
  <c r="V49888" i="1"/>
  <c r="V49889" i="1"/>
  <c r="V49890" i="1"/>
  <c r="V49891" i="1"/>
  <c r="V49892" i="1"/>
  <c r="V49893" i="1"/>
  <c r="V49894" i="1"/>
  <c r="V49895" i="1"/>
  <c r="V49896" i="1"/>
  <c r="V49897" i="1"/>
  <c r="V49898" i="1"/>
  <c r="V49899" i="1"/>
  <c r="V49900" i="1"/>
  <c r="V49901" i="1"/>
  <c r="V49902" i="1"/>
  <c r="V49903" i="1"/>
  <c r="V49904" i="1"/>
  <c r="V49905" i="1"/>
  <c r="V49906" i="1"/>
  <c r="V49907" i="1"/>
  <c r="V49908" i="1"/>
  <c r="V49909" i="1"/>
  <c r="V49910" i="1"/>
  <c r="V49911" i="1"/>
  <c r="V49912" i="1"/>
  <c r="V49913" i="1"/>
  <c r="V49914" i="1"/>
  <c r="V49915" i="1"/>
  <c r="V49916" i="1"/>
  <c r="V49917" i="1"/>
  <c r="V49918" i="1"/>
  <c r="V49919" i="1"/>
  <c r="V49920" i="1"/>
  <c r="V49921" i="1"/>
  <c r="V49922" i="1"/>
  <c r="V49923" i="1"/>
  <c r="V49924" i="1"/>
  <c r="V49925" i="1"/>
  <c r="V49926" i="1"/>
  <c r="V49927" i="1"/>
  <c r="V49928" i="1"/>
  <c r="V49929" i="1"/>
  <c r="V49930" i="1"/>
  <c r="V49931" i="1"/>
  <c r="V49932" i="1"/>
  <c r="V49933" i="1"/>
  <c r="V49934" i="1"/>
  <c r="V49935" i="1"/>
  <c r="V49936" i="1"/>
  <c r="V49937" i="1"/>
  <c r="V49938" i="1"/>
  <c r="V49939" i="1"/>
  <c r="V49940" i="1"/>
  <c r="V49941" i="1"/>
  <c r="V49942" i="1"/>
  <c r="V49943" i="1"/>
  <c r="V49944" i="1"/>
  <c r="V49945" i="1"/>
  <c r="V49946" i="1"/>
  <c r="V49947" i="1"/>
  <c r="V49948" i="1"/>
  <c r="V49949" i="1"/>
  <c r="V49950" i="1"/>
  <c r="V49951" i="1"/>
  <c r="V49952" i="1"/>
  <c r="V49953" i="1"/>
  <c r="V49954" i="1"/>
  <c r="V49955" i="1"/>
  <c r="V49956" i="1"/>
  <c r="V49957" i="1"/>
  <c r="V49958" i="1"/>
  <c r="V49959" i="1"/>
  <c r="V49960" i="1"/>
  <c r="V49961" i="1"/>
  <c r="V49962" i="1"/>
  <c r="V49963" i="1"/>
  <c r="V49964" i="1"/>
  <c r="V49965" i="1"/>
  <c r="V49966" i="1"/>
  <c r="V49967" i="1"/>
  <c r="V49968" i="1"/>
  <c r="V49969" i="1"/>
  <c r="V49970" i="1"/>
  <c r="V49971" i="1"/>
  <c r="V49972" i="1"/>
  <c r="V49973" i="1"/>
  <c r="V49974" i="1"/>
  <c r="V49975" i="1"/>
  <c r="V49976" i="1"/>
  <c r="V49977" i="1"/>
  <c r="V49978" i="1"/>
  <c r="V49979" i="1"/>
  <c r="V49980" i="1"/>
  <c r="V49981" i="1"/>
  <c r="V49982" i="1"/>
  <c r="V49983" i="1"/>
  <c r="V49984" i="1"/>
  <c r="V49985" i="1"/>
  <c r="V49986" i="1"/>
  <c r="V49987" i="1"/>
  <c r="V49988" i="1"/>
  <c r="V49989" i="1"/>
  <c r="V49990" i="1"/>
  <c r="V49991" i="1"/>
  <c r="V49992" i="1"/>
  <c r="V49993" i="1"/>
  <c r="V49994" i="1"/>
  <c r="V49995" i="1"/>
  <c r="V49996" i="1"/>
  <c r="V49997" i="1"/>
  <c r="V49998" i="1"/>
  <c r="V49999" i="1"/>
  <c r="V50000" i="1"/>
  <c r="V50001" i="1"/>
  <c r="V50002" i="1"/>
  <c r="V50003" i="1"/>
  <c r="V50004" i="1"/>
  <c r="V50005" i="1"/>
  <c r="V50006" i="1"/>
  <c r="V50007" i="1"/>
  <c r="V50008" i="1"/>
  <c r="V50009" i="1"/>
  <c r="V50010" i="1"/>
  <c r="V50011" i="1"/>
  <c r="V50012" i="1"/>
  <c r="V50013" i="1"/>
  <c r="V50014" i="1"/>
  <c r="V50015" i="1"/>
  <c r="V50016" i="1"/>
  <c r="V50017" i="1"/>
  <c r="V50018" i="1"/>
  <c r="V50019" i="1"/>
  <c r="V50020" i="1"/>
  <c r="V50021" i="1"/>
  <c r="V50022" i="1"/>
  <c r="V50023" i="1"/>
  <c r="V50024" i="1"/>
  <c r="V50025" i="1"/>
  <c r="V50026" i="1"/>
  <c r="V50027" i="1"/>
  <c r="V50028" i="1"/>
  <c r="V50029" i="1"/>
  <c r="V50030" i="1"/>
  <c r="V50031" i="1"/>
  <c r="V50032" i="1"/>
  <c r="V50033" i="1"/>
  <c r="V50034" i="1"/>
  <c r="V50035" i="1"/>
  <c r="V50036" i="1"/>
  <c r="V50037" i="1"/>
  <c r="V50038" i="1"/>
  <c r="V50039" i="1"/>
  <c r="V50040" i="1"/>
  <c r="V50041" i="1"/>
  <c r="V50042" i="1"/>
  <c r="V50043" i="1"/>
  <c r="V50044" i="1"/>
  <c r="V50045" i="1"/>
  <c r="V50046" i="1"/>
  <c r="V50047" i="1"/>
  <c r="V50048" i="1"/>
  <c r="V50049" i="1"/>
  <c r="V50050" i="1"/>
  <c r="V50051" i="1"/>
  <c r="V50052" i="1"/>
  <c r="V50053" i="1"/>
  <c r="V50054" i="1"/>
  <c r="V50055" i="1"/>
  <c r="V50056" i="1"/>
  <c r="V50057" i="1"/>
  <c r="V50058" i="1"/>
  <c r="V50059" i="1"/>
  <c r="V50060" i="1"/>
  <c r="V50061" i="1"/>
  <c r="V50062" i="1"/>
  <c r="V50063" i="1"/>
  <c r="V50064" i="1"/>
  <c r="V50065" i="1"/>
  <c r="V50066" i="1"/>
  <c r="V50067" i="1"/>
  <c r="V50068" i="1"/>
  <c r="V50069" i="1"/>
  <c r="V50070" i="1"/>
  <c r="V50071" i="1"/>
  <c r="V50072" i="1"/>
  <c r="V50073" i="1"/>
  <c r="V50074" i="1"/>
  <c r="V50075" i="1"/>
  <c r="V50076" i="1"/>
  <c r="V50077" i="1"/>
  <c r="V50078" i="1"/>
  <c r="V50079" i="1"/>
  <c r="V50080" i="1"/>
  <c r="V50081" i="1"/>
  <c r="V50082" i="1"/>
  <c r="V50083" i="1"/>
  <c r="V50084" i="1"/>
  <c r="V50085" i="1"/>
  <c r="V50086" i="1"/>
  <c r="V50087" i="1"/>
  <c r="V50088" i="1"/>
  <c r="V50089" i="1"/>
  <c r="V50090" i="1"/>
  <c r="V50091" i="1"/>
  <c r="V50092" i="1"/>
  <c r="V50093" i="1"/>
  <c r="V50094" i="1"/>
  <c r="V50095" i="1"/>
  <c r="V50096" i="1"/>
  <c r="V50097" i="1"/>
  <c r="V50098" i="1"/>
  <c r="V50099" i="1"/>
  <c r="V50100" i="1"/>
  <c r="V50101" i="1"/>
  <c r="V50102" i="1"/>
  <c r="V50103" i="1"/>
  <c r="V50104" i="1"/>
  <c r="V50105" i="1"/>
  <c r="V50106" i="1"/>
  <c r="V50107" i="1"/>
  <c r="V50108" i="1"/>
  <c r="V50109" i="1"/>
  <c r="V50110" i="1"/>
  <c r="V50111" i="1"/>
  <c r="V50112" i="1"/>
  <c r="V50113" i="1"/>
  <c r="V50114" i="1"/>
  <c r="V50115" i="1"/>
  <c r="V50116" i="1"/>
  <c r="V50117" i="1"/>
  <c r="V50118" i="1"/>
  <c r="V50119" i="1"/>
  <c r="V50120" i="1"/>
  <c r="V50121" i="1"/>
  <c r="V50122" i="1"/>
  <c r="V50123" i="1"/>
  <c r="V50124" i="1"/>
  <c r="V50125" i="1"/>
  <c r="V50126" i="1"/>
  <c r="V50127" i="1"/>
  <c r="V50128" i="1"/>
  <c r="V50129" i="1"/>
  <c r="V50130" i="1"/>
  <c r="V50131" i="1"/>
  <c r="V50132" i="1"/>
  <c r="V50133" i="1"/>
  <c r="V50134" i="1"/>
  <c r="V50135" i="1"/>
  <c r="V50136" i="1"/>
  <c r="V50137" i="1"/>
  <c r="V50138" i="1"/>
  <c r="V50139" i="1"/>
  <c r="V50140" i="1"/>
  <c r="V50141" i="1"/>
  <c r="V50142" i="1"/>
  <c r="V50143" i="1"/>
  <c r="V50144" i="1"/>
  <c r="V50145" i="1"/>
  <c r="V50146" i="1"/>
  <c r="V50147" i="1"/>
  <c r="V50148" i="1"/>
  <c r="V50149" i="1"/>
  <c r="V50150" i="1"/>
  <c r="V50151" i="1"/>
  <c r="V50152" i="1"/>
  <c r="V50153" i="1"/>
  <c r="V50154" i="1"/>
  <c r="V50155" i="1"/>
  <c r="V50156" i="1"/>
  <c r="V50157" i="1"/>
  <c r="V50158" i="1"/>
  <c r="V50159" i="1"/>
  <c r="V50160" i="1"/>
  <c r="V50161" i="1"/>
  <c r="V50162" i="1"/>
  <c r="V50163" i="1"/>
  <c r="V50164" i="1"/>
  <c r="V50165" i="1"/>
  <c r="V50166" i="1"/>
  <c r="V50167" i="1"/>
  <c r="V50168" i="1"/>
  <c r="V50169" i="1"/>
  <c r="V50170" i="1"/>
  <c r="V50171" i="1"/>
  <c r="V50172" i="1"/>
  <c r="V50173" i="1"/>
  <c r="V50174" i="1"/>
  <c r="V50175" i="1"/>
  <c r="V50176" i="1"/>
  <c r="V50177" i="1"/>
  <c r="V50178" i="1"/>
  <c r="V50179" i="1"/>
  <c r="V50180" i="1"/>
  <c r="V50181" i="1"/>
  <c r="V50182" i="1"/>
  <c r="V50183" i="1"/>
  <c r="V50184" i="1"/>
  <c r="V50185" i="1"/>
  <c r="V50186" i="1"/>
  <c r="V50187" i="1"/>
  <c r="V50188" i="1"/>
  <c r="V50189" i="1"/>
  <c r="V50190" i="1"/>
  <c r="V50191" i="1"/>
  <c r="V50192" i="1"/>
  <c r="V50193" i="1"/>
  <c r="V50194" i="1"/>
  <c r="V50195" i="1"/>
  <c r="V50196" i="1"/>
  <c r="V50197" i="1"/>
  <c r="V50198" i="1"/>
  <c r="V50199" i="1"/>
  <c r="V50200" i="1"/>
  <c r="V50201" i="1"/>
  <c r="V50202" i="1"/>
  <c r="V50203" i="1"/>
  <c r="V50204" i="1"/>
  <c r="V50205" i="1"/>
  <c r="V50206" i="1"/>
  <c r="V50207" i="1"/>
  <c r="V50208" i="1"/>
  <c r="V50209" i="1"/>
  <c r="V50210" i="1"/>
  <c r="V50211" i="1"/>
  <c r="V50212" i="1"/>
  <c r="V50213" i="1"/>
  <c r="V50214" i="1"/>
  <c r="V50215" i="1"/>
  <c r="V50216" i="1"/>
  <c r="V50217" i="1"/>
  <c r="V50218" i="1"/>
  <c r="V50219" i="1"/>
  <c r="V50220" i="1"/>
  <c r="V50221" i="1"/>
  <c r="V50222" i="1"/>
  <c r="V50223" i="1"/>
  <c r="V50224" i="1"/>
  <c r="V50225" i="1"/>
  <c r="V50226" i="1"/>
  <c r="V50227" i="1"/>
  <c r="V50228" i="1"/>
  <c r="V50229" i="1"/>
  <c r="V50230" i="1"/>
  <c r="V50231" i="1"/>
  <c r="V50232" i="1"/>
  <c r="V50233" i="1"/>
  <c r="V50234" i="1"/>
  <c r="V50235" i="1"/>
  <c r="V50236" i="1"/>
  <c r="V50237" i="1"/>
  <c r="V50238" i="1"/>
  <c r="V50239" i="1"/>
  <c r="V50240" i="1"/>
  <c r="V50241" i="1"/>
  <c r="V50242" i="1"/>
  <c r="V50243" i="1"/>
  <c r="V50244" i="1"/>
  <c r="V50245" i="1"/>
  <c r="V50246" i="1"/>
  <c r="V50247" i="1"/>
  <c r="V50248" i="1"/>
  <c r="V50249" i="1"/>
  <c r="V50250" i="1"/>
  <c r="V50251" i="1"/>
  <c r="V50252" i="1"/>
  <c r="V50253" i="1"/>
  <c r="V50254" i="1"/>
  <c r="V50255" i="1"/>
  <c r="V50256" i="1"/>
  <c r="V50257" i="1"/>
  <c r="V50258" i="1"/>
  <c r="V50259" i="1"/>
  <c r="V50260" i="1"/>
  <c r="V50261" i="1"/>
  <c r="V50262" i="1"/>
  <c r="V50263" i="1"/>
  <c r="V50264" i="1"/>
  <c r="V50265" i="1"/>
  <c r="V50266" i="1"/>
  <c r="V50267" i="1"/>
  <c r="V50268" i="1"/>
  <c r="V50269" i="1"/>
  <c r="V50270" i="1"/>
  <c r="V50271" i="1"/>
  <c r="V50272" i="1"/>
  <c r="V50273" i="1"/>
  <c r="V50274" i="1"/>
  <c r="V50275" i="1"/>
  <c r="V50276" i="1"/>
  <c r="V50277" i="1"/>
  <c r="V50278" i="1"/>
  <c r="V50279" i="1"/>
  <c r="V50280" i="1"/>
  <c r="V50281" i="1"/>
  <c r="V50282" i="1"/>
  <c r="V50283" i="1"/>
  <c r="V50284" i="1"/>
  <c r="V50285" i="1"/>
  <c r="V50286" i="1"/>
  <c r="V50287" i="1"/>
  <c r="V50288" i="1"/>
  <c r="V50289" i="1"/>
  <c r="V50290" i="1"/>
  <c r="V50291" i="1"/>
  <c r="V50292" i="1"/>
  <c r="V50293" i="1"/>
  <c r="V50294" i="1"/>
  <c r="V50295" i="1"/>
  <c r="V50296" i="1"/>
  <c r="V50297" i="1"/>
  <c r="V50298" i="1"/>
  <c r="V50299" i="1"/>
  <c r="V50300" i="1"/>
  <c r="V50301" i="1"/>
  <c r="V50302" i="1"/>
  <c r="V50303" i="1"/>
  <c r="V50304" i="1"/>
  <c r="V50305" i="1"/>
  <c r="V50306" i="1"/>
  <c r="V50307" i="1"/>
  <c r="V50308" i="1"/>
  <c r="V50309" i="1"/>
  <c r="V50310" i="1"/>
  <c r="V50311" i="1"/>
  <c r="V50312" i="1"/>
  <c r="V50313" i="1"/>
  <c r="V50314" i="1"/>
  <c r="V50315" i="1"/>
  <c r="V50316" i="1"/>
  <c r="V50317" i="1"/>
  <c r="V50318" i="1"/>
  <c r="V50319" i="1"/>
  <c r="V50320" i="1"/>
  <c r="V50321" i="1"/>
  <c r="V50322" i="1"/>
  <c r="V50323" i="1"/>
  <c r="V50324" i="1"/>
  <c r="V50325" i="1"/>
  <c r="V50326" i="1"/>
  <c r="V50327" i="1"/>
  <c r="V50328" i="1"/>
  <c r="V50329" i="1"/>
  <c r="V50330" i="1"/>
  <c r="V50331" i="1"/>
  <c r="V50332" i="1"/>
  <c r="V50333" i="1"/>
  <c r="V50334" i="1"/>
  <c r="V50335" i="1"/>
  <c r="V50336" i="1"/>
  <c r="V50337" i="1"/>
  <c r="V50338" i="1"/>
  <c r="V50339" i="1"/>
  <c r="V50340" i="1"/>
  <c r="V50341" i="1"/>
  <c r="V50342" i="1"/>
  <c r="V50343" i="1"/>
  <c r="V50344" i="1"/>
  <c r="V50345" i="1"/>
  <c r="V50346" i="1"/>
  <c r="V50347" i="1"/>
  <c r="V50348" i="1"/>
  <c r="V50349" i="1"/>
  <c r="V50350" i="1"/>
  <c r="V50351" i="1"/>
  <c r="V50352" i="1"/>
  <c r="V50353" i="1"/>
  <c r="V50354" i="1"/>
  <c r="V50355" i="1"/>
  <c r="V50356" i="1"/>
  <c r="V50357" i="1"/>
  <c r="V50358" i="1"/>
  <c r="V50359" i="1"/>
  <c r="V50360" i="1"/>
  <c r="V50361" i="1"/>
  <c r="V50362" i="1"/>
  <c r="V50363" i="1"/>
  <c r="V50364" i="1"/>
  <c r="V50365" i="1"/>
  <c r="V50366" i="1"/>
  <c r="V50367" i="1"/>
  <c r="V50368" i="1"/>
  <c r="V50369" i="1"/>
  <c r="V50370" i="1"/>
  <c r="V50371" i="1"/>
  <c r="V50372" i="1"/>
  <c r="V50373" i="1"/>
  <c r="V50374" i="1"/>
  <c r="V50375" i="1"/>
  <c r="V50376" i="1"/>
  <c r="V50377" i="1"/>
  <c r="V50378" i="1"/>
  <c r="V50379" i="1"/>
  <c r="V50380" i="1"/>
  <c r="V50381" i="1"/>
  <c r="V50382" i="1"/>
  <c r="V50383" i="1"/>
  <c r="V50384" i="1"/>
  <c r="V50385" i="1"/>
  <c r="V50386" i="1"/>
  <c r="V50387" i="1"/>
  <c r="V50388" i="1"/>
  <c r="V50389" i="1"/>
  <c r="V50390" i="1"/>
  <c r="V50391" i="1"/>
  <c r="V50392" i="1"/>
  <c r="V50393" i="1"/>
  <c r="V50394" i="1"/>
  <c r="V50395" i="1"/>
  <c r="V50396" i="1"/>
  <c r="V50397" i="1"/>
  <c r="V50398" i="1"/>
  <c r="V50399" i="1"/>
  <c r="V50400" i="1"/>
  <c r="V50401" i="1"/>
  <c r="V50402" i="1"/>
  <c r="V50403" i="1"/>
  <c r="V50404" i="1"/>
  <c r="V50405" i="1"/>
  <c r="V50406" i="1"/>
  <c r="V50407" i="1"/>
  <c r="V50408" i="1"/>
  <c r="V50409" i="1"/>
  <c r="V50410" i="1"/>
  <c r="V50411" i="1"/>
  <c r="V50412" i="1"/>
  <c r="V50413" i="1"/>
  <c r="V50414" i="1"/>
  <c r="V50415" i="1"/>
  <c r="V50416" i="1"/>
  <c r="V50417" i="1"/>
  <c r="V50418" i="1"/>
  <c r="V50419" i="1"/>
  <c r="V50420" i="1"/>
  <c r="V50421" i="1"/>
  <c r="V50422" i="1"/>
  <c r="V50423" i="1"/>
  <c r="V50424" i="1"/>
  <c r="V50425" i="1"/>
  <c r="V50426" i="1"/>
  <c r="V50427" i="1"/>
  <c r="V50428" i="1"/>
  <c r="V50429" i="1"/>
  <c r="V50430" i="1"/>
  <c r="V50431" i="1"/>
  <c r="V50432" i="1"/>
  <c r="V50433" i="1"/>
  <c r="V50434" i="1"/>
  <c r="V50435" i="1"/>
  <c r="V50436" i="1"/>
  <c r="V50437" i="1"/>
  <c r="V50438" i="1"/>
  <c r="V50439" i="1"/>
  <c r="V50440" i="1"/>
  <c r="V50441" i="1"/>
  <c r="V50442" i="1"/>
  <c r="V50443" i="1"/>
  <c r="V50444" i="1"/>
  <c r="V50445" i="1"/>
  <c r="V50446" i="1"/>
  <c r="V50447" i="1"/>
  <c r="V50448" i="1"/>
  <c r="V50449" i="1"/>
  <c r="V50450" i="1"/>
  <c r="V50451" i="1"/>
  <c r="V50452" i="1"/>
  <c r="V50453" i="1"/>
  <c r="V50454" i="1"/>
  <c r="V50455" i="1"/>
  <c r="V50456" i="1"/>
  <c r="V50457" i="1"/>
  <c r="V50458" i="1"/>
  <c r="V50459" i="1"/>
  <c r="V50460" i="1"/>
  <c r="V50461" i="1"/>
  <c r="V50462" i="1"/>
  <c r="V50463" i="1"/>
  <c r="V50464" i="1"/>
  <c r="V50465" i="1"/>
  <c r="V50466" i="1"/>
  <c r="V50467" i="1"/>
  <c r="V50468" i="1"/>
  <c r="V50469" i="1"/>
  <c r="V50470" i="1"/>
  <c r="V50471" i="1"/>
  <c r="V50472" i="1"/>
  <c r="V50473" i="1"/>
  <c r="V50474" i="1"/>
  <c r="V50475" i="1"/>
  <c r="V50476" i="1"/>
  <c r="V50477" i="1"/>
  <c r="V50478" i="1"/>
  <c r="V50479" i="1"/>
  <c r="V50480" i="1"/>
  <c r="V50481" i="1"/>
  <c r="V50482" i="1"/>
  <c r="V50483" i="1"/>
  <c r="V50484" i="1"/>
  <c r="V50485" i="1"/>
  <c r="V50486" i="1"/>
  <c r="V50487" i="1"/>
  <c r="V50488" i="1"/>
  <c r="V50489" i="1"/>
  <c r="V50490" i="1"/>
  <c r="V50491" i="1"/>
  <c r="V50492" i="1"/>
  <c r="V50493" i="1"/>
  <c r="V50494" i="1"/>
  <c r="V50495" i="1"/>
  <c r="V50496" i="1"/>
  <c r="V50497" i="1"/>
  <c r="V50498" i="1"/>
  <c r="V50499" i="1"/>
  <c r="V50500" i="1"/>
  <c r="V50501" i="1"/>
  <c r="V50502" i="1"/>
  <c r="V50503" i="1"/>
  <c r="V50504" i="1"/>
  <c r="V50505" i="1"/>
  <c r="V50506" i="1"/>
  <c r="V50507" i="1"/>
  <c r="V50508" i="1"/>
  <c r="V50509" i="1"/>
  <c r="V50510" i="1"/>
  <c r="V50511" i="1"/>
  <c r="V50512" i="1"/>
  <c r="V50513" i="1"/>
  <c r="V50514" i="1"/>
  <c r="V50515" i="1"/>
  <c r="V50516" i="1"/>
  <c r="V50517" i="1"/>
  <c r="V50518" i="1"/>
  <c r="V50519" i="1"/>
  <c r="V50520" i="1"/>
  <c r="V50521" i="1"/>
  <c r="V50522" i="1"/>
  <c r="V50523" i="1"/>
  <c r="V50524" i="1"/>
  <c r="V50525" i="1"/>
  <c r="V50526" i="1"/>
  <c r="V50527" i="1"/>
  <c r="V50528" i="1"/>
  <c r="V50529" i="1"/>
  <c r="V50530" i="1"/>
  <c r="V50531" i="1"/>
  <c r="V50532" i="1"/>
  <c r="V50533" i="1"/>
  <c r="V50534" i="1"/>
  <c r="V50535" i="1"/>
  <c r="V50536" i="1"/>
  <c r="V50537" i="1"/>
  <c r="V50538" i="1"/>
  <c r="V50539" i="1"/>
  <c r="V50540" i="1"/>
  <c r="V50541" i="1"/>
  <c r="V50542" i="1"/>
  <c r="V50543" i="1"/>
  <c r="V50544" i="1"/>
  <c r="V50545" i="1"/>
  <c r="V50546" i="1"/>
  <c r="V50547" i="1"/>
  <c r="V50548" i="1"/>
  <c r="V50549" i="1"/>
  <c r="V50550" i="1"/>
  <c r="V50551" i="1"/>
  <c r="V50552" i="1"/>
  <c r="V50553" i="1"/>
  <c r="V50554" i="1"/>
  <c r="V50555" i="1"/>
  <c r="V50556" i="1"/>
  <c r="V50557" i="1"/>
  <c r="V50558" i="1"/>
  <c r="V50559" i="1"/>
  <c r="V50560" i="1"/>
  <c r="V50561" i="1"/>
  <c r="V50562" i="1"/>
  <c r="V50563" i="1"/>
  <c r="V50564" i="1"/>
  <c r="V50565" i="1"/>
  <c r="V50566" i="1"/>
  <c r="V50567" i="1"/>
  <c r="V50568" i="1"/>
  <c r="V50569" i="1"/>
  <c r="V50570" i="1"/>
  <c r="V50571" i="1"/>
  <c r="V50572" i="1"/>
  <c r="V50573" i="1"/>
  <c r="V50574" i="1"/>
  <c r="V50575" i="1"/>
  <c r="V50576" i="1"/>
  <c r="V50577" i="1"/>
  <c r="V50578" i="1"/>
  <c r="V50579" i="1"/>
  <c r="V50580" i="1"/>
  <c r="V50581" i="1"/>
  <c r="V50582" i="1"/>
  <c r="V50583" i="1"/>
  <c r="V50584" i="1"/>
  <c r="V50585" i="1"/>
  <c r="V50586" i="1"/>
  <c r="V50587" i="1"/>
  <c r="V50588" i="1"/>
  <c r="V50589" i="1"/>
  <c r="V50590" i="1"/>
  <c r="V50591" i="1"/>
  <c r="V50592" i="1"/>
  <c r="V50593" i="1"/>
  <c r="V50594" i="1"/>
  <c r="V50595" i="1"/>
  <c r="V50596" i="1"/>
  <c r="V50597" i="1"/>
  <c r="V50598" i="1"/>
  <c r="V50599" i="1"/>
  <c r="V50600" i="1"/>
  <c r="V50601" i="1"/>
  <c r="V50602" i="1"/>
  <c r="V50603" i="1"/>
  <c r="V50604" i="1"/>
  <c r="V50605" i="1"/>
  <c r="V50606" i="1"/>
  <c r="V50607" i="1"/>
  <c r="V50608" i="1"/>
  <c r="V50609" i="1"/>
  <c r="V50610" i="1"/>
  <c r="V50611" i="1"/>
  <c r="V50612" i="1"/>
  <c r="V50613" i="1"/>
  <c r="V50614" i="1"/>
  <c r="V50615" i="1"/>
  <c r="V50616" i="1"/>
  <c r="V50617" i="1"/>
  <c r="V50618" i="1"/>
  <c r="V50619" i="1"/>
  <c r="V50620" i="1"/>
  <c r="V50621" i="1"/>
  <c r="V50622" i="1"/>
  <c r="V50623" i="1"/>
  <c r="V50624" i="1"/>
  <c r="V50625" i="1"/>
  <c r="V50626" i="1"/>
  <c r="V50627" i="1"/>
  <c r="V50628" i="1"/>
  <c r="V50629" i="1"/>
  <c r="V50630" i="1"/>
  <c r="V50631" i="1"/>
  <c r="V50632" i="1"/>
  <c r="V50633" i="1"/>
  <c r="V50634" i="1"/>
  <c r="V50635" i="1"/>
  <c r="V50636" i="1"/>
  <c r="V50637" i="1"/>
  <c r="V50638" i="1"/>
  <c r="V50639" i="1"/>
  <c r="V50640" i="1"/>
  <c r="V50641" i="1"/>
  <c r="V50642" i="1"/>
  <c r="V50643" i="1"/>
  <c r="V50644" i="1"/>
  <c r="V50645" i="1"/>
  <c r="V50646" i="1"/>
  <c r="V50647" i="1"/>
  <c r="V50648" i="1"/>
  <c r="V50649" i="1"/>
  <c r="V50650" i="1"/>
  <c r="V50651" i="1"/>
  <c r="V50652" i="1"/>
  <c r="V50653" i="1"/>
  <c r="V50654" i="1"/>
  <c r="V50655" i="1"/>
  <c r="V50656" i="1"/>
  <c r="V50657" i="1"/>
  <c r="V50658" i="1"/>
  <c r="V50659" i="1"/>
  <c r="V50660" i="1"/>
  <c r="V50661" i="1"/>
  <c r="V50662" i="1"/>
  <c r="V50663" i="1"/>
  <c r="V50664" i="1"/>
  <c r="V50665" i="1"/>
  <c r="V50666" i="1"/>
  <c r="V50667" i="1"/>
  <c r="V50668" i="1"/>
  <c r="V50669" i="1"/>
  <c r="V50670" i="1"/>
  <c r="V50671" i="1"/>
  <c r="V50672" i="1"/>
  <c r="V50673" i="1"/>
  <c r="V50674" i="1"/>
  <c r="V50675" i="1"/>
  <c r="V50676" i="1"/>
  <c r="V50677" i="1"/>
  <c r="V50678" i="1"/>
  <c r="V50679" i="1"/>
  <c r="V50680" i="1"/>
  <c r="V50681" i="1"/>
  <c r="V50682" i="1"/>
  <c r="V50683" i="1"/>
  <c r="V50684" i="1"/>
  <c r="V50685" i="1"/>
  <c r="V50686" i="1"/>
  <c r="V50687" i="1"/>
  <c r="V50688" i="1"/>
  <c r="V50689" i="1"/>
  <c r="V50690" i="1"/>
  <c r="V50691" i="1"/>
  <c r="V50692" i="1"/>
  <c r="V50693" i="1"/>
  <c r="V50694" i="1"/>
  <c r="V50695" i="1"/>
  <c r="V50696" i="1"/>
  <c r="V50697" i="1"/>
  <c r="V50698" i="1"/>
  <c r="V50699" i="1"/>
  <c r="V50700" i="1"/>
  <c r="V50701" i="1"/>
  <c r="V50702" i="1"/>
  <c r="V50703" i="1"/>
  <c r="V50704" i="1"/>
  <c r="V50705" i="1"/>
  <c r="V50706" i="1"/>
  <c r="V50707" i="1"/>
  <c r="V50708" i="1"/>
  <c r="V50709" i="1"/>
  <c r="V50710" i="1"/>
  <c r="V50711" i="1"/>
  <c r="V50712" i="1"/>
  <c r="V50713" i="1"/>
  <c r="V50714" i="1"/>
  <c r="V50715" i="1"/>
  <c r="V50716" i="1"/>
  <c r="V50717" i="1"/>
  <c r="V50718" i="1"/>
  <c r="V50719" i="1"/>
  <c r="V50720" i="1"/>
  <c r="V50721" i="1"/>
  <c r="V50722" i="1"/>
  <c r="V50723" i="1"/>
  <c r="V50724" i="1"/>
  <c r="V50725" i="1"/>
  <c r="V50726" i="1"/>
  <c r="V50727" i="1"/>
  <c r="V50728" i="1"/>
  <c r="V50729" i="1"/>
  <c r="V50730" i="1"/>
  <c r="V50731" i="1"/>
  <c r="V50732" i="1"/>
  <c r="V50733" i="1"/>
  <c r="V50734" i="1"/>
  <c r="V50735" i="1"/>
  <c r="V50736" i="1"/>
  <c r="V50737" i="1"/>
  <c r="V50738" i="1"/>
  <c r="V50739" i="1"/>
  <c r="V50740" i="1"/>
  <c r="V50741" i="1"/>
  <c r="V50742" i="1"/>
  <c r="V50743" i="1"/>
  <c r="V50744" i="1"/>
  <c r="V50745" i="1"/>
  <c r="V50746" i="1"/>
  <c r="V50747" i="1"/>
  <c r="V50748" i="1"/>
  <c r="V50749" i="1"/>
  <c r="V50750" i="1"/>
  <c r="V50751" i="1"/>
  <c r="V50752" i="1"/>
  <c r="V50753" i="1"/>
  <c r="V50754" i="1"/>
  <c r="V50755" i="1"/>
  <c r="V50756" i="1"/>
  <c r="V50757" i="1"/>
  <c r="V50758" i="1"/>
  <c r="V50759" i="1"/>
  <c r="V50760" i="1"/>
  <c r="V50761" i="1"/>
  <c r="V50762" i="1"/>
  <c r="V50763" i="1"/>
  <c r="V50764" i="1"/>
  <c r="V50765" i="1"/>
  <c r="V50766" i="1"/>
  <c r="V50767" i="1"/>
  <c r="V50768" i="1"/>
  <c r="V50769" i="1"/>
  <c r="V50770" i="1"/>
  <c r="V50771" i="1"/>
  <c r="V50772" i="1"/>
  <c r="V50773" i="1"/>
  <c r="V50774" i="1"/>
  <c r="V50775" i="1"/>
  <c r="V50776" i="1"/>
  <c r="V50777" i="1"/>
  <c r="V50778" i="1"/>
  <c r="V50779" i="1"/>
  <c r="V50780" i="1"/>
  <c r="V50781" i="1"/>
  <c r="V50782" i="1"/>
  <c r="V50783" i="1"/>
  <c r="V50784" i="1"/>
  <c r="V50785" i="1"/>
  <c r="V50786" i="1"/>
  <c r="V50787" i="1"/>
  <c r="V50788" i="1"/>
  <c r="V50789" i="1"/>
  <c r="V50790" i="1"/>
  <c r="V50791" i="1"/>
  <c r="V50792" i="1"/>
  <c r="V50793" i="1"/>
  <c r="V50794" i="1"/>
  <c r="V50795" i="1"/>
  <c r="V50796" i="1"/>
  <c r="V50797" i="1"/>
  <c r="V50798" i="1"/>
  <c r="V50799" i="1"/>
  <c r="V50800" i="1"/>
  <c r="V50801" i="1"/>
  <c r="V50802" i="1"/>
  <c r="V50803" i="1"/>
  <c r="V50804" i="1"/>
  <c r="V50805" i="1"/>
  <c r="V50806" i="1"/>
  <c r="V50807" i="1"/>
  <c r="V50808" i="1"/>
  <c r="V50809" i="1"/>
  <c r="V50810" i="1"/>
  <c r="V50811" i="1"/>
  <c r="V50812" i="1"/>
  <c r="V50813" i="1"/>
  <c r="V50814" i="1"/>
  <c r="V50815" i="1"/>
  <c r="V50816" i="1"/>
  <c r="V50817" i="1"/>
  <c r="V50818" i="1"/>
  <c r="V50819" i="1"/>
  <c r="V50820" i="1"/>
  <c r="V50821" i="1"/>
  <c r="V50822" i="1"/>
  <c r="V50823" i="1"/>
  <c r="V50824" i="1"/>
  <c r="V50825" i="1"/>
  <c r="V50826" i="1"/>
  <c r="V50827" i="1"/>
  <c r="V50828" i="1"/>
  <c r="V50829" i="1"/>
  <c r="V50830" i="1"/>
  <c r="V50831" i="1"/>
  <c r="V50832" i="1"/>
  <c r="V50833" i="1"/>
  <c r="V50834" i="1"/>
  <c r="V50835" i="1"/>
  <c r="V50836" i="1"/>
  <c r="V50837" i="1"/>
  <c r="V50838" i="1"/>
  <c r="V50839" i="1"/>
  <c r="V50840" i="1"/>
  <c r="V50841" i="1"/>
  <c r="V50842" i="1"/>
  <c r="V50843" i="1"/>
  <c r="V50844" i="1"/>
  <c r="V50845" i="1"/>
  <c r="V50846" i="1"/>
  <c r="V50847" i="1"/>
  <c r="V50848" i="1"/>
  <c r="V50849" i="1"/>
  <c r="V50850" i="1"/>
  <c r="V50851" i="1"/>
  <c r="V50852" i="1"/>
  <c r="V50853" i="1"/>
  <c r="V50854" i="1"/>
  <c r="V50855" i="1"/>
  <c r="V50856" i="1"/>
  <c r="V50857" i="1"/>
  <c r="V50858" i="1"/>
  <c r="V50859" i="1"/>
  <c r="V50860" i="1"/>
  <c r="V50861" i="1"/>
  <c r="V50862" i="1"/>
  <c r="V50863" i="1"/>
  <c r="V50864" i="1"/>
  <c r="V50865" i="1"/>
  <c r="V50866" i="1"/>
  <c r="V50867" i="1"/>
  <c r="V50868" i="1"/>
  <c r="V50869" i="1"/>
  <c r="V50870" i="1"/>
  <c r="V50871" i="1"/>
  <c r="V50872" i="1"/>
  <c r="V50873" i="1"/>
  <c r="V50874" i="1"/>
  <c r="V50875" i="1"/>
  <c r="V50876" i="1"/>
  <c r="V50877" i="1"/>
  <c r="V50878" i="1"/>
  <c r="V50879" i="1"/>
  <c r="V50880" i="1"/>
  <c r="V50881" i="1"/>
  <c r="V50882" i="1"/>
  <c r="V50883" i="1"/>
  <c r="V50884" i="1"/>
  <c r="V50885" i="1"/>
  <c r="V50886" i="1"/>
  <c r="V50887" i="1"/>
  <c r="V50888" i="1"/>
  <c r="V50889" i="1"/>
  <c r="V50890" i="1"/>
  <c r="V50891" i="1"/>
  <c r="V50892" i="1"/>
  <c r="V50893" i="1"/>
  <c r="V50894" i="1"/>
  <c r="V50895" i="1"/>
  <c r="V50896" i="1"/>
  <c r="V50897" i="1"/>
  <c r="V50898" i="1"/>
  <c r="V50899" i="1"/>
  <c r="V50900" i="1"/>
  <c r="V50901" i="1"/>
  <c r="V50902" i="1"/>
  <c r="V50903" i="1"/>
  <c r="V50904" i="1"/>
  <c r="V50905" i="1"/>
  <c r="V50906" i="1"/>
  <c r="V50907" i="1"/>
  <c r="V50908" i="1"/>
  <c r="V50909" i="1"/>
  <c r="V50910" i="1"/>
  <c r="V50911" i="1"/>
  <c r="V50912" i="1"/>
  <c r="V50913" i="1"/>
  <c r="V50914" i="1"/>
  <c r="V50915" i="1"/>
  <c r="V50916" i="1"/>
  <c r="V50917" i="1"/>
  <c r="V50918" i="1"/>
  <c r="V50919" i="1"/>
  <c r="V50920" i="1"/>
  <c r="V50921" i="1"/>
  <c r="V50922" i="1"/>
  <c r="V50923" i="1"/>
  <c r="V50924" i="1"/>
  <c r="V50925" i="1"/>
  <c r="V50926" i="1"/>
  <c r="V50927" i="1"/>
  <c r="V50928" i="1"/>
  <c r="V50929" i="1"/>
  <c r="V50930" i="1"/>
  <c r="V50931" i="1"/>
  <c r="V50932" i="1"/>
  <c r="V50933" i="1"/>
  <c r="V50934" i="1"/>
  <c r="V50935" i="1"/>
  <c r="V50936" i="1"/>
  <c r="V50937" i="1"/>
  <c r="V50938" i="1"/>
  <c r="V50939" i="1"/>
  <c r="V50940" i="1"/>
  <c r="V50941" i="1"/>
  <c r="V50942" i="1"/>
  <c r="V50943" i="1"/>
  <c r="V50944" i="1"/>
  <c r="V50945" i="1"/>
  <c r="V50946" i="1"/>
  <c r="V50947" i="1"/>
  <c r="V50948" i="1"/>
  <c r="V50949" i="1"/>
  <c r="V50950" i="1"/>
  <c r="V50951" i="1"/>
  <c r="V50952" i="1"/>
  <c r="V50953" i="1"/>
  <c r="V50954" i="1"/>
  <c r="V50955" i="1"/>
  <c r="V50956" i="1"/>
  <c r="V50957" i="1"/>
  <c r="V50958" i="1"/>
  <c r="V50959" i="1"/>
  <c r="V50960" i="1"/>
  <c r="V50961" i="1"/>
  <c r="V50962" i="1"/>
  <c r="V50963" i="1"/>
  <c r="V50964" i="1"/>
  <c r="V50965" i="1"/>
  <c r="V50966" i="1"/>
  <c r="V50967" i="1"/>
  <c r="V50968" i="1"/>
  <c r="V50969" i="1"/>
  <c r="V50970" i="1"/>
  <c r="V50971" i="1"/>
  <c r="V50972" i="1"/>
  <c r="V50973" i="1"/>
  <c r="V50974" i="1"/>
  <c r="V50975" i="1"/>
  <c r="V50976" i="1"/>
  <c r="V50977" i="1"/>
  <c r="V50978" i="1"/>
  <c r="V50979" i="1"/>
  <c r="V50980" i="1"/>
  <c r="V50981" i="1"/>
  <c r="V50982" i="1"/>
  <c r="V50983" i="1"/>
  <c r="V50984" i="1"/>
  <c r="V50985" i="1"/>
  <c r="V50986" i="1"/>
  <c r="V50987" i="1"/>
  <c r="V50988" i="1"/>
  <c r="V50989" i="1"/>
  <c r="V50990" i="1"/>
  <c r="V50991" i="1"/>
  <c r="V50992" i="1"/>
  <c r="V50993" i="1"/>
  <c r="V50994" i="1"/>
  <c r="V50995" i="1"/>
  <c r="V50996" i="1"/>
  <c r="V50997" i="1"/>
  <c r="V50998" i="1"/>
  <c r="V50999" i="1"/>
  <c r="V51000" i="1"/>
  <c r="V51001" i="1"/>
  <c r="V51002" i="1"/>
  <c r="V51003" i="1"/>
  <c r="V51004" i="1"/>
  <c r="V51005" i="1"/>
  <c r="V51006" i="1"/>
  <c r="V51007" i="1"/>
  <c r="V51008" i="1"/>
  <c r="V51009" i="1"/>
  <c r="V51010" i="1"/>
  <c r="V51011" i="1"/>
  <c r="V51012" i="1"/>
  <c r="V51013" i="1"/>
  <c r="V51014" i="1"/>
  <c r="V51015" i="1"/>
  <c r="V51016" i="1"/>
  <c r="V51017" i="1"/>
  <c r="V51018" i="1"/>
  <c r="V51019" i="1"/>
  <c r="V51020" i="1"/>
  <c r="V51021" i="1"/>
  <c r="V51022" i="1"/>
  <c r="V51023" i="1"/>
  <c r="V51024" i="1"/>
  <c r="V51025" i="1"/>
  <c r="V51026" i="1"/>
  <c r="V51027" i="1"/>
  <c r="V51028" i="1"/>
  <c r="V51029" i="1"/>
  <c r="V51030" i="1"/>
  <c r="V51031" i="1"/>
  <c r="V51032" i="1"/>
  <c r="V51033" i="1"/>
  <c r="V51034" i="1"/>
  <c r="V51035" i="1"/>
  <c r="V51036" i="1"/>
  <c r="V51037" i="1"/>
  <c r="V51038" i="1"/>
  <c r="V51039" i="1"/>
  <c r="V51040" i="1"/>
  <c r="V51041" i="1"/>
  <c r="V51042" i="1"/>
  <c r="V51043" i="1"/>
  <c r="V51044" i="1"/>
  <c r="V51045" i="1"/>
  <c r="V51046" i="1"/>
  <c r="V51047" i="1"/>
  <c r="V51048" i="1"/>
  <c r="V51049" i="1"/>
  <c r="V51050" i="1"/>
  <c r="V51051" i="1"/>
  <c r="V51052" i="1"/>
  <c r="V51053" i="1"/>
  <c r="V51054" i="1"/>
  <c r="V51055" i="1"/>
  <c r="V51056" i="1"/>
  <c r="V51057" i="1"/>
  <c r="V51058" i="1"/>
  <c r="V51059" i="1"/>
  <c r="V51060" i="1"/>
  <c r="V51061" i="1"/>
  <c r="V51062" i="1"/>
  <c r="V51063" i="1"/>
  <c r="V51064" i="1"/>
  <c r="V51065" i="1"/>
  <c r="V51066" i="1"/>
  <c r="V51067" i="1"/>
  <c r="V51068" i="1"/>
  <c r="V51069" i="1"/>
  <c r="V51070" i="1"/>
  <c r="V51071" i="1"/>
  <c r="V51072" i="1"/>
  <c r="V51073" i="1"/>
  <c r="V51074" i="1"/>
  <c r="V51075" i="1"/>
  <c r="V51076" i="1"/>
  <c r="V51077" i="1"/>
  <c r="V51078" i="1"/>
  <c r="V51079" i="1"/>
  <c r="V51080" i="1"/>
  <c r="V51081" i="1"/>
  <c r="V51082" i="1"/>
  <c r="V51083" i="1"/>
  <c r="V51084" i="1"/>
  <c r="V51085" i="1"/>
  <c r="V51086" i="1"/>
  <c r="V51087" i="1"/>
  <c r="V51088" i="1"/>
  <c r="V51089" i="1"/>
  <c r="V51090" i="1"/>
  <c r="V51091" i="1"/>
  <c r="V51092" i="1"/>
  <c r="V51093" i="1"/>
  <c r="V51094" i="1"/>
  <c r="V51095" i="1"/>
  <c r="V51096" i="1"/>
  <c r="V51097" i="1"/>
  <c r="V51098" i="1"/>
  <c r="V51099" i="1"/>
  <c r="V51100" i="1"/>
  <c r="V51101" i="1"/>
  <c r="V51102" i="1"/>
  <c r="V51103" i="1"/>
  <c r="V51104" i="1"/>
  <c r="V51105" i="1"/>
  <c r="V51106" i="1"/>
  <c r="V51107" i="1"/>
  <c r="V51108" i="1"/>
  <c r="V51109" i="1"/>
  <c r="V51110" i="1"/>
  <c r="V51111" i="1"/>
  <c r="V51112" i="1"/>
  <c r="V51113" i="1"/>
  <c r="V51114" i="1"/>
  <c r="V51115" i="1"/>
  <c r="V51116" i="1"/>
  <c r="V51117" i="1"/>
  <c r="V51118" i="1"/>
  <c r="V51119" i="1"/>
  <c r="V51120" i="1"/>
  <c r="V51121" i="1"/>
  <c r="V51122" i="1"/>
  <c r="V51123" i="1"/>
  <c r="V51124" i="1"/>
  <c r="V51125" i="1"/>
  <c r="V51126" i="1"/>
  <c r="V51127" i="1"/>
  <c r="V51128" i="1"/>
  <c r="V51129" i="1"/>
  <c r="V51130" i="1"/>
  <c r="V51131" i="1"/>
  <c r="V51132" i="1"/>
  <c r="V51133" i="1"/>
  <c r="V51134" i="1"/>
  <c r="V51135" i="1"/>
  <c r="V51136" i="1"/>
  <c r="V51137" i="1"/>
  <c r="V51138" i="1"/>
  <c r="V51139" i="1"/>
  <c r="V51140" i="1"/>
  <c r="V51141" i="1"/>
  <c r="V51142" i="1"/>
  <c r="V51143" i="1"/>
  <c r="V51144" i="1"/>
  <c r="V51145" i="1"/>
  <c r="V51146" i="1"/>
  <c r="V51147" i="1"/>
  <c r="V51148" i="1"/>
  <c r="V51149" i="1"/>
  <c r="V51150" i="1"/>
  <c r="V51151" i="1"/>
  <c r="V51152" i="1"/>
  <c r="V51153" i="1"/>
  <c r="V51154" i="1"/>
  <c r="V51155" i="1"/>
  <c r="V51156" i="1"/>
  <c r="V51157" i="1"/>
  <c r="V51158" i="1"/>
  <c r="V51159" i="1"/>
  <c r="V51160" i="1"/>
  <c r="V51161" i="1"/>
  <c r="V51162" i="1"/>
  <c r="V51163" i="1"/>
  <c r="V51164" i="1"/>
  <c r="V51165" i="1"/>
  <c r="V51166" i="1"/>
  <c r="V51167" i="1"/>
  <c r="V51168" i="1"/>
  <c r="V51169" i="1"/>
  <c r="V51170" i="1"/>
  <c r="V51171" i="1"/>
  <c r="V51172" i="1"/>
  <c r="V51173" i="1"/>
  <c r="V51174" i="1"/>
  <c r="V51175" i="1"/>
  <c r="V51176" i="1"/>
  <c r="V51177" i="1"/>
  <c r="V51178" i="1"/>
  <c r="V51179" i="1"/>
  <c r="V51180" i="1"/>
  <c r="V51181" i="1"/>
  <c r="V51182" i="1"/>
  <c r="V51183" i="1"/>
  <c r="V51184" i="1"/>
  <c r="V51185" i="1"/>
  <c r="V51186" i="1"/>
  <c r="V51187" i="1"/>
  <c r="V51188" i="1"/>
  <c r="V51189" i="1"/>
  <c r="V51190" i="1"/>
  <c r="V51191" i="1"/>
  <c r="V51192" i="1"/>
  <c r="V51193" i="1"/>
  <c r="V51194" i="1"/>
  <c r="V51195" i="1"/>
  <c r="V51196" i="1"/>
  <c r="V51197" i="1"/>
  <c r="V51198" i="1"/>
  <c r="V51199" i="1"/>
  <c r="V51200" i="1"/>
  <c r="V51201" i="1"/>
  <c r="V51202" i="1"/>
  <c r="V51203" i="1"/>
  <c r="V51204" i="1"/>
  <c r="V51205" i="1"/>
  <c r="V51206" i="1"/>
  <c r="V51207" i="1"/>
  <c r="V51208" i="1"/>
  <c r="V51209" i="1"/>
  <c r="V51210" i="1"/>
  <c r="V51211" i="1"/>
  <c r="V51212" i="1"/>
  <c r="V51213" i="1"/>
  <c r="V51214" i="1"/>
  <c r="V51215" i="1"/>
  <c r="V51216" i="1"/>
  <c r="V51217" i="1"/>
  <c r="V51218" i="1"/>
  <c r="V51219" i="1"/>
  <c r="V51220" i="1"/>
  <c r="V51221" i="1"/>
  <c r="V51222" i="1"/>
  <c r="V51223" i="1"/>
  <c r="V51224" i="1"/>
  <c r="V51225" i="1"/>
  <c r="V51226" i="1"/>
  <c r="V51227" i="1"/>
  <c r="V51228" i="1"/>
  <c r="V51229" i="1"/>
  <c r="V51230" i="1"/>
  <c r="V51231" i="1"/>
  <c r="V51232" i="1"/>
  <c r="V51233" i="1"/>
  <c r="V51234" i="1"/>
  <c r="V51235" i="1"/>
  <c r="V51236" i="1"/>
  <c r="V51237" i="1"/>
  <c r="V51238" i="1"/>
  <c r="V51239" i="1"/>
  <c r="V51240" i="1"/>
  <c r="V51241" i="1"/>
  <c r="V51242" i="1"/>
  <c r="V51243" i="1"/>
  <c r="V51244" i="1"/>
  <c r="V51245" i="1"/>
  <c r="V51246" i="1"/>
  <c r="V51247" i="1"/>
  <c r="V51248" i="1"/>
  <c r="V51249" i="1"/>
  <c r="V51250" i="1"/>
  <c r="V51251" i="1"/>
  <c r="V51252" i="1"/>
  <c r="V51253" i="1"/>
  <c r="V51254" i="1"/>
  <c r="V51255" i="1"/>
  <c r="V51256" i="1"/>
  <c r="V51257" i="1"/>
  <c r="V51258" i="1"/>
  <c r="V51259" i="1"/>
  <c r="V51260" i="1"/>
  <c r="V51261" i="1"/>
  <c r="V51262" i="1"/>
  <c r="V51263" i="1"/>
  <c r="V51264" i="1"/>
  <c r="V51265" i="1"/>
  <c r="V51266" i="1"/>
  <c r="V51267" i="1"/>
  <c r="V51268" i="1"/>
  <c r="V51269" i="1"/>
  <c r="V51270" i="1"/>
  <c r="V51271" i="1"/>
  <c r="V51272" i="1"/>
  <c r="V51273" i="1"/>
  <c r="V51274" i="1"/>
  <c r="V51275" i="1"/>
  <c r="V51276" i="1"/>
  <c r="V51277" i="1"/>
  <c r="V51278" i="1"/>
  <c r="V51279" i="1"/>
  <c r="V51280" i="1"/>
  <c r="V51281" i="1"/>
  <c r="V51282" i="1"/>
  <c r="V51283" i="1"/>
  <c r="V51284" i="1"/>
  <c r="V51285" i="1"/>
  <c r="V51286" i="1"/>
  <c r="V51287" i="1"/>
  <c r="V51288" i="1"/>
  <c r="V51289" i="1"/>
  <c r="V51290" i="1"/>
  <c r="V51291" i="1"/>
  <c r="V51292" i="1"/>
  <c r="V51293" i="1"/>
  <c r="V51294" i="1"/>
  <c r="V51295" i="1"/>
  <c r="V51296" i="1"/>
  <c r="V51297" i="1"/>
  <c r="V51298" i="1"/>
  <c r="V51299" i="1"/>
  <c r="V51300" i="1"/>
  <c r="V51301" i="1"/>
  <c r="V51302" i="1"/>
  <c r="V51303" i="1"/>
  <c r="V51304" i="1"/>
  <c r="V51305" i="1"/>
  <c r="V51306" i="1"/>
  <c r="V51307" i="1"/>
  <c r="V51308" i="1"/>
  <c r="V51309" i="1"/>
  <c r="V51310" i="1"/>
  <c r="V51311" i="1"/>
  <c r="V51312" i="1"/>
  <c r="V51313" i="1"/>
  <c r="V51314" i="1"/>
  <c r="V51315" i="1"/>
  <c r="V51316" i="1"/>
  <c r="V51317" i="1"/>
  <c r="V51318" i="1"/>
  <c r="V51319" i="1"/>
  <c r="V51320" i="1"/>
  <c r="V51321" i="1"/>
  <c r="V51322" i="1"/>
  <c r="V51323" i="1"/>
  <c r="V51324" i="1"/>
  <c r="V51325" i="1"/>
  <c r="V51326" i="1"/>
  <c r="V51327" i="1"/>
  <c r="V51328" i="1"/>
  <c r="V51329" i="1"/>
  <c r="V51330" i="1"/>
  <c r="V51331" i="1"/>
  <c r="V51332" i="1"/>
  <c r="V51333" i="1"/>
  <c r="V51334" i="1"/>
  <c r="V51335" i="1"/>
  <c r="V51336" i="1"/>
  <c r="V51337" i="1"/>
  <c r="V51338" i="1"/>
  <c r="V51339" i="1"/>
  <c r="V51340" i="1"/>
  <c r="V51341" i="1"/>
  <c r="V51342" i="1"/>
  <c r="V51343" i="1"/>
  <c r="V51344" i="1"/>
  <c r="V51345" i="1"/>
  <c r="V51346" i="1"/>
  <c r="V51347" i="1"/>
  <c r="V51348" i="1"/>
  <c r="V51349" i="1"/>
  <c r="V51350" i="1"/>
  <c r="V51351" i="1"/>
  <c r="V51352" i="1"/>
  <c r="V51353" i="1"/>
  <c r="V51354" i="1"/>
  <c r="V51355" i="1"/>
  <c r="V51356" i="1"/>
  <c r="V51357" i="1"/>
  <c r="V51358" i="1"/>
  <c r="V51359" i="1"/>
  <c r="V51360" i="1"/>
  <c r="V51361" i="1"/>
  <c r="V51362" i="1"/>
  <c r="V51363" i="1"/>
  <c r="V51364" i="1"/>
  <c r="V51365" i="1"/>
  <c r="V51366" i="1"/>
  <c r="V51367" i="1"/>
  <c r="V51368" i="1"/>
  <c r="V51369" i="1"/>
  <c r="V51370" i="1"/>
  <c r="V51371" i="1"/>
  <c r="V51372" i="1"/>
  <c r="V51373" i="1"/>
  <c r="V51374" i="1"/>
  <c r="V51375" i="1"/>
  <c r="V51376" i="1"/>
  <c r="V51377" i="1"/>
  <c r="V51378" i="1"/>
  <c r="V51379" i="1"/>
  <c r="V51380" i="1"/>
  <c r="V51381" i="1"/>
  <c r="V51382" i="1"/>
  <c r="V51383" i="1"/>
  <c r="V51384" i="1"/>
  <c r="V51385" i="1"/>
  <c r="V51386" i="1"/>
  <c r="V51387" i="1"/>
  <c r="V51388" i="1"/>
  <c r="V51389" i="1"/>
  <c r="V51390" i="1"/>
  <c r="V51391" i="1"/>
  <c r="V51392" i="1"/>
  <c r="V51393" i="1"/>
  <c r="V51394" i="1"/>
  <c r="V51395" i="1"/>
  <c r="V51396" i="1"/>
  <c r="V51397" i="1"/>
  <c r="V51398" i="1"/>
  <c r="V51399" i="1"/>
  <c r="V51400" i="1"/>
  <c r="V51401" i="1"/>
  <c r="V51402" i="1"/>
  <c r="V51403" i="1"/>
  <c r="V51404" i="1"/>
  <c r="V51405" i="1"/>
  <c r="V51406" i="1"/>
  <c r="V51407" i="1"/>
  <c r="V51408" i="1"/>
  <c r="V51409" i="1"/>
  <c r="V51410" i="1"/>
  <c r="V51411" i="1"/>
  <c r="V51412" i="1"/>
  <c r="V51413" i="1"/>
  <c r="V51414" i="1"/>
  <c r="V51415" i="1"/>
  <c r="V51416" i="1"/>
  <c r="V51417" i="1"/>
  <c r="V51418" i="1"/>
  <c r="V51419" i="1"/>
  <c r="V51420" i="1"/>
  <c r="V51421" i="1"/>
  <c r="V51422" i="1"/>
  <c r="V51423" i="1"/>
  <c r="V51424" i="1"/>
  <c r="V51425" i="1"/>
  <c r="V51426" i="1"/>
  <c r="V51427" i="1"/>
  <c r="V51428" i="1"/>
  <c r="V51429" i="1"/>
  <c r="V51430" i="1"/>
  <c r="V51431" i="1"/>
  <c r="V51432" i="1"/>
  <c r="V51433" i="1"/>
  <c r="V51434" i="1"/>
  <c r="V51435" i="1"/>
  <c r="V51436" i="1"/>
  <c r="V51437" i="1"/>
  <c r="V51438" i="1"/>
  <c r="V51439" i="1"/>
  <c r="V51440" i="1"/>
  <c r="V51441" i="1"/>
  <c r="V51442" i="1"/>
  <c r="V51443" i="1"/>
  <c r="V51444" i="1"/>
  <c r="V51445" i="1"/>
  <c r="V51446" i="1"/>
  <c r="V51447" i="1"/>
  <c r="V51448" i="1"/>
  <c r="V51449" i="1"/>
  <c r="V51450" i="1"/>
  <c r="V51451" i="1"/>
  <c r="V51452" i="1"/>
  <c r="V51453" i="1"/>
  <c r="V51454" i="1"/>
  <c r="V51455" i="1"/>
  <c r="V51456" i="1"/>
  <c r="V51457" i="1"/>
  <c r="V51458" i="1"/>
  <c r="V51459" i="1"/>
  <c r="V51460" i="1"/>
  <c r="V51461" i="1"/>
  <c r="V51462" i="1"/>
  <c r="V51463" i="1"/>
  <c r="V51464" i="1"/>
  <c r="V51465" i="1"/>
  <c r="V51466" i="1"/>
  <c r="V51467" i="1"/>
  <c r="V51468" i="1"/>
  <c r="V51469" i="1"/>
  <c r="V51470" i="1"/>
  <c r="V51471" i="1"/>
  <c r="V51472" i="1"/>
  <c r="V51473" i="1"/>
  <c r="V51474" i="1"/>
  <c r="V51475" i="1"/>
  <c r="V51476" i="1"/>
  <c r="V51477" i="1"/>
  <c r="V51478" i="1"/>
  <c r="V51479" i="1"/>
  <c r="V51480" i="1"/>
  <c r="V51481" i="1"/>
  <c r="V51482" i="1"/>
  <c r="V51483" i="1"/>
  <c r="V51484" i="1"/>
  <c r="V51485" i="1"/>
  <c r="V51486" i="1"/>
  <c r="V51487" i="1"/>
  <c r="V51488" i="1"/>
  <c r="V51489" i="1"/>
  <c r="V51490" i="1"/>
  <c r="V51491" i="1"/>
  <c r="V51492" i="1"/>
  <c r="V51493" i="1"/>
  <c r="V51494" i="1"/>
  <c r="V51495" i="1"/>
  <c r="V51496" i="1"/>
  <c r="V51497" i="1"/>
  <c r="V51498" i="1"/>
  <c r="V51499" i="1"/>
  <c r="V51500" i="1"/>
  <c r="V51501" i="1"/>
  <c r="V51502" i="1"/>
  <c r="V51503" i="1"/>
  <c r="V51504" i="1"/>
  <c r="V51505" i="1"/>
  <c r="V51506" i="1"/>
  <c r="V51507" i="1"/>
  <c r="V51508" i="1"/>
  <c r="V51509" i="1"/>
  <c r="V51510" i="1"/>
  <c r="V51511" i="1"/>
  <c r="V51512" i="1"/>
  <c r="V51513" i="1"/>
  <c r="V51514" i="1"/>
  <c r="V51515" i="1"/>
  <c r="V51516" i="1"/>
  <c r="V51517" i="1"/>
  <c r="V51518" i="1"/>
  <c r="V51519" i="1"/>
  <c r="V51520" i="1"/>
  <c r="V51521" i="1"/>
  <c r="V51522" i="1"/>
  <c r="V51523" i="1"/>
  <c r="V51524" i="1"/>
  <c r="V51525" i="1"/>
  <c r="V51526" i="1"/>
  <c r="V51527" i="1"/>
  <c r="V51528" i="1"/>
  <c r="V51529" i="1"/>
  <c r="V51530" i="1"/>
  <c r="V51531" i="1"/>
  <c r="V51532" i="1"/>
  <c r="V51533" i="1"/>
  <c r="V51534" i="1"/>
  <c r="V51535" i="1"/>
  <c r="V51536" i="1"/>
  <c r="V51537" i="1"/>
  <c r="V51538" i="1"/>
  <c r="V51539" i="1"/>
  <c r="V51540" i="1"/>
  <c r="V51541" i="1"/>
  <c r="V51542" i="1"/>
  <c r="V51543" i="1"/>
  <c r="V51544" i="1"/>
  <c r="V51545" i="1"/>
  <c r="V51546" i="1"/>
  <c r="V51547" i="1"/>
  <c r="V51548" i="1"/>
  <c r="V51549" i="1"/>
  <c r="V51550" i="1"/>
  <c r="V51551" i="1"/>
  <c r="V51552" i="1"/>
  <c r="V51553" i="1"/>
  <c r="V51554" i="1"/>
  <c r="V51555" i="1"/>
  <c r="V51556" i="1"/>
  <c r="V51557" i="1"/>
  <c r="V51558" i="1"/>
  <c r="V51559" i="1"/>
  <c r="V51560" i="1"/>
  <c r="V51561" i="1"/>
  <c r="V51562" i="1"/>
  <c r="V51563" i="1"/>
  <c r="V51564" i="1"/>
  <c r="V51565" i="1"/>
  <c r="V51566" i="1"/>
  <c r="V51567" i="1"/>
  <c r="V51568" i="1"/>
  <c r="V51569" i="1"/>
  <c r="V51570" i="1"/>
  <c r="V51571" i="1"/>
  <c r="V51572" i="1"/>
  <c r="V51573" i="1"/>
  <c r="V51574" i="1"/>
  <c r="V51575" i="1"/>
  <c r="V51576" i="1"/>
  <c r="V51577" i="1"/>
  <c r="V51578" i="1"/>
  <c r="V51579" i="1"/>
  <c r="V51580" i="1"/>
  <c r="V51581" i="1"/>
  <c r="V51582" i="1"/>
  <c r="V51583" i="1"/>
  <c r="V51584" i="1"/>
  <c r="V51585" i="1"/>
  <c r="V51586" i="1"/>
  <c r="V51587" i="1"/>
  <c r="V51588" i="1"/>
  <c r="V51589" i="1"/>
  <c r="V51590" i="1"/>
  <c r="V51591" i="1"/>
  <c r="V51592" i="1"/>
  <c r="V51593" i="1"/>
  <c r="V51594" i="1"/>
  <c r="V51595" i="1"/>
  <c r="V51596" i="1"/>
  <c r="V51597" i="1"/>
  <c r="V51598" i="1"/>
  <c r="V51599" i="1"/>
  <c r="V51600" i="1"/>
  <c r="V51601" i="1"/>
  <c r="V51602" i="1"/>
  <c r="V51603" i="1"/>
  <c r="V51604" i="1"/>
  <c r="V51605" i="1"/>
  <c r="V51606" i="1"/>
  <c r="V51607" i="1"/>
  <c r="V51608" i="1"/>
  <c r="V51609" i="1"/>
  <c r="V51610" i="1"/>
  <c r="V51611" i="1"/>
  <c r="V51612" i="1"/>
  <c r="V51613" i="1"/>
  <c r="V51614" i="1"/>
  <c r="V51615" i="1"/>
  <c r="V51616" i="1"/>
  <c r="V51617" i="1"/>
  <c r="V51618" i="1"/>
  <c r="V51619" i="1"/>
  <c r="V51620" i="1"/>
  <c r="V51621" i="1"/>
  <c r="V51622" i="1"/>
  <c r="V51623" i="1"/>
  <c r="V51624" i="1"/>
  <c r="V51625" i="1"/>
  <c r="V51626" i="1"/>
  <c r="V51627" i="1"/>
  <c r="V51628" i="1"/>
  <c r="V51629" i="1"/>
  <c r="V51630" i="1"/>
  <c r="V51631" i="1"/>
  <c r="V51632" i="1"/>
  <c r="V51633" i="1"/>
  <c r="V51634" i="1"/>
  <c r="V51635" i="1"/>
  <c r="V51636" i="1"/>
  <c r="V51637" i="1"/>
  <c r="V51638" i="1"/>
  <c r="V51639" i="1"/>
  <c r="V51640" i="1"/>
  <c r="V51641" i="1"/>
  <c r="V51642" i="1"/>
  <c r="V51643" i="1"/>
  <c r="V51644" i="1"/>
  <c r="V51645" i="1"/>
  <c r="V51646" i="1"/>
  <c r="V51647" i="1"/>
  <c r="V51648" i="1"/>
  <c r="V51649" i="1"/>
  <c r="V51650" i="1"/>
  <c r="V51651" i="1"/>
  <c r="V51652" i="1"/>
  <c r="V51653" i="1"/>
  <c r="V51654" i="1"/>
  <c r="V51655" i="1"/>
  <c r="V51656" i="1"/>
  <c r="V51657" i="1"/>
  <c r="V51658" i="1"/>
  <c r="V51659" i="1"/>
  <c r="V51660" i="1"/>
  <c r="V51661" i="1"/>
  <c r="V51662" i="1"/>
  <c r="V51663" i="1"/>
  <c r="V51664" i="1"/>
  <c r="V51665" i="1"/>
  <c r="V51666" i="1"/>
  <c r="V51667" i="1"/>
  <c r="V51668" i="1"/>
  <c r="V51669" i="1"/>
  <c r="V51670" i="1"/>
  <c r="V51671" i="1"/>
  <c r="V51672" i="1"/>
  <c r="V51673" i="1"/>
  <c r="V51674" i="1"/>
  <c r="V51675" i="1"/>
  <c r="V51676" i="1"/>
  <c r="V51677" i="1"/>
  <c r="V51678" i="1"/>
  <c r="V51679" i="1"/>
  <c r="V51680" i="1"/>
  <c r="V51681" i="1"/>
  <c r="V51682" i="1"/>
  <c r="V51683" i="1"/>
  <c r="V51684" i="1"/>
  <c r="V51685" i="1"/>
  <c r="V51686" i="1"/>
  <c r="V51687" i="1"/>
  <c r="V51688" i="1"/>
  <c r="V51689" i="1"/>
  <c r="V51690" i="1"/>
  <c r="V51691" i="1"/>
  <c r="V51692" i="1"/>
  <c r="V51693" i="1"/>
  <c r="V51694" i="1"/>
  <c r="V51695" i="1"/>
  <c r="V51696" i="1"/>
  <c r="V51697" i="1"/>
  <c r="V51698" i="1"/>
  <c r="V51699" i="1"/>
  <c r="V51700" i="1"/>
  <c r="V51701" i="1"/>
  <c r="V51702" i="1"/>
  <c r="V51703" i="1"/>
  <c r="V51704" i="1"/>
  <c r="V51705" i="1"/>
  <c r="V51706" i="1"/>
  <c r="V51707" i="1"/>
  <c r="V51708" i="1"/>
  <c r="V51709" i="1"/>
  <c r="V51710" i="1"/>
  <c r="V51711" i="1"/>
  <c r="V51712" i="1"/>
  <c r="V51713" i="1"/>
  <c r="V51714" i="1"/>
  <c r="V51715" i="1"/>
  <c r="V51716" i="1"/>
  <c r="V51717" i="1"/>
  <c r="V51718" i="1"/>
  <c r="V51719" i="1"/>
  <c r="V51720" i="1"/>
  <c r="V51721" i="1"/>
  <c r="V51722" i="1"/>
  <c r="V51723" i="1"/>
  <c r="V51724" i="1"/>
  <c r="V51725" i="1"/>
  <c r="V51726" i="1"/>
  <c r="V51727" i="1"/>
  <c r="V51728" i="1"/>
  <c r="V51729" i="1"/>
  <c r="V51730" i="1"/>
  <c r="V51731" i="1"/>
  <c r="V51732" i="1"/>
  <c r="V51733" i="1"/>
  <c r="V51734" i="1"/>
  <c r="V51735" i="1"/>
  <c r="V51736" i="1"/>
  <c r="V51737" i="1"/>
  <c r="V51738" i="1"/>
  <c r="V51739" i="1"/>
  <c r="V51740" i="1"/>
  <c r="V51741" i="1"/>
  <c r="V51742" i="1"/>
  <c r="V51743" i="1"/>
  <c r="V51744" i="1"/>
  <c r="V51745" i="1"/>
  <c r="V51746" i="1"/>
  <c r="V51747" i="1"/>
  <c r="V51748" i="1"/>
  <c r="V51749" i="1"/>
  <c r="V51750" i="1"/>
  <c r="V51751" i="1"/>
  <c r="V51752" i="1"/>
  <c r="V51753" i="1"/>
  <c r="V51754" i="1"/>
  <c r="V51755" i="1"/>
  <c r="V51756" i="1"/>
  <c r="V51757" i="1"/>
  <c r="V51758" i="1"/>
  <c r="V51759" i="1"/>
  <c r="V51760" i="1"/>
  <c r="V51761" i="1"/>
  <c r="V51762" i="1"/>
  <c r="V51763" i="1"/>
  <c r="V51764" i="1"/>
  <c r="V51765" i="1"/>
  <c r="V51766" i="1"/>
  <c r="V51767" i="1"/>
  <c r="V51768" i="1"/>
  <c r="V51769" i="1"/>
  <c r="V51770" i="1"/>
  <c r="V51771" i="1"/>
  <c r="V51772" i="1"/>
  <c r="V51773" i="1"/>
  <c r="V51774" i="1"/>
  <c r="V51775" i="1"/>
  <c r="V51776" i="1"/>
  <c r="V51777" i="1"/>
  <c r="V51778" i="1"/>
  <c r="V51779" i="1"/>
  <c r="V51780" i="1"/>
  <c r="V51781" i="1"/>
  <c r="V51782" i="1"/>
  <c r="V51783" i="1"/>
  <c r="V51784" i="1"/>
  <c r="V51785" i="1"/>
  <c r="V51786" i="1"/>
  <c r="V51787" i="1"/>
  <c r="V51788" i="1"/>
  <c r="V51789" i="1"/>
  <c r="V51790" i="1"/>
  <c r="V51791" i="1"/>
  <c r="V51792" i="1"/>
  <c r="V51793" i="1"/>
  <c r="V51794" i="1"/>
  <c r="V51795" i="1"/>
  <c r="V51796" i="1"/>
  <c r="V51797" i="1"/>
  <c r="V51798" i="1"/>
  <c r="V51799" i="1"/>
  <c r="V51800" i="1"/>
  <c r="V51801" i="1"/>
  <c r="V51802" i="1"/>
  <c r="V51803" i="1"/>
  <c r="V51804" i="1"/>
  <c r="V51805" i="1"/>
  <c r="V51806" i="1"/>
  <c r="V51807" i="1"/>
  <c r="V51808" i="1"/>
  <c r="V51809" i="1"/>
  <c r="V51810" i="1"/>
  <c r="V51811" i="1"/>
  <c r="V51812" i="1"/>
  <c r="V51813" i="1"/>
  <c r="V51814" i="1"/>
  <c r="V51815" i="1"/>
  <c r="V51816" i="1"/>
  <c r="V51817" i="1"/>
  <c r="V51818" i="1"/>
  <c r="V51819" i="1"/>
  <c r="V51820" i="1"/>
  <c r="V51821" i="1"/>
  <c r="V51822" i="1"/>
  <c r="V51823" i="1"/>
  <c r="V51824" i="1"/>
  <c r="V51825" i="1"/>
  <c r="V51826" i="1"/>
  <c r="V51827" i="1"/>
  <c r="V51828" i="1"/>
  <c r="V51829" i="1"/>
  <c r="V51830" i="1"/>
  <c r="V51831" i="1"/>
  <c r="V51832" i="1"/>
  <c r="V51833" i="1"/>
  <c r="V51834" i="1"/>
  <c r="V51835" i="1"/>
  <c r="V51836" i="1"/>
  <c r="V51837" i="1"/>
  <c r="V51838" i="1"/>
  <c r="V51839" i="1"/>
  <c r="V51840" i="1"/>
  <c r="V51841" i="1"/>
  <c r="V51842" i="1"/>
  <c r="V51843" i="1"/>
  <c r="V51844" i="1"/>
  <c r="V51845" i="1"/>
  <c r="V51846" i="1"/>
  <c r="V51847" i="1"/>
  <c r="V51848" i="1"/>
  <c r="V51849" i="1"/>
  <c r="V51850" i="1"/>
  <c r="V51851" i="1"/>
  <c r="V51852" i="1"/>
  <c r="V51853" i="1"/>
  <c r="V51854" i="1"/>
  <c r="V51855" i="1"/>
  <c r="V51856" i="1"/>
  <c r="V51857" i="1"/>
  <c r="V51858" i="1"/>
  <c r="V51859" i="1"/>
  <c r="V51860" i="1"/>
  <c r="V51861" i="1"/>
  <c r="V51862" i="1"/>
  <c r="V51863" i="1"/>
  <c r="V51864" i="1"/>
  <c r="V51865" i="1"/>
  <c r="V51866" i="1"/>
  <c r="V51867" i="1"/>
  <c r="V51868" i="1"/>
  <c r="V51869" i="1"/>
  <c r="V51870" i="1"/>
  <c r="V51871" i="1"/>
  <c r="V51872" i="1"/>
  <c r="V51873" i="1"/>
  <c r="V51874" i="1"/>
  <c r="V51875" i="1"/>
  <c r="V51876" i="1"/>
  <c r="V51877" i="1"/>
  <c r="V51878" i="1"/>
  <c r="V51879" i="1"/>
  <c r="V51880" i="1"/>
  <c r="V51881" i="1"/>
  <c r="V51882" i="1"/>
  <c r="V51883" i="1"/>
  <c r="V51884" i="1"/>
  <c r="V51885" i="1"/>
  <c r="V51886" i="1"/>
  <c r="V51887" i="1"/>
  <c r="V51888" i="1"/>
  <c r="V51889" i="1"/>
  <c r="V51890" i="1"/>
  <c r="V51891" i="1"/>
  <c r="V51892" i="1"/>
  <c r="V51893" i="1"/>
  <c r="V51894" i="1"/>
  <c r="V51895" i="1"/>
  <c r="V51896" i="1"/>
  <c r="V51897" i="1"/>
  <c r="V51898" i="1"/>
  <c r="V51899" i="1"/>
  <c r="V51900" i="1"/>
  <c r="V51901" i="1"/>
  <c r="V51902" i="1"/>
  <c r="V51903" i="1"/>
  <c r="V51904" i="1"/>
  <c r="V51905" i="1"/>
  <c r="V51906" i="1"/>
  <c r="V51907" i="1"/>
  <c r="V51908" i="1"/>
  <c r="V51909" i="1"/>
  <c r="V51910" i="1"/>
  <c r="V51911" i="1"/>
  <c r="V51912" i="1"/>
  <c r="V51913" i="1"/>
  <c r="V51914" i="1"/>
  <c r="V51915" i="1"/>
  <c r="V51916" i="1"/>
  <c r="V51917" i="1"/>
  <c r="V51918" i="1"/>
  <c r="V51919" i="1"/>
  <c r="V51920" i="1"/>
  <c r="V51921" i="1"/>
  <c r="V51922" i="1"/>
  <c r="V51923" i="1"/>
  <c r="V51924" i="1"/>
  <c r="V51925" i="1"/>
  <c r="V51926" i="1"/>
  <c r="V51927" i="1"/>
  <c r="V51928" i="1"/>
  <c r="V51929" i="1"/>
  <c r="V51930" i="1"/>
  <c r="V51931" i="1"/>
  <c r="V51932" i="1"/>
  <c r="V51933" i="1"/>
  <c r="V51934" i="1"/>
  <c r="V51935" i="1"/>
  <c r="V51936" i="1"/>
  <c r="V51937" i="1"/>
  <c r="V51938" i="1"/>
  <c r="V51939" i="1"/>
  <c r="V51940" i="1"/>
  <c r="V51941" i="1"/>
  <c r="V51942" i="1"/>
  <c r="V51943" i="1"/>
  <c r="V51944" i="1"/>
  <c r="V51945" i="1"/>
  <c r="V51946" i="1"/>
  <c r="V51947" i="1"/>
  <c r="V51948" i="1"/>
  <c r="V51949" i="1"/>
  <c r="V51950" i="1"/>
  <c r="V51951" i="1"/>
  <c r="V51952" i="1"/>
  <c r="V51953" i="1"/>
  <c r="V51954" i="1"/>
  <c r="V51955" i="1"/>
  <c r="V51956" i="1"/>
  <c r="V51957" i="1"/>
  <c r="V51958" i="1"/>
  <c r="V51959" i="1"/>
  <c r="V51960" i="1"/>
  <c r="V51961" i="1"/>
  <c r="V51962" i="1"/>
  <c r="V51963" i="1"/>
  <c r="V51964" i="1"/>
  <c r="V51965" i="1"/>
  <c r="V51966" i="1"/>
  <c r="V51967" i="1"/>
  <c r="V51968" i="1"/>
  <c r="V51969" i="1"/>
  <c r="V51970" i="1"/>
  <c r="V51971" i="1"/>
  <c r="V51972" i="1"/>
  <c r="V51973" i="1"/>
  <c r="V51974" i="1"/>
  <c r="V51975" i="1"/>
  <c r="V51976" i="1"/>
  <c r="V51977" i="1"/>
  <c r="V51978" i="1"/>
  <c r="V51979" i="1"/>
  <c r="V51980" i="1"/>
  <c r="V51981" i="1"/>
  <c r="V51982" i="1"/>
  <c r="V51983" i="1"/>
  <c r="V51984" i="1"/>
  <c r="V51985" i="1"/>
  <c r="V51986" i="1"/>
  <c r="V51987" i="1"/>
  <c r="V51988" i="1"/>
  <c r="V51989" i="1"/>
  <c r="V51990" i="1"/>
  <c r="V51991" i="1"/>
  <c r="V51992" i="1"/>
  <c r="V51993" i="1"/>
  <c r="V51994" i="1"/>
  <c r="V51995" i="1"/>
  <c r="V51996" i="1"/>
  <c r="V51997" i="1"/>
  <c r="V51998" i="1"/>
  <c r="V51999" i="1"/>
  <c r="V52000" i="1"/>
  <c r="V52001" i="1"/>
  <c r="V52002" i="1"/>
  <c r="V52003" i="1"/>
  <c r="V52004" i="1"/>
  <c r="V52005" i="1"/>
  <c r="V52006" i="1"/>
  <c r="V52007" i="1"/>
  <c r="V52008" i="1"/>
  <c r="V52009" i="1"/>
  <c r="V52010" i="1"/>
  <c r="V52011" i="1"/>
  <c r="V52012" i="1"/>
  <c r="V52013" i="1"/>
  <c r="V52014" i="1"/>
  <c r="V52015" i="1"/>
  <c r="V52016" i="1"/>
  <c r="V52017" i="1"/>
  <c r="V52018" i="1"/>
  <c r="V52019" i="1"/>
  <c r="V52020" i="1"/>
  <c r="V52021" i="1"/>
  <c r="V52022" i="1"/>
  <c r="V52023" i="1"/>
  <c r="V52024" i="1"/>
  <c r="V52025" i="1"/>
  <c r="V52026" i="1"/>
  <c r="V52027" i="1"/>
  <c r="V52028" i="1"/>
  <c r="V52029" i="1"/>
  <c r="V52030" i="1"/>
  <c r="V52031" i="1"/>
  <c r="V52032" i="1"/>
  <c r="V52033" i="1"/>
  <c r="V52034" i="1"/>
  <c r="V52035" i="1"/>
  <c r="V52036" i="1"/>
  <c r="V52037" i="1"/>
  <c r="V52038" i="1"/>
  <c r="V52039" i="1"/>
  <c r="V52040" i="1"/>
  <c r="V52041" i="1"/>
  <c r="V52042" i="1"/>
  <c r="V52043" i="1"/>
  <c r="V52044" i="1"/>
  <c r="V52045" i="1"/>
  <c r="V52046" i="1"/>
  <c r="V52047" i="1"/>
  <c r="V52048" i="1"/>
  <c r="V52049" i="1"/>
  <c r="V52050" i="1"/>
  <c r="V52051" i="1"/>
  <c r="V52052" i="1"/>
  <c r="V52053" i="1"/>
  <c r="V52054" i="1"/>
  <c r="V52055" i="1"/>
  <c r="V52056" i="1"/>
  <c r="V52057" i="1"/>
  <c r="V52058" i="1"/>
  <c r="V52059" i="1"/>
  <c r="V52060" i="1"/>
  <c r="V52061" i="1"/>
  <c r="V52062" i="1"/>
  <c r="V52063" i="1"/>
  <c r="V52064" i="1"/>
  <c r="V52065" i="1"/>
  <c r="V52066" i="1"/>
  <c r="V52067" i="1"/>
  <c r="V52068" i="1"/>
  <c r="V52069" i="1"/>
  <c r="V52070" i="1"/>
  <c r="V52071" i="1"/>
  <c r="V52072" i="1"/>
  <c r="V52073" i="1"/>
  <c r="V52074" i="1"/>
  <c r="V52075" i="1"/>
  <c r="V52076" i="1"/>
  <c r="V52077" i="1"/>
  <c r="V52078" i="1"/>
  <c r="V52079" i="1"/>
  <c r="V52080" i="1"/>
  <c r="V52081" i="1"/>
  <c r="V52082" i="1"/>
  <c r="V52083" i="1"/>
  <c r="V52084" i="1"/>
  <c r="V52085" i="1"/>
  <c r="V52086" i="1"/>
  <c r="V52087" i="1"/>
  <c r="V52088" i="1"/>
  <c r="V52089" i="1"/>
  <c r="V52090" i="1"/>
  <c r="V52091" i="1"/>
  <c r="V52092" i="1"/>
  <c r="V52093" i="1"/>
  <c r="V52094" i="1"/>
  <c r="V52095" i="1"/>
  <c r="V52096" i="1"/>
  <c r="V52097" i="1"/>
  <c r="V52098" i="1"/>
  <c r="V52099" i="1"/>
  <c r="V52100" i="1"/>
  <c r="V52101" i="1"/>
  <c r="V52102" i="1"/>
  <c r="V52103" i="1"/>
  <c r="V52104" i="1"/>
  <c r="V52105" i="1"/>
  <c r="V52106" i="1"/>
  <c r="V52107" i="1"/>
  <c r="V52108" i="1"/>
  <c r="V52109" i="1"/>
  <c r="V52110" i="1"/>
  <c r="V52111" i="1"/>
  <c r="V52112" i="1"/>
  <c r="V52113" i="1"/>
  <c r="V52114" i="1"/>
  <c r="V52115" i="1"/>
  <c r="V52116" i="1"/>
  <c r="V52117" i="1"/>
  <c r="V52118" i="1"/>
  <c r="V52119" i="1"/>
  <c r="V52120" i="1"/>
  <c r="V52121" i="1"/>
  <c r="V52122" i="1"/>
  <c r="V52123" i="1"/>
  <c r="V52124" i="1"/>
  <c r="V52125" i="1"/>
  <c r="V52126" i="1"/>
  <c r="V52127" i="1"/>
  <c r="V52128" i="1"/>
  <c r="V52129" i="1"/>
  <c r="V52130" i="1"/>
  <c r="V52131" i="1"/>
  <c r="V52132" i="1"/>
  <c r="V52133" i="1"/>
  <c r="V52134" i="1"/>
  <c r="V52135" i="1"/>
  <c r="V52136" i="1"/>
  <c r="V52137" i="1"/>
  <c r="V52138" i="1"/>
  <c r="V52139" i="1"/>
  <c r="V52140" i="1"/>
  <c r="V52141" i="1"/>
  <c r="V52142" i="1"/>
  <c r="V52143" i="1"/>
  <c r="V52144" i="1"/>
  <c r="V52145" i="1"/>
  <c r="V52146" i="1"/>
  <c r="V52147" i="1"/>
  <c r="V52148" i="1"/>
  <c r="V52149" i="1"/>
  <c r="V52150" i="1"/>
  <c r="V52151" i="1"/>
  <c r="V52152" i="1"/>
  <c r="V52153" i="1"/>
  <c r="V52154" i="1"/>
  <c r="V52155" i="1"/>
  <c r="V52156" i="1"/>
  <c r="V52157" i="1"/>
  <c r="V52158" i="1"/>
  <c r="V52159" i="1"/>
  <c r="V52160" i="1"/>
  <c r="V52161" i="1"/>
  <c r="V52162" i="1"/>
  <c r="V52163" i="1"/>
  <c r="V52164" i="1"/>
  <c r="V52165" i="1"/>
  <c r="V52166" i="1"/>
  <c r="V52167" i="1"/>
  <c r="V52168" i="1"/>
  <c r="V52169" i="1"/>
  <c r="V52170" i="1"/>
  <c r="V52171" i="1"/>
  <c r="V52172" i="1"/>
  <c r="V52173" i="1"/>
  <c r="V52174" i="1"/>
  <c r="V52175" i="1"/>
  <c r="V52176" i="1"/>
  <c r="V52177" i="1"/>
  <c r="V52178" i="1"/>
  <c r="V52179" i="1"/>
  <c r="V52180" i="1"/>
  <c r="V52181" i="1"/>
  <c r="V52182" i="1"/>
  <c r="V52183" i="1"/>
  <c r="V52184" i="1"/>
  <c r="V52185" i="1"/>
  <c r="V52186" i="1"/>
  <c r="V52187" i="1"/>
  <c r="V52188" i="1"/>
  <c r="V52189" i="1"/>
  <c r="V52190" i="1"/>
  <c r="V52191" i="1"/>
  <c r="V52192" i="1"/>
  <c r="V52193" i="1"/>
  <c r="V52194" i="1"/>
  <c r="V52195" i="1"/>
  <c r="V52196" i="1"/>
  <c r="V52197" i="1"/>
  <c r="V52198" i="1"/>
  <c r="V52199" i="1"/>
  <c r="V52200" i="1"/>
  <c r="V52201" i="1"/>
  <c r="V52202" i="1"/>
  <c r="V52203" i="1"/>
  <c r="V52204" i="1"/>
  <c r="V52205" i="1"/>
  <c r="V52206" i="1"/>
  <c r="V52207" i="1"/>
  <c r="V52208" i="1"/>
  <c r="V52209" i="1"/>
  <c r="V52210" i="1"/>
  <c r="V52211" i="1"/>
  <c r="V52212" i="1"/>
  <c r="V52213" i="1"/>
  <c r="V52214" i="1"/>
  <c r="V52215" i="1"/>
  <c r="V52216" i="1"/>
  <c r="V52217" i="1"/>
  <c r="V52218" i="1"/>
  <c r="V52219" i="1"/>
  <c r="V52220" i="1"/>
  <c r="V52221" i="1"/>
  <c r="V52222" i="1"/>
  <c r="V52223" i="1"/>
  <c r="V52224" i="1"/>
  <c r="V52225" i="1"/>
  <c r="V52226" i="1"/>
  <c r="V52227" i="1"/>
  <c r="V52228" i="1"/>
  <c r="V52229" i="1"/>
  <c r="V52230" i="1"/>
  <c r="V52231" i="1"/>
  <c r="V52232" i="1"/>
  <c r="V52233" i="1"/>
  <c r="V52234" i="1"/>
  <c r="V52235" i="1"/>
  <c r="V52236" i="1"/>
  <c r="V52237" i="1"/>
  <c r="V52238" i="1"/>
  <c r="V52239" i="1"/>
  <c r="V52240" i="1"/>
  <c r="V52241" i="1"/>
  <c r="V52242" i="1"/>
  <c r="V52243" i="1"/>
  <c r="V52244" i="1"/>
  <c r="V52245" i="1"/>
  <c r="V52246" i="1"/>
  <c r="V52247" i="1"/>
  <c r="V52248" i="1"/>
  <c r="V52249" i="1"/>
  <c r="V52250" i="1"/>
  <c r="V52251" i="1"/>
  <c r="V52252" i="1"/>
  <c r="V52253" i="1"/>
  <c r="V52254" i="1"/>
  <c r="V52255" i="1"/>
  <c r="V52256" i="1"/>
  <c r="V52257" i="1"/>
  <c r="V52258" i="1"/>
  <c r="V52259" i="1"/>
  <c r="V52260" i="1"/>
  <c r="V52261" i="1"/>
  <c r="V52262" i="1"/>
  <c r="V52263" i="1"/>
  <c r="V52264" i="1"/>
  <c r="V52265" i="1"/>
  <c r="V52266" i="1"/>
  <c r="V52267" i="1"/>
  <c r="V52268" i="1"/>
  <c r="V52269" i="1"/>
  <c r="V52270" i="1"/>
  <c r="V52271" i="1"/>
  <c r="V52272" i="1"/>
  <c r="V52273" i="1"/>
  <c r="V52274" i="1"/>
  <c r="V52275" i="1"/>
  <c r="V52276" i="1"/>
  <c r="V52277" i="1"/>
  <c r="V52278" i="1"/>
  <c r="V52279" i="1"/>
  <c r="V52280" i="1"/>
  <c r="V52281" i="1"/>
  <c r="V52282" i="1"/>
  <c r="V52283" i="1"/>
  <c r="V52284" i="1"/>
  <c r="V52285" i="1"/>
  <c r="V52286" i="1"/>
  <c r="V52287" i="1"/>
  <c r="V52288" i="1"/>
  <c r="V52289" i="1"/>
  <c r="V52290" i="1"/>
  <c r="V52291" i="1"/>
  <c r="V52292" i="1"/>
  <c r="V52293" i="1"/>
  <c r="V52294" i="1"/>
  <c r="V52295" i="1"/>
  <c r="V52296" i="1"/>
  <c r="V52297" i="1"/>
  <c r="V52298" i="1"/>
  <c r="V52299" i="1"/>
  <c r="V52300" i="1"/>
  <c r="V52301" i="1"/>
  <c r="V52302" i="1"/>
  <c r="V52303" i="1"/>
  <c r="V52304" i="1"/>
  <c r="V52305" i="1"/>
  <c r="V52306" i="1"/>
  <c r="V52307" i="1"/>
  <c r="V52308" i="1"/>
  <c r="V52309" i="1"/>
  <c r="V52310" i="1"/>
  <c r="V52311" i="1"/>
  <c r="V52312" i="1"/>
  <c r="V52313" i="1"/>
  <c r="V52314" i="1"/>
  <c r="V52315" i="1"/>
  <c r="V52316" i="1"/>
  <c r="V52317" i="1"/>
  <c r="V52318" i="1"/>
  <c r="V52319" i="1"/>
  <c r="V52320" i="1"/>
  <c r="V52321" i="1"/>
  <c r="V52322" i="1"/>
  <c r="V52323" i="1"/>
  <c r="V52324" i="1"/>
  <c r="V52325" i="1"/>
  <c r="V52326" i="1"/>
  <c r="V52327" i="1"/>
  <c r="V52328" i="1"/>
  <c r="V52329" i="1"/>
  <c r="V52330" i="1"/>
  <c r="V52331" i="1"/>
  <c r="V52332" i="1"/>
  <c r="V52333" i="1"/>
  <c r="V52334" i="1"/>
  <c r="V52335" i="1"/>
  <c r="V52336" i="1"/>
  <c r="V52337" i="1"/>
  <c r="V52338" i="1"/>
  <c r="V52339" i="1"/>
  <c r="V52340" i="1"/>
  <c r="V52341" i="1"/>
  <c r="V52342" i="1"/>
  <c r="V52343" i="1"/>
  <c r="V52344" i="1"/>
  <c r="V52345" i="1"/>
  <c r="V52346" i="1"/>
  <c r="V52347" i="1"/>
  <c r="V52348" i="1"/>
  <c r="V52349" i="1"/>
  <c r="V52350" i="1"/>
  <c r="V52351" i="1"/>
  <c r="V52352" i="1"/>
  <c r="V52353" i="1"/>
  <c r="V52354" i="1"/>
  <c r="V52355" i="1"/>
  <c r="V52356" i="1"/>
  <c r="V52357" i="1"/>
  <c r="V52358" i="1"/>
  <c r="V52359" i="1"/>
  <c r="V52360" i="1"/>
  <c r="V52361" i="1"/>
  <c r="V52362" i="1"/>
  <c r="V52363" i="1"/>
  <c r="V52364" i="1"/>
  <c r="V52365" i="1"/>
  <c r="V52366" i="1"/>
  <c r="V52367" i="1"/>
  <c r="V52368" i="1"/>
  <c r="V52369" i="1"/>
  <c r="V52370" i="1"/>
  <c r="V52371" i="1"/>
  <c r="V52372" i="1"/>
  <c r="V52373" i="1"/>
  <c r="V52374" i="1"/>
  <c r="V52375" i="1"/>
  <c r="V52376" i="1"/>
  <c r="V52377" i="1"/>
  <c r="V52378" i="1"/>
  <c r="V52379" i="1"/>
  <c r="V52380" i="1"/>
  <c r="V52381" i="1"/>
  <c r="V52382" i="1"/>
  <c r="V52383" i="1"/>
  <c r="V52384" i="1"/>
  <c r="V52385" i="1"/>
  <c r="V52386" i="1"/>
  <c r="V52387" i="1"/>
  <c r="V52388" i="1"/>
  <c r="V52389" i="1"/>
  <c r="V52390" i="1"/>
  <c r="V52391" i="1"/>
  <c r="V52392" i="1"/>
  <c r="V52393" i="1"/>
  <c r="V52394" i="1"/>
  <c r="V52395" i="1"/>
  <c r="V52396" i="1"/>
  <c r="V52397" i="1"/>
  <c r="V52398" i="1"/>
  <c r="V52399" i="1"/>
  <c r="V52400" i="1"/>
  <c r="V52401" i="1"/>
  <c r="V52402" i="1"/>
  <c r="V52403" i="1"/>
  <c r="V52404" i="1"/>
  <c r="V52405" i="1"/>
  <c r="V52406" i="1"/>
  <c r="V52407" i="1"/>
  <c r="V52408" i="1"/>
  <c r="V52409" i="1"/>
  <c r="V52410" i="1"/>
  <c r="V52411" i="1"/>
  <c r="V52412" i="1"/>
  <c r="V52413" i="1"/>
  <c r="V52414" i="1"/>
  <c r="V52415" i="1"/>
  <c r="V52416" i="1"/>
  <c r="V52417" i="1"/>
  <c r="V52418" i="1"/>
  <c r="V52419" i="1"/>
  <c r="V52420" i="1"/>
  <c r="V52421" i="1"/>
  <c r="V52422" i="1"/>
  <c r="V52423" i="1"/>
  <c r="V52424" i="1"/>
  <c r="V52425" i="1"/>
  <c r="V52426" i="1"/>
  <c r="V52427" i="1"/>
  <c r="V52428" i="1"/>
  <c r="V52429" i="1"/>
  <c r="V52430" i="1"/>
  <c r="V52431" i="1"/>
  <c r="V52432" i="1"/>
  <c r="V52433" i="1"/>
  <c r="V52434" i="1"/>
  <c r="V52435" i="1"/>
  <c r="V52436" i="1"/>
  <c r="V52437" i="1"/>
  <c r="V52438" i="1"/>
  <c r="V52439" i="1"/>
  <c r="V52440" i="1"/>
  <c r="V52441" i="1"/>
  <c r="V52442" i="1"/>
  <c r="V52443" i="1"/>
  <c r="V52444" i="1"/>
  <c r="V52445" i="1"/>
  <c r="V52446" i="1"/>
  <c r="V52447" i="1"/>
  <c r="V52448" i="1"/>
  <c r="V52449" i="1"/>
  <c r="V52450" i="1"/>
  <c r="V52451" i="1"/>
  <c r="V52452" i="1"/>
  <c r="V52453" i="1"/>
  <c r="V52454" i="1"/>
  <c r="V52455" i="1"/>
  <c r="V52456" i="1"/>
  <c r="V52457" i="1"/>
  <c r="V52458" i="1"/>
  <c r="V52459" i="1"/>
  <c r="V52460" i="1"/>
  <c r="V52461" i="1"/>
  <c r="V52462" i="1"/>
  <c r="V52463" i="1"/>
  <c r="V52464" i="1"/>
  <c r="V52465" i="1"/>
  <c r="V52466" i="1"/>
  <c r="V52467" i="1"/>
  <c r="V52468" i="1"/>
  <c r="V52469" i="1"/>
  <c r="V52470" i="1"/>
  <c r="V52471" i="1"/>
  <c r="V52472" i="1"/>
  <c r="V52473" i="1"/>
  <c r="V52474" i="1"/>
  <c r="V52475" i="1"/>
  <c r="V52476" i="1"/>
  <c r="V52477" i="1"/>
  <c r="V52478" i="1"/>
  <c r="V52479" i="1"/>
  <c r="V52480" i="1"/>
  <c r="V52481" i="1"/>
  <c r="V52482" i="1"/>
  <c r="V52483" i="1"/>
  <c r="V52484" i="1"/>
  <c r="V52485" i="1"/>
  <c r="V52486" i="1"/>
  <c r="V52487" i="1"/>
  <c r="V52488" i="1"/>
  <c r="V52489" i="1"/>
  <c r="V52490" i="1"/>
  <c r="V52491" i="1"/>
  <c r="V52492" i="1"/>
  <c r="V52493" i="1"/>
  <c r="V52494" i="1"/>
  <c r="V52495" i="1"/>
  <c r="V52496" i="1"/>
  <c r="V52497" i="1"/>
  <c r="V52498" i="1"/>
  <c r="V52499" i="1"/>
  <c r="V52500" i="1"/>
  <c r="V52501" i="1"/>
  <c r="V52502" i="1"/>
  <c r="V52503" i="1"/>
  <c r="V52504" i="1"/>
  <c r="V52505" i="1"/>
  <c r="V52506" i="1"/>
  <c r="V52507" i="1"/>
  <c r="V52508" i="1"/>
  <c r="V52509" i="1"/>
  <c r="V52510" i="1"/>
  <c r="V52511" i="1"/>
  <c r="V52512" i="1"/>
  <c r="V52513" i="1"/>
  <c r="V52514" i="1"/>
  <c r="V52515" i="1"/>
  <c r="V52516" i="1"/>
  <c r="V52517" i="1"/>
  <c r="V52518" i="1"/>
  <c r="V52519" i="1"/>
  <c r="V52520" i="1"/>
  <c r="V52521" i="1"/>
  <c r="V52522" i="1"/>
  <c r="V52523" i="1"/>
  <c r="V52524" i="1"/>
  <c r="V52525" i="1"/>
  <c r="V52526" i="1"/>
  <c r="V52527" i="1"/>
  <c r="V52528" i="1"/>
  <c r="V52529" i="1"/>
  <c r="V52530" i="1"/>
  <c r="V52531" i="1"/>
  <c r="V52532" i="1"/>
  <c r="V52533" i="1"/>
  <c r="V52534" i="1"/>
  <c r="V52535" i="1"/>
  <c r="V52536" i="1"/>
  <c r="V52537" i="1"/>
  <c r="V52538" i="1"/>
  <c r="V52539" i="1"/>
  <c r="V52540" i="1"/>
  <c r="V52541" i="1"/>
  <c r="V52542" i="1"/>
  <c r="V52543" i="1"/>
  <c r="V52544" i="1"/>
  <c r="V52545" i="1"/>
  <c r="V52546" i="1"/>
  <c r="V52547" i="1"/>
  <c r="V52548" i="1"/>
  <c r="V52549" i="1"/>
  <c r="V52550" i="1"/>
  <c r="V52551" i="1"/>
  <c r="V52552" i="1"/>
  <c r="V52553" i="1"/>
  <c r="V52554" i="1"/>
  <c r="V52555" i="1"/>
  <c r="V52556" i="1"/>
  <c r="V52557" i="1"/>
  <c r="V52558" i="1"/>
  <c r="V52559" i="1"/>
  <c r="V52560" i="1"/>
  <c r="V52561" i="1"/>
  <c r="V52562" i="1"/>
  <c r="V52563" i="1"/>
  <c r="V52564" i="1"/>
  <c r="V52565" i="1"/>
  <c r="V52566" i="1"/>
  <c r="V52567" i="1"/>
  <c r="V52568" i="1"/>
  <c r="V52569" i="1"/>
  <c r="V52570" i="1"/>
  <c r="V52571" i="1"/>
  <c r="V52572" i="1"/>
  <c r="V52573" i="1"/>
  <c r="V52574" i="1"/>
  <c r="V52575" i="1"/>
  <c r="V52576" i="1"/>
  <c r="V52577" i="1"/>
  <c r="V52578" i="1"/>
  <c r="V52579" i="1"/>
  <c r="V52580" i="1"/>
  <c r="V52581" i="1"/>
  <c r="V52582" i="1"/>
  <c r="V52583" i="1"/>
  <c r="V52584" i="1"/>
  <c r="V52585" i="1"/>
  <c r="V52586" i="1"/>
  <c r="V52587" i="1"/>
  <c r="V52588" i="1"/>
  <c r="V52589" i="1"/>
  <c r="V52590" i="1"/>
  <c r="V52591" i="1"/>
  <c r="V52592" i="1"/>
  <c r="V52593" i="1"/>
  <c r="V52594" i="1"/>
  <c r="V52595" i="1"/>
  <c r="V52596" i="1"/>
  <c r="V52597" i="1"/>
  <c r="V52598" i="1"/>
  <c r="V52599" i="1"/>
  <c r="V52600" i="1"/>
  <c r="V52601" i="1"/>
  <c r="V52602" i="1"/>
  <c r="V52603" i="1"/>
  <c r="V52604" i="1"/>
  <c r="V52605" i="1"/>
  <c r="V52606" i="1"/>
  <c r="V52607" i="1"/>
  <c r="V52608" i="1"/>
  <c r="V52609" i="1"/>
  <c r="V52610" i="1"/>
  <c r="V52611" i="1"/>
  <c r="V52612" i="1"/>
  <c r="V52613" i="1"/>
  <c r="V52614" i="1"/>
  <c r="V52615" i="1"/>
  <c r="V52616" i="1"/>
  <c r="V52617" i="1"/>
  <c r="V52618" i="1"/>
  <c r="V52619" i="1"/>
  <c r="V52620" i="1"/>
  <c r="V52621" i="1"/>
  <c r="V52622" i="1"/>
  <c r="V52623" i="1"/>
  <c r="V52624" i="1"/>
  <c r="V52625" i="1"/>
  <c r="V52626" i="1"/>
  <c r="V52627" i="1"/>
  <c r="V52628" i="1"/>
  <c r="V52629" i="1"/>
  <c r="V52630" i="1"/>
  <c r="V52631" i="1"/>
  <c r="V52632" i="1"/>
  <c r="V52633" i="1"/>
  <c r="V52634" i="1"/>
  <c r="V52635" i="1"/>
  <c r="V52636" i="1"/>
  <c r="V52637" i="1"/>
  <c r="V52638" i="1"/>
  <c r="V52639" i="1"/>
  <c r="V52640" i="1"/>
  <c r="V52641" i="1"/>
  <c r="V52642" i="1"/>
  <c r="V52643" i="1"/>
  <c r="V52644" i="1"/>
  <c r="V52645" i="1"/>
  <c r="V52646" i="1"/>
  <c r="V52647" i="1"/>
  <c r="V52648" i="1"/>
  <c r="V52649" i="1"/>
  <c r="V52650" i="1"/>
  <c r="V52651" i="1"/>
  <c r="V52652" i="1"/>
  <c r="V52653" i="1"/>
  <c r="V52654" i="1"/>
  <c r="V52655" i="1"/>
  <c r="V52656" i="1"/>
  <c r="V52657" i="1"/>
  <c r="V52658" i="1"/>
  <c r="V52659" i="1"/>
  <c r="V52660" i="1"/>
  <c r="V52661" i="1"/>
  <c r="V52662" i="1"/>
  <c r="V52663" i="1"/>
  <c r="V52664" i="1"/>
  <c r="V52665" i="1"/>
  <c r="V52666" i="1"/>
  <c r="V52667" i="1"/>
  <c r="V52668" i="1"/>
  <c r="V52669" i="1"/>
  <c r="V52670" i="1"/>
  <c r="V52671" i="1"/>
  <c r="V52672" i="1"/>
  <c r="V52673" i="1"/>
  <c r="V52674" i="1"/>
  <c r="V52675" i="1"/>
  <c r="V52676" i="1"/>
  <c r="V52677" i="1"/>
  <c r="V52678" i="1"/>
  <c r="V52679" i="1"/>
  <c r="V52680" i="1"/>
  <c r="V52681" i="1"/>
  <c r="V52682" i="1"/>
  <c r="V52683" i="1"/>
  <c r="V52684" i="1"/>
  <c r="V52685" i="1"/>
  <c r="V52686" i="1"/>
  <c r="V52687" i="1"/>
  <c r="V52688" i="1"/>
  <c r="V52689" i="1"/>
  <c r="V52690" i="1"/>
  <c r="V52691" i="1"/>
  <c r="V52692" i="1"/>
  <c r="V52693" i="1"/>
  <c r="V52694" i="1"/>
  <c r="V52695" i="1"/>
  <c r="V52696" i="1"/>
  <c r="V52697" i="1"/>
  <c r="V52698" i="1"/>
  <c r="V52699" i="1"/>
  <c r="V52700" i="1"/>
  <c r="V52701" i="1"/>
  <c r="V52702" i="1"/>
  <c r="V52703" i="1"/>
  <c r="V52704" i="1"/>
  <c r="V52705" i="1"/>
  <c r="V52706" i="1"/>
  <c r="V52707" i="1"/>
  <c r="V52708" i="1"/>
  <c r="V52709" i="1"/>
  <c r="V52710" i="1"/>
  <c r="V52711" i="1"/>
  <c r="V52712" i="1"/>
  <c r="V52713" i="1"/>
  <c r="V52714" i="1"/>
  <c r="V52715" i="1"/>
  <c r="V52716" i="1"/>
  <c r="V52717" i="1"/>
  <c r="V52718" i="1"/>
  <c r="V52719" i="1"/>
  <c r="V52720" i="1"/>
  <c r="V52721" i="1"/>
  <c r="V52722" i="1"/>
  <c r="V52723" i="1"/>
  <c r="V52724" i="1"/>
  <c r="V52725" i="1"/>
  <c r="V52726" i="1"/>
  <c r="V52727" i="1"/>
  <c r="V52728" i="1"/>
  <c r="V52729" i="1"/>
  <c r="V52730" i="1"/>
  <c r="V52731" i="1"/>
  <c r="V52732" i="1"/>
  <c r="V52733" i="1"/>
  <c r="V52734" i="1"/>
  <c r="V52735" i="1"/>
  <c r="V52736" i="1"/>
  <c r="V52737" i="1"/>
  <c r="V52738" i="1"/>
  <c r="V52739" i="1"/>
  <c r="V52740" i="1"/>
  <c r="V52741" i="1"/>
  <c r="V52742" i="1"/>
  <c r="V52743" i="1"/>
  <c r="V52744" i="1"/>
  <c r="V52745" i="1"/>
  <c r="V52746" i="1"/>
  <c r="V52747" i="1"/>
  <c r="V52748" i="1"/>
  <c r="V52749" i="1"/>
  <c r="V52750" i="1"/>
  <c r="V52751" i="1"/>
  <c r="V52752" i="1"/>
  <c r="V52753" i="1"/>
  <c r="V52754" i="1"/>
  <c r="V52755" i="1"/>
  <c r="V52756" i="1"/>
  <c r="V52757" i="1"/>
  <c r="V52758" i="1"/>
  <c r="V52759" i="1"/>
  <c r="V52760" i="1"/>
  <c r="V52761" i="1"/>
  <c r="V52762" i="1"/>
  <c r="V52763" i="1"/>
  <c r="V52764" i="1"/>
  <c r="V52765" i="1"/>
  <c r="V52766" i="1"/>
  <c r="V52767" i="1"/>
  <c r="V52768" i="1"/>
  <c r="V52769" i="1"/>
  <c r="V52770" i="1"/>
  <c r="V52771" i="1"/>
  <c r="V52772" i="1"/>
  <c r="V52773" i="1"/>
  <c r="V52774" i="1"/>
  <c r="V52775" i="1"/>
  <c r="V52776" i="1"/>
  <c r="V52777" i="1"/>
  <c r="V52778" i="1"/>
  <c r="V52779" i="1"/>
  <c r="V52780" i="1"/>
  <c r="V52781" i="1"/>
  <c r="V52782" i="1"/>
  <c r="V52783" i="1"/>
  <c r="V52784" i="1"/>
  <c r="V52785" i="1"/>
  <c r="V52786" i="1"/>
  <c r="V52787" i="1"/>
  <c r="V52788" i="1"/>
  <c r="V52789" i="1"/>
  <c r="V52790" i="1"/>
  <c r="V52791" i="1"/>
  <c r="V52792" i="1"/>
  <c r="V52793" i="1"/>
  <c r="V52794" i="1"/>
  <c r="V52795" i="1"/>
  <c r="V52796" i="1"/>
  <c r="V52797" i="1"/>
  <c r="V52798" i="1"/>
  <c r="V52799" i="1"/>
  <c r="V52800" i="1"/>
  <c r="V52801" i="1"/>
  <c r="V52802" i="1"/>
  <c r="V52803" i="1"/>
  <c r="V52804" i="1"/>
  <c r="V52805" i="1"/>
  <c r="V52806" i="1"/>
  <c r="V52807" i="1"/>
  <c r="V52808" i="1"/>
  <c r="V52809" i="1"/>
  <c r="V52810" i="1"/>
  <c r="V52811" i="1"/>
  <c r="V52812" i="1"/>
  <c r="V52813" i="1"/>
  <c r="V52814" i="1"/>
  <c r="V52815" i="1"/>
  <c r="V52816" i="1"/>
  <c r="V52817" i="1"/>
  <c r="V52818" i="1"/>
  <c r="V52819" i="1"/>
  <c r="V52820" i="1"/>
  <c r="V52821" i="1"/>
  <c r="V52822" i="1"/>
  <c r="V52823" i="1"/>
  <c r="V52824" i="1"/>
  <c r="V52825" i="1"/>
  <c r="V52826" i="1"/>
  <c r="V52827" i="1"/>
  <c r="V52828" i="1"/>
  <c r="V52829" i="1"/>
  <c r="V52830" i="1"/>
  <c r="V52831" i="1"/>
  <c r="V52832" i="1"/>
  <c r="V52833" i="1"/>
  <c r="V52834" i="1"/>
  <c r="V52835" i="1"/>
  <c r="V52836" i="1"/>
  <c r="V52837" i="1"/>
  <c r="V52838" i="1"/>
  <c r="V52839" i="1"/>
  <c r="V52840" i="1"/>
  <c r="V52841" i="1"/>
  <c r="V52842" i="1"/>
  <c r="V52843" i="1"/>
  <c r="V52844" i="1"/>
  <c r="V52845" i="1"/>
  <c r="V52846" i="1"/>
  <c r="V52847" i="1"/>
  <c r="V52848" i="1"/>
  <c r="V52849" i="1"/>
  <c r="V52850" i="1"/>
  <c r="V52851" i="1"/>
  <c r="V52852" i="1"/>
  <c r="V52853" i="1"/>
  <c r="V52854" i="1"/>
  <c r="V52855" i="1"/>
  <c r="V52856" i="1"/>
  <c r="V52857" i="1"/>
  <c r="V52858" i="1"/>
  <c r="V52859" i="1"/>
  <c r="V52860" i="1"/>
  <c r="V52861" i="1"/>
  <c r="V52862" i="1"/>
  <c r="V52863" i="1"/>
  <c r="V52864" i="1"/>
  <c r="V52865" i="1"/>
  <c r="V52866" i="1"/>
  <c r="V52867" i="1"/>
  <c r="V52868" i="1"/>
  <c r="V52869" i="1"/>
  <c r="V52870" i="1"/>
  <c r="V52871" i="1"/>
  <c r="V52872" i="1"/>
  <c r="V52873" i="1"/>
  <c r="V52874" i="1"/>
  <c r="V52875" i="1"/>
  <c r="V52876" i="1"/>
  <c r="V52877" i="1"/>
  <c r="V52878" i="1"/>
  <c r="V52879" i="1"/>
  <c r="V52880" i="1"/>
  <c r="V52881" i="1"/>
  <c r="V52882" i="1"/>
  <c r="V52883" i="1"/>
  <c r="V52884" i="1"/>
  <c r="V52885" i="1"/>
  <c r="V52886" i="1"/>
  <c r="V52887" i="1"/>
  <c r="V52888" i="1"/>
  <c r="V52889" i="1"/>
  <c r="V52890" i="1"/>
  <c r="V52891" i="1"/>
  <c r="V52892" i="1"/>
  <c r="V52893" i="1"/>
  <c r="V52894" i="1"/>
  <c r="V52895" i="1"/>
  <c r="V52896" i="1"/>
  <c r="V52897" i="1"/>
  <c r="V52898" i="1"/>
  <c r="V52899" i="1"/>
  <c r="V52900" i="1"/>
  <c r="V52901" i="1"/>
  <c r="V52902" i="1"/>
  <c r="V52903" i="1"/>
  <c r="V52904" i="1"/>
  <c r="V52905" i="1"/>
  <c r="V52906" i="1"/>
  <c r="V52907" i="1"/>
  <c r="V52908" i="1"/>
  <c r="V52909" i="1"/>
  <c r="V52910" i="1"/>
  <c r="V52911" i="1"/>
  <c r="V52912" i="1"/>
  <c r="V52913" i="1"/>
  <c r="V52914" i="1"/>
  <c r="V52915" i="1"/>
  <c r="V52916" i="1"/>
  <c r="V52917" i="1"/>
  <c r="V52918" i="1"/>
  <c r="V52919" i="1"/>
  <c r="V52920" i="1"/>
  <c r="V52921" i="1"/>
  <c r="V52922" i="1"/>
  <c r="V52923" i="1"/>
  <c r="V52924" i="1"/>
  <c r="V52925" i="1"/>
  <c r="V52926" i="1"/>
  <c r="V52927" i="1"/>
  <c r="V52928" i="1"/>
  <c r="V52929" i="1"/>
  <c r="V52930" i="1"/>
  <c r="V52931" i="1"/>
  <c r="V52932" i="1"/>
  <c r="V52933" i="1"/>
  <c r="V52934" i="1"/>
  <c r="V52935" i="1"/>
  <c r="V52936" i="1"/>
  <c r="V52937" i="1"/>
  <c r="V52938" i="1"/>
  <c r="V52939" i="1"/>
  <c r="V52940" i="1"/>
  <c r="V52941" i="1"/>
  <c r="V52942" i="1"/>
  <c r="V52943" i="1"/>
  <c r="V52944" i="1"/>
  <c r="V52945" i="1"/>
  <c r="V52946" i="1"/>
  <c r="V52947" i="1"/>
  <c r="V52948" i="1"/>
  <c r="V52949" i="1"/>
  <c r="V52950" i="1"/>
  <c r="V52951" i="1"/>
  <c r="V52952" i="1"/>
  <c r="V52953" i="1"/>
  <c r="V52954" i="1"/>
  <c r="V52955" i="1"/>
  <c r="V52956" i="1"/>
  <c r="V52957" i="1"/>
  <c r="V52958" i="1"/>
  <c r="V52959" i="1"/>
  <c r="V52960" i="1"/>
  <c r="V52961" i="1"/>
  <c r="V52962" i="1"/>
  <c r="V52963" i="1"/>
  <c r="V52964" i="1"/>
  <c r="V52965" i="1"/>
  <c r="V52966" i="1"/>
  <c r="V52967" i="1"/>
  <c r="V52968" i="1"/>
  <c r="V52969" i="1"/>
  <c r="V52970" i="1"/>
  <c r="V52971" i="1"/>
  <c r="V52972" i="1"/>
  <c r="V52973" i="1"/>
  <c r="V52974" i="1"/>
  <c r="V52975" i="1"/>
  <c r="V52976" i="1"/>
  <c r="V52977" i="1"/>
  <c r="V52978" i="1"/>
  <c r="V52979" i="1"/>
  <c r="V52980" i="1"/>
  <c r="V52981" i="1"/>
  <c r="V52982" i="1"/>
  <c r="V52983" i="1"/>
  <c r="V52984" i="1"/>
  <c r="V52985" i="1"/>
  <c r="V52986" i="1"/>
  <c r="V52987" i="1"/>
  <c r="V52988" i="1"/>
  <c r="V52989" i="1"/>
  <c r="V52990" i="1"/>
  <c r="V52991" i="1"/>
  <c r="V52992" i="1"/>
  <c r="V52993" i="1"/>
  <c r="V52994" i="1"/>
  <c r="V52995" i="1"/>
  <c r="V52996" i="1"/>
  <c r="V52997" i="1"/>
  <c r="V52998" i="1"/>
  <c r="V52999" i="1"/>
  <c r="V53000" i="1"/>
  <c r="V53001" i="1"/>
  <c r="V53002" i="1"/>
  <c r="V53003" i="1"/>
  <c r="V53004" i="1"/>
  <c r="V53005" i="1"/>
  <c r="V53006" i="1"/>
  <c r="V53007" i="1"/>
  <c r="V53008" i="1"/>
  <c r="V53009" i="1"/>
  <c r="V53010" i="1"/>
  <c r="V53011" i="1"/>
  <c r="V53012" i="1"/>
  <c r="V53013" i="1"/>
  <c r="V53014" i="1"/>
  <c r="V53015" i="1"/>
  <c r="V53016" i="1"/>
  <c r="V53017" i="1"/>
  <c r="V53018" i="1"/>
  <c r="V53019" i="1"/>
  <c r="V53020" i="1"/>
  <c r="V53021" i="1"/>
  <c r="V53022" i="1"/>
  <c r="V53023" i="1"/>
  <c r="V53024" i="1"/>
  <c r="V53025" i="1"/>
  <c r="V53026" i="1"/>
  <c r="V53027" i="1"/>
  <c r="V53028" i="1"/>
  <c r="V53029" i="1"/>
  <c r="V53030" i="1"/>
  <c r="V53031" i="1"/>
  <c r="V53032" i="1"/>
  <c r="V53033" i="1"/>
  <c r="V53034" i="1"/>
  <c r="V53035" i="1"/>
  <c r="V53036" i="1"/>
  <c r="V53037" i="1"/>
  <c r="V53038" i="1"/>
  <c r="V53039" i="1"/>
  <c r="V53040" i="1"/>
  <c r="V53041" i="1"/>
  <c r="V53042" i="1"/>
  <c r="V53043" i="1"/>
  <c r="V53044" i="1"/>
  <c r="V53045" i="1"/>
  <c r="V53046" i="1"/>
  <c r="V53047" i="1"/>
  <c r="V53048" i="1"/>
  <c r="V53049" i="1"/>
  <c r="V53050" i="1"/>
  <c r="V53051" i="1"/>
  <c r="V53052" i="1"/>
  <c r="V53053" i="1"/>
  <c r="V53054" i="1"/>
  <c r="V53055" i="1"/>
  <c r="V53056" i="1"/>
  <c r="V53057" i="1"/>
  <c r="V53058" i="1"/>
  <c r="V53059" i="1"/>
  <c r="V53060" i="1"/>
  <c r="V53061" i="1"/>
  <c r="V53062" i="1"/>
  <c r="V53063" i="1"/>
  <c r="V53064" i="1"/>
  <c r="V53065" i="1"/>
  <c r="V53066" i="1"/>
  <c r="V53067" i="1"/>
  <c r="V53068" i="1"/>
  <c r="V53069" i="1"/>
  <c r="V53070" i="1"/>
  <c r="V53071" i="1"/>
  <c r="V53072" i="1"/>
  <c r="V53073" i="1"/>
  <c r="V53074" i="1"/>
  <c r="V53075" i="1"/>
  <c r="V53076" i="1"/>
  <c r="V53077" i="1"/>
  <c r="V53078" i="1"/>
  <c r="V53079" i="1"/>
  <c r="V53080" i="1"/>
  <c r="V53081" i="1"/>
  <c r="V53082" i="1"/>
  <c r="V53083" i="1"/>
  <c r="V53084" i="1"/>
  <c r="V53085" i="1"/>
  <c r="V53086" i="1"/>
  <c r="V53087" i="1"/>
  <c r="V53088" i="1"/>
  <c r="V53089" i="1"/>
  <c r="V53090" i="1"/>
  <c r="V53091" i="1"/>
  <c r="V53092" i="1"/>
  <c r="V53093" i="1"/>
  <c r="V53094" i="1"/>
  <c r="V53095" i="1"/>
  <c r="V53096" i="1"/>
  <c r="V53097" i="1"/>
  <c r="V53098" i="1"/>
  <c r="V53099" i="1"/>
  <c r="V53100" i="1"/>
  <c r="V53101" i="1"/>
  <c r="V53102" i="1"/>
  <c r="V53103" i="1"/>
  <c r="V53104" i="1"/>
  <c r="V53105" i="1"/>
  <c r="V53106" i="1"/>
  <c r="V53107" i="1"/>
  <c r="V53108" i="1"/>
  <c r="V53109" i="1"/>
  <c r="V53110" i="1"/>
  <c r="V53111" i="1"/>
  <c r="V53112" i="1"/>
  <c r="V53113" i="1"/>
  <c r="V53114" i="1"/>
  <c r="V53115" i="1"/>
  <c r="V53116" i="1"/>
  <c r="V53117" i="1"/>
  <c r="V53118" i="1"/>
  <c r="V53119" i="1"/>
  <c r="V53120" i="1"/>
  <c r="V53121" i="1"/>
  <c r="V53122" i="1"/>
  <c r="V53123" i="1"/>
  <c r="V53124" i="1"/>
  <c r="V53125" i="1"/>
  <c r="V53126" i="1"/>
  <c r="V53127" i="1"/>
  <c r="V53128" i="1"/>
  <c r="V53129" i="1"/>
  <c r="V53130" i="1"/>
  <c r="V53131" i="1"/>
  <c r="V53132" i="1"/>
  <c r="V53133" i="1"/>
  <c r="V53134" i="1"/>
  <c r="V53135" i="1"/>
  <c r="V53136" i="1"/>
  <c r="V53137" i="1"/>
  <c r="V53138" i="1"/>
  <c r="V53139" i="1"/>
  <c r="V53140" i="1"/>
  <c r="V53141" i="1"/>
  <c r="V53142" i="1"/>
  <c r="V53143" i="1"/>
  <c r="V53144" i="1"/>
  <c r="V53145" i="1"/>
  <c r="V53146" i="1"/>
  <c r="V53147" i="1"/>
  <c r="V53148" i="1"/>
  <c r="V53149" i="1"/>
  <c r="V53150" i="1"/>
  <c r="V53151" i="1"/>
  <c r="V53152" i="1"/>
  <c r="V53153" i="1"/>
  <c r="V53154" i="1"/>
  <c r="V53155" i="1"/>
  <c r="V53156" i="1"/>
  <c r="V53157" i="1"/>
  <c r="V53158" i="1"/>
  <c r="V53159" i="1"/>
  <c r="V53160" i="1"/>
  <c r="V53161" i="1"/>
  <c r="V53162" i="1"/>
  <c r="V53163" i="1"/>
  <c r="V53164" i="1"/>
  <c r="V53165" i="1"/>
  <c r="V53166" i="1"/>
  <c r="V53167" i="1"/>
  <c r="V53168" i="1"/>
  <c r="V53169" i="1"/>
  <c r="V53170" i="1"/>
  <c r="V53171" i="1"/>
  <c r="V53172" i="1"/>
  <c r="V53173" i="1"/>
  <c r="V53174" i="1"/>
  <c r="V53175" i="1"/>
  <c r="V53176" i="1"/>
  <c r="V53177" i="1"/>
  <c r="V53178" i="1"/>
  <c r="V53179" i="1"/>
  <c r="V53180" i="1"/>
  <c r="V53181" i="1"/>
  <c r="V53182" i="1"/>
  <c r="V53183" i="1"/>
  <c r="V53184" i="1"/>
  <c r="V53185" i="1"/>
  <c r="V53186" i="1"/>
  <c r="V53187" i="1"/>
  <c r="V53188" i="1"/>
  <c r="V53189" i="1"/>
  <c r="V53190" i="1"/>
  <c r="V53191" i="1"/>
  <c r="V53192" i="1"/>
  <c r="V53193" i="1"/>
  <c r="V53194" i="1"/>
  <c r="V53195" i="1"/>
  <c r="V53196" i="1"/>
  <c r="V53197" i="1"/>
  <c r="V53198" i="1"/>
  <c r="V53199" i="1"/>
  <c r="V53200" i="1"/>
  <c r="V53201" i="1"/>
  <c r="V53202" i="1"/>
  <c r="V53203" i="1"/>
  <c r="V53204" i="1"/>
  <c r="V53205" i="1"/>
  <c r="V53206" i="1"/>
  <c r="V53207" i="1"/>
  <c r="V53208" i="1"/>
  <c r="V53209" i="1"/>
  <c r="V53210" i="1"/>
  <c r="V53211" i="1"/>
  <c r="V53212" i="1"/>
  <c r="V53213" i="1"/>
  <c r="V53214" i="1"/>
  <c r="V53215" i="1"/>
  <c r="V53216" i="1"/>
  <c r="V53217" i="1"/>
  <c r="V53218" i="1"/>
  <c r="V53219" i="1"/>
  <c r="V53220" i="1"/>
  <c r="V53221" i="1"/>
  <c r="V53222" i="1"/>
  <c r="V53223" i="1"/>
  <c r="V53224" i="1"/>
  <c r="V53225" i="1"/>
  <c r="V53226" i="1"/>
  <c r="V53227" i="1"/>
  <c r="V53228" i="1"/>
  <c r="V53229" i="1"/>
  <c r="V53230" i="1"/>
  <c r="V53231" i="1"/>
  <c r="V53232" i="1"/>
  <c r="V53233" i="1"/>
  <c r="V53234" i="1"/>
  <c r="V53235" i="1"/>
  <c r="V53236" i="1"/>
  <c r="V53237" i="1"/>
  <c r="V53238" i="1"/>
  <c r="V53239" i="1"/>
  <c r="V53240" i="1"/>
  <c r="V53241" i="1"/>
  <c r="V53242" i="1"/>
  <c r="V53243" i="1"/>
  <c r="V53244" i="1"/>
  <c r="V53245" i="1"/>
  <c r="V53246" i="1"/>
  <c r="V53247" i="1"/>
  <c r="V53248" i="1"/>
  <c r="V53249" i="1"/>
  <c r="V53250" i="1"/>
  <c r="V53251" i="1"/>
  <c r="V53252" i="1"/>
  <c r="V53253" i="1"/>
  <c r="V53254" i="1"/>
  <c r="V53255" i="1"/>
  <c r="V53256" i="1"/>
  <c r="V53257" i="1"/>
  <c r="V53258" i="1"/>
  <c r="V53259" i="1"/>
  <c r="V53260" i="1"/>
  <c r="V53261" i="1"/>
  <c r="V53262" i="1"/>
  <c r="V53263" i="1"/>
  <c r="V53264" i="1"/>
  <c r="V53265" i="1"/>
  <c r="V53266" i="1"/>
  <c r="V53267" i="1"/>
  <c r="V53268" i="1"/>
  <c r="V53269" i="1"/>
  <c r="V53270" i="1"/>
  <c r="V53271" i="1"/>
  <c r="V53272" i="1"/>
  <c r="V53273" i="1"/>
  <c r="V53274" i="1"/>
  <c r="V53275" i="1"/>
  <c r="V53276" i="1"/>
  <c r="V53277" i="1"/>
  <c r="V53278" i="1"/>
  <c r="V53279" i="1"/>
  <c r="V53280" i="1"/>
  <c r="V53281" i="1"/>
  <c r="V53282" i="1"/>
  <c r="V53283" i="1"/>
  <c r="V53284" i="1"/>
  <c r="V53285" i="1"/>
  <c r="V53286" i="1"/>
  <c r="V53287" i="1"/>
  <c r="V53288" i="1"/>
  <c r="V53289" i="1"/>
  <c r="V53290" i="1"/>
  <c r="V53291" i="1"/>
  <c r="V53292" i="1"/>
  <c r="V53293" i="1"/>
  <c r="V53294" i="1"/>
  <c r="V53295" i="1"/>
  <c r="V53296" i="1"/>
  <c r="V53297" i="1"/>
  <c r="V53298" i="1"/>
  <c r="V53299" i="1"/>
  <c r="V53300" i="1"/>
  <c r="V53301" i="1"/>
  <c r="V53302" i="1"/>
  <c r="V53303" i="1"/>
  <c r="V53304" i="1"/>
  <c r="V53305" i="1"/>
  <c r="V53306" i="1"/>
  <c r="V53307" i="1"/>
  <c r="V53308" i="1"/>
  <c r="V53309" i="1"/>
  <c r="V53310" i="1"/>
  <c r="V53311" i="1"/>
  <c r="V53312" i="1"/>
  <c r="V53313" i="1"/>
  <c r="V53314" i="1"/>
  <c r="V53315" i="1"/>
  <c r="V53316" i="1"/>
  <c r="V53317" i="1"/>
  <c r="V53318" i="1"/>
  <c r="V53319" i="1"/>
  <c r="V53320" i="1"/>
  <c r="V53321" i="1"/>
  <c r="V53322" i="1"/>
  <c r="V53323" i="1"/>
  <c r="V53324" i="1"/>
  <c r="V53325" i="1"/>
  <c r="V53326" i="1"/>
  <c r="V53327" i="1"/>
  <c r="V53328" i="1"/>
  <c r="V53329" i="1"/>
  <c r="V53330" i="1"/>
  <c r="V53331" i="1"/>
  <c r="V53332" i="1"/>
  <c r="V53333" i="1"/>
  <c r="V53334" i="1"/>
  <c r="V53335" i="1"/>
  <c r="V53336" i="1"/>
  <c r="V53337" i="1"/>
  <c r="V53338" i="1"/>
  <c r="V53339" i="1"/>
  <c r="V53340" i="1"/>
  <c r="V53341" i="1"/>
  <c r="V53342" i="1"/>
  <c r="V53343" i="1"/>
  <c r="V53344" i="1"/>
  <c r="V53345" i="1"/>
  <c r="V53346" i="1"/>
  <c r="V53347" i="1"/>
  <c r="V53348" i="1"/>
  <c r="V53349" i="1"/>
  <c r="V53350" i="1"/>
  <c r="V53351" i="1"/>
  <c r="V53352" i="1"/>
  <c r="V53353" i="1"/>
  <c r="V53354" i="1"/>
  <c r="V53355" i="1"/>
  <c r="V53356" i="1"/>
  <c r="V53357" i="1"/>
  <c r="V53358" i="1"/>
  <c r="V53359" i="1"/>
  <c r="V53360" i="1"/>
  <c r="V53361" i="1"/>
  <c r="V53362" i="1"/>
  <c r="V53363" i="1"/>
  <c r="V53364" i="1"/>
  <c r="V53365" i="1"/>
  <c r="V53366" i="1"/>
  <c r="V53367" i="1"/>
  <c r="V53368" i="1"/>
  <c r="V53369" i="1"/>
  <c r="V53370" i="1"/>
  <c r="V53371" i="1"/>
  <c r="V53372" i="1"/>
  <c r="V53373" i="1"/>
  <c r="V53374" i="1"/>
  <c r="V53375" i="1"/>
  <c r="V53376" i="1"/>
  <c r="V53377" i="1"/>
  <c r="V53378" i="1"/>
  <c r="V53379" i="1"/>
  <c r="V53380" i="1"/>
  <c r="V53381" i="1"/>
  <c r="V53382" i="1"/>
  <c r="V53383" i="1"/>
  <c r="V53384" i="1"/>
  <c r="V53385" i="1"/>
  <c r="V53386" i="1"/>
  <c r="V53387" i="1"/>
  <c r="V53388" i="1"/>
  <c r="V53389" i="1"/>
  <c r="V53390" i="1"/>
  <c r="V53391" i="1"/>
  <c r="V53392" i="1"/>
  <c r="V53393" i="1"/>
  <c r="V53394" i="1"/>
  <c r="V53395" i="1"/>
  <c r="V53396" i="1"/>
  <c r="V53397" i="1"/>
  <c r="V53398" i="1"/>
  <c r="V53399" i="1"/>
  <c r="V53400" i="1"/>
  <c r="V53401" i="1"/>
  <c r="V53402" i="1"/>
  <c r="V53403" i="1"/>
  <c r="V53404" i="1"/>
  <c r="V53405" i="1"/>
  <c r="V53406" i="1"/>
  <c r="V53407" i="1"/>
  <c r="V53408" i="1"/>
  <c r="V53409" i="1"/>
  <c r="V53410" i="1"/>
  <c r="V53411" i="1"/>
  <c r="V53412" i="1"/>
  <c r="V53413" i="1"/>
  <c r="V53414" i="1"/>
  <c r="V53415" i="1"/>
  <c r="V53416" i="1"/>
  <c r="V53417" i="1"/>
  <c r="V53418" i="1"/>
  <c r="V53419" i="1"/>
  <c r="V53420" i="1"/>
  <c r="V53421" i="1"/>
  <c r="V53422" i="1"/>
  <c r="V53423" i="1"/>
  <c r="V53424" i="1"/>
  <c r="V53425" i="1"/>
  <c r="V53426" i="1"/>
  <c r="V53427" i="1"/>
  <c r="V53428" i="1"/>
  <c r="V53429" i="1"/>
  <c r="V53430" i="1"/>
  <c r="V53431" i="1"/>
  <c r="V53432" i="1"/>
  <c r="V53433" i="1"/>
  <c r="V53434" i="1"/>
  <c r="V53435" i="1"/>
  <c r="V53436" i="1"/>
  <c r="V53437" i="1"/>
  <c r="V53438" i="1"/>
  <c r="V53439" i="1"/>
  <c r="V53440" i="1"/>
  <c r="V53441" i="1"/>
  <c r="V53442" i="1"/>
  <c r="V53443" i="1"/>
  <c r="V53444" i="1"/>
  <c r="V53445" i="1"/>
  <c r="V53446" i="1"/>
  <c r="V53447" i="1"/>
  <c r="V53448" i="1"/>
  <c r="V53449" i="1"/>
  <c r="V53450" i="1"/>
  <c r="V53451" i="1"/>
  <c r="V53452" i="1"/>
  <c r="V53453" i="1"/>
  <c r="V53454" i="1"/>
  <c r="V53455" i="1"/>
  <c r="V53456" i="1"/>
  <c r="V53457" i="1"/>
  <c r="V53458" i="1"/>
  <c r="V53459" i="1"/>
  <c r="V53460" i="1"/>
  <c r="V53461" i="1"/>
  <c r="V53462" i="1"/>
  <c r="V53463" i="1"/>
  <c r="V53464" i="1"/>
  <c r="V53465" i="1"/>
  <c r="V53466" i="1"/>
  <c r="V53467" i="1"/>
  <c r="V53468" i="1"/>
  <c r="V53469" i="1"/>
  <c r="V53470" i="1"/>
  <c r="V53471" i="1"/>
  <c r="V53472" i="1"/>
  <c r="V53473" i="1"/>
  <c r="V53474" i="1"/>
  <c r="V53475" i="1"/>
  <c r="V53476" i="1"/>
  <c r="V53477" i="1"/>
  <c r="V53478" i="1"/>
  <c r="V53479" i="1"/>
  <c r="V53480" i="1"/>
  <c r="V53481" i="1"/>
  <c r="V53482" i="1"/>
  <c r="V53483" i="1"/>
  <c r="V53484" i="1"/>
  <c r="V53485" i="1"/>
  <c r="V53486" i="1"/>
  <c r="V53487" i="1"/>
  <c r="V53488" i="1"/>
  <c r="V53489" i="1"/>
  <c r="V53490" i="1"/>
  <c r="V53491" i="1"/>
  <c r="V53492" i="1"/>
  <c r="V53493" i="1"/>
  <c r="V53494" i="1"/>
  <c r="V53495" i="1"/>
  <c r="V53496" i="1"/>
  <c r="V53497" i="1"/>
  <c r="V53498" i="1"/>
  <c r="V53499" i="1"/>
  <c r="V53500" i="1"/>
  <c r="V53501" i="1"/>
  <c r="V53502" i="1"/>
  <c r="V53503" i="1"/>
  <c r="V53504" i="1"/>
  <c r="V53505" i="1"/>
  <c r="V53506" i="1"/>
  <c r="V53507" i="1"/>
  <c r="V53508" i="1"/>
  <c r="V53509" i="1"/>
  <c r="V53510" i="1"/>
  <c r="V53511" i="1"/>
  <c r="V53512" i="1"/>
  <c r="V53513" i="1"/>
  <c r="V53514" i="1"/>
  <c r="V53515" i="1"/>
  <c r="V53516" i="1"/>
  <c r="V53517" i="1"/>
  <c r="V53518" i="1"/>
  <c r="V53519" i="1"/>
  <c r="V53520" i="1"/>
  <c r="V53521" i="1"/>
  <c r="V53522" i="1"/>
  <c r="V53523" i="1"/>
  <c r="V53524" i="1"/>
  <c r="V53525" i="1"/>
  <c r="V53526" i="1"/>
  <c r="V53527" i="1"/>
  <c r="V53528" i="1"/>
  <c r="V53529" i="1"/>
  <c r="V53530" i="1"/>
  <c r="V53531" i="1"/>
  <c r="V53532" i="1"/>
  <c r="V53533" i="1"/>
  <c r="V53534" i="1"/>
  <c r="V53535" i="1"/>
  <c r="V53536" i="1"/>
  <c r="V53537" i="1"/>
  <c r="V53538" i="1"/>
  <c r="V53539" i="1"/>
  <c r="V53540" i="1"/>
  <c r="V53541" i="1"/>
  <c r="V53542" i="1"/>
  <c r="V53543" i="1"/>
  <c r="V53544" i="1"/>
  <c r="V53545" i="1"/>
  <c r="V53546" i="1"/>
  <c r="V53547" i="1"/>
  <c r="V53548" i="1"/>
  <c r="V53549" i="1"/>
  <c r="V53550" i="1"/>
  <c r="V53551" i="1"/>
  <c r="V53552" i="1"/>
  <c r="V53553" i="1"/>
  <c r="V53554" i="1"/>
  <c r="V53555" i="1"/>
  <c r="V53556" i="1"/>
  <c r="V53557" i="1"/>
  <c r="V53558" i="1"/>
  <c r="V53559" i="1"/>
  <c r="V53560" i="1"/>
  <c r="V53561" i="1"/>
  <c r="V53562" i="1"/>
  <c r="V53563" i="1"/>
  <c r="V53564" i="1"/>
  <c r="V53565" i="1"/>
  <c r="V53566" i="1"/>
  <c r="V53567" i="1"/>
  <c r="V53568" i="1"/>
  <c r="V53569" i="1"/>
  <c r="V53570" i="1"/>
  <c r="V53571" i="1"/>
  <c r="V53572" i="1"/>
  <c r="V53573" i="1"/>
  <c r="V53574" i="1"/>
  <c r="V53575" i="1"/>
  <c r="V53576" i="1"/>
  <c r="V53577" i="1"/>
  <c r="V53578" i="1"/>
  <c r="V53579" i="1"/>
  <c r="V53580" i="1"/>
  <c r="V53581" i="1"/>
  <c r="V53582" i="1"/>
  <c r="V53583" i="1"/>
  <c r="V53584" i="1"/>
  <c r="V53585" i="1"/>
  <c r="V53586" i="1"/>
  <c r="V53587" i="1"/>
  <c r="V53588" i="1"/>
  <c r="V53589" i="1"/>
  <c r="V53590" i="1"/>
  <c r="V53591" i="1"/>
  <c r="V53592" i="1"/>
  <c r="V53593" i="1"/>
  <c r="V53594" i="1"/>
  <c r="V53595" i="1"/>
  <c r="V53596" i="1"/>
  <c r="V53597" i="1"/>
  <c r="V53598" i="1"/>
  <c r="V53599" i="1"/>
  <c r="V53600" i="1"/>
  <c r="V53601" i="1"/>
  <c r="V53602" i="1"/>
  <c r="V53603" i="1"/>
  <c r="V53604" i="1"/>
  <c r="V53605" i="1"/>
  <c r="V53606" i="1"/>
  <c r="V53607" i="1"/>
  <c r="V53608" i="1"/>
  <c r="V53609" i="1"/>
  <c r="V53610" i="1"/>
  <c r="V53611" i="1"/>
  <c r="V53612" i="1"/>
  <c r="V53613" i="1"/>
  <c r="V53614" i="1"/>
  <c r="V53615" i="1"/>
  <c r="V53616" i="1"/>
  <c r="V53617" i="1"/>
  <c r="V53618" i="1"/>
  <c r="V53619" i="1"/>
  <c r="V53620" i="1"/>
  <c r="V53621" i="1"/>
  <c r="V53622" i="1"/>
  <c r="V53623" i="1"/>
  <c r="V53624" i="1"/>
  <c r="V53625" i="1"/>
  <c r="V53626" i="1"/>
  <c r="V53627" i="1"/>
  <c r="V53628" i="1"/>
  <c r="V53629" i="1"/>
  <c r="V53630" i="1"/>
  <c r="V53631" i="1"/>
  <c r="V53632" i="1"/>
  <c r="V53633" i="1"/>
  <c r="V53634" i="1"/>
  <c r="V53635" i="1"/>
  <c r="V53636" i="1"/>
  <c r="V53637" i="1"/>
  <c r="V53638" i="1"/>
  <c r="V53639" i="1"/>
  <c r="V53640" i="1"/>
  <c r="V53641" i="1"/>
  <c r="V53642" i="1"/>
  <c r="V53643" i="1"/>
  <c r="V53644" i="1"/>
  <c r="V53645" i="1"/>
  <c r="V53646" i="1"/>
  <c r="V53647" i="1"/>
  <c r="V53648" i="1"/>
  <c r="V53649" i="1"/>
  <c r="V53650" i="1"/>
  <c r="V53651" i="1"/>
  <c r="V53652" i="1"/>
  <c r="V53653" i="1"/>
  <c r="V53654" i="1"/>
  <c r="V53655" i="1"/>
  <c r="V53656" i="1"/>
  <c r="V53657" i="1"/>
  <c r="V53658" i="1"/>
  <c r="V53659" i="1"/>
  <c r="V53660" i="1"/>
  <c r="V53661" i="1"/>
  <c r="V53662" i="1"/>
  <c r="V53663" i="1"/>
  <c r="V53664" i="1"/>
  <c r="V53665" i="1"/>
  <c r="V53666" i="1"/>
  <c r="V53667" i="1"/>
  <c r="V53668" i="1"/>
  <c r="V53669" i="1"/>
  <c r="V53670" i="1"/>
  <c r="V53671" i="1"/>
  <c r="V53672" i="1"/>
  <c r="V53673" i="1"/>
  <c r="V53674" i="1"/>
  <c r="V53675" i="1"/>
  <c r="V53676" i="1"/>
  <c r="V53677" i="1"/>
  <c r="V53678" i="1"/>
  <c r="V53679" i="1"/>
  <c r="V53680" i="1"/>
  <c r="V53681" i="1"/>
  <c r="V53682" i="1"/>
  <c r="V53683" i="1"/>
  <c r="V53684" i="1"/>
  <c r="V53685" i="1"/>
  <c r="V53686" i="1"/>
  <c r="V53687" i="1"/>
  <c r="V53688" i="1"/>
  <c r="V53689" i="1"/>
  <c r="V53690" i="1"/>
  <c r="V53691" i="1"/>
  <c r="V53692" i="1"/>
  <c r="V53693" i="1"/>
  <c r="V53694" i="1"/>
  <c r="V53695" i="1"/>
  <c r="V53696" i="1"/>
  <c r="V53697" i="1"/>
  <c r="V53698" i="1"/>
  <c r="V53699" i="1"/>
  <c r="V53700" i="1"/>
  <c r="V53701" i="1"/>
  <c r="V53702" i="1"/>
  <c r="V53703" i="1"/>
  <c r="V53704" i="1"/>
  <c r="V53705" i="1"/>
  <c r="V53706" i="1"/>
  <c r="V53707" i="1"/>
  <c r="V53708" i="1"/>
  <c r="V53709" i="1"/>
  <c r="V53710" i="1"/>
  <c r="V53711" i="1"/>
  <c r="V53712" i="1"/>
  <c r="V53713" i="1"/>
  <c r="V53714" i="1"/>
  <c r="V53715" i="1"/>
  <c r="V53716" i="1"/>
  <c r="V53717" i="1"/>
  <c r="V53718" i="1"/>
  <c r="V53719" i="1"/>
  <c r="V53720" i="1"/>
  <c r="V53721" i="1"/>
  <c r="V53722" i="1"/>
  <c r="V53723" i="1"/>
  <c r="V53724" i="1"/>
  <c r="V53725" i="1"/>
  <c r="V53726" i="1"/>
  <c r="V53727" i="1"/>
  <c r="V53728" i="1"/>
  <c r="V53729" i="1"/>
  <c r="V53730" i="1"/>
  <c r="V53731" i="1"/>
  <c r="V53732" i="1"/>
  <c r="V53733" i="1"/>
  <c r="V53734" i="1"/>
  <c r="V53735" i="1"/>
  <c r="V53736" i="1"/>
  <c r="V53737" i="1"/>
  <c r="V53738" i="1"/>
  <c r="V53739" i="1"/>
  <c r="V53740" i="1"/>
  <c r="V53741" i="1"/>
  <c r="V53742" i="1"/>
  <c r="V53743" i="1"/>
  <c r="V53744" i="1"/>
  <c r="V53745" i="1"/>
  <c r="V53746" i="1"/>
  <c r="V53747" i="1"/>
  <c r="V53748" i="1"/>
  <c r="V53749" i="1"/>
  <c r="V53750" i="1"/>
  <c r="V53751" i="1"/>
  <c r="V53752" i="1"/>
  <c r="V53753" i="1"/>
  <c r="V53754" i="1"/>
  <c r="V53755" i="1"/>
  <c r="V53756" i="1"/>
  <c r="V53757" i="1"/>
  <c r="V53758" i="1"/>
  <c r="V53759" i="1"/>
  <c r="V53760" i="1"/>
  <c r="V53761" i="1"/>
  <c r="V53762" i="1"/>
  <c r="V53763" i="1"/>
  <c r="V53764" i="1"/>
  <c r="V53765" i="1"/>
  <c r="V53766" i="1"/>
  <c r="V53767" i="1"/>
  <c r="V53768" i="1"/>
  <c r="V53769" i="1"/>
  <c r="V53770" i="1"/>
  <c r="V53771" i="1"/>
  <c r="V53772" i="1"/>
  <c r="V53773" i="1"/>
  <c r="V53774" i="1"/>
  <c r="V53775" i="1"/>
  <c r="V53776" i="1"/>
  <c r="V53777" i="1"/>
  <c r="V53778" i="1"/>
  <c r="V53779" i="1"/>
  <c r="V53780" i="1"/>
  <c r="V53781" i="1"/>
  <c r="V53782" i="1"/>
  <c r="V53783" i="1"/>
  <c r="V53784" i="1"/>
  <c r="V53785" i="1"/>
  <c r="V53786" i="1"/>
  <c r="V53787" i="1"/>
  <c r="V53788" i="1"/>
  <c r="V53789" i="1"/>
  <c r="V53790" i="1"/>
  <c r="V53791" i="1"/>
  <c r="V53792" i="1"/>
  <c r="V53793" i="1"/>
  <c r="V53794" i="1"/>
  <c r="V53795" i="1"/>
  <c r="V53796" i="1"/>
  <c r="V53797" i="1"/>
  <c r="V53798" i="1"/>
  <c r="V53799" i="1"/>
  <c r="V53800" i="1"/>
  <c r="V53801" i="1"/>
  <c r="V53802" i="1"/>
  <c r="V53803" i="1"/>
  <c r="V53804" i="1"/>
  <c r="V53805" i="1"/>
  <c r="V53806" i="1"/>
  <c r="V53807" i="1"/>
  <c r="V53808" i="1"/>
  <c r="V53809" i="1"/>
  <c r="V53810" i="1"/>
  <c r="V53811" i="1"/>
  <c r="V53812" i="1"/>
  <c r="V53813" i="1"/>
  <c r="V53814" i="1"/>
  <c r="V53815" i="1"/>
  <c r="V53816" i="1"/>
  <c r="V53817" i="1"/>
  <c r="V53818" i="1"/>
  <c r="V53819" i="1"/>
  <c r="V53820" i="1"/>
  <c r="V53821" i="1"/>
  <c r="V53822" i="1"/>
  <c r="V53823" i="1"/>
  <c r="V53824" i="1"/>
  <c r="V53825" i="1"/>
  <c r="V53826" i="1"/>
  <c r="V53827" i="1"/>
  <c r="V53828" i="1"/>
  <c r="V53829" i="1"/>
  <c r="V53830" i="1"/>
  <c r="V53831" i="1"/>
  <c r="V53832" i="1"/>
  <c r="V53833" i="1"/>
  <c r="V53834" i="1"/>
  <c r="V53835" i="1"/>
  <c r="V53836" i="1"/>
  <c r="V53837" i="1"/>
  <c r="V53838" i="1"/>
  <c r="V53839" i="1"/>
  <c r="V53840" i="1"/>
  <c r="V53841" i="1"/>
  <c r="V53842" i="1"/>
  <c r="V53843" i="1"/>
  <c r="V53844" i="1"/>
  <c r="V53845" i="1"/>
  <c r="V53846" i="1"/>
  <c r="V53847" i="1"/>
  <c r="V53848" i="1"/>
  <c r="V53849" i="1"/>
  <c r="V53850" i="1"/>
  <c r="V53851" i="1"/>
  <c r="V53852" i="1"/>
  <c r="V53853" i="1"/>
  <c r="V53854" i="1"/>
  <c r="V53855" i="1"/>
  <c r="V53856" i="1"/>
  <c r="V53857" i="1"/>
  <c r="V53858" i="1"/>
  <c r="V53859" i="1"/>
  <c r="V53860" i="1"/>
  <c r="V53861" i="1"/>
  <c r="V53862" i="1"/>
  <c r="V53863" i="1"/>
  <c r="V53864" i="1"/>
  <c r="V53865" i="1"/>
  <c r="V53866" i="1"/>
  <c r="V53867" i="1"/>
  <c r="V53868" i="1"/>
  <c r="V53869" i="1"/>
  <c r="V53870" i="1"/>
  <c r="V53871" i="1"/>
  <c r="V53872" i="1"/>
  <c r="V53873" i="1"/>
  <c r="V53874" i="1"/>
  <c r="V53875" i="1"/>
  <c r="V53876" i="1"/>
  <c r="V53877" i="1"/>
  <c r="V53878" i="1"/>
  <c r="V53879" i="1"/>
  <c r="V53880" i="1"/>
  <c r="V53881" i="1"/>
  <c r="V53882" i="1"/>
  <c r="V53883" i="1"/>
  <c r="V53884" i="1"/>
  <c r="V53885" i="1"/>
  <c r="V53886" i="1"/>
  <c r="V53887" i="1"/>
  <c r="V53888" i="1"/>
  <c r="V53889" i="1"/>
  <c r="V53890" i="1"/>
  <c r="V53891" i="1"/>
  <c r="V53892" i="1"/>
  <c r="V53893" i="1"/>
  <c r="V53894" i="1"/>
  <c r="V53895" i="1"/>
  <c r="V53896" i="1"/>
  <c r="V53897" i="1"/>
  <c r="V53898" i="1"/>
  <c r="V53899" i="1"/>
  <c r="V53900" i="1"/>
  <c r="V53901" i="1"/>
  <c r="V53902" i="1"/>
  <c r="V53903" i="1"/>
  <c r="V53904" i="1"/>
  <c r="V53905" i="1"/>
  <c r="V53906" i="1"/>
  <c r="V53907" i="1"/>
  <c r="V53908" i="1"/>
  <c r="V53909" i="1"/>
  <c r="V53910" i="1"/>
  <c r="V53911" i="1"/>
  <c r="V53912" i="1"/>
  <c r="V53913" i="1"/>
  <c r="V53914" i="1"/>
  <c r="V53915" i="1"/>
  <c r="V53916" i="1"/>
  <c r="V53917" i="1"/>
  <c r="V53918" i="1"/>
  <c r="V53919" i="1"/>
  <c r="V53920" i="1"/>
  <c r="V53921" i="1"/>
  <c r="V53922" i="1"/>
  <c r="V53923" i="1"/>
  <c r="V53924" i="1"/>
  <c r="V53925" i="1"/>
  <c r="V53926" i="1"/>
  <c r="V53927" i="1"/>
  <c r="V53928" i="1"/>
  <c r="V53929" i="1"/>
  <c r="V53930" i="1"/>
  <c r="V53931" i="1"/>
  <c r="V53932" i="1"/>
  <c r="V53933" i="1"/>
  <c r="V53934" i="1"/>
  <c r="V53935" i="1"/>
  <c r="V53936" i="1"/>
  <c r="V53937" i="1"/>
  <c r="V53938" i="1"/>
  <c r="V53939" i="1"/>
  <c r="V53940" i="1"/>
  <c r="V53941" i="1"/>
  <c r="V53942" i="1"/>
  <c r="V53943" i="1"/>
  <c r="V53944" i="1"/>
  <c r="V53945" i="1"/>
  <c r="V53946" i="1"/>
  <c r="V53947" i="1"/>
  <c r="V53948" i="1"/>
  <c r="V53949" i="1"/>
  <c r="V53950" i="1"/>
  <c r="V53951" i="1"/>
  <c r="V53952" i="1"/>
  <c r="V53953" i="1"/>
  <c r="V53954" i="1"/>
  <c r="V53955" i="1"/>
  <c r="V53956" i="1"/>
  <c r="V53957" i="1"/>
  <c r="V53958" i="1"/>
  <c r="V53959" i="1"/>
  <c r="V53960" i="1"/>
  <c r="V53961" i="1"/>
  <c r="V53962" i="1"/>
  <c r="V53963" i="1"/>
  <c r="V53964" i="1"/>
  <c r="V53965" i="1"/>
  <c r="V53966" i="1"/>
  <c r="V53967" i="1"/>
  <c r="V53968" i="1"/>
  <c r="V53969" i="1"/>
  <c r="V53970" i="1"/>
  <c r="V53971" i="1"/>
  <c r="V53972" i="1"/>
  <c r="V53973" i="1"/>
  <c r="V53974" i="1"/>
  <c r="V53975" i="1"/>
  <c r="V53976" i="1"/>
  <c r="V53977" i="1"/>
  <c r="V53978" i="1"/>
  <c r="V53979" i="1"/>
  <c r="V53980" i="1"/>
  <c r="V53981" i="1"/>
  <c r="V53982" i="1"/>
  <c r="V53983" i="1"/>
  <c r="V53984" i="1"/>
  <c r="V53985" i="1"/>
  <c r="V53986" i="1"/>
  <c r="V53987" i="1"/>
  <c r="V53988" i="1"/>
  <c r="V53989" i="1"/>
  <c r="V53990" i="1"/>
  <c r="V53991" i="1"/>
  <c r="V53992" i="1"/>
  <c r="V53993" i="1"/>
  <c r="V53994" i="1"/>
  <c r="V53995" i="1"/>
  <c r="V53996" i="1"/>
  <c r="V53997" i="1"/>
  <c r="V53998" i="1"/>
  <c r="V53999" i="1"/>
  <c r="V54000" i="1"/>
  <c r="V54001" i="1"/>
  <c r="V54002" i="1"/>
  <c r="V54003" i="1"/>
  <c r="V54004" i="1"/>
  <c r="V54005" i="1"/>
  <c r="V54006" i="1"/>
  <c r="V54007" i="1"/>
  <c r="V54008" i="1"/>
  <c r="V54009" i="1"/>
  <c r="V54010" i="1"/>
  <c r="V54011" i="1"/>
  <c r="V54012" i="1"/>
  <c r="V54013" i="1"/>
  <c r="V54014" i="1"/>
  <c r="V54015" i="1"/>
  <c r="V54016" i="1"/>
  <c r="V54017" i="1"/>
  <c r="V54018" i="1"/>
  <c r="V54019" i="1"/>
  <c r="V54020" i="1"/>
  <c r="V54021" i="1"/>
  <c r="V54022" i="1"/>
  <c r="V54023" i="1"/>
  <c r="V54024" i="1"/>
  <c r="V54025" i="1"/>
  <c r="V54026" i="1"/>
  <c r="V54027" i="1"/>
  <c r="V54028" i="1"/>
  <c r="V54029" i="1"/>
  <c r="V54030" i="1"/>
  <c r="V54031" i="1"/>
  <c r="V54032" i="1"/>
  <c r="V54033" i="1"/>
  <c r="V54034" i="1"/>
  <c r="V54035" i="1"/>
  <c r="V54036" i="1"/>
  <c r="V54037" i="1"/>
  <c r="V54038" i="1"/>
  <c r="V54039" i="1"/>
  <c r="V54040" i="1"/>
  <c r="V54041" i="1"/>
  <c r="V54042" i="1"/>
  <c r="V54043" i="1"/>
  <c r="V54044" i="1"/>
  <c r="V54045" i="1"/>
  <c r="V54046" i="1"/>
  <c r="V54047" i="1"/>
  <c r="V54048" i="1"/>
  <c r="V54049" i="1"/>
  <c r="V54050" i="1"/>
  <c r="V54051" i="1"/>
  <c r="V54052" i="1"/>
  <c r="V54053" i="1"/>
  <c r="V54054" i="1"/>
  <c r="V54055" i="1"/>
  <c r="V54056" i="1"/>
  <c r="V54057" i="1"/>
  <c r="V54058" i="1"/>
  <c r="V54059" i="1"/>
  <c r="V54060" i="1"/>
  <c r="V54061" i="1"/>
  <c r="V54062" i="1"/>
  <c r="V54063" i="1"/>
  <c r="V54064" i="1"/>
  <c r="V54065" i="1"/>
  <c r="V54066" i="1"/>
  <c r="V54067" i="1"/>
  <c r="V54068" i="1"/>
  <c r="V54069" i="1"/>
  <c r="V54070" i="1"/>
  <c r="V54071" i="1"/>
  <c r="V54072" i="1"/>
  <c r="V54073" i="1"/>
  <c r="V54074" i="1"/>
  <c r="V54075" i="1"/>
  <c r="V54076" i="1"/>
  <c r="V54077" i="1"/>
  <c r="V54078" i="1"/>
  <c r="V54079" i="1"/>
  <c r="V54080" i="1"/>
  <c r="V54081" i="1"/>
  <c r="V54082" i="1"/>
  <c r="V54083" i="1"/>
  <c r="V54084" i="1"/>
  <c r="V54085" i="1"/>
  <c r="V54086" i="1"/>
  <c r="V54087" i="1"/>
  <c r="V54088" i="1"/>
  <c r="V54089" i="1"/>
  <c r="V54090" i="1"/>
  <c r="V54091" i="1"/>
  <c r="V54092" i="1"/>
  <c r="V54093" i="1"/>
  <c r="V54094" i="1"/>
  <c r="V54095" i="1"/>
  <c r="V54096" i="1"/>
  <c r="V54097" i="1"/>
  <c r="V54098" i="1"/>
  <c r="V54099" i="1"/>
  <c r="V54100" i="1"/>
  <c r="V54101" i="1"/>
  <c r="V54102" i="1"/>
  <c r="V54103" i="1"/>
  <c r="V54104" i="1"/>
  <c r="V54105" i="1"/>
  <c r="V54106" i="1"/>
  <c r="V54107" i="1"/>
  <c r="V54108" i="1"/>
  <c r="V54109" i="1"/>
  <c r="V54110" i="1"/>
  <c r="V54111" i="1"/>
  <c r="V54112" i="1"/>
  <c r="V54113" i="1"/>
  <c r="V54114" i="1"/>
  <c r="V54115" i="1"/>
  <c r="V54116" i="1"/>
  <c r="V54117" i="1"/>
  <c r="V54118" i="1"/>
  <c r="V54119" i="1"/>
  <c r="V54120" i="1"/>
  <c r="V54121" i="1"/>
  <c r="V54122" i="1"/>
  <c r="V54123" i="1"/>
  <c r="V54124" i="1"/>
  <c r="V54125" i="1"/>
  <c r="V54126" i="1"/>
  <c r="V54127" i="1"/>
  <c r="V54128" i="1"/>
  <c r="V54129" i="1"/>
  <c r="V54130" i="1"/>
  <c r="V54131" i="1"/>
  <c r="V54132" i="1"/>
  <c r="V54133" i="1"/>
  <c r="V54134" i="1"/>
  <c r="V54135" i="1"/>
  <c r="V54136" i="1"/>
  <c r="V54137" i="1"/>
  <c r="V54138" i="1"/>
  <c r="V54139" i="1"/>
  <c r="V54140" i="1"/>
  <c r="V54141" i="1"/>
  <c r="V54142" i="1"/>
  <c r="V54143" i="1"/>
  <c r="V54144" i="1"/>
  <c r="V54145" i="1"/>
  <c r="V54146" i="1"/>
  <c r="V54147" i="1"/>
  <c r="V54148" i="1"/>
  <c r="V54149" i="1"/>
  <c r="V54150" i="1"/>
  <c r="V54151" i="1"/>
  <c r="V54152" i="1"/>
  <c r="V54153" i="1"/>
  <c r="V54154" i="1"/>
  <c r="V54155" i="1"/>
  <c r="V54156" i="1"/>
  <c r="V54157" i="1"/>
  <c r="V54158" i="1"/>
  <c r="V54159" i="1"/>
  <c r="V54160" i="1"/>
  <c r="V54161" i="1"/>
  <c r="V54162" i="1"/>
  <c r="V54163" i="1"/>
  <c r="V54164" i="1"/>
  <c r="V54165" i="1"/>
  <c r="V54166" i="1"/>
  <c r="V54167" i="1"/>
  <c r="V54168" i="1"/>
  <c r="V54169" i="1"/>
  <c r="V54170" i="1"/>
  <c r="V54171" i="1"/>
  <c r="V54172" i="1"/>
  <c r="V54173" i="1"/>
  <c r="V54174" i="1"/>
  <c r="V54175" i="1"/>
  <c r="V54176" i="1"/>
  <c r="V54177" i="1"/>
  <c r="V54178" i="1"/>
  <c r="V54179" i="1"/>
  <c r="V54180" i="1"/>
  <c r="V54181" i="1"/>
  <c r="V54182" i="1"/>
  <c r="V54183" i="1"/>
  <c r="V54184" i="1"/>
  <c r="V54185" i="1"/>
  <c r="V54186" i="1"/>
  <c r="V54187" i="1"/>
  <c r="V54188" i="1"/>
  <c r="V54189" i="1"/>
  <c r="V54190" i="1"/>
  <c r="V54191" i="1"/>
  <c r="V54192" i="1"/>
  <c r="V54193" i="1"/>
  <c r="V54194" i="1"/>
  <c r="V54195" i="1"/>
  <c r="V54196" i="1"/>
  <c r="V54197" i="1"/>
  <c r="V54198" i="1"/>
  <c r="V54199" i="1"/>
  <c r="V54200" i="1"/>
  <c r="V54201" i="1"/>
  <c r="V54202" i="1"/>
  <c r="V54203" i="1"/>
  <c r="V54204" i="1"/>
  <c r="V54205" i="1"/>
  <c r="V54206" i="1"/>
  <c r="V54207" i="1"/>
  <c r="V54208" i="1"/>
  <c r="V54209" i="1"/>
  <c r="V54210" i="1"/>
  <c r="V54211" i="1"/>
  <c r="V54212" i="1"/>
  <c r="V54213" i="1"/>
  <c r="V54214" i="1"/>
  <c r="V54215" i="1"/>
  <c r="V54216" i="1"/>
  <c r="V54217" i="1"/>
  <c r="V54218" i="1"/>
  <c r="V54219" i="1"/>
  <c r="V54220" i="1"/>
  <c r="V54221" i="1"/>
  <c r="V54222" i="1"/>
  <c r="V54223" i="1"/>
  <c r="V54224" i="1"/>
  <c r="V54225" i="1"/>
  <c r="V54226" i="1"/>
  <c r="V54227" i="1"/>
  <c r="V54228" i="1"/>
  <c r="V54229" i="1"/>
  <c r="V54230" i="1"/>
  <c r="V54231" i="1"/>
  <c r="V54232" i="1"/>
  <c r="V54233" i="1"/>
  <c r="V54234" i="1"/>
  <c r="V54235" i="1"/>
  <c r="V54236" i="1"/>
  <c r="V54237" i="1"/>
  <c r="V54238" i="1"/>
  <c r="V54239" i="1"/>
  <c r="V54240" i="1"/>
  <c r="V54241" i="1"/>
  <c r="V54242" i="1"/>
  <c r="V54243" i="1"/>
  <c r="V54244" i="1"/>
  <c r="V54245" i="1"/>
  <c r="V54246" i="1"/>
  <c r="V54247" i="1"/>
  <c r="V54248" i="1"/>
  <c r="V54249" i="1"/>
  <c r="V54250" i="1"/>
  <c r="V54251" i="1"/>
  <c r="V54252" i="1"/>
  <c r="V54253" i="1"/>
  <c r="V54254" i="1"/>
  <c r="V54255" i="1"/>
  <c r="V54256" i="1"/>
  <c r="V54257" i="1"/>
  <c r="V54258" i="1"/>
  <c r="V54259" i="1"/>
  <c r="V54260" i="1"/>
  <c r="V54261" i="1"/>
  <c r="V54262" i="1"/>
  <c r="V54263" i="1"/>
  <c r="V54264" i="1"/>
  <c r="V54265" i="1"/>
  <c r="V54266" i="1"/>
  <c r="V54267" i="1"/>
  <c r="V54268" i="1"/>
  <c r="V54269" i="1"/>
  <c r="V54270" i="1"/>
  <c r="V54271" i="1"/>
  <c r="V54272" i="1"/>
  <c r="V54273" i="1"/>
  <c r="V54274" i="1"/>
  <c r="V54275" i="1"/>
  <c r="V54276" i="1"/>
  <c r="V54277" i="1"/>
  <c r="V54278" i="1"/>
  <c r="V54279" i="1"/>
  <c r="V54280" i="1"/>
  <c r="V54281" i="1"/>
  <c r="V54282" i="1"/>
  <c r="V54283" i="1"/>
  <c r="V54284" i="1"/>
  <c r="V54285" i="1"/>
  <c r="V54286" i="1"/>
  <c r="V54287" i="1"/>
  <c r="V54288" i="1"/>
  <c r="V54289" i="1"/>
  <c r="V54290" i="1"/>
  <c r="V54291" i="1"/>
  <c r="V54292" i="1"/>
  <c r="V54293" i="1"/>
  <c r="V54294" i="1"/>
  <c r="V54295" i="1"/>
  <c r="V54296" i="1"/>
  <c r="V54297" i="1"/>
  <c r="V54298" i="1"/>
  <c r="V54299" i="1"/>
  <c r="V54300" i="1"/>
  <c r="V54301" i="1"/>
  <c r="V54302" i="1"/>
  <c r="V54303" i="1"/>
  <c r="V54304" i="1"/>
  <c r="V54305" i="1"/>
  <c r="V54306" i="1"/>
  <c r="V54307" i="1"/>
  <c r="V54308" i="1"/>
  <c r="V54309" i="1"/>
  <c r="V54310" i="1"/>
  <c r="V54311" i="1"/>
  <c r="V54312" i="1"/>
  <c r="V54313" i="1"/>
  <c r="V54314" i="1"/>
  <c r="V54315" i="1"/>
  <c r="V54316" i="1"/>
  <c r="V54317" i="1"/>
  <c r="V54318" i="1"/>
  <c r="V54319" i="1"/>
  <c r="V54320" i="1"/>
  <c r="V54321" i="1"/>
  <c r="V54322" i="1"/>
  <c r="V54323" i="1"/>
  <c r="V54324" i="1"/>
  <c r="V54325" i="1"/>
  <c r="V54326" i="1"/>
  <c r="V54327" i="1"/>
  <c r="V54328" i="1"/>
  <c r="V54329" i="1"/>
  <c r="V54330" i="1"/>
  <c r="V54331" i="1"/>
  <c r="V54332" i="1"/>
  <c r="V54333" i="1"/>
  <c r="V54334" i="1"/>
  <c r="V54335" i="1"/>
  <c r="V54336" i="1"/>
  <c r="V54337" i="1"/>
  <c r="V54338" i="1"/>
  <c r="V54339" i="1"/>
  <c r="V54340" i="1"/>
  <c r="V54341" i="1"/>
  <c r="V54342" i="1"/>
  <c r="V54343" i="1"/>
  <c r="V54344" i="1"/>
  <c r="V54345" i="1"/>
  <c r="V54346" i="1"/>
  <c r="V54347" i="1"/>
  <c r="V54348" i="1"/>
  <c r="V54349" i="1"/>
  <c r="V54350" i="1"/>
  <c r="V54351" i="1"/>
  <c r="V54352" i="1"/>
  <c r="V54353" i="1"/>
  <c r="V54354" i="1"/>
  <c r="V54355" i="1"/>
  <c r="V54356" i="1"/>
  <c r="V54357" i="1"/>
  <c r="V54358" i="1"/>
  <c r="V54359" i="1"/>
  <c r="V54360" i="1"/>
  <c r="V54361" i="1"/>
  <c r="V54362" i="1"/>
  <c r="V54363" i="1"/>
  <c r="V54364" i="1"/>
  <c r="V54365" i="1"/>
  <c r="V54366" i="1"/>
  <c r="V54367" i="1"/>
  <c r="V54368" i="1"/>
  <c r="V54369" i="1"/>
  <c r="V54370" i="1"/>
  <c r="V54371" i="1"/>
  <c r="V54372" i="1"/>
  <c r="V54373" i="1"/>
  <c r="V54374" i="1"/>
  <c r="V54375" i="1"/>
  <c r="V54376" i="1"/>
  <c r="V54377" i="1"/>
  <c r="V54378" i="1"/>
  <c r="V54379" i="1"/>
  <c r="V54380" i="1"/>
  <c r="V54381" i="1"/>
  <c r="V54382" i="1"/>
  <c r="V54383" i="1"/>
  <c r="V54384" i="1"/>
  <c r="V54385" i="1"/>
  <c r="V54386" i="1"/>
  <c r="V54387" i="1"/>
  <c r="V54388" i="1"/>
  <c r="V54389" i="1"/>
  <c r="V54390" i="1"/>
  <c r="V54391" i="1"/>
  <c r="V54392" i="1"/>
  <c r="V54393" i="1"/>
  <c r="V54394" i="1"/>
  <c r="V54395" i="1"/>
  <c r="V54396" i="1"/>
  <c r="V54397" i="1"/>
  <c r="V54398" i="1"/>
  <c r="V54399" i="1"/>
  <c r="V54400" i="1"/>
  <c r="V54401" i="1"/>
  <c r="V54402" i="1"/>
  <c r="V54403" i="1"/>
  <c r="V54404" i="1"/>
  <c r="V54405" i="1"/>
  <c r="V54406" i="1"/>
  <c r="V54407" i="1"/>
  <c r="V54408" i="1"/>
  <c r="V54409" i="1"/>
  <c r="V54410" i="1"/>
  <c r="V54411" i="1"/>
  <c r="V54412" i="1"/>
  <c r="V54413" i="1"/>
  <c r="V54414" i="1"/>
  <c r="V54415" i="1"/>
  <c r="V54416" i="1"/>
  <c r="V54417" i="1"/>
  <c r="V54418" i="1"/>
  <c r="V54419" i="1"/>
  <c r="V54420" i="1"/>
  <c r="V54421" i="1"/>
  <c r="V54422" i="1"/>
  <c r="V54423" i="1"/>
  <c r="V54424" i="1"/>
  <c r="V54425" i="1"/>
  <c r="V54426" i="1"/>
  <c r="V54427" i="1"/>
  <c r="V54428" i="1"/>
  <c r="V54429" i="1"/>
  <c r="V54430" i="1"/>
  <c r="V54431" i="1"/>
  <c r="V54432" i="1"/>
  <c r="V54433" i="1"/>
  <c r="V54434" i="1"/>
  <c r="V54435" i="1"/>
  <c r="V54436" i="1"/>
  <c r="V54437" i="1"/>
  <c r="V54438" i="1"/>
  <c r="V54439" i="1"/>
  <c r="V54440" i="1"/>
  <c r="V54441" i="1"/>
  <c r="V54442" i="1"/>
  <c r="V54443" i="1"/>
  <c r="V54444" i="1"/>
  <c r="V54445" i="1"/>
  <c r="V54446" i="1"/>
  <c r="V54447" i="1"/>
  <c r="V54448" i="1"/>
  <c r="V54449" i="1"/>
  <c r="V54450" i="1"/>
  <c r="V54451" i="1"/>
  <c r="V54452" i="1"/>
  <c r="V54453" i="1"/>
  <c r="V54454" i="1"/>
  <c r="V54455" i="1"/>
  <c r="V54456" i="1"/>
  <c r="V54457" i="1"/>
  <c r="V54458" i="1"/>
  <c r="V54459" i="1"/>
  <c r="V54460" i="1"/>
  <c r="V54461" i="1"/>
  <c r="V54462" i="1"/>
  <c r="V54463" i="1"/>
  <c r="V54464" i="1"/>
  <c r="V54465" i="1"/>
  <c r="V54466" i="1"/>
  <c r="V54467" i="1"/>
  <c r="V54468" i="1"/>
  <c r="V54469" i="1"/>
  <c r="V54470" i="1"/>
  <c r="V54471" i="1"/>
  <c r="V54472" i="1"/>
  <c r="V54473" i="1"/>
  <c r="V54474" i="1"/>
  <c r="V54475" i="1"/>
  <c r="V54476" i="1"/>
  <c r="V54477" i="1"/>
  <c r="V54478" i="1"/>
  <c r="V54479" i="1"/>
  <c r="V54480" i="1"/>
  <c r="V54481" i="1"/>
  <c r="V54482" i="1"/>
  <c r="V54483" i="1"/>
  <c r="V54484" i="1"/>
  <c r="V54485" i="1"/>
  <c r="V54486" i="1"/>
  <c r="V54487" i="1"/>
  <c r="V54488" i="1"/>
  <c r="V54489" i="1"/>
  <c r="V54490" i="1"/>
  <c r="V54491" i="1"/>
  <c r="V54492" i="1"/>
  <c r="V54493" i="1"/>
  <c r="V54494" i="1"/>
  <c r="V54495" i="1"/>
  <c r="V54496" i="1"/>
  <c r="V54497" i="1"/>
  <c r="V54498" i="1"/>
  <c r="V54499" i="1"/>
  <c r="V54500" i="1"/>
  <c r="V54501" i="1"/>
  <c r="V54502" i="1"/>
  <c r="V54503" i="1"/>
  <c r="V54504" i="1"/>
  <c r="V54505" i="1"/>
  <c r="V54506" i="1"/>
  <c r="V54507" i="1"/>
  <c r="V54508" i="1"/>
  <c r="V54509" i="1"/>
  <c r="V54510" i="1"/>
  <c r="V54511" i="1"/>
  <c r="V54512" i="1"/>
  <c r="V54513" i="1"/>
  <c r="V54514" i="1"/>
  <c r="V54515" i="1"/>
  <c r="V54516" i="1"/>
  <c r="V54517" i="1"/>
  <c r="V54518" i="1"/>
  <c r="V54519" i="1"/>
  <c r="V54520" i="1"/>
  <c r="V54521" i="1"/>
  <c r="V54522" i="1"/>
  <c r="V54523" i="1"/>
  <c r="V54524" i="1"/>
  <c r="V54525" i="1"/>
  <c r="V54526" i="1"/>
  <c r="V54527" i="1"/>
  <c r="V54528" i="1"/>
  <c r="V54529" i="1"/>
  <c r="V54530" i="1"/>
  <c r="V54531" i="1"/>
  <c r="V54532" i="1"/>
  <c r="V54533" i="1"/>
  <c r="V54534" i="1"/>
  <c r="V54535" i="1"/>
  <c r="V54536" i="1"/>
  <c r="V54537" i="1"/>
  <c r="V54538" i="1"/>
  <c r="V54539" i="1"/>
  <c r="V54540" i="1"/>
  <c r="V54541" i="1"/>
  <c r="V54542" i="1"/>
  <c r="V54543" i="1"/>
  <c r="V54544" i="1"/>
  <c r="V54545" i="1"/>
  <c r="V54546" i="1"/>
  <c r="V54547" i="1"/>
  <c r="V54548" i="1"/>
  <c r="V54549" i="1"/>
  <c r="V54550" i="1"/>
  <c r="V54551" i="1"/>
  <c r="V54552" i="1"/>
  <c r="V54553" i="1"/>
  <c r="V54554" i="1"/>
  <c r="V54555" i="1"/>
  <c r="V54556" i="1"/>
  <c r="V54557" i="1"/>
  <c r="V54558" i="1"/>
  <c r="V54559" i="1"/>
  <c r="V54560" i="1"/>
  <c r="V54561" i="1"/>
  <c r="V54562" i="1"/>
  <c r="V54563" i="1"/>
  <c r="V54564" i="1"/>
  <c r="V54565" i="1"/>
  <c r="V54566" i="1"/>
  <c r="V54567" i="1"/>
  <c r="V54568" i="1"/>
  <c r="V54569" i="1"/>
  <c r="V54570" i="1"/>
  <c r="V54571" i="1"/>
  <c r="V54572" i="1"/>
  <c r="V54573" i="1"/>
  <c r="V54574" i="1"/>
  <c r="V54575" i="1"/>
  <c r="V54576" i="1"/>
  <c r="V54577" i="1"/>
  <c r="V54578" i="1"/>
  <c r="V54579" i="1"/>
  <c r="V54580" i="1"/>
  <c r="V54581" i="1"/>
  <c r="V54582" i="1"/>
  <c r="V54583" i="1"/>
  <c r="V54584" i="1"/>
  <c r="V54585" i="1"/>
  <c r="V54586" i="1"/>
  <c r="V54587" i="1"/>
  <c r="V54588" i="1"/>
  <c r="V54589" i="1"/>
  <c r="V54590" i="1"/>
  <c r="V54591" i="1"/>
  <c r="V54592" i="1"/>
  <c r="V54593" i="1"/>
  <c r="V54594" i="1"/>
  <c r="V54595" i="1"/>
  <c r="V54596" i="1"/>
  <c r="V54597" i="1"/>
  <c r="V54598" i="1"/>
  <c r="V54599" i="1"/>
  <c r="V54600" i="1"/>
  <c r="V54601" i="1"/>
  <c r="V54602" i="1"/>
  <c r="V54603" i="1"/>
  <c r="V54604" i="1"/>
  <c r="V54605" i="1"/>
  <c r="V54606" i="1"/>
  <c r="V54607" i="1"/>
  <c r="V54608" i="1"/>
  <c r="V54609" i="1"/>
  <c r="V54610" i="1"/>
  <c r="V54611" i="1"/>
  <c r="V54612" i="1"/>
  <c r="V54613" i="1"/>
  <c r="V54614" i="1"/>
  <c r="V54615" i="1"/>
  <c r="V54616" i="1"/>
  <c r="V54617" i="1"/>
  <c r="V54618" i="1"/>
  <c r="V54619" i="1"/>
  <c r="V54620" i="1"/>
  <c r="V54621" i="1"/>
  <c r="V54622" i="1"/>
  <c r="V54623" i="1"/>
  <c r="V54624" i="1"/>
  <c r="V54625" i="1"/>
  <c r="V54626" i="1"/>
  <c r="V54627" i="1"/>
  <c r="V54628" i="1"/>
  <c r="V54629" i="1"/>
  <c r="V54630" i="1"/>
  <c r="V54631" i="1"/>
  <c r="V54632" i="1"/>
  <c r="V54633" i="1"/>
  <c r="V54634" i="1"/>
  <c r="V54635" i="1"/>
  <c r="V54636" i="1"/>
  <c r="V54637" i="1"/>
  <c r="V54638" i="1"/>
  <c r="V54639" i="1"/>
  <c r="V54640" i="1"/>
  <c r="V54641" i="1"/>
  <c r="V54642" i="1"/>
  <c r="V54643" i="1"/>
  <c r="V54644" i="1"/>
  <c r="V54645" i="1"/>
  <c r="V54646" i="1"/>
  <c r="V54647" i="1"/>
  <c r="V54648" i="1"/>
  <c r="V54649" i="1"/>
  <c r="V54650" i="1"/>
  <c r="V54651" i="1"/>
  <c r="V54652" i="1"/>
  <c r="V54653" i="1"/>
  <c r="V54654" i="1"/>
  <c r="V54655" i="1"/>
  <c r="V54656" i="1"/>
  <c r="V54657" i="1"/>
  <c r="V54658" i="1"/>
  <c r="V54659" i="1"/>
  <c r="V54660" i="1"/>
  <c r="V54661" i="1"/>
  <c r="V54662" i="1"/>
  <c r="V54663" i="1"/>
  <c r="V54664" i="1"/>
  <c r="V54665" i="1"/>
  <c r="V54666" i="1"/>
  <c r="V54667" i="1"/>
  <c r="V54668" i="1"/>
  <c r="V54669" i="1"/>
  <c r="V54670" i="1"/>
  <c r="V54671" i="1"/>
  <c r="V54672" i="1"/>
  <c r="V54673" i="1"/>
  <c r="V54674" i="1"/>
  <c r="V54675" i="1"/>
  <c r="V54676" i="1"/>
  <c r="V54677" i="1"/>
  <c r="V54678" i="1"/>
  <c r="V54679" i="1"/>
  <c r="V54680" i="1"/>
  <c r="V54681" i="1"/>
  <c r="V54682" i="1"/>
  <c r="V54683" i="1"/>
  <c r="V54684" i="1"/>
  <c r="V54685" i="1"/>
  <c r="V54686" i="1"/>
  <c r="V54687" i="1"/>
  <c r="V54688" i="1"/>
  <c r="V54689" i="1"/>
  <c r="V54690" i="1"/>
  <c r="V54691" i="1"/>
  <c r="V54692" i="1"/>
  <c r="V54693" i="1"/>
  <c r="V54694" i="1"/>
  <c r="V54695" i="1"/>
  <c r="V54696" i="1"/>
  <c r="V54697" i="1"/>
  <c r="V54698" i="1"/>
  <c r="V54699" i="1"/>
  <c r="V54700" i="1"/>
  <c r="V54701" i="1"/>
  <c r="V54702" i="1"/>
  <c r="V54703" i="1"/>
  <c r="V54704" i="1"/>
  <c r="V54705" i="1"/>
  <c r="V54706" i="1"/>
  <c r="V54707" i="1"/>
  <c r="V54708" i="1"/>
  <c r="V54709" i="1"/>
  <c r="V54710" i="1"/>
  <c r="V54711" i="1"/>
  <c r="V54712" i="1"/>
  <c r="V54713" i="1"/>
  <c r="V54714" i="1"/>
  <c r="V54715" i="1"/>
  <c r="V54716" i="1"/>
  <c r="V54717" i="1"/>
  <c r="V54718" i="1"/>
  <c r="V54719" i="1"/>
  <c r="V54720" i="1"/>
  <c r="V54721" i="1"/>
  <c r="V54722" i="1"/>
  <c r="V54723" i="1"/>
  <c r="V54724" i="1"/>
  <c r="V54725" i="1"/>
  <c r="V54726" i="1"/>
  <c r="V54727" i="1"/>
  <c r="V54728" i="1"/>
  <c r="V54729" i="1"/>
  <c r="V54730" i="1"/>
  <c r="V54731" i="1"/>
  <c r="V54732" i="1"/>
  <c r="V54733" i="1"/>
  <c r="V54734" i="1"/>
  <c r="V54735" i="1"/>
  <c r="V54736" i="1"/>
  <c r="V54737" i="1"/>
  <c r="V54738" i="1"/>
  <c r="V54739" i="1"/>
  <c r="V54740" i="1"/>
  <c r="V54741" i="1"/>
  <c r="V54742" i="1"/>
  <c r="V54743" i="1"/>
  <c r="V54744" i="1"/>
  <c r="V54745" i="1"/>
  <c r="V54746" i="1"/>
  <c r="V54747" i="1"/>
  <c r="V54748" i="1"/>
  <c r="V54749" i="1"/>
  <c r="V54750" i="1"/>
  <c r="V54751" i="1"/>
  <c r="V54752" i="1"/>
  <c r="V54753" i="1"/>
  <c r="V54754" i="1"/>
  <c r="V54755" i="1"/>
  <c r="V54756" i="1"/>
  <c r="V54757" i="1"/>
  <c r="V54758" i="1"/>
  <c r="V54759" i="1"/>
  <c r="V54760" i="1"/>
  <c r="V54761" i="1"/>
  <c r="V54762" i="1"/>
  <c r="V54763" i="1"/>
  <c r="V54764" i="1"/>
  <c r="V54765" i="1"/>
  <c r="V54766" i="1"/>
  <c r="V54767" i="1"/>
  <c r="V54768" i="1"/>
  <c r="V54769" i="1"/>
  <c r="V54770" i="1"/>
  <c r="V54771" i="1"/>
  <c r="V54772" i="1"/>
  <c r="V54773" i="1"/>
  <c r="V54774" i="1"/>
  <c r="V54775" i="1"/>
  <c r="V54776" i="1"/>
  <c r="V54777" i="1"/>
  <c r="V54778" i="1"/>
  <c r="V54779" i="1"/>
  <c r="V54780" i="1"/>
  <c r="V54781" i="1"/>
  <c r="V54782" i="1"/>
  <c r="V54783" i="1"/>
  <c r="V54784" i="1"/>
  <c r="V54785" i="1"/>
  <c r="V54786" i="1"/>
  <c r="V54787" i="1"/>
  <c r="V54788" i="1"/>
  <c r="V54789" i="1"/>
  <c r="V54790" i="1"/>
  <c r="V54791" i="1"/>
  <c r="V54792" i="1"/>
  <c r="V54793" i="1"/>
  <c r="V54794" i="1"/>
  <c r="V54795" i="1"/>
  <c r="V54796" i="1"/>
  <c r="V54797" i="1"/>
  <c r="V54798" i="1"/>
  <c r="V54799" i="1"/>
  <c r="V54800" i="1"/>
  <c r="V54801" i="1"/>
  <c r="V54802" i="1"/>
  <c r="V54803" i="1"/>
  <c r="V54804" i="1"/>
  <c r="V54805" i="1"/>
  <c r="V54806" i="1"/>
  <c r="V54807" i="1"/>
  <c r="V54808" i="1"/>
  <c r="V54809" i="1"/>
  <c r="V54810" i="1"/>
  <c r="V54811" i="1"/>
  <c r="V54812" i="1"/>
  <c r="V54813" i="1"/>
  <c r="V54814" i="1"/>
  <c r="V54815" i="1"/>
  <c r="V54816" i="1"/>
  <c r="V54817" i="1"/>
  <c r="V54818" i="1"/>
  <c r="V54819" i="1"/>
  <c r="V54820" i="1"/>
  <c r="V54821" i="1"/>
  <c r="V54822" i="1"/>
  <c r="V54823" i="1"/>
  <c r="V54824" i="1"/>
  <c r="V54825" i="1"/>
  <c r="V54826" i="1"/>
  <c r="V54827" i="1"/>
  <c r="V54828" i="1"/>
  <c r="V54829" i="1"/>
  <c r="V54830" i="1"/>
  <c r="V54831" i="1"/>
  <c r="V54832" i="1"/>
  <c r="V54833" i="1"/>
  <c r="V54834" i="1"/>
  <c r="V54835" i="1"/>
  <c r="V54836" i="1"/>
  <c r="V54837" i="1"/>
  <c r="V54838" i="1"/>
  <c r="V54839" i="1"/>
  <c r="V54840" i="1"/>
  <c r="V54841" i="1"/>
  <c r="V54842" i="1"/>
  <c r="V54843" i="1"/>
  <c r="V54844" i="1"/>
  <c r="V54845" i="1"/>
  <c r="V54846" i="1"/>
  <c r="V54847" i="1"/>
  <c r="V54848" i="1"/>
  <c r="V54849" i="1"/>
  <c r="V54850" i="1"/>
  <c r="V54851" i="1"/>
  <c r="V54852" i="1"/>
  <c r="V54853" i="1"/>
  <c r="V54854" i="1"/>
  <c r="V54855" i="1"/>
  <c r="V54856" i="1"/>
  <c r="V54857" i="1"/>
  <c r="V54858" i="1"/>
  <c r="V54859" i="1"/>
  <c r="V54860" i="1"/>
  <c r="V54861" i="1"/>
  <c r="V54862" i="1"/>
  <c r="V54863" i="1"/>
  <c r="V54864" i="1"/>
  <c r="V54865" i="1"/>
  <c r="V54866" i="1"/>
  <c r="V54867" i="1"/>
  <c r="V54868" i="1"/>
  <c r="V54869" i="1"/>
  <c r="V54870" i="1"/>
  <c r="V54871" i="1"/>
  <c r="V54872" i="1"/>
  <c r="V54873" i="1"/>
  <c r="V54874" i="1"/>
  <c r="V54875" i="1"/>
  <c r="V54876" i="1"/>
  <c r="V54877" i="1"/>
  <c r="V54878" i="1"/>
  <c r="V54879" i="1"/>
  <c r="V54880" i="1"/>
  <c r="V54881" i="1"/>
  <c r="V54882" i="1"/>
  <c r="V54883" i="1"/>
  <c r="V54884" i="1"/>
  <c r="V54885" i="1"/>
  <c r="V54886" i="1"/>
  <c r="V54887" i="1"/>
  <c r="V54888" i="1"/>
  <c r="V54889" i="1"/>
  <c r="V54890" i="1"/>
  <c r="V54891" i="1"/>
  <c r="V54892" i="1"/>
  <c r="V54893" i="1"/>
  <c r="V54894" i="1"/>
  <c r="V54895" i="1"/>
  <c r="V54896" i="1"/>
  <c r="V54897" i="1"/>
  <c r="V54898" i="1"/>
  <c r="V54899" i="1"/>
  <c r="V54900" i="1"/>
  <c r="V54901" i="1"/>
  <c r="V54902" i="1"/>
  <c r="V54903" i="1"/>
  <c r="V54904" i="1"/>
  <c r="V54905" i="1"/>
  <c r="V54906" i="1"/>
  <c r="V54907" i="1"/>
  <c r="V54908" i="1"/>
  <c r="V54909" i="1"/>
  <c r="V54910" i="1"/>
  <c r="V54911" i="1"/>
  <c r="V54912" i="1"/>
  <c r="V54913" i="1"/>
  <c r="V54914" i="1"/>
  <c r="V54915" i="1"/>
  <c r="V54916" i="1"/>
  <c r="V54917" i="1"/>
  <c r="V54918" i="1"/>
  <c r="V54919" i="1"/>
  <c r="V54920" i="1"/>
  <c r="V54921" i="1"/>
  <c r="V54922" i="1"/>
  <c r="V54923" i="1"/>
  <c r="V54924" i="1"/>
  <c r="V54925" i="1"/>
  <c r="V54926" i="1"/>
  <c r="V54927" i="1"/>
  <c r="V54928" i="1"/>
  <c r="V54929" i="1"/>
  <c r="V54930" i="1"/>
  <c r="V54931" i="1"/>
  <c r="V54932" i="1"/>
  <c r="V54933" i="1"/>
  <c r="V54934" i="1"/>
  <c r="V54935" i="1"/>
  <c r="V54936" i="1"/>
  <c r="V54937" i="1"/>
  <c r="V54938" i="1"/>
  <c r="V54939" i="1"/>
  <c r="V54940" i="1"/>
  <c r="V54941" i="1"/>
  <c r="V54942" i="1"/>
  <c r="V54943" i="1"/>
  <c r="V54944" i="1"/>
  <c r="V54945" i="1"/>
  <c r="V54946" i="1"/>
  <c r="V54947" i="1"/>
  <c r="V54948" i="1"/>
  <c r="V54949" i="1"/>
  <c r="V54950" i="1"/>
  <c r="V54951" i="1"/>
  <c r="V54952" i="1"/>
  <c r="V54953" i="1"/>
  <c r="V54954" i="1"/>
  <c r="V54955" i="1"/>
  <c r="V54956" i="1"/>
  <c r="V54957" i="1"/>
  <c r="V54958" i="1"/>
  <c r="V54959" i="1"/>
  <c r="V54960" i="1"/>
  <c r="V54961" i="1"/>
  <c r="V54962" i="1"/>
  <c r="V54963" i="1"/>
  <c r="V54964" i="1"/>
  <c r="V54965" i="1"/>
  <c r="V54966" i="1"/>
  <c r="V54967" i="1"/>
  <c r="V54968" i="1"/>
  <c r="V54969" i="1"/>
  <c r="V54970" i="1"/>
  <c r="V54971" i="1"/>
  <c r="V54972" i="1"/>
  <c r="V54973" i="1"/>
  <c r="V54974" i="1"/>
  <c r="V54975" i="1"/>
  <c r="V54976" i="1"/>
  <c r="V54977" i="1"/>
  <c r="V54978" i="1"/>
  <c r="V54979" i="1"/>
  <c r="V54980" i="1"/>
  <c r="V54981" i="1"/>
  <c r="V54982" i="1"/>
  <c r="V54983" i="1"/>
  <c r="V54984" i="1"/>
  <c r="V54985" i="1"/>
  <c r="V54986" i="1"/>
  <c r="V54987" i="1"/>
  <c r="V54988" i="1"/>
  <c r="V54989" i="1"/>
  <c r="V54990" i="1"/>
  <c r="V54991" i="1"/>
  <c r="V54992" i="1"/>
  <c r="V54993" i="1"/>
  <c r="V54994" i="1"/>
  <c r="V54995" i="1"/>
  <c r="V54996" i="1"/>
  <c r="V54997" i="1"/>
  <c r="V54998" i="1"/>
  <c r="V54999" i="1"/>
  <c r="V55000" i="1"/>
  <c r="V55001" i="1"/>
  <c r="V55002" i="1"/>
  <c r="V55003" i="1"/>
  <c r="V55004" i="1"/>
  <c r="V55005" i="1"/>
  <c r="V55006" i="1"/>
  <c r="V55007" i="1"/>
  <c r="V55008" i="1"/>
  <c r="V55009" i="1"/>
  <c r="V55010" i="1"/>
  <c r="V55011" i="1"/>
  <c r="V55012" i="1"/>
  <c r="V55013" i="1"/>
  <c r="V55014" i="1"/>
  <c r="V55015" i="1"/>
  <c r="V55016" i="1"/>
  <c r="V55017" i="1"/>
  <c r="V55018" i="1"/>
  <c r="V55019" i="1"/>
  <c r="V55020" i="1"/>
  <c r="V55021" i="1"/>
  <c r="V55022" i="1"/>
  <c r="V55023" i="1"/>
  <c r="V55024" i="1"/>
  <c r="V55025" i="1"/>
  <c r="V55026" i="1"/>
  <c r="V55027" i="1"/>
  <c r="V55028" i="1"/>
  <c r="V55029" i="1"/>
  <c r="V55030" i="1"/>
  <c r="V55031" i="1"/>
  <c r="V55032" i="1"/>
  <c r="V55033" i="1"/>
  <c r="V55034" i="1"/>
  <c r="V55035" i="1"/>
  <c r="V55036" i="1"/>
  <c r="V55037" i="1"/>
  <c r="V55038" i="1"/>
  <c r="V55039" i="1"/>
  <c r="V55040" i="1"/>
  <c r="V55041" i="1"/>
  <c r="V55042" i="1"/>
  <c r="V55043" i="1"/>
  <c r="V55044" i="1"/>
  <c r="V55045" i="1"/>
  <c r="V55046" i="1"/>
  <c r="V55047" i="1"/>
  <c r="V55048" i="1"/>
  <c r="V55049" i="1"/>
  <c r="V55050" i="1"/>
  <c r="V55051" i="1"/>
  <c r="V55052" i="1"/>
  <c r="V55053" i="1"/>
  <c r="V55054" i="1"/>
  <c r="V55055" i="1"/>
  <c r="V55056" i="1"/>
  <c r="V55057" i="1"/>
  <c r="V55058" i="1"/>
  <c r="V55059" i="1"/>
  <c r="V55060" i="1"/>
  <c r="V55061" i="1"/>
  <c r="V55062" i="1"/>
  <c r="V55063" i="1"/>
  <c r="V55064" i="1"/>
  <c r="V55065" i="1"/>
  <c r="V55066" i="1"/>
  <c r="V55067" i="1"/>
  <c r="V55068" i="1"/>
  <c r="V55069" i="1"/>
  <c r="V55070" i="1"/>
  <c r="V55071" i="1"/>
  <c r="V55072" i="1"/>
  <c r="V55073" i="1"/>
  <c r="V55074" i="1"/>
  <c r="V55075" i="1"/>
  <c r="V55076" i="1"/>
  <c r="V55077" i="1"/>
  <c r="V55078" i="1"/>
  <c r="V55079" i="1"/>
  <c r="V55080" i="1"/>
  <c r="V55081" i="1"/>
  <c r="V55082" i="1"/>
  <c r="V55083" i="1"/>
  <c r="V55084" i="1"/>
  <c r="V55085" i="1"/>
  <c r="V55086" i="1"/>
  <c r="V55087" i="1"/>
  <c r="V55088" i="1"/>
  <c r="V55089" i="1"/>
  <c r="V55090" i="1"/>
  <c r="V55091" i="1"/>
  <c r="V55092" i="1"/>
  <c r="V55093" i="1"/>
  <c r="V55094" i="1"/>
  <c r="V55095" i="1"/>
  <c r="V55096" i="1"/>
  <c r="V55097" i="1"/>
  <c r="V55098" i="1"/>
  <c r="V55099" i="1"/>
  <c r="V55100" i="1"/>
  <c r="V55101" i="1"/>
  <c r="V55102" i="1"/>
  <c r="V55103" i="1"/>
  <c r="V55104" i="1"/>
  <c r="V55105" i="1"/>
  <c r="V55106" i="1"/>
  <c r="V55107" i="1"/>
  <c r="V55108" i="1"/>
  <c r="V55109" i="1"/>
  <c r="V55110" i="1"/>
  <c r="V55111" i="1"/>
  <c r="V55112" i="1"/>
  <c r="V55113" i="1"/>
  <c r="V55114" i="1"/>
  <c r="V55115" i="1"/>
  <c r="V55116" i="1"/>
  <c r="V55117" i="1"/>
  <c r="V55118" i="1"/>
  <c r="V55119" i="1"/>
  <c r="V55120" i="1"/>
  <c r="V55121" i="1"/>
  <c r="V55122" i="1"/>
  <c r="V55123" i="1"/>
  <c r="V55124" i="1"/>
  <c r="V55125" i="1"/>
  <c r="V55126" i="1"/>
  <c r="V55127" i="1"/>
  <c r="V55128" i="1"/>
  <c r="V55129" i="1"/>
  <c r="V55130" i="1"/>
  <c r="V55131" i="1"/>
  <c r="V55132" i="1"/>
  <c r="V55133" i="1"/>
  <c r="V55134" i="1"/>
  <c r="V55135" i="1"/>
  <c r="V55136" i="1"/>
  <c r="V55137" i="1"/>
  <c r="V55138" i="1"/>
  <c r="V55139" i="1"/>
  <c r="V55140" i="1"/>
  <c r="V55141" i="1"/>
  <c r="V55142" i="1"/>
  <c r="V55143" i="1"/>
  <c r="V55144" i="1"/>
  <c r="V55145" i="1"/>
  <c r="V55146" i="1"/>
  <c r="V55147" i="1"/>
  <c r="V55148" i="1"/>
  <c r="V55149" i="1"/>
  <c r="V55150" i="1"/>
  <c r="V55151" i="1"/>
  <c r="V55152" i="1"/>
  <c r="V55153" i="1"/>
  <c r="V55154" i="1"/>
  <c r="V55155" i="1"/>
  <c r="V55156" i="1"/>
  <c r="V55157" i="1"/>
  <c r="V55158" i="1"/>
  <c r="V55159" i="1"/>
  <c r="V55160" i="1"/>
  <c r="V55161" i="1"/>
  <c r="V55162" i="1"/>
  <c r="V55163" i="1"/>
  <c r="V55164" i="1"/>
  <c r="V55165" i="1"/>
  <c r="V55166" i="1"/>
  <c r="V55167" i="1"/>
  <c r="V55168" i="1"/>
  <c r="V55169" i="1"/>
  <c r="V55170" i="1"/>
  <c r="V55171" i="1"/>
  <c r="V55172" i="1"/>
  <c r="V55173" i="1"/>
  <c r="V55174" i="1"/>
  <c r="V55175" i="1"/>
  <c r="V55176" i="1"/>
  <c r="V55177" i="1"/>
  <c r="V55178" i="1"/>
  <c r="V55179" i="1"/>
  <c r="V55180" i="1"/>
  <c r="V55181" i="1"/>
  <c r="V55182" i="1"/>
  <c r="V55183" i="1"/>
  <c r="V55184" i="1"/>
  <c r="V55185" i="1"/>
  <c r="V55186" i="1"/>
  <c r="V55187" i="1"/>
  <c r="V55188" i="1"/>
  <c r="V55189" i="1"/>
  <c r="V55190" i="1"/>
  <c r="V55191" i="1"/>
  <c r="V55192" i="1"/>
  <c r="V55193" i="1"/>
  <c r="V55194" i="1"/>
  <c r="V55195" i="1"/>
  <c r="V55196" i="1"/>
  <c r="V55197" i="1"/>
  <c r="V55198" i="1"/>
  <c r="V55199" i="1"/>
  <c r="V55200" i="1"/>
  <c r="V55201" i="1"/>
  <c r="V55202" i="1"/>
  <c r="V55203" i="1"/>
  <c r="V55204" i="1"/>
  <c r="V55205" i="1"/>
  <c r="V55206" i="1"/>
  <c r="V55207" i="1"/>
  <c r="V55208" i="1"/>
  <c r="V55209" i="1"/>
  <c r="V55210" i="1"/>
  <c r="V55211" i="1"/>
  <c r="V55212" i="1"/>
  <c r="V55213" i="1"/>
  <c r="V55214" i="1"/>
  <c r="V55215" i="1"/>
  <c r="V55216" i="1"/>
  <c r="V55217" i="1"/>
  <c r="V55218" i="1"/>
  <c r="V55219" i="1"/>
  <c r="V55220" i="1"/>
  <c r="V55221" i="1"/>
  <c r="V55222" i="1"/>
  <c r="V55223" i="1"/>
  <c r="V55224" i="1"/>
  <c r="V55225" i="1"/>
  <c r="V55226" i="1"/>
  <c r="V55227" i="1"/>
  <c r="V55228" i="1"/>
  <c r="V55229" i="1"/>
  <c r="V55230" i="1"/>
  <c r="V55231" i="1"/>
  <c r="V55232" i="1"/>
  <c r="V55233" i="1"/>
  <c r="V55234" i="1"/>
  <c r="V55235" i="1"/>
  <c r="V55236" i="1"/>
  <c r="V55237" i="1"/>
  <c r="V55238" i="1"/>
  <c r="V55239" i="1"/>
  <c r="V55240" i="1"/>
  <c r="V55241" i="1"/>
  <c r="V55242" i="1"/>
  <c r="V55243" i="1"/>
  <c r="V55244" i="1"/>
  <c r="V55245" i="1"/>
  <c r="V55246" i="1"/>
  <c r="V55247" i="1"/>
  <c r="V55248" i="1"/>
  <c r="V55249" i="1"/>
  <c r="V55250" i="1"/>
  <c r="V55251" i="1"/>
  <c r="V55252" i="1"/>
  <c r="V55253" i="1"/>
  <c r="V55254" i="1"/>
  <c r="V55255" i="1"/>
  <c r="V55256" i="1"/>
  <c r="V55257" i="1"/>
  <c r="V55258" i="1"/>
  <c r="V55259" i="1"/>
  <c r="V55260" i="1"/>
  <c r="V55261" i="1"/>
  <c r="V55262" i="1"/>
  <c r="V55263" i="1"/>
  <c r="V55264" i="1"/>
  <c r="V55265" i="1"/>
  <c r="V55266" i="1"/>
  <c r="V55267" i="1"/>
  <c r="V55268" i="1"/>
  <c r="V55269" i="1"/>
  <c r="V55270" i="1"/>
  <c r="V55271" i="1"/>
  <c r="V55272" i="1"/>
  <c r="V55273" i="1"/>
  <c r="V55274" i="1"/>
  <c r="V55275" i="1"/>
  <c r="V55276" i="1"/>
  <c r="V55277" i="1"/>
  <c r="V55278" i="1"/>
  <c r="V55279" i="1"/>
  <c r="V55280" i="1"/>
  <c r="V55281" i="1"/>
  <c r="V55282" i="1"/>
  <c r="V55283" i="1"/>
  <c r="V55284" i="1"/>
  <c r="V55285" i="1"/>
  <c r="V55286" i="1"/>
  <c r="V55287" i="1"/>
  <c r="V55288" i="1"/>
  <c r="V55289" i="1"/>
  <c r="V55290" i="1"/>
  <c r="V55291" i="1"/>
  <c r="V55292" i="1"/>
  <c r="V55293" i="1"/>
  <c r="V55294" i="1"/>
  <c r="V55295" i="1"/>
  <c r="V55296" i="1"/>
  <c r="V55297" i="1"/>
  <c r="V55298" i="1"/>
  <c r="V55299" i="1"/>
  <c r="V55300" i="1"/>
  <c r="V55301" i="1"/>
  <c r="V55302" i="1"/>
  <c r="V55303" i="1"/>
  <c r="V55304" i="1"/>
  <c r="V55305" i="1"/>
  <c r="V55306" i="1"/>
  <c r="V55307" i="1"/>
  <c r="V55308" i="1"/>
  <c r="V55309" i="1"/>
  <c r="V55310" i="1"/>
  <c r="V55311" i="1"/>
  <c r="V55312" i="1"/>
  <c r="V55313" i="1"/>
  <c r="V55314" i="1"/>
  <c r="V55315" i="1"/>
  <c r="V55316" i="1"/>
  <c r="V55317" i="1"/>
  <c r="V55318" i="1"/>
  <c r="V55319" i="1"/>
  <c r="V55320" i="1"/>
  <c r="V55321" i="1"/>
  <c r="V55322" i="1"/>
  <c r="V55323" i="1"/>
  <c r="V55324" i="1"/>
  <c r="V55325" i="1"/>
  <c r="V55326" i="1"/>
  <c r="V55327" i="1"/>
  <c r="V55328" i="1"/>
  <c r="V55329" i="1"/>
  <c r="V55330" i="1"/>
  <c r="V55331" i="1"/>
  <c r="V55332" i="1"/>
  <c r="V55333" i="1"/>
  <c r="V55334" i="1"/>
  <c r="V55335" i="1"/>
  <c r="V55336" i="1"/>
  <c r="V55337" i="1"/>
  <c r="V55338" i="1"/>
  <c r="V55339" i="1"/>
  <c r="V55340" i="1"/>
  <c r="V55341" i="1"/>
  <c r="V55342" i="1"/>
  <c r="V55343" i="1"/>
  <c r="V55344" i="1"/>
  <c r="V55345" i="1"/>
  <c r="V55346" i="1"/>
  <c r="V55347" i="1"/>
  <c r="V55348" i="1"/>
  <c r="V55349" i="1"/>
  <c r="V55350" i="1"/>
  <c r="V55351" i="1"/>
  <c r="V55352" i="1"/>
  <c r="V55353" i="1"/>
  <c r="V55354" i="1"/>
  <c r="V55355" i="1"/>
  <c r="V55356" i="1"/>
  <c r="V55357" i="1"/>
  <c r="V55358" i="1"/>
  <c r="V55359" i="1"/>
  <c r="V55360" i="1"/>
  <c r="V55361" i="1"/>
  <c r="V55362" i="1"/>
  <c r="V55363" i="1"/>
  <c r="V55364" i="1"/>
  <c r="V55365" i="1"/>
  <c r="V55366" i="1"/>
  <c r="V55367" i="1"/>
  <c r="V55368" i="1"/>
  <c r="V55369" i="1"/>
  <c r="V55370" i="1"/>
  <c r="V55371" i="1"/>
  <c r="V55372" i="1"/>
  <c r="V55373" i="1"/>
  <c r="V55374" i="1"/>
  <c r="V55375" i="1"/>
  <c r="V55376" i="1"/>
  <c r="V55377" i="1"/>
  <c r="V55378" i="1"/>
  <c r="V55379" i="1"/>
  <c r="V55380" i="1"/>
  <c r="V55381" i="1"/>
  <c r="V55382" i="1"/>
  <c r="V55383" i="1"/>
  <c r="V55384" i="1"/>
  <c r="V55385" i="1"/>
  <c r="V55386" i="1"/>
  <c r="V55387" i="1"/>
  <c r="V55388" i="1"/>
  <c r="V55389" i="1"/>
  <c r="V55390" i="1"/>
  <c r="V55391" i="1"/>
  <c r="V55392" i="1"/>
  <c r="V55393" i="1"/>
  <c r="V55394" i="1"/>
  <c r="V55395" i="1"/>
  <c r="V55396" i="1"/>
  <c r="V55397" i="1"/>
  <c r="V55398" i="1"/>
  <c r="V55399" i="1"/>
  <c r="V55400" i="1"/>
  <c r="V55401" i="1"/>
  <c r="V55402" i="1"/>
  <c r="V55403" i="1"/>
  <c r="V55404" i="1"/>
  <c r="V55405" i="1"/>
  <c r="V55406" i="1"/>
  <c r="V55407" i="1"/>
  <c r="V55408" i="1"/>
  <c r="V55409" i="1"/>
  <c r="V55410" i="1"/>
  <c r="V55411" i="1"/>
  <c r="V55412" i="1"/>
  <c r="V55413" i="1"/>
  <c r="V55414" i="1"/>
  <c r="V55415" i="1"/>
  <c r="V55416" i="1"/>
  <c r="V55417" i="1"/>
  <c r="V55418" i="1"/>
  <c r="V55419" i="1"/>
  <c r="V55420" i="1"/>
  <c r="V55421" i="1"/>
  <c r="V55422" i="1"/>
  <c r="V55423" i="1"/>
  <c r="V55424" i="1"/>
  <c r="V55425" i="1"/>
  <c r="V55426" i="1"/>
  <c r="V55427" i="1"/>
  <c r="V55428" i="1"/>
  <c r="V55429" i="1"/>
  <c r="V55430" i="1"/>
  <c r="V55431" i="1"/>
  <c r="V55432" i="1"/>
  <c r="V55433" i="1"/>
  <c r="V55434" i="1"/>
  <c r="V55435" i="1"/>
  <c r="V55436" i="1"/>
  <c r="V55437" i="1"/>
  <c r="V55438" i="1"/>
  <c r="V55439" i="1"/>
  <c r="V55440" i="1"/>
  <c r="V55441" i="1"/>
  <c r="V55442" i="1"/>
  <c r="V55443" i="1"/>
  <c r="V55444" i="1"/>
  <c r="V55445" i="1"/>
  <c r="V55446" i="1"/>
  <c r="V55447" i="1"/>
  <c r="V55448" i="1"/>
  <c r="V55449" i="1"/>
  <c r="V55450" i="1"/>
  <c r="V55451" i="1"/>
  <c r="V55452" i="1"/>
  <c r="V55453" i="1"/>
  <c r="V55454" i="1"/>
  <c r="V55455" i="1"/>
  <c r="V55456" i="1"/>
  <c r="V55457" i="1"/>
  <c r="V55458" i="1"/>
  <c r="V55459" i="1"/>
  <c r="V55460" i="1"/>
  <c r="V55461" i="1"/>
  <c r="V55462" i="1"/>
  <c r="V55463" i="1"/>
  <c r="V55464" i="1"/>
  <c r="V55465" i="1"/>
  <c r="V55466" i="1"/>
  <c r="V55467" i="1"/>
  <c r="V55468" i="1"/>
  <c r="V55469" i="1"/>
  <c r="V55470" i="1"/>
  <c r="V55471" i="1"/>
  <c r="V55472" i="1"/>
  <c r="V55473" i="1"/>
  <c r="V55474" i="1"/>
  <c r="V55475" i="1"/>
  <c r="V55476" i="1"/>
  <c r="V55477" i="1"/>
  <c r="V55478" i="1"/>
  <c r="V55479" i="1"/>
  <c r="V55480" i="1"/>
  <c r="V55481" i="1"/>
  <c r="V55482" i="1"/>
  <c r="V55483" i="1"/>
  <c r="V55484" i="1"/>
  <c r="V55485" i="1"/>
  <c r="V55486" i="1"/>
  <c r="V55487" i="1"/>
  <c r="V55488" i="1"/>
  <c r="V55489" i="1"/>
  <c r="V55490" i="1"/>
  <c r="V55491" i="1"/>
  <c r="V55492" i="1"/>
  <c r="V55493" i="1"/>
  <c r="V55494" i="1"/>
  <c r="V55495" i="1"/>
  <c r="V55496" i="1"/>
  <c r="V55497" i="1"/>
  <c r="V55498" i="1"/>
  <c r="V55499" i="1"/>
  <c r="V55500" i="1"/>
  <c r="V55501" i="1"/>
  <c r="V55502" i="1"/>
  <c r="V55503" i="1"/>
  <c r="V55504" i="1"/>
  <c r="V55505" i="1"/>
  <c r="V55506" i="1"/>
  <c r="V55507" i="1"/>
  <c r="V55508" i="1"/>
  <c r="V55509" i="1"/>
  <c r="V55510" i="1"/>
  <c r="V55511" i="1"/>
  <c r="V55512" i="1"/>
  <c r="V55513" i="1"/>
  <c r="V55514" i="1"/>
  <c r="V55515" i="1"/>
  <c r="V55516" i="1"/>
  <c r="V55517" i="1"/>
  <c r="V55518" i="1"/>
  <c r="V55519" i="1"/>
  <c r="V55520" i="1"/>
  <c r="V55521" i="1"/>
  <c r="V55522" i="1"/>
  <c r="V55523" i="1"/>
  <c r="V55524" i="1"/>
  <c r="V55525" i="1"/>
  <c r="V55526" i="1"/>
  <c r="V55527" i="1"/>
  <c r="V55528" i="1"/>
  <c r="V55529" i="1"/>
  <c r="V55530" i="1"/>
  <c r="V55531" i="1"/>
  <c r="V55532" i="1"/>
  <c r="V55533" i="1"/>
  <c r="V55534" i="1"/>
  <c r="V55535" i="1"/>
  <c r="V55536" i="1"/>
  <c r="V55537" i="1"/>
  <c r="V55538" i="1"/>
  <c r="V55539" i="1"/>
  <c r="V55540" i="1"/>
  <c r="V55541" i="1"/>
  <c r="V55542" i="1"/>
  <c r="V55543" i="1"/>
  <c r="V55544" i="1"/>
  <c r="V55545" i="1"/>
  <c r="V55546" i="1"/>
  <c r="V55547" i="1"/>
  <c r="V55548" i="1"/>
  <c r="V55549" i="1"/>
  <c r="V55550" i="1"/>
  <c r="V55551" i="1"/>
  <c r="V55552" i="1"/>
  <c r="V55553" i="1"/>
  <c r="V55554" i="1"/>
  <c r="V55555" i="1"/>
  <c r="V55556" i="1"/>
  <c r="V55557" i="1"/>
  <c r="V55558" i="1"/>
  <c r="V55559" i="1"/>
  <c r="V55560" i="1"/>
  <c r="V55561" i="1"/>
  <c r="V55562" i="1"/>
  <c r="V55563" i="1"/>
  <c r="V55564" i="1"/>
  <c r="V55565" i="1"/>
  <c r="V55566" i="1"/>
  <c r="V55567" i="1"/>
  <c r="V55568" i="1"/>
  <c r="V55569" i="1"/>
  <c r="V55570" i="1"/>
  <c r="V55571" i="1"/>
  <c r="V55572" i="1"/>
  <c r="V55573" i="1"/>
  <c r="V55574" i="1"/>
  <c r="V55575" i="1"/>
  <c r="V55576" i="1"/>
  <c r="V55577" i="1"/>
  <c r="V55578" i="1"/>
  <c r="V55579" i="1"/>
  <c r="V55580" i="1"/>
  <c r="V55581" i="1"/>
  <c r="V55582" i="1"/>
  <c r="V55583" i="1"/>
  <c r="V55584" i="1"/>
  <c r="V55585" i="1"/>
  <c r="V55586" i="1"/>
  <c r="V55587" i="1"/>
  <c r="V55588" i="1"/>
  <c r="V55589" i="1"/>
  <c r="V55590" i="1"/>
  <c r="V55591" i="1"/>
  <c r="V55592" i="1"/>
  <c r="V55593" i="1"/>
  <c r="V55594" i="1"/>
  <c r="V55595" i="1"/>
  <c r="V55596" i="1"/>
  <c r="V55597" i="1"/>
  <c r="V55598" i="1"/>
  <c r="V55599" i="1"/>
  <c r="V55600" i="1"/>
  <c r="V55601" i="1"/>
  <c r="V55602" i="1"/>
  <c r="V55603" i="1"/>
  <c r="V55604" i="1"/>
  <c r="V55605" i="1"/>
  <c r="V55606" i="1"/>
  <c r="V55607" i="1"/>
  <c r="V55608" i="1"/>
  <c r="V55609" i="1"/>
  <c r="V55610" i="1"/>
  <c r="V55611" i="1"/>
  <c r="V55612" i="1"/>
  <c r="V55613" i="1"/>
  <c r="V55614" i="1"/>
  <c r="V55615" i="1"/>
  <c r="V55616" i="1"/>
  <c r="V55617" i="1"/>
  <c r="V55618" i="1"/>
  <c r="V55619" i="1"/>
  <c r="V55620" i="1"/>
  <c r="V55621" i="1"/>
  <c r="V55622" i="1"/>
  <c r="V55623" i="1"/>
  <c r="V55624" i="1"/>
  <c r="V55625" i="1"/>
  <c r="V55626" i="1"/>
  <c r="V55627" i="1"/>
  <c r="V55628" i="1"/>
  <c r="V55629" i="1"/>
  <c r="V55630" i="1"/>
  <c r="V55631" i="1"/>
  <c r="V55632" i="1"/>
  <c r="V55633" i="1"/>
  <c r="V55634" i="1"/>
  <c r="V55635" i="1"/>
  <c r="V55636" i="1"/>
  <c r="V55637" i="1"/>
  <c r="V55638" i="1"/>
  <c r="V55639" i="1"/>
  <c r="V55640" i="1"/>
  <c r="V55641" i="1"/>
  <c r="V55642" i="1"/>
  <c r="V55643" i="1"/>
  <c r="V55644" i="1"/>
  <c r="V55645" i="1"/>
  <c r="V55646" i="1"/>
  <c r="V55647" i="1"/>
  <c r="V55648" i="1"/>
  <c r="V55649" i="1"/>
  <c r="V55650" i="1"/>
  <c r="V55651" i="1"/>
  <c r="V55652" i="1"/>
  <c r="V55653" i="1"/>
  <c r="V55654" i="1"/>
  <c r="V55655" i="1"/>
  <c r="V55656" i="1"/>
  <c r="V55657" i="1"/>
  <c r="V55658" i="1"/>
  <c r="V55659" i="1"/>
  <c r="V55660" i="1"/>
  <c r="V55661" i="1"/>
  <c r="V55662" i="1"/>
  <c r="V55663" i="1"/>
  <c r="V55664" i="1"/>
  <c r="V55665" i="1"/>
  <c r="V55666" i="1"/>
  <c r="V55667" i="1"/>
  <c r="V55668" i="1"/>
  <c r="V55669" i="1"/>
  <c r="V55670" i="1"/>
  <c r="V55671" i="1"/>
  <c r="V55672" i="1"/>
  <c r="V55673" i="1"/>
  <c r="V55674" i="1"/>
  <c r="V55675" i="1"/>
  <c r="V55676" i="1"/>
  <c r="V55677" i="1"/>
  <c r="V55678" i="1"/>
  <c r="V55679" i="1"/>
  <c r="V55680" i="1"/>
  <c r="V55681" i="1"/>
  <c r="V55682" i="1"/>
  <c r="V55683" i="1"/>
  <c r="V55684" i="1"/>
  <c r="V55685" i="1"/>
  <c r="V55686" i="1"/>
  <c r="V55687" i="1"/>
  <c r="V55688" i="1"/>
  <c r="V55689" i="1"/>
  <c r="V55690" i="1"/>
  <c r="V55691" i="1"/>
  <c r="V55692" i="1"/>
  <c r="V55693" i="1"/>
  <c r="V55694" i="1"/>
  <c r="V55695" i="1"/>
  <c r="V55696" i="1"/>
  <c r="V55697" i="1"/>
  <c r="V55698" i="1"/>
  <c r="V55699" i="1"/>
  <c r="V55700" i="1"/>
  <c r="V55701" i="1"/>
  <c r="V55702" i="1"/>
  <c r="V55703" i="1"/>
  <c r="V55704" i="1"/>
  <c r="V55705" i="1"/>
  <c r="V55706" i="1"/>
  <c r="V55707" i="1"/>
  <c r="V55708" i="1"/>
  <c r="V55709" i="1"/>
  <c r="V55710" i="1"/>
  <c r="V55711" i="1"/>
  <c r="V55712" i="1"/>
  <c r="V55713" i="1"/>
  <c r="V55714" i="1"/>
  <c r="V55715" i="1"/>
  <c r="V55716" i="1"/>
  <c r="V55717" i="1"/>
  <c r="V55718" i="1"/>
  <c r="V55719" i="1"/>
  <c r="V55720" i="1"/>
  <c r="V55721" i="1"/>
  <c r="V55722" i="1"/>
  <c r="V55723" i="1"/>
  <c r="V55724" i="1"/>
  <c r="V55725" i="1"/>
  <c r="V55726" i="1"/>
  <c r="V55727" i="1"/>
  <c r="V55728" i="1"/>
  <c r="V55729" i="1"/>
  <c r="V55730" i="1"/>
  <c r="V55731" i="1"/>
  <c r="V55732" i="1"/>
  <c r="V55733" i="1"/>
  <c r="V55734" i="1"/>
  <c r="V55735" i="1"/>
  <c r="V55736" i="1"/>
  <c r="V55737" i="1"/>
  <c r="V55738" i="1"/>
  <c r="V55739" i="1"/>
  <c r="V55740" i="1"/>
  <c r="V55741" i="1"/>
  <c r="V55742" i="1"/>
  <c r="V55743" i="1"/>
  <c r="V55744" i="1"/>
  <c r="V55745" i="1"/>
  <c r="V55746" i="1"/>
  <c r="V55747" i="1"/>
  <c r="V55748" i="1"/>
  <c r="V55749" i="1"/>
  <c r="V55750" i="1"/>
  <c r="V55751" i="1"/>
  <c r="V55752" i="1"/>
  <c r="V55753" i="1"/>
  <c r="V55754" i="1"/>
  <c r="V55755" i="1"/>
  <c r="V55756" i="1"/>
  <c r="V55757" i="1"/>
  <c r="V55758" i="1"/>
  <c r="V55759" i="1"/>
  <c r="V55760" i="1"/>
  <c r="V55761" i="1"/>
  <c r="V55762" i="1"/>
  <c r="V55763" i="1"/>
  <c r="V55764" i="1"/>
  <c r="V55765" i="1"/>
  <c r="V55766" i="1"/>
  <c r="V55767" i="1"/>
  <c r="V55768" i="1"/>
  <c r="V55769" i="1"/>
  <c r="V55770" i="1"/>
  <c r="V55771" i="1"/>
  <c r="V55772" i="1"/>
  <c r="V55773" i="1"/>
  <c r="V55774" i="1"/>
  <c r="V55775" i="1"/>
  <c r="V55776" i="1"/>
  <c r="V55777" i="1"/>
  <c r="V55778" i="1"/>
  <c r="V55779" i="1"/>
  <c r="V55780" i="1"/>
  <c r="V55781" i="1"/>
  <c r="V55782" i="1"/>
  <c r="V55783" i="1"/>
  <c r="V55784" i="1"/>
  <c r="V55785" i="1"/>
  <c r="V55786" i="1"/>
  <c r="V55787" i="1"/>
  <c r="V55788" i="1"/>
  <c r="V55789" i="1"/>
  <c r="V55790" i="1"/>
  <c r="V55791" i="1"/>
  <c r="V55792" i="1"/>
  <c r="V55793" i="1"/>
  <c r="V55794" i="1"/>
  <c r="V55795" i="1"/>
  <c r="V55796" i="1"/>
  <c r="V55797" i="1"/>
  <c r="V55798" i="1"/>
  <c r="V55799" i="1"/>
  <c r="V55800" i="1"/>
  <c r="V55801" i="1"/>
  <c r="V55802" i="1"/>
  <c r="V55803" i="1"/>
  <c r="V55804" i="1"/>
  <c r="V55805" i="1"/>
  <c r="V55806" i="1"/>
  <c r="V55807" i="1"/>
  <c r="V55808" i="1"/>
  <c r="V55809" i="1"/>
  <c r="V55810" i="1"/>
  <c r="V55811" i="1"/>
  <c r="V55812" i="1"/>
  <c r="V55813" i="1"/>
  <c r="V55814" i="1"/>
  <c r="V55815" i="1"/>
  <c r="V55816" i="1"/>
  <c r="V55817" i="1"/>
  <c r="V55818" i="1"/>
  <c r="V55819" i="1"/>
  <c r="V55820" i="1"/>
  <c r="V55821" i="1"/>
  <c r="V55822" i="1"/>
  <c r="V55823" i="1"/>
  <c r="V55824" i="1"/>
  <c r="V55825" i="1"/>
  <c r="V55826" i="1"/>
  <c r="V55827" i="1"/>
  <c r="V55828" i="1"/>
  <c r="V55829" i="1"/>
  <c r="V55830" i="1"/>
  <c r="V55831" i="1"/>
  <c r="V55832" i="1"/>
  <c r="V55833" i="1"/>
  <c r="V55834" i="1"/>
  <c r="V55835" i="1"/>
  <c r="V55836" i="1"/>
  <c r="V55837" i="1"/>
  <c r="V55838" i="1"/>
  <c r="V55839" i="1"/>
  <c r="V55840" i="1"/>
  <c r="V55841" i="1"/>
  <c r="V55842" i="1"/>
  <c r="V55843" i="1"/>
  <c r="V55844" i="1"/>
  <c r="V55845" i="1"/>
  <c r="V55846" i="1"/>
  <c r="V55847" i="1"/>
  <c r="V55848" i="1"/>
  <c r="V55849" i="1"/>
  <c r="V55850" i="1"/>
  <c r="V55851" i="1"/>
  <c r="V55852" i="1"/>
  <c r="V55853" i="1"/>
  <c r="V55854" i="1"/>
  <c r="V55855" i="1"/>
  <c r="V55856" i="1"/>
  <c r="V55857" i="1"/>
  <c r="V55858" i="1"/>
  <c r="V55859" i="1"/>
  <c r="V55860" i="1"/>
  <c r="V55861" i="1"/>
  <c r="V55862" i="1"/>
  <c r="V55863" i="1"/>
  <c r="V55864" i="1"/>
  <c r="V55865" i="1"/>
  <c r="V55866" i="1"/>
  <c r="V55867" i="1"/>
  <c r="V55868" i="1"/>
  <c r="V55869" i="1"/>
  <c r="V55870" i="1"/>
  <c r="V55871" i="1"/>
  <c r="V55872" i="1"/>
  <c r="V55873" i="1"/>
  <c r="V55874" i="1"/>
  <c r="V55875" i="1"/>
  <c r="V55876" i="1"/>
  <c r="V55877" i="1"/>
  <c r="V55878" i="1"/>
  <c r="V55879" i="1"/>
  <c r="V55880" i="1"/>
  <c r="V55881" i="1"/>
  <c r="V55882" i="1"/>
  <c r="V55883" i="1"/>
  <c r="V55884" i="1"/>
  <c r="V55885" i="1"/>
  <c r="V55886" i="1"/>
  <c r="V55887" i="1"/>
  <c r="V55888" i="1"/>
  <c r="V55889" i="1"/>
  <c r="V55890" i="1"/>
  <c r="V55891" i="1"/>
  <c r="V55892" i="1"/>
  <c r="V55893" i="1"/>
  <c r="V55894" i="1"/>
  <c r="V55895" i="1"/>
  <c r="V55896" i="1"/>
  <c r="V55897" i="1"/>
  <c r="V55898" i="1"/>
  <c r="V55899" i="1"/>
  <c r="V55900" i="1"/>
  <c r="V55901" i="1"/>
  <c r="V55902" i="1"/>
  <c r="V55903" i="1"/>
  <c r="V55904" i="1"/>
  <c r="V55905" i="1"/>
  <c r="V55906" i="1"/>
  <c r="V55907" i="1"/>
  <c r="V55908" i="1"/>
  <c r="V55909" i="1"/>
  <c r="V55910" i="1"/>
  <c r="V55911" i="1"/>
  <c r="V55912" i="1"/>
  <c r="V55913" i="1"/>
  <c r="V55914" i="1"/>
  <c r="V55915" i="1"/>
  <c r="V55916" i="1"/>
  <c r="V55917" i="1"/>
  <c r="V55918" i="1"/>
  <c r="V55919" i="1"/>
  <c r="V55920" i="1"/>
  <c r="V55921" i="1"/>
  <c r="V55922" i="1"/>
  <c r="V55923" i="1"/>
  <c r="V55924" i="1"/>
  <c r="V55925" i="1"/>
  <c r="V55926" i="1"/>
  <c r="V55927" i="1"/>
  <c r="V55928" i="1"/>
  <c r="V55929" i="1"/>
  <c r="V55930" i="1"/>
  <c r="V55931" i="1"/>
  <c r="V55932" i="1"/>
  <c r="V55933" i="1"/>
  <c r="V55934" i="1"/>
  <c r="V55935" i="1"/>
  <c r="V55936" i="1"/>
  <c r="V55937" i="1"/>
  <c r="V55938" i="1"/>
  <c r="V55939" i="1"/>
  <c r="V55940" i="1"/>
  <c r="V55941" i="1"/>
  <c r="V55942" i="1"/>
  <c r="V55943" i="1"/>
  <c r="V55944" i="1"/>
  <c r="V55945" i="1"/>
  <c r="V55946" i="1"/>
  <c r="V55947" i="1"/>
  <c r="V55948" i="1"/>
  <c r="V55949" i="1"/>
  <c r="V55950" i="1"/>
  <c r="V55951" i="1"/>
  <c r="V55952" i="1"/>
  <c r="V55953" i="1"/>
  <c r="V55954" i="1"/>
  <c r="V55955" i="1"/>
  <c r="V55956" i="1"/>
  <c r="V55957" i="1"/>
  <c r="V55958" i="1"/>
  <c r="V55959" i="1"/>
  <c r="V55960" i="1"/>
  <c r="V55961" i="1"/>
  <c r="V55962" i="1"/>
  <c r="V55963" i="1"/>
  <c r="V55964" i="1"/>
  <c r="V55965" i="1"/>
  <c r="V55966" i="1"/>
  <c r="V55967" i="1"/>
  <c r="V55968" i="1"/>
  <c r="V55969" i="1"/>
  <c r="V55970" i="1"/>
  <c r="V55971" i="1"/>
  <c r="V55972" i="1"/>
  <c r="V55973" i="1"/>
  <c r="V55974" i="1"/>
  <c r="V55975" i="1"/>
  <c r="V55976" i="1"/>
  <c r="V55977" i="1"/>
  <c r="V55978" i="1"/>
  <c r="V55979" i="1"/>
  <c r="V55980" i="1"/>
  <c r="V55981" i="1"/>
  <c r="V55982" i="1"/>
  <c r="V55983" i="1"/>
  <c r="V55984" i="1"/>
  <c r="V55985" i="1"/>
  <c r="V55986" i="1"/>
  <c r="V55987" i="1"/>
  <c r="V55988" i="1"/>
  <c r="V55989" i="1"/>
  <c r="V55990" i="1"/>
  <c r="V55991" i="1"/>
  <c r="V55992" i="1"/>
  <c r="V55993" i="1"/>
  <c r="V55994" i="1"/>
  <c r="V55995" i="1"/>
  <c r="V55996" i="1"/>
  <c r="V55997" i="1"/>
  <c r="V55998" i="1"/>
  <c r="V55999" i="1"/>
  <c r="V56000" i="1"/>
  <c r="V56001" i="1"/>
  <c r="V56002" i="1"/>
  <c r="V56003" i="1"/>
  <c r="V56004" i="1"/>
  <c r="V56005" i="1"/>
  <c r="V56006" i="1"/>
  <c r="V56007" i="1"/>
  <c r="V56008" i="1"/>
  <c r="V56009" i="1"/>
  <c r="V56010" i="1"/>
  <c r="V56011" i="1"/>
  <c r="V56012" i="1"/>
  <c r="V56013" i="1"/>
  <c r="V56014" i="1"/>
  <c r="V56015" i="1"/>
  <c r="V56016" i="1"/>
  <c r="V56017" i="1"/>
  <c r="V56018" i="1"/>
  <c r="V56019" i="1"/>
  <c r="V56020" i="1"/>
  <c r="V56021" i="1"/>
  <c r="V56022" i="1"/>
  <c r="V56023" i="1"/>
  <c r="V56024" i="1"/>
  <c r="V56025" i="1"/>
  <c r="V56026" i="1"/>
  <c r="V56027" i="1"/>
  <c r="V56028" i="1"/>
  <c r="V56029" i="1"/>
  <c r="V56030" i="1"/>
  <c r="V56031" i="1"/>
  <c r="V56032" i="1"/>
  <c r="V56033" i="1"/>
  <c r="V56034" i="1"/>
  <c r="V56035" i="1"/>
  <c r="V56036" i="1"/>
  <c r="V56037" i="1"/>
  <c r="V56038" i="1"/>
  <c r="V56039" i="1"/>
  <c r="V56040" i="1"/>
  <c r="V56041" i="1"/>
  <c r="V56042" i="1"/>
  <c r="V56043" i="1"/>
  <c r="V56044" i="1"/>
  <c r="V56045" i="1"/>
  <c r="V56046" i="1"/>
  <c r="V56047" i="1"/>
  <c r="V56048" i="1"/>
  <c r="V56049" i="1"/>
  <c r="V56050" i="1"/>
  <c r="V56051" i="1"/>
  <c r="V56052" i="1"/>
  <c r="V56053" i="1"/>
  <c r="V56054" i="1"/>
  <c r="V56055" i="1"/>
  <c r="V56056" i="1"/>
  <c r="V56057" i="1"/>
  <c r="V56058" i="1"/>
  <c r="V56059" i="1"/>
  <c r="V56060" i="1"/>
  <c r="V56061" i="1"/>
  <c r="V56062" i="1"/>
  <c r="V56063" i="1"/>
  <c r="V56064" i="1"/>
  <c r="V56065" i="1"/>
  <c r="V56066" i="1"/>
  <c r="V56067" i="1"/>
  <c r="V56068" i="1"/>
  <c r="V56069" i="1"/>
  <c r="V56070" i="1"/>
  <c r="V56071" i="1"/>
  <c r="V56072" i="1"/>
  <c r="V56073" i="1"/>
  <c r="V56074" i="1"/>
  <c r="V56075" i="1"/>
  <c r="V56076" i="1"/>
  <c r="V56077" i="1"/>
  <c r="V56078" i="1"/>
  <c r="V56079" i="1"/>
  <c r="V56080" i="1"/>
  <c r="V56081" i="1"/>
  <c r="V56082" i="1"/>
  <c r="V56083" i="1"/>
  <c r="V56084" i="1"/>
  <c r="V56085" i="1"/>
  <c r="V56086" i="1"/>
  <c r="V56087" i="1"/>
  <c r="V56088" i="1"/>
  <c r="V56089" i="1"/>
  <c r="V56090" i="1"/>
  <c r="V56091" i="1"/>
  <c r="V56092" i="1"/>
  <c r="V56093" i="1"/>
  <c r="V56094" i="1"/>
  <c r="V56095" i="1"/>
  <c r="V56096" i="1"/>
  <c r="V56097" i="1"/>
  <c r="V56098" i="1"/>
  <c r="V56099" i="1"/>
  <c r="V56100" i="1"/>
  <c r="V56101" i="1"/>
  <c r="V56102" i="1"/>
  <c r="V56103" i="1"/>
  <c r="V56104" i="1"/>
  <c r="V56105" i="1"/>
  <c r="V56106" i="1"/>
  <c r="V56107" i="1"/>
  <c r="V56108" i="1"/>
  <c r="V56109" i="1"/>
  <c r="V56110" i="1"/>
  <c r="V56111" i="1"/>
  <c r="V56112" i="1"/>
  <c r="V56113" i="1"/>
  <c r="V56114" i="1"/>
  <c r="V56115" i="1"/>
  <c r="V56116" i="1"/>
  <c r="V56117" i="1"/>
  <c r="V56118" i="1"/>
  <c r="V56119" i="1"/>
  <c r="V56120" i="1"/>
  <c r="V56121" i="1"/>
  <c r="V56122" i="1"/>
  <c r="V56123" i="1"/>
  <c r="V56124" i="1"/>
  <c r="V56125" i="1"/>
  <c r="V56126" i="1"/>
  <c r="V56127" i="1"/>
  <c r="V56128" i="1"/>
  <c r="V56129" i="1"/>
  <c r="V56130" i="1"/>
  <c r="V56131" i="1"/>
  <c r="V56132" i="1"/>
  <c r="V56133" i="1"/>
  <c r="V56134" i="1"/>
  <c r="V56135" i="1"/>
  <c r="V56136" i="1"/>
  <c r="V56137" i="1"/>
  <c r="V56138" i="1"/>
  <c r="V56139" i="1"/>
  <c r="V56140" i="1"/>
  <c r="V56141" i="1"/>
  <c r="V56142" i="1"/>
  <c r="V56143" i="1"/>
  <c r="V56144" i="1"/>
  <c r="V56145" i="1"/>
  <c r="V56146" i="1"/>
  <c r="V56147" i="1"/>
  <c r="V56148" i="1"/>
  <c r="V56149" i="1"/>
  <c r="V56150" i="1"/>
  <c r="V56151" i="1"/>
  <c r="V56152" i="1"/>
  <c r="V56153" i="1"/>
  <c r="V56154" i="1"/>
  <c r="V56155" i="1"/>
  <c r="V56156" i="1"/>
  <c r="V56157" i="1"/>
  <c r="V56158" i="1"/>
  <c r="V56159" i="1"/>
  <c r="V56160" i="1"/>
  <c r="V56161" i="1"/>
  <c r="V56162" i="1"/>
  <c r="V56163" i="1"/>
  <c r="V56164" i="1"/>
  <c r="V56165" i="1"/>
  <c r="V56166" i="1"/>
  <c r="V56167" i="1"/>
  <c r="V56168" i="1"/>
  <c r="V56169" i="1"/>
  <c r="V56170" i="1"/>
  <c r="V56171" i="1"/>
  <c r="V56172" i="1"/>
  <c r="V56173" i="1"/>
  <c r="V56174" i="1"/>
  <c r="V56175" i="1"/>
  <c r="V56176" i="1"/>
  <c r="V56177" i="1"/>
  <c r="V56178" i="1"/>
  <c r="V56179" i="1"/>
  <c r="V56180" i="1"/>
  <c r="V56181" i="1"/>
  <c r="V56182" i="1"/>
  <c r="V56183" i="1"/>
  <c r="V56184" i="1"/>
  <c r="V56185" i="1"/>
  <c r="V56186" i="1"/>
  <c r="V56187" i="1"/>
  <c r="V56188" i="1"/>
  <c r="V56189" i="1"/>
  <c r="V56190" i="1"/>
  <c r="V56191" i="1"/>
  <c r="V56192" i="1"/>
  <c r="V56193" i="1"/>
  <c r="V56194" i="1"/>
  <c r="V56195" i="1"/>
  <c r="V56196" i="1"/>
  <c r="V56197" i="1"/>
  <c r="V56198" i="1"/>
  <c r="V56199" i="1"/>
  <c r="V56200" i="1"/>
  <c r="V56201" i="1"/>
  <c r="V56202" i="1"/>
  <c r="V56203" i="1"/>
  <c r="V56204" i="1"/>
  <c r="V56205" i="1"/>
  <c r="V56206" i="1"/>
  <c r="V56207" i="1"/>
  <c r="V56208" i="1"/>
  <c r="V56209" i="1"/>
  <c r="V56210" i="1"/>
  <c r="V56211" i="1"/>
  <c r="V56212" i="1"/>
  <c r="V56213" i="1"/>
  <c r="V56214" i="1"/>
  <c r="V56215" i="1"/>
  <c r="V56216" i="1"/>
  <c r="V56217" i="1"/>
  <c r="V56218" i="1"/>
  <c r="V56219" i="1"/>
  <c r="V56220" i="1"/>
  <c r="V56221" i="1"/>
  <c r="V56222" i="1"/>
  <c r="V56223" i="1"/>
  <c r="V56224" i="1"/>
  <c r="V56225" i="1"/>
  <c r="V56226" i="1"/>
  <c r="V56227" i="1"/>
  <c r="V56228" i="1"/>
  <c r="V56229" i="1"/>
  <c r="V56230" i="1"/>
  <c r="V56231" i="1"/>
  <c r="V56232" i="1"/>
  <c r="V56233" i="1"/>
  <c r="V56234" i="1"/>
  <c r="V56235" i="1"/>
  <c r="V56236" i="1"/>
  <c r="V56237" i="1"/>
  <c r="V56238" i="1"/>
  <c r="V56239" i="1"/>
  <c r="V56240" i="1"/>
  <c r="V56241" i="1"/>
  <c r="V56242" i="1"/>
  <c r="V56243" i="1"/>
  <c r="V56244" i="1"/>
  <c r="V56245" i="1"/>
  <c r="V56246" i="1"/>
  <c r="V56247" i="1"/>
  <c r="V56248" i="1"/>
  <c r="V56249" i="1"/>
  <c r="V56250" i="1"/>
  <c r="V56251" i="1"/>
  <c r="V56252" i="1"/>
  <c r="V56253" i="1"/>
  <c r="V56254" i="1"/>
  <c r="V56255" i="1"/>
  <c r="V56256" i="1"/>
  <c r="V56257" i="1"/>
  <c r="V56258" i="1"/>
  <c r="V56259" i="1"/>
  <c r="V56260" i="1"/>
  <c r="V56261" i="1"/>
  <c r="V56262" i="1"/>
  <c r="V56263" i="1"/>
  <c r="V56264" i="1"/>
  <c r="V56265" i="1"/>
  <c r="V56266" i="1"/>
  <c r="V56267" i="1"/>
  <c r="V56268" i="1"/>
  <c r="V56269" i="1"/>
  <c r="V56270" i="1"/>
  <c r="V56271" i="1"/>
  <c r="V56272" i="1"/>
  <c r="V56273" i="1"/>
  <c r="V56274" i="1"/>
  <c r="V56275" i="1"/>
  <c r="V56276" i="1"/>
  <c r="V56277" i="1"/>
  <c r="V56278" i="1"/>
  <c r="V56279" i="1"/>
  <c r="V56280" i="1"/>
  <c r="V56281" i="1"/>
  <c r="V56282" i="1"/>
  <c r="V56283" i="1"/>
  <c r="V56284" i="1"/>
  <c r="V56285" i="1"/>
  <c r="V56286" i="1"/>
  <c r="V56287" i="1"/>
  <c r="V56288" i="1"/>
  <c r="V56289" i="1"/>
  <c r="V56290" i="1"/>
  <c r="V56291" i="1"/>
  <c r="V56292" i="1"/>
  <c r="V56293" i="1"/>
  <c r="V56294" i="1"/>
  <c r="V56295" i="1"/>
  <c r="V56296" i="1"/>
  <c r="V56297" i="1"/>
  <c r="V56298" i="1"/>
  <c r="V56299" i="1"/>
  <c r="V56300" i="1"/>
  <c r="V56301" i="1"/>
  <c r="V56302" i="1"/>
  <c r="V56303" i="1"/>
  <c r="V56304" i="1"/>
  <c r="V56305" i="1"/>
  <c r="V56306" i="1"/>
  <c r="V56307" i="1"/>
  <c r="V56308" i="1"/>
  <c r="V56309" i="1"/>
  <c r="V56310" i="1"/>
  <c r="V56311" i="1"/>
  <c r="V56312" i="1"/>
  <c r="V56313" i="1"/>
  <c r="V56314" i="1"/>
  <c r="V56315" i="1"/>
  <c r="V56316" i="1"/>
  <c r="V56317" i="1"/>
  <c r="V56318" i="1"/>
  <c r="V56319" i="1"/>
  <c r="V56320" i="1"/>
  <c r="V56321" i="1"/>
  <c r="V56322" i="1"/>
  <c r="V56323" i="1"/>
  <c r="V56324" i="1"/>
  <c r="V56325" i="1"/>
  <c r="V56326" i="1"/>
  <c r="V56327" i="1"/>
  <c r="V56328" i="1"/>
  <c r="V56329" i="1"/>
  <c r="V56330" i="1"/>
  <c r="V56331" i="1"/>
  <c r="V56332" i="1"/>
  <c r="V56333" i="1"/>
  <c r="V56334" i="1"/>
  <c r="V56335" i="1"/>
  <c r="V56336" i="1"/>
  <c r="V56337" i="1"/>
  <c r="V56338" i="1"/>
  <c r="V56339" i="1"/>
  <c r="V56340" i="1"/>
  <c r="V56341" i="1"/>
  <c r="V56342" i="1"/>
  <c r="V56343" i="1"/>
  <c r="V56344" i="1"/>
  <c r="V56345" i="1"/>
  <c r="V56346" i="1"/>
  <c r="V56347" i="1"/>
  <c r="V56348" i="1"/>
  <c r="V56349" i="1"/>
  <c r="V56350" i="1"/>
  <c r="V56351" i="1"/>
  <c r="V56352" i="1"/>
  <c r="V56353" i="1"/>
  <c r="V56354" i="1"/>
  <c r="V56355" i="1"/>
  <c r="V56356" i="1"/>
  <c r="V56357" i="1"/>
  <c r="V56358" i="1"/>
  <c r="V56359" i="1"/>
  <c r="V56360" i="1"/>
  <c r="V56361" i="1"/>
  <c r="V56362" i="1"/>
  <c r="V56363" i="1"/>
  <c r="V56364" i="1"/>
  <c r="V56365" i="1"/>
  <c r="V56366" i="1"/>
  <c r="V56367" i="1"/>
  <c r="V56368" i="1"/>
  <c r="V56369" i="1"/>
  <c r="V56370" i="1"/>
  <c r="V56371" i="1"/>
  <c r="V56372" i="1"/>
  <c r="V56373" i="1"/>
  <c r="V56374" i="1"/>
  <c r="V56375" i="1"/>
  <c r="V56376" i="1"/>
  <c r="V56377" i="1"/>
  <c r="V56378" i="1"/>
  <c r="V56379" i="1"/>
  <c r="V56380" i="1"/>
  <c r="V56381" i="1"/>
  <c r="V56382" i="1"/>
  <c r="V56383" i="1"/>
  <c r="V56384" i="1"/>
  <c r="V56385" i="1"/>
  <c r="V56386" i="1"/>
  <c r="V56387" i="1"/>
  <c r="V56388" i="1"/>
  <c r="V56389" i="1"/>
  <c r="V56390" i="1"/>
  <c r="V56391" i="1"/>
  <c r="V56392" i="1"/>
  <c r="V56393" i="1"/>
  <c r="V56394" i="1"/>
  <c r="V56395" i="1"/>
  <c r="V56396" i="1"/>
  <c r="V56397" i="1"/>
  <c r="V56398" i="1"/>
  <c r="V56399" i="1"/>
  <c r="V56400" i="1"/>
  <c r="V56401" i="1"/>
  <c r="V56402" i="1"/>
  <c r="V56403" i="1"/>
  <c r="V56404" i="1"/>
  <c r="V56405" i="1"/>
  <c r="V56406" i="1"/>
  <c r="V56407" i="1"/>
  <c r="V56408" i="1"/>
  <c r="V56409" i="1"/>
  <c r="V56410" i="1"/>
  <c r="V56411" i="1"/>
  <c r="V56412" i="1"/>
  <c r="V56413" i="1"/>
  <c r="V56414" i="1"/>
  <c r="V56415" i="1"/>
  <c r="V56416" i="1"/>
  <c r="V56417" i="1"/>
  <c r="V56418" i="1"/>
  <c r="V56419" i="1"/>
  <c r="V56420" i="1"/>
  <c r="V56421" i="1"/>
  <c r="V56422" i="1"/>
  <c r="V56423" i="1"/>
  <c r="V56424" i="1"/>
  <c r="V56425" i="1"/>
  <c r="V56426" i="1"/>
  <c r="V56427" i="1"/>
  <c r="V56428" i="1"/>
  <c r="V56429" i="1"/>
  <c r="V56430" i="1"/>
  <c r="V56431" i="1"/>
  <c r="V56432" i="1"/>
  <c r="V56433" i="1"/>
  <c r="V56434" i="1"/>
  <c r="V56435" i="1"/>
  <c r="V56436" i="1"/>
  <c r="V56437" i="1"/>
  <c r="V56438" i="1"/>
  <c r="V56439" i="1"/>
  <c r="V56440" i="1"/>
  <c r="V56441" i="1"/>
  <c r="V56442" i="1"/>
  <c r="V56443" i="1"/>
  <c r="V56444" i="1"/>
  <c r="V56445" i="1"/>
  <c r="V56446" i="1"/>
  <c r="V56447" i="1"/>
  <c r="V56448" i="1"/>
  <c r="V56449" i="1"/>
  <c r="V56450" i="1"/>
  <c r="V56451" i="1"/>
  <c r="V56452" i="1"/>
  <c r="V56453" i="1"/>
  <c r="V56454" i="1"/>
  <c r="V56455" i="1"/>
  <c r="V56456" i="1"/>
  <c r="V56457" i="1"/>
  <c r="V56458" i="1"/>
  <c r="V56459" i="1"/>
  <c r="V56460" i="1"/>
  <c r="V56461" i="1"/>
  <c r="V56462" i="1"/>
  <c r="V56463" i="1"/>
  <c r="V56464" i="1"/>
  <c r="V56465" i="1"/>
  <c r="V56466" i="1"/>
  <c r="V56467" i="1"/>
  <c r="V56468" i="1"/>
  <c r="V56469" i="1"/>
  <c r="V56470" i="1"/>
  <c r="V56471" i="1"/>
  <c r="V56472" i="1"/>
  <c r="V56473" i="1"/>
  <c r="V56474" i="1"/>
  <c r="V56475" i="1"/>
  <c r="V56476" i="1"/>
  <c r="V56477" i="1"/>
  <c r="V56478" i="1"/>
  <c r="V56479" i="1"/>
  <c r="V56480" i="1"/>
  <c r="V56481" i="1"/>
  <c r="V56482" i="1"/>
  <c r="V56483" i="1"/>
  <c r="V56484" i="1"/>
  <c r="V56485" i="1"/>
  <c r="V56486" i="1"/>
  <c r="V56487" i="1"/>
  <c r="V56488" i="1"/>
  <c r="V56489" i="1"/>
  <c r="V56490" i="1"/>
  <c r="V56491" i="1"/>
  <c r="V56492" i="1"/>
  <c r="V56493" i="1"/>
  <c r="V56494" i="1"/>
  <c r="V56495" i="1"/>
  <c r="V56496" i="1"/>
  <c r="V56497" i="1"/>
  <c r="V56498" i="1"/>
  <c r="V56499" i="1"/>
  <c r="V56500" i="1"/>
  <c r="V56501" i="1"/>
  <c r="V56502" i="1"/>
  <c r="V56503" i="1"/>
  <c r="V56504" i="1"/>
  <c r="V56505" i="1"/>
  <c r="V56506" i="1"/>
  <c r="V56507" i="1"/>
  <c r="V56508" i="1"/>
  <c r="V56509" i="1"/>
  <c r="V56510" i="1"/>
  <c r="V56511" i="1"/>
  <c r="V56512" i="1"/>
  <c r="V56513" i="1"/>
  <c r="V56514" i="1"/>
  <c r="V56515" i="1"/>
  <c r="V56516" i="1"/>
  <c r="V56517" i="1"/>
  <c r="V56518" i="1"/>
  <c r="V56519" i="1"/>
  <c r="V56520" i="1"/>
  <c r="V56521" i="1"/>
  <c r="V56522" i="1"/>
  <c r="V56523" i="1"/>
  <c r="V56524" i="1"/>
  <c r="V56525" i="1"/>
  <c r="V56526" i="1"/>
  <c r="V56527" i="1"/>
  <c r="V56528" i="1"/>
  <c r="V56529" i="1"/>
  <c r="V56530" i="1"/>
  <c r="V56531" i="1"/>
  <c r="V56532" i="1"/>
  <c r="V56533" i="1"/>
  <c r="V56534" i="1"/>
  <c r="V56535" i="1"/>
  <c r="V56536" i="1"/>
  <c r="V56537" i="1"/>
  <c r="V56538" i="1"/>
  <c r="V56539" i="1"/>
  <c r="V56540" i="1"/>
  <c r="V56541" i="1"/>
  <c r="V56542" i="1"/>
  <c r="V56543" i="1"/>
  <c r="V56544" i="1"/>
  <c r="V56545" i="1"/>
  <c r="V56546" i="1"/>
  <c r="V56547" i="1"/>
  <c r="V56548" i="1"/>
  <c r="V56549" i="1"/>
  <c r="V56550" i="1"/>
  <c r="V56551" i="1"/>
  <c r="V56552" i="1"/>
  <c r="V56553" i="1"/>
  <c r="V56554" i="1"/>
  <c r="V56555" i="1"/>
  <c r="V56556" i="1"/>
  <c r="V56557" i="1"/>
  <c r="V56558" i="1"/>
  <c r="V56559" i="1"/>
  <c r="V56560" i="1"/>
  <c r="V56561" i="1"/>
  <c r="V56562" i="1"/>
  <c r="V56563" i="1"/>
  <c r="V56564" i="1"/>
  <c r="V56565" i="1"/>
  <c r="V56566" i="1"/>
  <c r="V56567" i="1"/>
  <c r="V56568" i="1"/>
  <c r="V56569" i="1"/>
  <c r="V56570" i="1"/>
  <c r="V56571" i="1"/>
  <c r="V56572" i="1"/>
  <c r="V56573" i="1"/>
  <c r="V56574" i="1"/>
  <c r="V56575" i="1"/>
  <c r="V56576" i="1"/>
  <c r="V56577" i="1"/>
  <c r="V56578" i="1"/>
  <c r="V56579" i="1"/>
  <c r="V56580" i="1"/>
  <c r="V56581" i="1"/>
  <c r="V56582" i="1"/>
  <c r="V56583" i="1"/>
  <c r="V56584" i="1"/>
  <c r="V56585" i="1"/>
  <c r="V56586" i="1"/>
  <c r="V56587" i="1"/>
  <c r="V56588" i="1"/>
  <c r="V56589" i="1"/>
  <c r="V56590" i="1"/>
  <c r="V56591" i="1"/>
  <c r="V56592" i="1"/>
  <c r="V56593" i="1"/>
  <c r="V56594" i="1"/>
  <c r="V56595" i="1"/>
  <c r="V56596" i="1"/>
  <c r="V56597" i="1"/>
  <c r="V56598" i="1"/>
  <c r="V56599" i="1"/>
  <c r="V56600" i="1"/>
  <c r="V56601" i="1"/>
  <c r="V56602" i="1"/>
  <c r="V56603" i="1"/>
  <c r="V56604" i="1"/>
  <c r="V56605" i="1"/>
  <c r="V56606" i="1"/>
  <c r="V56607" i="1"/>
  <c r="V56608" i="1"/>
  <c r="V56609" i="1"/>
  <c r="V56610" i="1"/>
  <c r="V56611" i="1"/>
  <c r="V56612" i="1"/>
  <c r="V56613" i="1"/>
  <c r="V56614" i="1"/>
  <c r="V56615" i="1"/>
  <c r="V56616" i="1"/>
  <c r="V56617" i="1"/>
  <c r="V56618" i="1"/>
  <c r="V56619" i="1"/>
  <c r="V56620" i="1"/>
  <c r="V56621" i="1"/>
  <c r="V56622" i="1"/>
  <c r="V56623" i="1"/>
  <c r="V56624" i="1"/>
  <c r="V56625" i="1"/>
  <c r="V56626" i="1"/>
  <c r="V56627" i="1"/>
  <c r="V56628" i="1"/>
  <c r="V56629" i="1"/>
  <c r="V56630" i="1"/>
  <c r="V56631" i="1"/>
  <c r="V56632" i="1"/>
  <c r="V56633" i="1"/>
  <c r="V56634" i="1"/>
  <c r="V56635" i="1"/>
  <c r="V56636" i="1"/>
  <c r="V56637" i="1"/>
  <c r="V56638" i="1"/>
  <c r="V56639" i="1"/>
  <c r="V56640" i="1"/>
  <c r="V56641" i="1"/>
  <c r="V56642" i="1"/>
  <c r="V56643" i="1"/>
  <c r="V56644" i="1"/>
  <c r="V56645" i="1"/>
  <c r="V56646" i="1"/>
  <c r="V56647" i="1"/>
  <c r="V56648" i="1"/>
  <c r="V56649" i="1"/>
  <c r="V56650" i="1"/>
  <c r="V56651" i="1"/>
  <c r="V56652" i="1"/>
  <c r="V56653" i="1"/>
  <c r="V56654" i="1"/>
  <c r="V56655" i="1"/>
  <c r="V56656" i="1"/>
  <c r="V56657" i="1"/>
  <c r="V56658" i="1"/>
  <c r="V56659" i="1"/>
  <c r="V56660" i="1"/>
  <c r="V56661" i="1"/>
  <c r="V56662" i="1"/>
  <c r="V56663" i="1"/>
  <c r="V56664" i="1"/>
  <c r="V56665" i="1"/>
  <c r="V56666" i="1"/>
  <c r="V56667" i="1"/>
  <c r="V56668" i="1"/>
  <c r="V56669" i="1"/>
  <c r="V56670" i="1"/>
  <c r="V56671" i="1"/>
  <c r="V56672" i="1"/>
  <c r="V56673" i="1"/>
  <c r="V56674" i="1"/>
  <c r="V56675" i="1"/>
  <c r="V56676" i="1"/>
  <c r="V56677" i="1"/>
  <c r="V56678" i="1"/>
  <c r="V56679" i="1"/>
  <c r="V56680" i="1"/>
  <c r="V56681" i="1"/>
  <c r="V56682" i="1"/>
  <c r="V56683" i="1"/>
  <c r="V56684" i="1"/>
  <c r="V56685" i="1"/>
  <c r="V56686" i="1"/>
  <c r="V56687" i="1"/>
  <c r="V56688" i="1"/>
  <c r="V56689" i="1"/>
  <c r="V56690" i="1"/>
  <c r="V56691" i="1"/>
  <c r="V56692" i="1"/>
  <c r="V56693" i="1"/>
  <c r="V56694" i="1"/>
  <c r="V56695" i="1"/>
  <c r="V56696" i="1"/>
  <c r="V56697" i="1"/>
  <c r="V56698" i="1"/>
  <c r="V56699" i="1"/>
  <c r="V56700" i="1"/>
  <c r="V56701" i="1"/>
  <c r="V56702" i="1"/>
  <c r="V56703" i="1"/>
  <c r="V56704" i="1"/>
  <c r="V56705" i="1"/>
  <c r="V56706" i="1"/>
  <c r="V56707" i="1"/>
  <c r="V56708" i="1"/>
  <c r="V56709" i="1"/>
  <c r="V56710" i="1"/>
  <c r="V56711" i="1"/>
  <c r="V56712" i="1"/>
  <c r="V56713" i="1"/>
  <c r="V56714" i="1"/>
  <c r="V56715" i="1"/>
  <c r="V56716" i="1"/>
  <c r="V56717" i="1"/>
  <c r="V56718" i="1"/>
  <c r="V56719" i="1"/>
  <c r="V56720" i="1"/>
  <c r="V56721" i="1"/>
  <c r="V56722" i="1"/>
  <c r="V56723" i="1"/>
  <c r="V56724" i="1"/>
  <c r="V56725" i="1"/>
  <c r="V56726" i="1"/>
  <c r="V56727" i="1"/>
  <c r="V56728" i="1"/>
  <c r="V56729" i="1"/>
  <c r="V56730" i="1"/>
  <c r="V56731" i="1"/>
  <c r="V56732" i="1"/>
  <c r="V56733" i="1"/>
  <c r="V56734" i="1"/>
  <c r="V56735" i="1"/>
  <c r="V56736" i="1"/>
  <c r="V56737" i="1"/>
  <c r="V56738" i="1"/>
  <c r="V56739" i="1"/>
  <c r="V56740" i="1"/>
  <c r="V56741" i="1"/>
  <c r="V56742" i="1"/>
  <c r="V56743" i="1"/>
  <c r="V56744" i="1"/>
  <c r="V56745" i="1"/>
  <c r="V56746" i="1"/>
  <c r="V56747" i="1"/>
  <c r="V56748" i="1"/>
  <c r="V56749" i="1"/>
  <c r="V56750" i="1"/>
  <c r="V56751" i="1"/>
  <c r="V56752" i="1"/>
  <c r="V56753" i="1"/>
  <c r="V56754" i="1"/>
  <c r="V56755" i="1"/>
  <c r="V56756" i="1"/>
  <c r="V56757" i="1"/>
  <c r="V56758" i="1"/>
  <c r="V56759" i="1"/>
  <c r="V56760" i="1"/>
  <c r="V56761" i="1"/>
  <c r="V56762" i="1"/>
  <c r="V56763" i="1"/>
  <c r="V56764" i="1"/>
  <c r="V56765" i="1"/>
  <c r="V56766" i="1"/>
  <c r="V56767" i="1"/>
  <c r="V56768" i="1"/>
  <c r="V56769" i="1"/>
  <c r="V56770" i="1"/>
  <c r="V56771" i="1"/>
  <c r="V56772" i="1"/>
  <c r="V56773" i="1"/>
  <c r="V56774" i="1"/>
  <c r="V56775" i="1"/>
  <c r="V56776" i="1"/>
  <c r="V56777" i="1"/>
  <c r="V56778" i="1"/>
  <c r="V56779" i="1"/>
  <c r="V56780" i="1"/>
  <c r="V56781" i="1"/>
  <c r="V56782" i="1"/>
  <c r="V56783" i="1"/>
  <c r="V56784" i="1"/>
  <c r="V56785" i="1"/>
  <c r="V56786" i="1"/>
  <c r="V56787" i="1"/>
  <c r="V56788" i="1"/>
  <c r="V56789" i="1"/>
  <c r="V56790" i="1"/>
  <c r="V56791" i="1"/>
  <c r="V56792" i="1"/>
  <c r="V56793" i="1"/>
  <c r="V56794" i="1"/>
  <c r="V56795" i="1"/>
  <c r="V56796" i="1"/>
  <c r="V56797" i="1"/>
  <c r="V56798" i="1"/>
  <c r="V56799" i="1"/>
  <c r="V56800" i="1"/>
  <c r="V56801" i="1"/>
  <c r="V56802" i="1"/>
  <c r="V56803" i="1"/>
  <c r="V56804" i="1"/>
  <c r="V56805" i="1"/>
  <c r="V56806" i="1"/>
  <c r="V56807" i="1"/>
  <c r="V56808" i="1"/>
  <c r="V56809" i="1"/>
  <c r="V56810" i="1"/>
  <c r="V56811" i="1"/>
  <c r="V56812" i="1"/>
  <c r="V56813" i="1"/>
  <c r="V56814" i="1"/>
  <c r="V56815" i="1"/>
  <c r="V56816" i="1"/>
  <c r="V56817" i="1"/>
  <c r="V56818" i="1"/>
  <c r="V56819" i="1"/>
  <c r="V56820" i="1"/>
  <c r="V56821" i="1"/>
  <c r="V56822" i="1"/>
  <c r="V56823" i="1"/>
  <c r="V56824" i="1"/>
  <c r="V56825" i="1"/>
  <c r="V56826" i="1"/>
  <c r="V56827" i="1"/>
  <c r="V56828" i="1"/>
  <c r="V56829" i="1"/>
  <c r="V56830" i="1"/>
  <c r="V56831" i="1"/>
  <c r="V56832" i="1"/>
  <c r="V56833" i="1"/>
  <c r="V56834" i="1"/>
  <c r="V56835" i="1"/>
  <c r="V56836" i="1"/>
  <c r="V56837" i="1"/>
  <c r="V56838" i="1"/>
  <c r="V56839" i="1"/>
  <c r="V56840" i="1"/>
  <c r="V56841" i="1"/>
  <c r="V56842" i="1"/>
  <c r="V56843" i="1"/>
  <c r="V56844" i="1"/>
  <c r="V56845" i="1"/>
  <c r="V56846" i="1"/>
  <c r="V56847" i="1"/>
  <c r="V56848" i="1"/>
  <c r="V56849" i="1"/>
  <c r="V56850" i="1"/>
  <c r="V56851" i="1"/>
  <c r="V56852" i="1"/>
  <c r="V56853" i="1"/>
  <c r="V56854" i="1"/>
  <c r="V56855" i="1"/>
  <c r="V56856" i="1"/>
  <c r="V56857" i="1"/>
  <c r="V56858" i="1"/>
  <c r="V56859" i="1"/>
  <c r="V56860" i="1"/>
  <c r="V56861" i="1"/>
  <c r="V56862" i="1"/>
  <c r="V56863" i="1"/>
  <c r="V56864" i="1"/>
  <c r="V56865" i="1"/>
  <c r="V56866" i="1"/>
  <c r="V56867" i="1"/>
  <c r="V56868" i="1"/>
  <c r="V56869" i="1"/>
  <c r="V56870" i="1"/>
  <c r="V56871" i="1"/>
  <c r="V56872" i="1"/>
  <c r="V56873" i="1"/>
  <c r="V56874" i="1"/>
  <c r="V56875" i="1"/>
  <c r="V56876" i="1"/>
  <c r="V56877" i="1"/>
  <c r="V56878" i="1"/>
  <c r="V56879" i="1"/>
  <c r="V56880" i="1"/>
  <c r="V56881" i="1"/>
  <c r="V56882" i="1"/>
  <c r="V56883" i="1"/>
  <c r="V56884" i="1"/>
  <c r="V56885" i="1"/>
  <c r="V56886" i="1"/>
  <c r="V56887" i="1"/>
  <c r="V56888" i="1"/>
  <c r="V56889" i="1"/>
  <c r="V56890" i="1"/>
  <c r="V56891" i="1"/>
  <c r="V56892" i="1"/>
  <c r="V56893" i="1"/>
  <c r="V56894" i="1"/>
  <c r="V56895" i="1"/>
  <c r="V56896" i="1"/>
  <c r="V56897" i="1"/>
  <c r="V56898" i="1"/>
  <c r="V56899" i="1"/>
  <c r="V56900" i="1"/>
  <c r="V56901" i="1"/>
  <c r="V56902" i="1"/>
  <c r="V56903" i="1"/>
  <c r="V56904" i="1"/>
  <c r="V56905" i="1"/>
  <c r="V56906" i="1"/>
  <c r="V56907" i="1"/>
  <c r="V56908" i="1"/>
  <c r="V56909" i="1"/>
  <c r="V56910" i="1"/>
  <c r="V56911" i="1"/>
  <c r="V56912" i="1"/>
  <c r="V56913" i="1"/>
  <c r="V56914" i="1"/>
  <c r="V56915" i="1"/>
  <c r="V56916" i="1"/>
  <c r="V56917" i="1"/>
  <c r="V56918" i="1"/>
  <c r="V56919" i="1"/>
  <c r="V56920" i="1"/>
  <c r="V56921" i="1"/>
  <c r="V56922" i="1"/>
  <c r="V56923" i="1"/>
  <c r="V56924" i="1"/>
  <c r="V56925" i="1"/>
  <c r="V56926" i="1"/>
  <c r="V56927" i="1"/>
  <c r="V56928" i="1"/>
  <c r="V56929" i="1"/>
  <c r="V56930" i="1"/>
  <c r="V56931" i="1"/>
  <c r="V56932" i="1"/>
  <c r="V56933" i="1"/>
  <c r="V56934" i="1"/>
  <c r="V56935" i="1"/>
  <c r="V56936" i="1"/>
  <c r="V56937" i="1"/>
  <c r="V56938" i="1"/>
  <c r="V56939" i="1"/>
  <c r="V56940" i="1"/>
  <c r="V56941" i="1"/>
  <c r="V56942" i="1"/>
  <c r="V56943" i="1"/>
  <c r="V56944" i="1"/>
  <c r="V56945" i="1"/>
  <c r="V56946" i="1"/>
  <c r="V56947" i="1"/>
  <c r="V56948" i="1"/>
  <c r="V56949" i="1"/>
  <c r="V56950" i="1"/>
  <c r="V56951" i="1"/>
  <c r="V56952" i="1"/>
  <c r="V56953" i="1"/>
  <c r="V56954" i="1"/>
  <c r="V56955" i="1"/>
  <c r="V56956" i="1"/>
  <c r="V56957" i="1"/>
  <c r="V56958" i="1"/>
  <c r="V56959" i="1"/>
  <c r="V56960" i="1"/>
  <c r="V56961" i="1"/>
  <c r="V56962" i="1"/>
  <c r="V56963" i="1"/>
  <c r="V56964" i="1"/>
  <c r="V56965" i="1"/>
  <c r="V56966" i="1"/>
  <c r="V56967" i="1"/>
  <c r="V56968" i="1"/>
  <c r="V56969" i="1"/>
  <c r="V56970" i="1"/>
  <c r="V56971" i="1"/>
  <c r="V56972" i="1"/>
  <c r="V56973" i="1"/>
  <c r="V56974" i="1"/>
  <c r="V56975" i="1"/>
  <c r="V56976" i="1"/>
  <c r="V56977" i="1"/>
  <c r="V56978" i="1"/>
  <c r="V56979" i="1"/>
  <c r="V56980" i="1"/>
  <c r="V56981" i="1"/>
  <c r="V56982" i="1"/>
  <c r="V56983" i="1"/>
  <c r="V56984" i="1"/>
  <c r="V56985" i="1"/>
  <c r="V56986" i="1"/>
  <c r="V56987" i="1"/>
  <c r="V56988" i="1"/>
  <c r="V56989" i="1"/>
  <c r="V56990" i="1"/>
  <c r="V56991" i="1"/>
  <c r="V56992" i="1"/>
  <c r="V56993" i="1"/>
  <c r="V56994" i="1"/>
  <c r="V56995" i="1"/>
  <c r="V56996" i="1"/>
  <c r="V56997" i="1"/>
  <c r="V56998" i="1"/>
  <c r="V56999" i="1"/>
  <c r="V57000" i="1"/>
  <c r="V57001" i="1"/>
  <c r="V57002" i="1"/>
  <c r="V57003" i="1"/>
  <c r="V57004" i="1"/>
  <c r="V57005" i="1"/>
  <c r="V57006" i="1"/>
  <c r="V57007" i="1"/>
  <c r="V57008" i="1"/>
  <c r="V57009" i="1"/>
  <c r="V57010" i="1"/>
  <c r="V57011" i="1"/>
  <c r="V57012" i="1"/>
  <c r="V57013" i="1"/>
  <c r="V57014" i="1"/>
  <c r="V57015" i="1"/>
  <c r="V57016" i="1"/>
  <c r="V57017" i="1"/>
  <c r="V57018" i="1"/>
  <c r="V57019" i="1"/>
  <c r="V57020" i="1"/>
  <c r="V57021" i="1"/>
  <c r="V57022" i="1"/>
  <c r="V57023" i="1"/>
  <c r="V57024" i="1"/>
  <c r="V57025" i="1"/>
  <c r="V57026" i="1"/>
  <c r="V57027" i="1"/>
  <c r="V57028" i="1"/>
  <c r="V57029" i="1"/>
  <c r="V57030" i="1"/>
  <c r="V57031" i="1"/>
  <c r="V57032" i="1"/>
  <c r="V57033" i="1"/>
  <c r="V57034" i="1"/>
  <c r="V57035" i="1"/>
  <c r="V57036" i="1"/>
  <c r="V57037" i="1"/>
  <c r="V57038" i="1"/>
  <c r="V57039" i="1"/>
  <c r="V57040" i="1"/>
  <c r="V57041" i="1"/>
  <c r="V57042" i="1"/>
  <c r="V57043" i="1"/>
  <c r="V57044" i="1"/>
  <c r="V57045" i="1"/>
  <c r="V57046" i="1"/>
  <c r="V57047" i="1"/>
  <c r="V57048" i="1"/>
  <c r="V57049" i="1"/>
  <c r="V57050" i="1"/>
  <c r="V57051" i="1"/>
  <c r="V57052" i="1"/>
  <c r="V57053" i="1"/>
  <c r="V57054" i="1"/>
  <c r="V57055" i="1"/>
  <c r="V57056" i="1"/>
  <c r="V57057" i="1"/>
  <c r="V57058" i="1"/>
  <c r="V57059" i="1"/>
  <c r="V57060" i="1"/>
  <c r="V57061" i="1"/>
  <c r="V57062" i="1"/>
  <c r="V57063" i="1"/>
  <c r="V57064" i="1"/>
  <c r="V57065" i="1"/>
  <c r="V57066" i="1"/>
  <c r="V57067" i="1"/>
  <c r="V57068" i="1"/>
  <c r="V57069" i="1"/>
  <c r="V57070" i="1"/>
  <c r="V57071" i="1"/>
  <c r="V57072" i="1"/>
  <c r="V57073" i="1"/>
  <c r="V57074" i="1"/>
  <c r="V57075" i="1"/>
  <c r="V57076" i="1"/>
  <c r="V57077" i="1"/>
  <c r="V57078" i="1"/>
  <c r="V57079" i="1"/>
  <c r="V57080" i="1"/>
  <c r="V57081" i="1"/>
  <c r="V57082" i="1"/>
  <c r="V57083" i="1"/>
  <c r="V57084" i="1"/>
  <c r="V57085" i="1"/>
  <c r="V57086" i="1"/>
  <c r="V57087" i="1"/>
  <c r="V57088" i="1"/>
  <c r="V57089" i="1"/>
  <c r="V57090" i="1"/>
  <c r="V57091" i="1"/>
  <c r="V57092" i="1"/>
  <c r="V57093" i="1"/>
  <c r="V57094" i="1"/>
  <c r="V57095" i="1"/>
  <c r="V57096" i="1"/>
  <c r="V57097" i="1"/>
  <c r="V57098" i="1"/>
  <c r="V57099" i="1"/>
  <c r="V57100" i="1"/>
  <c r="V57101" i="1"/>
  <c r="V57102" i="1"/>
  <c r="V57103" i="1"/>
  <c r="V57104" i="1"/>
  <c r="V57105" i="1"/>
  <c r="V57106" i="1"/>
  <c r="V57107" i="1"/>
  <c r="V57108" i="1"/>
  <c r="V57109" i="1"/>
  <c r="V57110" i="1"/>
  <c r="V57111" i="1"/>
  <c r="V57112" i="1"/>
  <c r="V57113" i="1"/>
  <c r="V57114" i="1"/>
  <c r="V57115" i="1"/>
  <c r="V57116" i="1"/>
  <c r="V57117" i="1"/>
  <c r="V57118" i="1"/>
  <c r="V57119" i="1"/>
  <c r="V57120" i="1"/>
  <c r="V57121" i="1"/>
  <c r="V57122" i="1"/>
  <c r="V57123" i="1"/>
  <c r="V57124" i="1"/>
  <c r="V57125" i="1"/>
  <c r="V57126" i="1"/>
  <c r="V57127" i="1"/>
  <c r="V57128" i="1"/>
  <c r="V57129" i="1"/>
  <c r="V57130" i="1"/>
  <c r="V57131" i="1"/>
  <c r="V57132" i="1"/>
  <c r="V57133" i="1"/>
  <c r="V57134" i="1"/>
  <c r="V57135" i="1"/>
  <c r="V57136" i="1"/>
  <c r="V57137" i="1"/>
  <c r="V57138" i="1"/>
  <c r="V57139" i="1"/>
  <c r="V57140" i="1"/>
  <c r="V57141" i="1"/>
  <c r="V57142" i="1"/>
  <c r="V57143" i="1"/>
  <c r="V57144" i="1"/>
  <c r="V57145" i="1"/>
  <c r="V57146" i="1"/>
  <c r="V57147" i="1"/>
  <c r="V57148" i="1"/>
  <c r="V57149" i="1"/>
  <c r="V57150" i="1"/>
  <c r="V57151" i="1"/>
  <c r="V57152" i="1"/>
  <c r="V57153" i="1"/>
  <c r="V57154" i="1"/>
  <c r="V57155" i="1"/>
  <c r="V57156" i="1"/>
  <c r="V57157" i="1"/>
  <c r="V57158" i="1"/>
  <c r="V57159" i="1"/>
  <c r="V57160" i="1"/>
  <c r="V57161" i="1"/>
  <c r="V57162" i="1"/>
  <c r="V57163" i="1"/>
  <c r="V57164" i="1"/>
  <c r="V57165" i="1"/>
  <c r="V57166" i="1"/>
  <c r="V57167" i="1"/>
  <c r="V57168" i="1"/>
  <c r="V57169" i="1"/>
  <c r="V57170" i="1"/>
  <c r="V57171" i="1"/>
  <c r="V57172" i="1"/>
  <c r="V57173" i="1"/>
  <c r="V57174" i="1"/>
  <c r="V57175" i="1"/>
  <c r="V57176" i="1"/>
  <c r="V57177" i="1"/>
  <c r="V57178" i="1"/>
  <c r="V57179" i="1"/>
  <c r="V57180" i="1"/>
  <c r="V57181" i="1"/>
  <c r="V57182" i="1"/>
  <c r="V57183" i="1"/>
  <c r="V57184" i="1"/>
  <c r="V57185" i="1"/>
  <c r="V57186" i="1"/>
  <c r="V57187" i="1"/>
  <c r="V57188" i="1"/>
  <c r="V57189" i="1"/>
  <c r="V57190" i="1"/>
  <c r="V57191" i="1"/>
  <c r="V57192" i="1"/>
  <c r="V57193" i="1"/>
  <c r="V57194" i="1"/>
  <c r="V57195" i="1"/>
  <c r="V57196" i="1"/>
  <c r="V57197" i="1"/>
  <c r="V57198" i="1"/>
  <c r="V57199" i="1"/>
  <c r="V57200" i="1"/>
  <c r="V57201" i="1"/>
  <c r="V57202" i="1"/>
  <c r="V57203" i="1"/>
  <c r="V57204" i="1"/>
  <c r="V57205" i="1"/>
  <c r="V57206" i="1"/>
  <c r="V57207" i="1"/>
  <c r="V57208" i="1"/>
  <c r="V57209" i="1"/>
  <c r="V57210" i="1"/>
  <c r="V57211" i="1"/>
  <c r="V57212" i="1"/>
  <c r="V57213" i="1"/>
  <c r="V57214" i="1"/>
  <c r="V57215" i="1"/>
  <c r="V57216" i="1"/>
  <c r="V57217" i="1"/>
  <c r="V57218" i="1"/>
  <c r="V57219" i="1"/>
  <c r="V57220" i="1"/>
  <c r="V57221" i="1"/>
  <c r="V57222" i="1"/>
  <c r="V57223" i="1"/>
  <c r="V57224" i="1"/>
  <c r="V57225" i="1"/>
  <c r="V57226" i="1"/>
  <c r="V57227" i="1"/>
  <c r="V57228" i="1"/>
  <c r="V57229" i="1"/>
  <c r="V57230" i="1"/>
  <c r="V57231" i="1"/>
  <c r="V57232" i="1"/>
  <c r="V57233" i="1"/>
  <c r="V57234" i="1"/>
  <c r="V57235" i="1"/>
  <c r="V57236" i="1"/>
  <c r="V57237" i="1"/>
  <c r="V57238" i="1"/>
  <c r="V57239" i="1"/>
  <c r="V57240" i="1"/>
  <c r="V57241" i="1"/>
  <c r="V57242" i="1"/>
  <c r="V57243" i="1"/>
  <c r="V57244" i="1"/>
  <c r="V57245" i="1"/>
  <c r="V57246" i="1"/>
  <c r="V57247" i="1"/>
  <c r="V57248" i="1"/>
  <c r="V57249" i="1"/>
  <c r="V57250" i="1"/>
  <c r="V57251" i="1"/>
  <c r="V57252" i="1"/>
  <c r="V57253" i="1"/>
  <c r="V57254" i="1"/>
  <c r="V57255" i="1"/>
  <c r="V57256" i="1"/>
  <c r="V57257" i="1"/>
  <c r="V57258" i="1"/>
  <c r="V57259" i="1"/>
  <c r="V57260" i="1"/>
  <c r="V57261" i="1"/>
  <c r="V57262" i="1"/>
  <c r="V57263" i="1"/>
  <c r="V57264" i="1"/>
  <c r="V57265" i="1"/>
  <c r="V57266" i="1"/>
  <c r="V57267" i="1"/>
  <c r="V57268" i="1"/>
  <c r="V57269" i="1"/>
  <c r="V57270" i="1"/>
  <c r="V57271" i="1"/>
  <c r="V57272" i="1"/>
  <c r="V57273" i="1"/>
  <c r="V57274" i="1"/>
  <c r="V57275" i="1"/>
  <c r="V57276" i="1"/>
  <c r="V57277" i="1"/>
  <c r="V57278" i="1"/>
  <c r="V57279" i="1"/>
  <c r="V57280" i="1"/>
  <c r="V57281" i="1"/>
  <c r="V57282" i="1"/>
  <c r="V57283" i="1"/>
  <c r="V57284" i="1"/>
  <c r="V57285" i="1"/>
  <c r="V57286" i="1"/>
  <c r="V57287" i="1"/>
  <c r="V57288" i="1"/>
  <c r="V57289" i="1"/>
  <c r="V57290" i="1"/>
  <c r="V57291" i="1"/>
  <c r="V57292" i="1"/>
  <c r="V57293" i="1"/>
  <c r="V57294" i="1"/>
  <c r="V57295" i="1"/>
  <c r="V57296" i="1"/>
  <c r="V57297" i="1"/>
  <c r="V57298" i="1"/>
  <c r="V57299" i="1"/>
  <c r="V57300" i="1"/>
  <c r="V57301" i="1"/>
  <c r="V57302" i="1"/>
  <c r="V57303" i="1"/>
  <c r="V57304" i="1"/>
  <c r="V57305" i="1"/>
  <c r="V57306" i="1"/>
  <c r="V57307" i="1"/>
  <c r="V57308" i="1"/>
  <c r="V57309" i="1"/>
  <c r="V57310" i="1"/>
  <c r="V57311" i="1"/>
  <c r="V57312" i="1"/>
  <c r="V57313" i="1"/>
  <c r="V57314" i="1"/>
  <c r="V57315" i="1"/>
  <c r="V57316" i="1"/>
  <c r="V57317" i="1"/>
  <c r="V57318" i="1"/>
  <c r="V57319" i="1"/>
  <c r="V57320" i="1"/>
  <c r="V57321" i="1"/>
  <c r="V57322" i="1"/>
  <c r="V57323" i="1"/>
  <c r="V57324" i="1"/>
  <c r="V57325" i="1"/>
  <c r="V57326" i="1"/>
  <c r="V57327" i="1"/>
  <c r="V57328" i="1"/>
  <c r="V57329" i="1"/>
  <c r="V57330" i="1"/>
  <c r="V57331" i="1"/>
  <c r="V57332" i="1"/>
  <c r="V57333" i="1"/>
  <c r="V57334" i="1"/>
  <c r="V57335" i="1"/>
  <c r="V57336" i="1"/>
  <c r="V57337" i="1"/>
  <c r="V57338" i="1"/>
  <c r="V57339" i="1"/>
  <c r="V57340" i="1"/>
  <c r="V57341" i="1"/>
  <c r="V57342" i="1"/>
  <c r="V57343" i="1"/>
  <c r="V57344" i="1"/>
  <c r="V57345" i="1"/>
  <c r="V57346" i="1"/>
  <c r="V57347" i="1"/>
  <c r="V57348" i="1"/>
  <c r="V57349" i="1"/>
  <c r="V57350" i="1"/>
  <c r="V57351" i="1"/>
  <c r="V57352" i="1"/>
  <c r="V57353" i="1"/>
  <c r="V57354" i="1"/>
  <c r="V57355" i="1"/>
  <c r="V57356" i="1"/>
  <c r="V57357" i="1"/>
  <c r="V57358" i="1"/>
  <c r="V57359" i="1"/>
  <c r="V57360" i="1"/>
  <c r="V57361" i="1"/>
  <c r="V57362" i="1"/>
  <c r="V57363" i="1"/>
  <c r="V57364" i="1"/>
  <c r="V57365" i="1"/>
  <c r="V57366" i="1"/>
  <c r="V57367" i="1"/>
  <c r="V57368" i="1"/>
  <c r="V57369" i="1"/>
  <c r="V57370" i="1"/>
  <c r="V57371" i="1"/>
  <c r="V57372" i="1"/>
  <c r="V57373" i="1"/>
  <c r="V57374" i="1"/>
  <c r="V57375" i="1"/>
  <c r="V57376" i="1"/>
  <c r="V57377" i="1"/>
  <c r="V57378" i="1"/>
  <c r="V57379" i="1"/>
  <c r="V57380" i="1"/>
  <c r="V57381" i="1"/>
  <c r="V57382" i="1"/>
  <c r="V57383" i="1"/>
  <c r="V57384" i="1"/>
  <c r="V57385" i="1"/>
  <c r="V57386" i="1"/>
  <c r="V57387" i="1"/>
  <c r="V57388" i="1"/>
  <c r="V57389" i="1"/>
  <c r="V57390" i="1"/>
  <c r="V57391" i="1"/>
  <c r="V57392" i="1"/>
  <c r="V57393" i="1"/>
  <c r="V57394" i="1"/>
  <c r="V57395" i="1"/>
  <c r="V57396" i="1"/>
  <c r="V57397" i="1"/>
  <c r="V57398" i="1"/>
  <c r="V57399" i="1"/>
  <c r="V57400" i="1"/>
  <c r="V57401" i="1"/>
  <c r="V57402" i="1"/>
  <c r="V57403" i="1"/>
  <c r="V57404" i="1"/>
  <c r="V57405" i="1"/>
  <c r="V57406" i="1"/>
  <c r="V57407" i="1"/>
  <c r="V57408" i="1"/>
  <c r="V57409" i="1"/>
  <c r="V57410" i="1"/>
  <c r="V57411" i="1"/>
  <c r="V57412" i="1"/>
  <c r="V57413" i="1"/>
  <c r="V57414" i="1"/>
  <c r="V57415" i="1"/>
  <c r="V57416" i="1"/>
  <c r="V57417" i="1"/>
  <c r="V57418" i="1"/>
  <c r="V57419" i="1"/>
  <c r="V57420" i="1"/>
  <c r="V57421" i="1"/>
  <c r="V57422" i="1"/>
  <c r="V57423" i="1"/>
  <c r="V57424" i="1"/>
  <c r="V57425" i="1"/>
  <c r="V57426" i="1"/>
  <c r="V57427" i="1"/>
  <c r="V57428" i="1"/>
  <c r="V57429" i="1"/>
  <c r="V57430" i="1"/>
  <c r="V57431" i="1"/>
  <c r="V57432" i="1"/>
  <c r="V57433" i="1"/>
  <c r="V57434" i="1"/>
  <c r="V57435" i="1"/>
  <c r="V57436" i="1"/>
  <c r="V57437" i="1"/>
  <c r="V57438" i="1"/>
  <c r="V57439" i="1"/>
  <c r="V57440" i="1"/>
  <c r="V57441" i="1"/>
  <c r="V57442" i="1"/>
  <c r="V57443" i="1"/>
  <c r="V57444" i="1"/>
  <c r="V57445" i="1"/>
  <c r="V57446" i="1"/>
  <c r="V57447" i="1"/>
  <c r="V57448" i="1"/>
  <c r="V57449" i="1"/>
  <c r="V57450" i="1"/>
  <c r="V57451" i="1"/>
  <c r="V57452" i="1"/>
  <c r="V57453" i="1"/>
  <c r="V57454" i="1"/>
  <c r="V57455" i="1"/>
  <c r="V57456" i="1"/>
  <c r="V57457" i="1"/>
  <c r="V57458" i="1"/>
  <c r="V57459" i="1"/>
  <c r="V57460" i="1"/>
  <c r="V57461" i="1"/>
  <c r="V57462" i="1"/>
  <c r="V57463" i="1"/>
  <c r="V57464" i="1"/>
  <c r="V57465" i="1"/>
  <c r="V57466" i="1"/>
  <c r="V57467" i="1"/>
  <c r="V57468" i="1"/>
  <c r="V57469" i="1"/>
  <c r="V57470" i="1"/>
  <c r="V57471" i="1"/>
  <c r="V57472" i="1"/>
  <c r="V57473" i="1"/>
  <c r="V57474" i="1"/>
  <c r="V57475" i="1"/>
  <c r="V57476" i="1"/>
  <c r="V57477" i="1"/>
  <c r="V57478" i="1"/>
  <c r="V57479" i="1"/>
  <c r="V57480" i="1"/>
  <c r="V57481" i="1"/>
  <c r="V57482" i="1"/>
  <c r="V57483" i="1"/>
  <c r="V57484" i="1"/>
  <c r="V57485" i="1"/>
  <c r="V57486" i="1"/>
  <c r="V57487" i="1"/>
  <c r="V57488" i="1"/>
  <c r="V57489" i="1"/>
  <c r="V57490" i="1"/>
  <c r="V57491" i="1"/>
  <c r="V57492" i="1"/>
  <c r="V57493" i="1"/>
  <c r="V57494" i="1"/>
  <c r="V57495" i="1"/>
  <c r="V57496" i="1"/>
  <c r="V57497" i="1"/>
  <c r="V57498" i="1"/>
  <c r="V57499" i="1"/>
  <c r="V57500" i="1"/>
  <c r="V57501" i="1"/>
  <c r="V57502" i="1"/>
  <c r="V57503" i="1"/>
  <c r="V57504" i="1"/>
  <c r="V57505" i="1"/>
  <c r="V57506" i="1"/>
  <c r="V57507" i="1"/>
  <c r="V57508" i="1"/>
  <c r="V57509" i="1"/>
  <c r="V57510" i="1"/>
  <c r="V57511" i="1"/>
  <c r="V57512" i="1"/>
  <c r="V57513" i="1"/>
  <c r="V57514" i="1"/>
  <c r="V57515" i="1"/>
  <c r="V57516" i="1"/>
  <c r="V57517" i="1"/>
  <c r="V57518" i="1"/>
  <c r="V57519" i="1"/>
  <c r="V57520" i="1"/>
  <c r="V57521" i="1"/>
  <c r="V57522" i="1"/>
  <c r="V57523" i="1"/>
  <c r="V57524" i="1"/>
  <c r="V57525" i="1"/>
  <c r="V57526" i="1"/>
  <c r="V57527" i="1"/>
  <c r="V57528" i="1"/>
  <c r="V57529" i="1"/>
  <c r="V57530" i="1"/>
  <c r="V57531" i="1"/>
  <c r="V57532" i="1"/>
  <c r="V57533" i="1"/>
  <c r="V57534" i="1"/>
  <c r="V57535" i="1"/>
  <c r="V57536" i="1"/>
  <c r="V57537" i="1"/>
  <c r="V57538" i="1"/>
  <c r="V57539" i="1"/>
  <c r="V57540" i="1"/>
  <c r="V57541" i="1"/>
  <c r="V57542" i="1"/>
  <c r="V57543" i="1"/>
  <c r="V57544" i="1"/>
  <c r="V57545" i="1"/>
  <c r="V57546" i="1"/>
  <c r="V57547" i="1"/>
  <c r="V57548" i="1"/>
  <c r="V57549" i="1"/>
  <c r="V57550" i="1"/>
  <c r="V57551" i="1"/>
  <c r="V57552" i="1"/>
  <c r="V57553" i="1"/>
  <c r="V57554" i="1"/>
  <c r="V57555" i="1"/>
  <c r="V57556" i="1"/>
  <c r="V57557" i="1"/>
  <c r="V57558" i="1"/>
  <c r="V57559" i="1"/>
  <c r="V57560" i="1"/>
  <c r="V57561" i="1"/>
  <c r="V57562" i="1"/>
  <c r="V57563" i="1"/>
  <c r="V57564" i="1"/>
  <c r="V57565" i="1"/>
  <c r="V57566" i="1"/>
  <c r="V57567" i="1"/>
  <c r="V57568" i="1"/>
  <c r="V57569" i="1"/>
  <c r="V57570" i="1"/>
  <c r="V57571" i="1"/>
  <c r="V57572" i="1"/>
  <c r="V57573" i="1"/>
  <c r="V57574" i="1"/>
  <c r="V57575" i="1"/>
  <c r="V57576" i="1"/>
  <c r="V57577" i="1"/>
  <c r="V57578" i="1"/>
  <c r="V57579" i="1"/>
  <c r="V57580" i="1"/>
  <c r="V57581" i="1"/>
  <c r="V57582" i="1"/>
  <c r="V57583" i="1"/>
  <c r="V57584" i="1"/>
  <c r="V57585" i="1"/>
  <c r="V57586" i="1"/>
  <c r="V57587" i="1"/>
  <c r="V57588" i="1"/>
  <c r="V57589" i="1"/>
  <c r="V57590" i="1"/>
  <c r="V57591" i="1"/>
  <c r="V57592" i="1"/>
  <c r="V57593" i="1"/>
  <c r="V57594" i="1"/>
  <c r="V57595" i="1"/>
  <c r="V57596" i="1"/>
  <c r="V57597" i="1"/>
  <c r="V57598" i="1"/>
  <c r="V57599" i="1"/>
  <c r="V57600" i="1"/>
  <c r="V57601" i="1"/>
  <c r="V57602" i="1"/>
  <c r="V57603" i="1"/>
  <c r="V57604" i="1"/>
  <c r="V57605" i="1"/>
  <c r="V57606" i="1"/>
  <c r="V57607" i="1"/>
  <c r="V57608" i="1"/>
  <c r="V57609" i="1"/>
  <c r="V57610" i="1"/>
  <c r="V57611" i="1"/>
  <c r="V57612" i="1"/>
  <c r="V57613" i="1"/>
  <c r="V57614" i="1"/>
  <c r="V57615" i="1"/>
  <c r="V57616" i="1"/>
  <c r="V57617" i="1"/>
  <c r="V57618" i="1"/>
  <c r="V57619" i="1"/>
  <c r="V57620" i="1"/>
  <c r="V57621" i="1"/>
  <c r="V57622" i="1"/>
  <c r="V57623" i="1"/>
  <c r="V57624" i="1"/>
  <c r="V57625" i="1"/>
  <c r="V57626" i="1"/>
  <c r="V57627" i="1"/>
  <c r="V57628" i="1"/>
  <c r="V57629" i="1"/>
  <c r="V57630" i="1"/>
  <c r="V57631" i="1"/>
  <c r="V57632" i="1"/>
  <c r="V57633" i="1"/>
  <c r="V57634" i="1"/>
  <c r="V57635" i="1"/>
  <c r="V57636" i="1"/>
  <c r="V57637" i="1"/>
  <c r="V57638" i="1"/>
  <c r="V57639" i="1"/>
  <c r="V57640" i="1"/>
  <c r="V57641" i="1"/>
  <c r="V57642" i="1"/>
  <c r="V57643" i="1"/>
  <c r="V57644" i="1"/>
  <c r="V57645" i="1"/>
  <c r="V57646" i="1"/>
  <c r="V57647" i="1"/>
  <c r="V57648" i="1"/>
  <c r="V57649" i="1"/>
  <c r="V57650" i="1"/>
  <c r="V57651" i="1"/>
  <c r="V57652" i="1"/>
  <c r="V57653" i="1"/>
  <c r="V57654" i="1"/>
  <c r="V57655" i="1"/>
  <c r="V57656" i="1"/>
  <c r="V57657" i="1"/>
  <c r="V57658" i="1"/>
  <c r="V57659" i="1"/>
  <c r="V57660" i="1"/>
  <c r="V57661" i="1"/>
  <c r="V57662" i="1"/>
  <c r="V57663" i="1"/>
  <c r="V57664" i="1"/>
  <c r="V57665" i="1"/>
  <c r="V57666" i="1"/>
  <c r="V57667" i="1"/>
  <c r="V57668" i="1"/>
  <c r="V57669" i="1"/>
  <c r="V57670" i="1"/>
  <c r="V57671" i="1"/>
  <c r="V57672" i="1"/>
  <c r="V57673" i="1"/>
  <c r="V57674" i="1"/>
  <c r="V57675" i="1"/>
  <c r="V57676" i="1"/>
  <c r="V57677" i="1"/>
  <c r="V57678" i="1"/>
  <c r="V57679" i="1"/>
  <c r="V57680" i="1"/>
  <c r="V57681" i="1"/>
  <c r="V57682" i="1"/>
  <c r="V57683" i="1"/>
  <c r="V57684" i="1"/>
  <c r="V57685" i="1"/>
  <c r="V57686" i="1"/>
  <c r="V57687" i="1"/>
  <c r="V57688" i="1"/>
  <c r="V57689" i="1"/>
  <c r="V57690" i="1"/>
  <c r="V57691" i="1"/>
  <c r="V57692" i="1"/>
  <c r="V57693" i="1"/>
  <c r="V57694" i="1"/>
  <c r="V57695" i="1"/>
  <c r="V57696" i="1"/>
  <c r="V57697" i="1"/>
  <c r="V57698" i="1"/>
  <c r="V57699" i="1"/>
  <c r="V57700" i="1"/>
  <c r="V57701" i="1"/>
  <c r="V57702" i="1"/>
  <c r="V57703" i="1"/>
  <c r="V57704" i="1"/>
  <c r="V57705" i="1"/>
  <c r="V57706" i="1"/>
  <c r="V57707" i="1"/>
  <c r="V57708" i="1"/>
  <c r="V57709" i="1"/>
  <c r="V57710" i="1"/>
  <c r="V57711" i="1"/>
  <c r="V57712" i="1"/>
  <c r="V57713" i="1"/>
  <c r="V57714" i="1"/>
  <c r="V57715" i="1"/>
  <c r="V57716" i="1"/>
  <c r="V57717" i="1"/>
  <c r="V57718" i="1"/>
  <c r="V57719" i="1"/>
  <c r="V57720" i="1"/>
  <c r="V57721" i="1"/>
  <c r="V57722" i="1"/>
  <c r="V57723" i="1"/>
  <c r="V57724" i="1"/>
  <c r="V57725" i="1"/>
  <c r="V57726" i="1"/>
  <c r="V57727" i="1"/>
  <c r="V57728" i="1"/>
  <c r="V57729" i="1"/>
  <c r="V57730" i="1"/>
  <c r="V57731" i="1"/>
  <c r="V57732" i="1"/>
  <c r="V57733" i="1"/>
  <c r="V57734" i="1"/>
  <c r="V57735" i="1"/>
  <c r="V57736" i="1"/>
  <c r="V57737" i="1"/>
  <c r="V57738" i="1"/>
  <c r="V57739" i="1"/>
  <c r="V57740" i="1"/>
  <c r="V57741" i="1"/>
  <c r="V57742" i="1"/>
  <c r="V57743" i="1"/>
  <c r="V57744" i="1"/>
  <c r="V57745" i="1"/>
  <c r="V57746" i="1"/>
  <c r="V57747" i="1"/>
  <c r="V57748" i="1"/>
  <c r="V57749" i="1"/>
  <c r="V57750" i="1"/>
  <c r="V57751" i="1"/>
  <c r="V57752" i="1"/>
  <c r="V57753" i="1"/>
  <c r="V57754" i="1"/>
  <c r="V57755" i="1"/>
  <c r="V57756" i="1"/>
  <c r="V57757" i="1"/>
  <c r="V57758" i="1"/>
  <c r="V57759" i="1"/>
  <c r="V57760" i="1"/>
  <c r="V57761" i="1"/>
  <c r="V57762" i="1"/>
  <c r="V57763" i="1"/>
  <c r="V57764" i="1"/>
  <c r="V57765" i="1"/>
  <c r="V57766" i="1"/>
  <c r="V57767" i="1"/>
  <c r="V57768" i="1"/>
  <c r="V57769" i="1"/>
  <c r="V57770" i="1"/>
  <c r="V57771" i="1"/>
  <c r="V57772" i="1"/>
  <c r="V57773" i="1"/>
  <c r="V57774" i="1"/>
  <c r="V57775" i="1"/>
  <c r="V57776" i="1"/>
  <c r="V57777" i="1"/>
  <c r="V57778" i="1"/>
  <c r="V57779" i="1"/>
  <c r="V57780" i="1"/>
  <c r="V57781" i="1"/>
  <c r="V57782" i="1"/>
  <c r="V57783" i="1"/>
  <c r="V57784" i="1"/>
  <c r="V57785" i="1"/>
  <c r="V57786" i="1"/>
  <c r="V57787" i="1"/>
  <c r="V57788" i="1"/>
  <c r="V57789" i="1"/>
  <c r="V57790" i="1"/>
  <c r="V57791" i="1"/>
  <c r="V57792" i="1"/>
  <c r="V57793" i="1"/>
  <c r="V57794" i="1"/>
  <c r="V57795" i="1"/>
  <c r="V57796" i="1"/>
  <c r="V57797" i="1"/>
  <c r="V57798" i="1"/>
  <c r="V57799" i="1"/>
  <c r="V57800" i="1"/>
  <c r="V57801" i="1"/>
  <c r="V57802" i="1"/>
  <c r="V57803" i="1"/>
  <c r="V57804" i="1"/>
  <c r="V57805" i="1"/>
  <c r="V57806" i="1"/>
  <c r="V57807" i="1"/>
  <c r="V57808" i="1"/>
  <c r="V57809" i="1"/>
  <c r="V57810" i="1"/>
  <c r="V57811" i="1"/>
  <c r="V57812" i="1"/>
  <c r="V57813" i="1"/>
  <c r="V57814" i="1"/>
  <c r="V57815" i="1"/>
  <c r="V57816" i="1"/>
  <c r="V57817" i="1"/>
  <c r="V57818" i="1"/>
  <c r="V57819" i="1"/>
  <c r="V57820" i="1"/>
  <c r="V57821" i="1"/>
  <c r="V57822" i="1"/>
  <c r="V57823" i="1"/>
  <c r="V57824" i="1"/>
  <c r="V57825" i="1"/>
  <c r="V57826" i="1"/>
  <c r="V57827" i="1"/>
  <c r="V57828" i="1"/>
  <c r="V57829" i="1"/>
  <c r="V57830" i="1"/>
  <c r="V57831" i="1"/>
  <c r="V57832" i="1"/>
  <c r="V57833" i="1"/>
  <c r="V57834" i="1"/>
  <c r="V57835" i="1"/>
  <c r="V57836" i="1"/>
  <c r="V57837" i="1"/>
  <c r="V57838" i="1"/>
  <c r="V57839" i="1"/>
  <c r="V57840" i="1"/>
  <c r="V57841" i="1"/>
  <c r="V57842" i="1"/>
  <c r="V57843" i="1"/>
  <c r="V57844" i="1"/>
  <c r="V57845" i="1"/>
  <c r="V57846" i="1"/>
  <c r="V57847" i="1"/>
  <c r="V57848" i="1"/>
  <c r="V57849" i="1"/>
  <c r="V57850" i="1"/>
  <c r="V57851" i="1"/>
  <c r="V57852" i="1"/>
  <c r="V57853" i="1"/>
  <c r="V57854" i="1"/>
  <c r="V57855" i="1"/>
  <c r="V57856" i="1"/>
  <c r="V57857" i="1"/>
  <c r="V57858" i="1"/>
  <c r="V57859" i="1"/>
  <c r="V57860" i="1"/>
  <c r="V57861" i="1"/>
  <c r="V57862" i="1"/>
  <c r="V57863" i="1"/>
  <c r="V57864" i="1"/>
  <c r="V57865" i="1"/>
  <c r="V57866" i="1"/>
  <c r="V57867" i="1"/>
  <c r="V57868" i="1"/>
  <c r="V57869" i="1"/>
  <c r="V57870" i="1"/>
  <c r="V57871" i="1"/>
  <c r="V57872" i="1"/>
  <c r="V57873" i="1"/>
  <c r="V57874" i="1"/>
  <c r="V57875" i="1"/>
  <c r="V57876" i="1"/>
  <c r="V57877" i="1"/>
  <c r="V57878" i="1"/>
  <c r="V57879" i="1"/>
  <c r="V57880" i="1"/>
  <c r="V57881" i="1"/>
  <c r="V57882" i="1"/>
  <c r="V57883" i="1"/>
  <c r="V57884" i="1"/>
  <c r="V57885" i="1"/>
  <c r="V57886" i="1"/>
  <c r="V57887" i="1"/>
  <c r="V57888" i="1"/>
  <c r="V57889" i="1"/>
  <c r="V57890" i="1"/>
  <c r="V57891" i="1"/>
  <c r="V57892" i="1"/>
  <c r="V57893" i="1"/>
  <c r="V57894" i="1"/>
  <c r="V57895" i="1"/>
  <c r="V57896" i="1"/>
  <c r="V57897" i="1"/>
  <c r="V57898" i="1"/>
  <c r="V57899" i="1"/>
  <c r="V57900" i="1"/>
  <c r="V57901" i="1"/>
  <c r="V57902" i="1"/>
  <c r="V57903" i="1"/>
  <c r="V57904" i="1"/>
  <c r="V57905" i="1"/>
  <c r="V57906" i="1"/>
  <c r="V57907" i="1"/>
  <c r="V57908" i="1"/>
  <c r="V57909" i="1"/>
  <c r="V57910" i="1"/>
  <c r="V57911" i="1"/>
  <c r="V57912" i="1"/>
  <c r="V57913" i="1"/>
  <c r="V57914" i="1"/>
  <c r="V57915" i="1"/>
  <c r="V57916" i="1"/>
  <c r="V57917" i="1"/>
  <c r="V57918" i="1"/>
  <c r="V57919" i="1"/>
  <c r="V57920" i="1"/>
  <c r="V57921" i="1"/>
  <c r="V57922" i="1"/>
  <c r="V57923" i="1"/>
  <c r="V57924" i="1"/>
  <c r="V57925" i="1"/>
  <c r="V57926" i="1"/>
  <c r="V57927" i="1"/>
  <c r="V57928" i="1"/>
  <c r="V57929" i="1"/>
  <c r="V57930" i="1"/>
  <c r="V57931" i="1"/>
  <c r="V57932" i="1"/>
  <c r="V57933" i="1"/>
  <c r="V57934" i="1"/>
  <c r="V57935" i="1"/>
  <c r="V57936" i="1"/>
  <c r="V57937" i="1"/>
  <c r="V57938" i="1"/>
  <c r="V57939" i="1"/>
  <c r="V57940" i="1"/>
  <c r="V57941" i="1"/>
  <c r="V57942" i="1"/>
  <c r="V57943" i="1"/>
  <c r="V57944" i="1"/>
  <c r="V57945" i="1"/>
  <c r="V57946" i="1"/>
  <c r="V57947" i="1"/>
  <c r="V57948" i="1"/>
  <c r="V57949" i="1"/>
  <c r="V57950" i="1"/>
  <c r="V57951" i="1"/>
  <c r="V57952" i="1"/>
  <c r="V57953" i="1"/>
  <c r="V57954" i="1"/>
  <c r="V57955" i="1"/>
  <c r="V57956" i="1"/>
  <c r="V57957" i="1"/>
  <c r="V57958" i="1"/>
  <c r="V57959" i="1"/>
  <c r="V57960" i="1"/>
  <c r="V57961" i="1"/>
  <c r="V57962" i="1"/>
  <c r="V57963" i="1"/>
  <c r="V57964" i="1"/>
  <c r="V57965" i="1"/>
  <c r="V57966" i="1"/>
  <c r="V57967" i="1"/>
  <c r="V57968" i="1"/>
  <c r="V57969" i="1"/>
  <c r="V57970" i="1"/>
  <c r="V57971" i="1"/>
  <c r="V57972" i="1"/>
  <c r="V57973" i="1"/>
  <c r="V57974" i="1"/>
  <c r="V57975" i="1"/>
  <c r="V57976" i="1"/>
  <c r="V57977" i="1"/>
  <c r="V57978" i="1"/>
  <c r="V57979" i="1"/>
  <c r="V57980" i="1"/>
  <c r="V57981" i="1"/>
  <c r="V57982" i="1"/>
  <c r="V57983" i="1"/>
  <c r="V57984" i="1"/>
  <c r="V57985" i="1"/>
  <c r="V57986" i="1"/>
  <c r="V57987" i="1"/>
  <c r="V57988" i="1"/>
  <c r="V57989" i="1"/>
  <c r="V57990" i="1"/>
  <c r="V57991" i="1"/>
  <c r="V57992" i="1"/>
  <c r="V57993" i="1"/>
  <c r="V57994" i="1"/>
  <c r="V57995" i="1"/>
  <c r="V57996" i="1"/>
  <c r="V57997" i="1"/>
  <c r="V57998" i="1"/>
  <c r="V57999" i="1"/>
  <c r="V58000" i="1"/>
  <c r="V58001" i="1"/>
  <c r="V58002" i="1"/>
  <c r="V58003" i="1"/>
  <c r="V58004" i="1"/>
  <c r="V58005" i="1"/>
  <c r="V58006" i="1"/>
  <c r="V58007" i="1"/>
  <c r="V58008" i="1"/>
  <c r="V58009" i="1"/>
  <c r="V58010" i="1"/>
  <c r="V58011" i="1"/>
  <c r="V58012" i="1"/>
  <c r="V58013" i="1"/>
  <c r="V58014" i="1"/>
  <c r="V58015" i="1"/>
  <c r="V58016" i="1"/>
  <c r="V58017" i="1"/>
  <c r="V58018" i="1"/>
  <c r="V58019" i="1"/>
  <c r="V58020" i="1"/>
  <c r="V58021" i="1"/>
  <c r="V58022" i="1"/>
  <c r="V58023" i="1"/>
  <c r="V58024" i="1"/>
  <c r="V58025" i="1"/>
  <c r="V58026" i="1"/>
  <c r="V58027" i="1"/>
  <c r="V58028" i="1"/>
  <c r="V58029" i="1"/>
  <c r="V58030" i="1"/>
  <c r="V58031" i="1"/>
  <c r="V58032" i="1"/>
  <c r="V58033" i="1"/>
  <c r="V58034" i="1"/>
  <c r="V58035" i="1"/>
  <c r="V58036" i="1"/>
  <c r="V58037" i="1"/>
  <c r="V58038" i="1"/>
  <c r="V58039" i="1"/>
  <c r="V58040" i="1"/>
  <c r="V58041" i="1"/>
  <c r="V58042" i="1"/>
  <c r="V58043" i="1"/>
  <c r="V58044" i="1"/>
  <c r="V58045" i="1"/>
  <c r="V58046" i="1"/>
  <c r="V58047" i="1"/>
  <c r="V58048" i="1"/>
  <c r="V58049" i="1"/>
  <c r="V58050" i="1"/>
  <c r="V58051" i="1"/>
  <c r="V58052" i="1"/>
  <c r="V58053" i="1"/>
  <c r="V58054" i="1"/>
  <c r="V58055" i="1"/>
  <c r="V58056" i="1"/>
  <c r="V58057" i="1"/>
  <c r="V58058" i="1"/>
  <c r="V58059" i="1"/>
  <c r="V58060" i="1"/>
  <c r="V58061" i="1"/>
  <c r="V58062" i="1"/>
  <c r="V58063" i="1"/>
  <c r="V58064" i="1"/>
  <c r="V58065" i="1"/>
  <c r="V58066" i="1"/>
  <c r="V58067" i="1"/>
  <c r="V58068" i="1"/>
  <c r="V58069" i="1"/>
  <c r="V58070" i="1"/>
  <c r="V58071" i="1"/>
  <c r="V58072" i="1"/>
  <c r="V58073" i="1"/>
  <c r="V58074" i="1"/>
  <c r="V58075" i="1"/>
  <c r="V58076" i="1"/>
  <c r="V58077" i="1"/>
  <c r="V58078" i="1"/>
  <c r="V58079" i="1"/>
  <c r="V58080" i="1"/>
  <c r="V58081" i="1"/>
  <c r="V58082" i="1"/>
  <c r="V58083" i="1"/>
  <c r="V58084" i="1"/>
  <c r="V58085" i="1"/>
  <c r="V58086" i="1"/>
  <c r="V58087" i="1"/>
  <c r="V58088" i="1"/>
  <c r="V58089" i="1"/>
  <c r="V58090" i="1"/>
  <c r="V58091" i="1"/>
  <c r="V58092" i="1"/>
  <c r="V58093" i="1"/>
  <c r="V58094" i="1"/>
  <c r="V58095" i="1"/>
  <c r="V58096" i="1"/>
  <c r="V58097" i="1"/>
  <c r="V58098" i="1"/>
  <c r="V58099" i="1"/>
  <c r="V58100" i="1"/>
  <c r="V58101" i="1"/>
  <c r="V58102" i="1"/>
  <c r="V58103" i="1"/>
  <c r="V58104" i="1"/>
  <c r="V58105" i="1"/>
  <c r="V58106" i="1"/>
  <c r="V58107" i="1"/>
  <c r="V58108" i="1"/>
  <c r="V58109" i="1"/>
  <c r="V58110" i="1"/>
  <c r="V58111" i="1"/>
  <c r="V58112" i="1"/>
  <c r="V58113" i="1"/>
  <c r="V58114" i="1"/>
  <c r="V58115" i="1"/>
  <c r="V58116" i="1"/>
  <c r="V58117" i="1"/>
  <c r="V58118" i="1"/>
  <c r="V58119" i="1"/>
  <c r="V58120" i="1"/>
  <c r="V58121" i="1"/>
  <c r="V58122" i="1"/>
  <c r="V58123" i="1"/>
  <c r="V58124" i="1"/>
  <c r="V58125" i="1"/>
  <c r="V58126" i="1"/>
  <c r="V58127" i="1"/>
  <c r="V58128" i="1"/>
  <c r="V58129" i="1"/>
  <c r="V58130" i="1"/>
  <c r="V58131" i="1"/>
  <c r="V58132" i="1"/>
  <c r="V58133" i="1"/>
  <c r="V58134" i="1"/>
  <c r="V58135" i="1"/>
  <c r="V58136" i="1"/>
  <c r="V58137" i="1"/>
  <c r="V58138" i="1"/>
  <c r="V58139" i="1"/>
  <c r="V58140" i="1"/>
  <c r="V58141" i="1"/>
  <c r="V58142" i="1"/>
  <c r="V58143" i="1"/>
  <c r="V58144" i="1"/>
  <c r="V58145" i="1"/>
  <c r="V58146" i="1"/>
  <c r="V58147" i="1"/>
  <c r="V58148" i="1"/>
  <c r="V58149" i="1"/>
  <c r="V58150" i="1"/>
  <c r="V58151" i="1"/>
  <c r="V58152" i="1"/>
  <c r="V58153" i="1"/>
  <c r="V58154" i="1"/>
  <c r="V58155" i="1"/>
  <c r="V58156" i="1"/>
  <c r="V58157" i="1"/>
  <c r="V58158" i="1"/>
  <c r="V58159" i="1"/>
  <c r="V58160" i="1"/>
  <c r="V58161" i="1"/>
  <c r="V58162" i="1"/>
  <c r="V58163" i="1"/>
  <c r="V58164" i="1"/>
  <c r="V58165" i="1"/>
  <c r="V58166" i="1"/>
  <c r="V58167" i="1"/>
  <c r="V58168" i="1"/>
  <c r="V58169" i="1"/>
  <c r="V58170" i="1"/>
  <c r="V58171" i="1"/>
  <c r="V58172" i="1"/>
  <c r="V58173" i="1"/>
  <c r="V58174" i="1"/>
  <c r="V58175" i="1"/>
  <c r="V58176" i="1"/>
  <c r="V58177" i="1"/>
  <c r="V58178" i="1"/>
  <c r="V58179" i="1"/>
  <c r="V58180" i="1"/>
  <c r="V58181" i="1"/>
  <c r="V58182" i="1"/>
  <c r="V58183" i="1"/>
  <c r="V58184" i="1"/>
  <c r="V58185" i="1"/>
  <c r="V58186" i="1"/>
  <c r="V58187" i="1"/>
  <c r="V58188" i="1"/>
  <c r="V58189" i="1"/>
  <c r="V58190" i="1"/>
  <c r="V58191" i="1"/>
  <c r="V58192" i="1"/>
  <c r="V58193" i="1"/>
  <c r="V58194" i="1"/>
  <c r="V58195" i="1"/>
  <c r="V58196" i="1"/>
  <c r="V58197" i="1"/>
  <c r="V58198" i="1"/>
  <c r="V58199" i="1"/>
  <c r="V58200" i="1"/>
  <c r="V58201" i="1"/>
  <c r="V58202" i="1"/>
  <c r="V58203" i="1"/>
  <c r="V58204" i="1"/>
  <c r="V58205" i="1"/>
  <c r="V58206" i="1"/>
  <c r="V58207" i="1"/>
  <c r="V58208" i="1"/>
  <c r="V58209" i="1"/>
  <c r="V58210" i="1"/>
  <c r="V58211" i="1"/>
  <c r="V58212" i="1"/>
  <c r="V58213" i="1"/>
  <c r="V58214" i="1"/>
  <c r="V58215" i="1"/>
  <c r="V58216" i="1"/>
  <c r="V58217" i="1"/>
  <c r="V58218" i="1"/>
  <c r="V58219" i="1"/>
  <c r="V58220" i="1"/>
  <c r="V58221" i="1"/>
  <c r="V58222" i="1"/>
  <c r="V58223" i="1"/>
  <c r="V58224" i="1"/>
  <c r="V58225" i="1"/>
  <c r="V58226" i="1"/>
  <c r="V58227" i="1"/>
  <c r="V58228" i="1"/>
  <c r="V58229" i="1"/>
  <c r="V58230" i="1"/>
  <c r="V58231" i="1"/>
  <c r="V58232" i="1"/>
  <c r="V58233" i="1"/>
  <c r="V58234" i="1"/>
  <c r="V58235" i="1"/>
  <c r="V58236" i="1"/>
  <c r="V58237" i="1"/>
  <c r="V58238" i="1"/>
  <c r="V58239" i="1"/>
  <c r="V58240" i="1"/>
  <c r="V58241" i="1"/>
  <c r="V58242" i="1"/>
  <c r="V58243" i="1"/>
  <c r="V58244" i="1"/>
  <c r="V58245" i="1"/>
  <c r="V58246" i="1"/>
  <c r="V58247" i="1"/>
  <c r="V58248" i="1"/>
  <c r="V58249" i="1"/>
  <c r="V58250" i="1"/>
  <c r="V58251" i="1"/>
  <c r="V58252" i="1"/>
  <c r="V58253" i="1"/>
  <c r="V58254" i="1"/>
  <c r="V58255" i="1"/>
  <c r="V58256" i="1"/>
  <c r="V58257" i="1"/>
  <c r="V58258" i="1"/>
  <c r="V58259" i="1"/>
  <c r="V58260" i="1"/>
  <c r="V58261" i="1"/>
  <c r="V58262" i="1"/>
  <c r="V58263" i="1"/>
  <c r="V58264" i="1"/>
  <c r="V58265" i="1"/>
  <c r="V58266" i="1"/>
  <c r="V58267" i="1"/>
  <c r="V58268" i="1"/>
  <c r="V58269" i="1"/>
  <c r="V58270" i="1"/>
  <c r="V58271" i="1"/>
  <c r="V58272" i="1"/>
  <c r="V58273" i="1"/>
  <c r="V58274" i="1"/>
  <c r="V58275" i="1"/>
  <c r="V58276" i="1"/>
  <c r="V58277" i="1"/>
  <c r="V58278" i="1"/>
  <c r="V58279" i="1"/>
  <c r="V58280" i="1"/>
  <c r="V58281" i="1"/>
  <c r="V58282" i="1"/>
  <c r="V58283" i="1"/>
  <c r="V58284" i="1"/>
  <c r="V58285" i="1"/>
  <c r="V58286" i="1"/>
  <c r="V58287" i="1"/>
  <c r="V58288" i="1"/>
  <c r="V58289" i="1"/>
  <c r="V58290" i="1"/>
  <c r="V58291" i="1"/>
  <c r="V58292" i="1"/>
  <c r="V58293" i="1"/>
  <c r="V58294" i="1"/>
  <c r="V58295" i="1"/>
  <c r="V58296" i="1"/>
  <c r="V58297" i="1"/>
  <c r="V58298" i="1"/>
  <c r="V58299" i="1"/>
  <c r="V58300" i="1"/>
  <c r="V58301" i="1"/>
  <c r="V58302" i="1"/>
  <c r="V58303" i="1"/>
  <c r="V58304" i="1"/>
  <c r="V58305" i="1"/>
  <c r="V58306" i="1"/>
  <c r="V58307" i="1"/>
  <c r="V58308" i="1"/>
  <c r="V58309" i="1"/>
  <c r="V58310" i="1"/>
  <c r="V58311" i="1"/>
  <c r="V58312" i="1"/>
  <c r="V58313" i="1"/>
  <c r="V58314" i="1"/>
  <c r="V58315" i="1"/>
  <c r="V58316" i="1"/>
  <c r="V58317" i="1"/>
  <c r="V58318" i="1"/>
  <c r="V58319" i="1"/>
  <c r="V58320" i="1"/>
  <c r="V58321" i="1"/>
  <c r="V58322" i="1"/>
  <c r="V58323" i="1"/>
  <c r="V58324" i="1"/>
  <c r="V58325" i="1"/>
  <c r="V58326" i="1"/>
  <c r="V58327" i="1"/>
  <c r="V58328" i="1"/>
  <c r="V58329" i="1"/>
  <c r="V58330" i="1"/>
  <c r="V58331" i="1"/>
  <c r="V58332" i="1"/>
  <c r="V58333" i="1"/>
  <c r="V58334" i="1"/>
  <c r="V58335" i="1"/>
  <c r="V58336" i="1"/>
  <c r="V58337" i="1"/>
  <c r="V58338" i="1"/>
  <c r="V58339" i="1"/>
  <c r="V58340" i="1"/>
  <c r="V58341" i="1"/>
  <c r="V58342" i="1"/>
  <c r="V58343" i="1"/>
  <c r="V58344" i="1"/>
  <c r="V58345" i="1"/>
  <c r="V58346" i="1"/>
  <c r="V58347" i="1"/>
  <c r="V58348" i="1"/>
  <c r="V58349" i="1"/>
  <c r="V58350" i="1"/>
  <c r="V58351" i="1"/>
  <c r="V58352" i="1"/>
  <c r="V58353" i="1"/>
  <c r="V58354" i="1"/>
  <c r="V58355" i="1"/>
  <c r="V58356" i="1"/>
  <c r="V58357" i="1"/>
  <c r="V58358" i="1"/>
  <c r="V58359" i="1"/>
  <c r="V58360" i="1"/>
  <c r="V58361" i="1"/>
  <c r="V58362" i="1"/>
  <c r="V58363" i="1"/>
  <c r="V58364" i="1"/>
  <c r="V58365" i="1"/>
  <c r="V58366" i="1"/>
  <c r="V58367" i="1"/>
  <c r="V58368" i="1"/>
  <c r="V58369" i="1"/>
  <c r="V58370" i="1"/>
  <c r="V58371" i="1"/>
  <c r="V58372" i="1"/>
  <c r="V58373" i="1"/>
  <c r="V58374" i="1"/>
  <c r="V58375" i="1"/>
  <c r="V58376" i="1"/>
  <c r="V58377" i="1"/>
  <c r="V58378" i="1"/>
  <c r="V58379" i="1"/>
  <c r="V58380" i="1"/>
  <c r="V58381" i="1"/>
  <c r="V58382" i="1"/>
  <c r="V58383" i="1"/>
  <c r="V58384" i="1"/>
  <c r="V58385" i="1"/>
  <c r="V58386" i="1"/>
  <c r="V58387" i="1"/>
  <c r="V58388" i="1"/>
  <c r="V58389" i="1"/>
  <c r="V58390" i="1"/>
  <c r="V58391" i="1"/>
  <c r="V58392" i="1"/>
  <c r="V58393" i="1"/>
  <c r="V58394" i="1"/>
  <c r="V58395" i="1"/>
  <c r="V58396" i="1"/>
  <c r="V58397" i="1"/>
  <c r="V58398" i="1"/>
  <c r="V58399" i="1"/>
  <c r="V58400" i="1"/>
  <c r="V58401" i="1"/>
  <c r="V58402" i="1"/>
  <c r="V58403" i="1"/>
  <c r="V58404" i="1"/>
  <c r="V58405" i="1"/>
  <c r="V58406" i="1"/>
  <c r="V58407" i="1"/>
  <c r="V58408" i="1"/>
  <c r="V58409" i="1"/>
  <c r="V58410" i="1"/>
  <c r="V58411" i="1"/>
  <c r="V58412" i="1"/>
  <c r="V58413" i="1"/>
  <c r="V58414" i="1"/>
  <c r="V58415" i="1"/>
  <c r="V58416" i="1"/>
  <c r="V58417" i="1"/>
  <c r="V58418" i="1"/>
  <c r="V58419" i="1"/>
  <c r="V58420" i="1"/>
  <c r="V58421" i="1"/>
  <c r="V58422" i="1"/>
  <c r="V58423" i="1"/>
  <c r="V58424" i="1"/>
  <c r="V58425" i="1"/>
  <c r="V58426" i="1"/>
  <c r="V58427" i="1"/>
  <c r="V58428" i="1"/>
  <c r="V58429" i="1"/>
  <c r="V58430" i="1"/>
  <c r="V58431" i="1"/>
  <c r="V58432" i="1"/>
  <c r="V58433" i="1"/>
  <c r="V58434" i="1"/>
  <c r="V58435" i="1"/>
  <c r="V58436" i="1"/>
  <c r="V58437" i="1"/>
  <c r="V58438" i="1"/>
  <c r="V58439" i="1"/>
  <c r="V58440" i="1"/>
  <c r="V58441" i="1"/>
  <c r="V58442" i="1"/>
  <c r="V58443" i="1"/>
  <c r="V58444" i="1"/>
  <c r="V58445" i="1"/>
  <c r="V58446" i="1"/>
  <c r="V58447" i="1"/>
  <c r="V58448" i="1"/>
  <c r="V58449" i="1"/>
  <c r="V58450" i="1"/>
  <c r="V58451" i="1"/>
  <c r="V58452" i="1"/>
  <c r="V58453" i="1"/>
  <c r="V58454" i="1"/>
  <c r="V58455" i="1"/>
  <c r="V58456" i="1"/>
  <c r="V58457" i="1"/>
  <c r="V58458" i="1"/>
  <c r="V58459" i="1"/>
  <c r="V58460" i="1"/>
  <c r="V58461" i="1"/>
  <c r="V58462" i="1"/>
  <c r="V58463" i="1"/>
  <c r="V58464" i="1"/>
  <c r="V58465" i="1"/>
  <c r="V58466" i="1"/>
  <c r="V58467" i="1"/>
  <c r="V58468" i="1"/>
  <c r="V58469" i="1"/>
  <c r="V58470" i="1"/>
  <c r="V58471" i="1"/>
  <c r="V58472" i="1"/>
  <c r="V58473" i="1"/>
  <c r="V58474" i="1"/>
  <c r="V58475" i="1"/>
  <c r="V58476" i="1"/>
  <c r="V58477" i="1"/>
  <c r="V58478" i="1"/>
  <c r="V58479" i="1"/>
  <c r="V58480" i="1"/>
  <c r="V58481" i="1"/>
  <c r="V58482" i="1"/>
  <c r="V58483" i="1"/>
  <c r="V58484" i="1"/>
  <c r="V58485" i="1"/>
  <c r="V58486" i="1"/>
  <c r="V58487" i="1"/>
  <c r="V58488" i="1"/>
  <c r="V58489" i="1"/>
  <c r="V58490" i="1"/>
  <c r="V58491" i="1"/>
  <c r="V58492" i="1"/>
  <c r="V58493" i="1"/>
  <c r="V58494" i="1"/>
  <c r="V58495" i="1"/>
  <c r="V58496" i="1"/>
  <c r="V58497" i="1"/>
  <c r="V58498" i="1"/>
  <c r="V58499" i="1"/>
  <c r="V58500" i="1"/>
  <c r="V58501" i="1"/>
  <c r="V58502" i="1"/>
  <c r="V58503" i="1"/>
  <c r="V58504" i="1"/>
  <c r="V58505" i="1"/>
  <c r="V58506" i="1"/>
  <c r="V58507" i="1"/>
  <c r="V58508" i="1"/>
  <c r="V58509" i="1"/>
  <c r="V58510" i="1"/>
  <c r="V58511" i="1"/>
  <c r="V58512" i="1"/>
  <c r="V58513" i="1"/>
  <c r="V58514" i="1"/>
  <c r="V58515" i="1"/>
  <c r="V58516" i="1"/>
  <c r="V58517" i="1"/>
  <c r="V58518" i="1"/>
  <c r="V58519" i="1"/>
  <c r="V58520" i="1"/>
  <c r="V58521" i="1"/>
  <c r="V58522" i="1"/>
  <c r="V58523" i="1"/>
  <c r="V58524" i="1"/>
  <c r="V58525" i="1"/>
  <c r="V58526" i="1"/>
  <c r="V58527" i="1"/>
  <c r="V58528" i="1"/>
  <c r="V58529" i="1"/>
  <c r="V58530" i="1"/>
  <c r="V58531" i="1"/>
  <c r="V58532" i="1"/>
  <c r="V58533" i="1"/>
  <c r="V58534" i="1"/>
  <c r="V58535" i="1"/>
  <c r="V58536" i="1"/>
  <c r="V58537" i="1"/>
  <c r="V58538" i="1"/>
  <c r="V58539" i="1"/>
  <c r="V58540" i="1"/>
  <c r="V58541" i="1"/>
  <c r="V58542" i="1"/>
  <c r="V58543" i="1"/>
  <c r="V58544" i="1"/>
  <c r="V58545" i="1"/>
  <c r="V58546" i="1"/>
  <c r="V58547" i="1"/>
  <c r="V58548" i="1"/>
  <c r="V58549" i="1"/>
  <c r="V58550" i="1"/>
  <c r="V58551" i="1"/>
  <c r="V58552" i="1"/>
  <c r="V58553" i="1"/>
  <c r="V58554" i="1"/>
  <c r="V58555" i="1"/>
  <c r="V58556" i="1"/>
  <c r="V58557" i="1"/>
  <c r="V58558" i="1"/>
  <c r="V58559" i="1"/>
  <c r="V58560" i="1"/>
  <c r="V58561" i="1"/>
  <c r="V58562" i="1"/>
  <c r="V58563" i="1"/>
  <c r="V58564" i="1"/>
  <c r="V58565" i="1"/>
  <c r="V58566" i="1"/>
  <c r="V58567" i="1"/>
  <c r="V58568" i="1"/>
  <c r="V58569" i="1"/>
  <c r="V58570" i="1"/>
  <c r="V58571" i="1"/>
  <c r="V58572" i="1"/>
  <c r="V58573" i="1"/>
  <c r="V58574" i="1"/>
  <c r="V58575" i="1"/>
  <c r="V58576" i="1"/>
  <c r="V58577" i="1"/>
  <c r="V58578" i="1"/>
  <c r="V58579" i="1"/>
  <c r="V58580" i="1"/>
  <c r="V58581" i="1"/>
  <c r="V58582" i="1"/>
  <c r="V58583" i="1"/>
  <c r="V58584" i="1"/>
  <c r="V58585" i="1"/>
  <c r="V58586" i="1"/>
  <c r="V58587" i="1"/>
  <c r="V58588" i="1"/>
  <c r="V58589" i="1"/>
  <c r="V58590" i="1"/>
  <c r="V58591" i="1"/>
  <c r="V58592" i="1"/>
  <c r="V58593" i="1"/>
  <c r="V58594" i="1"/>
  <c r="V58595" i="1"/>
  <c r="V58596" i="1"/>
  <c r="V58597" i="1"/>
  <c r="V58598" i="1"/>
  <c r="V58599" i="1"/>
  <c r="V58600" i="1"/>
  <c r="V58601" i="1"/>
  <c r="V58602" i="1"/>
  <c r="V58603" i="1"/>
  <c r="V58604" i="1"/>
  <c r="V58605" i="1"/>
  <c r="V58606" i="1"/>
  <c r="V58607" i="1"/>
  <c r="V58608" i="1"/>
  <c r="V58609" i="1"/>
  <c r="V58610" i="1"/>
  <c r="V58611" i="1"/>
  <c r="V58612" i="1"/>
  <c r="V58613" i="1"/>
  <c r="V58614" i="1"/>
  <c r="V58615" i="1"/>
  <c r="V58616" i="1"/>
  <c r="V58617" i="1"/>
  <c r="V58618" i="1"/>
  <c r="V58619" i="1"/>
  <c r="V58620" i="1"/>
  <c r="V58621" i="1"/>
  <c r="V58622" i="1"/>
  <c r="V58623" i="1"/>
  <c r="V58624" i="1"/>
  <c r="V58625" i="1"/>
  <c r="V58626" i="1"/>
  <c r="V58627" i="1"/>
  <c r="V58628" i="1"/>
  <c r="V58629" i="1"/>
  <c r="V58630" i="1"/>
  <c r="V58631" i="1"/>
  <c r="V58632" i="1"/>
  <c r="V58633" i="1"/>
  <c r="V58634" i="1"/>
  <c r="V58635" i="1"/>
  <c r="V58636" i="1"/>
  <c r="V58637" i="1"/>
  <c r="V58638" i="1"/>
  <c r="V58639" i="1"/>
  <c r="V58640" i="1"/>
  <c r="V58641" i="1"/>
  <c r="V58642" i="1"/>
  <c r="V58643" i="1"/>
  <c r="V58644" i="1"/>
  <c r="V58645" i="1"/>
  <c r="V58646" i="1"/>
  <c r="V58647" i="1"/>
  <c r="V58648" i="1"/>
  <c r="V58649" i="1"/>
  <c r="V58650" i="1"/>
  <c r="V58651" i="1"/>
  <c r="V58652" i="1"/>
  <c r="V58653" i="1"/>
  <c r="V58654" i="1"/>
  <c r="V58655" i="1"/>
  <c r="V58656" i="1"/>
  <c r="V58657" i="1"/>
  <c r="V58658" i="1"/>
  <c r="V58659" i="1"/>
  <c r="V58660" i="1"/>
  <c r="V58661" i="1"/>
  <c r="V58662" i="1"/>
  <c r="V58663" i="1"/>
  <c r="V58664" i="1"/>
  <c r="V58665" i="1"/>
  <c r="V58666" i="1"/>
  <c r="V58667" i="1"/>
  <c r="V58668" i="1"/>
  <c r="V58669" i="1"/>
  <c r="V58670" i="1"/>
  <c r="V58671" i="1"/>
  <c r="V58672" i="1"/>
  <c r="V58673" i="1"/>
  <c r="V58674" i="1"/>
  <c r="V58675" i="1"/>
  <c r="V58676" i="1"/>
  <c r="V58677" i="1"/>
  <c r="V58678" i="1"/>
  <c r="V58679" i="1"/>
  <c r="V58680" i="1"/>
  <c r="V58681" i="1"/>
  <c r="V58682" i="1"/>
  <c r="V58683" i="1"/>
  <c r="V58684" i="1"/>
  <c r="V58685" i="1"/>
  <c r="V58686" i="1"/>
  <c r="V58687" i="1"/>
  <c r="V58688" i="1"/>
  <c r="V58689" i="1"/>
  <c r="V58690" i="1"/>
  <c r="V58691" i="1"/>
  <c r="V58692" i="1"/>
  <c r="V58693" i="1"/>
  <c r="V58694" i="1"/>
  <c r="V58695" i="1"/>
  <c r="V58696" i="1"/>
  <c r="V58697" i="1"/>
  <c r="V58698" i="1"/>
  <c r="V58699" i="1"/>
  <c r="V58700" i="1"/>
  <c r="V58701" i="1"/>
  <c r="V58702" i="1"/>
  <c r="V58703" i="1"/>
  <c r="V58704" i="1"/>
  <c r="V58705" i="1"/>
  <c r="V58706" i="1"/>
  <c r="V58707" i="1"/>
  <c r="V58708" i="1"/>
  <c r="V58709" i="1"/>
  <c r="V58710" i="1"/>
  <c r="V58711" i="1"/>
  <c r="V58712" i="1"/>
  <c r="V58713" i="1"/>
  <c r="V58714" i="1"/>
  <c r="V58715" i="1"/>
  <c r="V58716" i="1"/>
  <c r="V58717" i="1"/>
  <c r="V58718" i="1"/>
  <c r="V58719" i="1"/>
  <c r="V58720" i="1"/>
  <c r="V58721" i="1"/>
  <c r="V58722" i="1"/>
  <c r="V58723" i="1"/>
  <c r="V58724" i="1"/>
  <c r="V58725" i="1"/>
  <c r="V58726" i="1"/>
  <c r="V58727" i="1"/>
  <c r="V58728" i="1"/>
  <c r="V58729" i="1"/>
  <c r="V58730" i="1"/>
  <c r="V58731" i="1"/>
  <c r="V58732" i="1"/>
  <c r="V58733" i="1"/>
  <c r="V58734" i="1"/>
  <c r="V58735" i="1"/>
  <c r="V58736" i="1"/>
  <c r="V58737" i="1"/>
  <c r="V58738" i="1"/>
  <c r="V58739" i="1"/>
  <c r="V58740" i="1"/>
  <c r="V58741" i="1"/>
  <c r="V58742" i="1"/>
  <c r="V58743" i="1"/>
  <c r="V58744" i="1"/>
  <c r="V58745" i="1"/>
  <c r="V58746" i="1"/>
  <c r="V58747" i="1"/>
  <c r="V58748" i="1"/>
  <c r="V58749" i="1"/>
  <c r="V58750" i="1"/>
  <c r="V58751" i="1"/>
  <c r="V58752" i="1"/>
  <c r="V58753" i="1"/>
  <c r="V58754" i="1"/>
  <c r="V58755" i="1"/>
  <c r="V58756" i="1"/>
  <c r="V58757" i="1"/>
  <c r="V58758" i="1"/>
  <c r="V58759" i="1"/>
  <c r="V58760" i="1"/>
  <c r="V58761" i="1"/>
  <c r="V58762" i="1"/>
  <c r="V58763" i="1"/>
  <c r="V58764" i="1"/>
  <c r="V58765" i="1"/>
  <c r="V58766" i="1"/>
  <c r="V58767" i="1"/>
  <c r="V58768" i="1"/>
  <c r="V58769" i="1"/>
  <c r="V58770" i="1"/>
  <c r="V58771" i="1"/>
  <c r="V58772" i="1"/>
  <c r="V58773" i="1"/>
  <c r="V58774" i="1"/>
  <c r="V58775" i="1"/>
  <c r="V58776" i="1"/>
  <c r="V58777" i="1"/>
  <c r="V58778" i="1"/>
  <c r="V58779" i="1"/>
  <c r="V58780" i="1"/>
  <c r="V58781" i="1"/>
  <c r="V58782" i="1"/>
  <c r="V58783" i="1"/>
  <c r="V58784" i="1"/>
  <c r="V58785" i="1"/>
  <c r="V58786" i="1"/>
  <c r="V58787" i="1"/>
  <c r="V58788" i="1"/>
  <c r="V58789" i="1"/>
  <c r="V58790" i="1"/>
  <c r="V58791" i="1"/>
  <c r="V58792" i="1"/>
  <c r="V58793" i="1"/>
  <c r="V58794" i="1"/>
  <c r="V58795" i="1"/>
  <c r="V58796" i="1"/>
  <c r="V58797" i="1"/>
  <c r="V58798" i="1"/>
  <c r="V58799" i="1"/>
  <c r="V58800" i="1"/>
  <c r="V58801" i="1"/>
  <c r="V58802" i="1"/>
  <c r="V58803" i="1"/>
  <c r="V58804" i="1"/>
  <c r="V58805" i="1"/>
  <c r="V58806" i="1"/>
  <c r="V58807" i="1"/>
  <c r="V58808" i="1"/>
  <c r="V58809" i="1"/>
  <c r="V58810" i="1"/>
  <c r="V58811" i="1"/>
  <c r="V58812" i="1"/>
  <c r="V58813" i="1"/>
  <c r="V58814" i="1"/>
  <c r="V58815" i="1"/>
  <c r="V58816" i="1"/>
  <c r="V58817" i="1"/>
  <c r="V58818" i="1"/>
  <c r="V58819" i="1"/>
  <c r="V58820" i="1"/>
  <c r="V58821" i="1"/>
  <c r="V58822" i="1"/>
  <c r="V58823" i="1"/>
  <c r="V58824" i="1"/>
  <c r="V58825" i="1"/>
  <c r="V58826" i="1"/>
  <c r="V58827" i="1"/>
  <c r="V58828" i="1"/>
  <c r="V58829" i="1"/>
  <c r="V58830" i="1"/>
  <c r="V58831" i="1"/>
  <c r="V58832" i="1"/>
  <c r="V58833" i="1"/>
  <c r="V58834" i="1"/>
  <c r="V58835" i="1"/>
  <c r="V58836" i="1"/>
  <c r="V58837" i="1"/>
  <c r="V58838" i="1"/>
  <c r="V58839" i="1"/>
  <c r="V58840" i="1"/>
  <c r="V58841" i="1"/>
  <c r="V58842" i="1"/>
  <c r="V58843" i="1"/>
  <c r="V58844" i="1"/>
  <c r="V58845" i="1"/>
  <c r="V58846" i="1"/>
  <c r="V58847" i="1"/>
  <c r="V58848" i="1"/>
  <c r="V58849" i="1"/>
  <c r="V58850" i="1"/>
  <c r="V58851" i="1"/>
  <c r="V58852" i="1"/>
  <c r="V58853" i="1"/>
  <c r="V58854" i="1"/>
  <c r="V58855" i="1"/>
  <c r="V58856" i="1"/>
  <c r="V58857" i="1"/>
  <c r="V58858" i="1"/>
  <c r="V58859" i="1"/>
  <c r="V58860" i="1"/>
  <c r="V58861" i="1"/>
  <c r="V58862" i="1"/>
  <c r="V58863" i="1"/>
  <c r="V58864" i="1"/>
  <c r="V58865" i="1"/>
  <c r="V58866" i="1"/>
  <c r="V58867" i="1"/>
  <c r="V58868" i="1"/>
  <c r="V58869" i="1"/>
  <c r="V58870" i="1"/>
  <c r="V58871" i="1"/>
  <c r="V58872" i="1"/>
  <c r="V58873" i="1"/>
  <c r="V58874" i="1"/>
  <c r="V58875" i="1"/>
  <c r="V58876" i="1"/>
  <c r="V58877" i="1"/>
  <c r="V58878" i="1"/>
  <c r="V58879" i="1"/>
  <c r="V58880" i="1"/>
  <c r="V58881" i="1"/>
  <c r="V58882" i="1"/>
  <c r="V58883" i="1"/>
  <c r="V58884" i="1"/>
  <c r="V58885" i="1"/>
  <c r="V58886" i="1"/>
  <c r="V58887" i="1"/>
  <c r="V58888" i="1"/>
  <c r="V58889" i="1"/>
  <c r="V58890" i="1"/>
  <c r="V58891" i="1"/>
  <c r="V58892" i="1"/>
  <c r="V58893" i="1"/>
  <c r="V58894" i="1"/>
  <c r="V58895" i="1"/>
  <c r="V58896" i="1"/>
  <c r="V58897" i="1"/>
  <c r="V58898" i="1"/>
  <c r="V58899" i="1"/>
  <c r="V58900" i="1"/>
  <c r="V58901" i="1"/>
  <c r="V58902" i="1"/>
  <c r="V58903" i="1"/>
  <c r="V58904" i="1"/>
  <c r="V58905" i="1"/>
  <c r="V58906" i="1"/>
  <c r="V58907" i="1"/>
  <c r="V58908" i="1"/>
  <c r="V58909" i="1"/>
  <c r="V58910" i="1"/>
  <c r="V58911" i="1"/>
  <c r="V58912" i="1"/>
  <c r="V58913" i="1"/>
  <c r="V58914" i="1"/>
  <c r="V58915" i="1"/>
  <c r="V58916" i="1"/>
  <c r="V58917" i="1"/>
  <c r="V58918" i="1"/>
  <c r="V58919" i="1"/>
  <c r="V58920" i="1"/>
  <c r="V58921" i="1"/>
  <c r="V58922" i="1"/>
  <c r="V58923" i="1"/>
  <c r="V58924" i="1"/>
  <c r="V58925" i="1"/>
  <c r="V58926" i="1"/>
  <c r="V58927" i="1"/>
  <c r="V58928" i="1"/>
  <c r="V58929" i="1"/>
  <c r="V58930" i="1"/>
  <c r="V58931" i="1"/>
  <c r="V58932" i="1"/>
  <c r="V58933" i="1"/>
  <c r="V58934" i="1"/>
  <c r="V58935" i="1"/>
  <c r="V58936" i="1"/>
  <c r="V58937" i="1"/>
  <c r="V58938" i="1"/>
  <c r="V58939" i="1"/>
  <c r="V58940" i="1"/>
  <c r="V58941" i="1"/>
  <c r="V58942" i="1"/>
  <c r="V58943" i="1"/>
  <c r="V58944" i="1"/>
  <c r="V58945" i="1"/>
  <c r="V58946" i="1"/>
  <c r="V58947" i="1"/>
  <c r="V58948" i="1"/>
  <c r="V58949" i="1"/>
  <c r="V58950" i="1"/>
  <c r="V58951" i="1"/>
  <c r="V58952" i="1"/>
  <c r="V58953" i="1"/>
  <c r="V58954" i="1"/>
  <c r="V58955" i="1"/>
  <c r="V58956" i="1"/>
  <c r="V58957" i="1"/>
  <c r="V58958" i="1"/>
  <c r="V58959" i="1"/>
  <c r="V58960" i="1"/>
  <c r="V58961" i="1"/>
  <c r="V58962" i="1"/>
  <c r="V58963" i="1"/>
  <c r="V58964" i="1"/>
  <c r="V58965" i="1"/>
  <c r="V58966" i="1"/>
  <c r="V58967" i="1"/>
  <c r="V58968" i="1"/>
  <c r="V58969" i="1"/>
  <c r="V58970" i="1"/>
  <c r="V58971" i="1"/>
  <c r="V58972" i="1"/>
  <c r="V58973" i="1"/>
  <c r="V58974" i="1"/>
  <c r="V58975" i="1"/>
  <c r="V58976" i="1"/>
  <c r="V58977" i="1"/>
  <c r="V58978" i="1"/>
  <c r="V58979" i="1"/>
  <c r="V58980" i="1"/>
  <c r="V58981" i="1"/>
  <c r="V58982" i="1"/>
  <c r="V58983" i="1"/>
  <c r="V58984" i="1"/>
  <c r="V58985" i="1"/>
  <c r="V58986" i="1"/>
  <c r="V58987" i="1"/>
  <c r="V58988" i="1"/>
  <c r="V58989" i="1"/>
  <c r="V58990" i="1"/>
  <c r="V58991" i="1"/>
  <c r="V58992" i="1"/>
  <c r="V58993" i="1"/>
  <c r="V58994" i="1"/>
  <c r="V58995" i="1"/>
  <c r="V58996" i="1"/>
  <c r="V58997" i="1"/>
  <c r="V58998" i="1"/>
  <c r="V58999" i="1"/>
  <c r="V59000" i="1"/>
  <c r="V59001" i="1"/>
  <c r="V59002" i="1"/>
  <c r="V59003" i="1"/>
  <c r="V59004" i="1"/>
  <c r="V59005" i="1"/>
  <c r="V59006" i="1"/>
  <c r="V59007" i="1"/>
  <c r="V59008" i="1"/>
  <c r="V59009" i="1"/>
  <c r="V59010" i="1"/>
  <c r="V59011" i="1"/>
  <c r="V59012" i="1"/>
  <c r="V59013" i="1"/>
  <c r="V59014" i="1"/>
  <c r="V59015" i="1"/>
  <c r="V59016" i="1"/>
  <c r="V59017" i="1"/>
  <c r="V59018" i="1"/>
  <c r="V59019" i="1"/>
  <c r="V59020" i="1"/>
  <c r="V59021" i="1"/>
  <c r="V59022" i="1"/>
  <c r="V59023" i="1"/>
  <c r="V59024" i="1"/>
  <c r="V59025" i="1"/>
  <c r="V59026" i="1"/>
  <c r="V59027" i="1"/>
  <c r="V59028" i="1"/>
  <c r="V59029" i="1"/>
  <c r="V59030" i="1"/>
  <c r="V59031" i="1"/>
  <c r="V59032" i="1"/>
  <c r="V59033" i="1"/>
  <c r="V59034" i="1"/>
  <c r="V59035" i="1"/>
  <c r="V59036" i="1"/>
  <c r="V59037" i="1"/>
  <c r="V59038" i="1"/>
  <c r="V59039" i="1"/>
  <c r="V59040" i="1"/>
  <c r="V59041" i="1"/>
  <c r="V59042" i="1"/>
  <c r="V59043" i="1"/>
  <c r="V59044" i="1"/>
  <c r="V59045" i="1"/>
  <c r="V59046" i="1"/>
  <c r="V59047" i="1"/>
  <c r="V59048" i="1"/>
  <c r="V59049" i="1"/>
  <c r="V59050" i="1"/>
  <c r="V59051" i="1"/>
  <c r="V59052" i="1"/>
  <c r="V59053" i="1"/>
  <c r="V59054" i="1"/>
  <c r="V59055" i="1"/>
  <c r="V59056" i="1"/>
  <c r="V59057" i="1"/>
  <c r="V59058" i="1"/>
  <c r="V59059" i="1"/>
  <c r="V59060" i="1"/>
  <c r="V59061" i="1"/>
  <c r="V59062" i="1"/>
  <c r="V59063" i="1"/>
  <c r="V59064" i="1"/>
  <c r="V59065" i="1"/>
  <c r="V59066" i="1"/>
  <c r="V59067" i="1"/>
  <c r="V59068" i="1"/>
  <c r="V59069" i="1"/>
  <c r="V59070" i="1"/>
  <c r="V59071" i="1"/>
  <c r="V59072" i="1"/>
  <c r="V59073" i="1"/>
  <c r="V59074" i="1"/>
  <c r="V59075" i="1"/>
  <c r="V59076" i="1"/>
  <c r="V59077" i="1"/>
  <c r="V59078" i="1"/>
  <c r="V59079" i="1"/>
  <c r="V59080" i="1"/>
  <c r="V59081" i="1"/>
  <c r="V59082" i="1"/>
  <c r="V59083" i="1"/>
  <c r="V59084" i="1"/>
  <c r="V59085" i="1"/>
  <c r="V59086" i="1"/>
  <c r="V59087" i="1"/>
  <c r="V59088" i="1"/>
  <c r="V59089" i="1"/>
  <c r="V59090" i="1"/>
  <c r="V59091" i="1"/>
  <c r="V59092" i="1"/>
  <c r="V59093" i="1"/>
  <c r="V59094" i="1"/>
  <c r="V59095" i="1"/>
  <c r="V59096" i="1"/>
  <c r="V59097" i="1"/>
  <c r="V59098" i="1"/>
  <c r="V59099" i="1"/>
  <c r="V59100" i="1"/>
  <c r="V59101" i="1"/>
  <c r="V59102" i="1"/>
  <c r="V59103" i="1"/>
  <c r="V59104" i="1"/>
  <c r="V59105" i="1"/>
  <c r="V59106" i="1"/>
  <c r="V59107" i="1"/>
  <c r="V59108" i="1"/>
  <c r="V59109" i="1"/>
  <c r="V59110" i="1"/>
  <c r="V59111" i="1"/>
  <c r="V59112" i="1"/>
  <c r="V59113" i="1"/>
  <c r="V59114" i="1"/>
  <c r="V59115" i="1"/>
  <c r="V59116" i="1"/>
  <c r="V59117" i="1"/>
  <c r="V59118" i="1"/>
  <c r="V59119" i="1"/>
  <c r="V59120" i="1"/>
  <c r="V59121" i="1"/>
  <c r="V59122" i="1"/>
  <c r="V59123" i="1"/>
  <c r="V59124" i="1"/>
  <c r="V59125" i="1"/>
  <c r="V59126" i="1"/>
  <c r="V59127" i="1"/>
  <c r="V59128" i="1"/>
  <c r="V59129" i="1"/>
  <c r="V59130" i="1"/>
  <c r="V59131" i="1"/>
  <c r="V59132" i="1"/>
  <c r="V59133" i="1"/>
  <c r="V59134" i="1"/>
  <c r="V59135" i="1"/>
  <c r="V59136" i="1"/>
  <c r="V59137" i="1"/>
  <c r="V59138" i="1"/>
  <c r="V59139" i="1"/>
  <c r="V59140" i="1"/>
  <c r="V59141" i="1"/>
  <c r="V59142" i="1"/>
  <c r="V59143" i="1"/>
  <c r="V59144" i="1"/>
  <c r="V59145" i="1"/>
  <c r="V59146" i="1"/>
  <c r="V59147" i="1"/>
  <c r="V59148" i="1"/>
  <c r="V59149" i="1"/>
  <c r="V59150" i="1"/>
  <c r="V59151" i="1"/>
  <c r="V59152" i="1"/>
  <c r="V59153" i="1"/>
  <c r="V59154" i="1"/>
  <c r="V59155" i="1"/>
  <c r="V59156" i="1"/>
  <c r="V59157" i="1"/>
  <c r="V59158" i="1"/>
  <c r="V59159" i="1"/>
  <c r="V59160" i="1"/>
  <c r="V59161" i="1"/>
  <c r="V59162" i="1"/>
  <c r="V59163" i="1"/>
  <c r="V59164" i="1"/>
  <c r="V59165" i="1"/>
  <c r="V59166" i="1"/>
  <c r="V59167" i="1"/>
  <c r="V59168" i="1"/>
  <c r="V59169" i="1"/>
  <c r="V59170" i="1"/>
  <c r="V59171" i="1"/>
  <c r="V59172" i="1"/>
  <c r="V59173" i="1"/>
  <c r="V59174" i="1"/>
  <c r="V59175" i="1"/>
  <c r="V59176" i="1"/>
  <c r="V59177" i="1"/>
  <c r="V59178" i="1"/>
  <c r="V59179" i="1"/>
  <c r="V59180" i="1"/>
  <c r="V59181" i="1"/>
  <c r="V59182" i="1"/>
  <c r="V59183" i="1"/>
  <c r="V59184" i="1"/>
  <c r="V59185" i="1"/>
  <c r="V59186" i="1"/>
  <c r="V59187" i="1"/>
  <c r="V59188" i="1"/>
  <c r="V59189" i="1"/>
  <c r="V59190" i="1"/>
  <c r="V59191" i="1"/>
  <c r="V59192" i="1"/>
  <c r="V59193" i="1"/>
  <c r="V59194" i="1"/>
  <c r="V59195" i="1"/>
  <c r="V59196" i="1"/>
  <c r="V59197" i="1"/>
  <c r="V59198" i="1"/>
  <c r="V59199" i="1"/>
  <c r="V59200" i="1"/>
  <c r="V59201" i="1"/>
  <c r="V59202" i="1"/>
  <c r="V59203" i="1"/>
  <c r="V59204" i="1"/>
  <c r="V59205" i="1"/>
  <c r="V59206" i="1"/>
  <c r="V59207" i="1"/>
  <c r="V59208" i="1"/>
  <c r="V59209" i="1"/>
  <c r="V59210" i="1"/>
  <c r="V59211" i="1"/>
  <c r="V59212" i="1"/>
  <c r="V59213" i="1"/>
  <c r="V59214" i="1"/>
  <c r="V59215" i="1"/>
  <c r="V59216" i="1"/>
  <c r="V59217" i="1"/>
  <c r="V59218" i="1"/>
  <c r="V59219" i="1"/>
  <c r="V59220" i="1"/>
  <c r="V59221" i="1"/>
  <c r="V59222" i="1"/>
  <c r="V59223" i="1"/>
  <c r="V59224" i="1"/>
  <c r="V59225" i="1"/>
  <c r="V59226" i="1"/>
  <c r="V59227" i="1"/>
  <c r="V59228" i="1"/>
  <c r="V59229" i="1"/>
  <c r="V59230" i="1"/>
  <c r="V59231" i="1"/>
  <c r="V59232" i="1"/>
  <c r="V59233" i="1"/>
  <c r="V59234" i="1"/>
  <c r="V59235" i="1"/>
  <c r="V59236" i="1"/>
  <c r="V59237" i="1"/>
  <c r="V59238" i="1"/>
  <c r="V59239" i="1"/>
  <c r="V59240" i="1"/>
  <c r="V59241" i="1"/>
  <c r="V59242" i="1"/>
  <c r="V59243" i="1"/>
  <c r="V59244" i="1"/>
  <c r="V59245" i="1"/>
  <c r="V59246" i="1"/>
  <c r="V59247" i="1"/>
  <c r="V59248" i="1"/>
  <c r="V59249" i="1"/>
  <c r="V59250" i="1"/>
  <c r="V59251" i="1"/>
  <c r="V59252" i="1"/>
  <c r="V59253" i="1"/>
  <c r="V59254" i="1"/>
  <c r="V59255" i="1"/>
  <c r="V59256" i="1"/>
  <c r="V59257" i="1"/>
  <c r="V59258" i="1"/>
  <c r="V59259" i="1"/>
  <c r="V59260" i="1"/>
  <c r="V59261" i="1"/>
  <c r="V59262" i="1"/>
  <c r="V59263" i="1"/>
  <c r="V59264" i="1"/>
  <c r="V59265" i="1"/>
  <c r="V59266" i="1"/>
  <c r="V59267" i="1"/>
  <c r="V59268" i="1"/>
  <c r="V59269" i="1"/>
  <c r="V59270" i="1"/>
  <c r="V59271" i="1"/>
  <c r="V59272" i="1"/>
  <c r="V59273" i="1"/>
  <c r="V59274" i="1"/>
  <c r="V59275" i="1"/>
  <c r="V59276" i="1"/>
  <c r="V59277" i="1"/>
  <c r="V59278" i="1"/>
  <c r="V59279" i="1"/>
  <c r="V59280" i="1"/>
  <c r="V59281" i="1"/>
  <c r="V59282" i="1"/>
  <c r="V59283" i="1"/>
  <c r="V59284" i="1"/>
  <c r="V59285" i="1"/>
  <c r="V59286" i="1"/>
  <c r="V59287" i="1"/>
  <c r="V59288" i="1"/>
  <c r="V59289" i="1"/>
  <c r="V59290" i="1"/>
  <c r="V59291" i="1"/>
  <c r="V59292" i="1"/>
  <c r="V59293" i="1"/>
  <c r="V59294" i="1"/>
  <c r="V59295" i="1"/>
  <c r="V59296" i="1"/>
  <c r="V59297" i="1"/>
  <c r="V59298" i="1"/>
  <c r="V59299" i="1"/>
  <c r="V59300" i="1"/>
  <c r="V59301" i="1"/>
  <c r="V59302" i="1"/>
  <c r="V59303" i="1"/>
  <c r="V59304" i="1"/>
  <c r="V59305" i="1"/>
  <c r="V59306" i="1"/>
  <c r="V59307" i="1"/>
  <c r="V59308" i="1"/>
  <c r="V59309" i="1"/>
  <c r="V59310" i="1"/>
  <c r="V59311" i="1"/>
  <c r="V59312" i="1"/>
  <c r="V59313" i="1"/>
  <c r="V59314" i="1"/>
  <c r="V59315" i="1"/>
  <c r="V59316" i="1"/>
  <c r="V59317" i="1"/>
  <c r="V59318" i="1"/>
  <c r="V59319" i="1"/>
  <c r="V59320" i="1"/>
  <c r="V59321" i="1"/>
  <c r="V59322" i="1"/>
  <c r="V59323" i="1"/>
  <c r="V59324" i="1"/>
  <c r="V59325" i="1"/>
  <c r="V59326" i="1"/>
  <c r="V59327" i="1"/>
  <c r="V59328" i="1"/>
  <c r="V59329" i="1"/>
  <c r="V59330" i="1"/>
  <c r="V59331" i="1"/>
  <c r="V59332" i="1"/>
  <c r="V59333" i="1"/>
  <c r="V59334" i="1"/>
  <c r="V59335" i="1"/>
  <c r="V59336" i="1"/>
  <c r="V59337" i="1"/>
  <c r="V59338" i="1"/>
  <c r="V59339" i="1"/>
  <c r="V59340" i="1"/>
  <c r="V59341" i="1"/>
  <c r="V59342" i="1"/>
  <c r="V59343" i="1"/>
  <c r="V59344" i="1"/>
  <c r="V59345" i="1"/>
  <c r="V59346" i="1"/>
  <c r="V59347" i="1"/>
  <c r="V59348" i="1"/>
  <c r="V59349" i="1"/>
  <c r="V59350" i="1"/>
  <c r="V59351" i="1"/>
  <c r="V59352" i="1"/>
  <c r="V59353" i="1"/>
  <c r="V59354" i="1"/>
  <c r="V59355" i="1"/>
  <c r="V59356" i="1"/>
  <c r="V59357" i="1"/>
  <c r="V59358" i="1"/>
  <c r="V59359" i="1"/>
  <c r="V59360" i="1"/>
  <c r="V59361" i="1"/>
  <c r="V59362" i="1"/>
  <c r="V59363" i="1"/>
  <c r="V59364" i="1"/>
  <c r="V59365" i="1"/>
  <c r="V59366" i="1"/>
  <c r="V59367" i="1"/>
  <c r="V59368" i="1"/>
  <c r="V59369" i="1"/>
  <c r="V59370" i="1"/>
  <c r="V59371" i="1"/>
  <c r="V59372" i="1"/>
  <c r="V59373" i="1"/>
  <c r="V59374" i="1"/>
  <c r="V59375" i="1"/>
  <c r="V59376" i="1"/>
  <c r="V59377" i="1"/>
  <c r="V59378" i="1"/>
  <c r="V59379" i="1"/>
  <c r="V59380" i="1"/>
  <c r="V59381" i="1"/>
  <c r="V59382" i="1"/>
  <c r="V59383" i="1"/>
  <c r="V59384" i="1"/>
  <c r="V59385" i="1"/>
  <c r="V59386" i="1"/>
  <c r="V59387" i="1"/>
  <c r="V59388" i="1"/>
  <c r="V59389" i="1"/>
  <c r="V59390" i="1"/>
  <c r="V59391" i="1"/>
  <c r="V59392" i="1"/>
  <c r="V59393" i="1"/>
  <c r="V59394" i="1"/>
  <c r="V59395" i="1"/>
  <c r="V59396" i="1"/>
  <c r="V59397" i="1"/>
  <c r="V59398" i="1"/>
  <c r="V59399" i="1"/>
  <c r="V59400" i="1"/>
  <c r="V59401" i="1"/>
  <c r="V59402" i="1"/>
  <c r="V59403" i="1"/>
  <c r="V59404" i="1"/>
  <c r="V59405" i="1"/>
  <c r="V59406" i="1"/>
  <c r="V59407" i="1"/>
  <c r="V59408" i="1"/>
  <c r="V59409" i="1"/>
  <c r="V59410" i="1"/>
  <c r="V59411" i="1"/>
  <c r="V59412" i="1"/>
  <c r="V59413" i="1"/>
  <c r="V59414" i="1"/>
  <c r="V59415" i="1"/>
  <c r="V59416" i="1"/>
  <c r="V59417" i="1"/>
  <c r="V59418" i="1"/>
  <c r="V59419" i="1"/>
  <c r="V59420" i="1"/>
  <c r="V59421" i="1"/>
  <c r="V59422" i="1"/>
  <c r="V59423" i="1"/>
  <c r="V59424" i="1"/>
  <c r="V59425" i="1"/>
  <c r="V59426" i="1"/>
  <c r="V59427" i="1"/>
  <c r="V59428" i="1"/>
  <c r="V59429" i="1"/>
  <c r="V59430" i="1"/>
  <c r="V59431" i="1"/>
  <c r="V59432" i="1"/>
  <c r="V59433" i="1"/>
  <c r="V59434" i="1"/>
  <c r="V59435" i="1"/>
  <c r="V59436" i="1"/>
  <c r="V59437" i="1"/>
  <c r="V59438" i="1"/>
  <c r="V59439" i="1"/>
  <c r="V59440" i="1"/>
  <c r="V59441" i="1"/>
  <c r="V59442" i="1"/>
  <c r="V59443" i="1"/>
  <c r="V59444" i="1"/>
  <c r="V59445" i="1"/>
  <c r="V59446" i="1"/>
  <c r="V59447" i="1"/>
  <c r="V59448" i="1"/>
  <c r="V59449" i="1"/>
  <c r="V59450" i="1"/>
  <c r="V59451" i="1"/>
  <c r="V59452" i="1"/>
  <c r="V59453" i="1"/>
  <c r="V59454" i="1"/>
  <c r="V59455" i="1"/>
  <c r="V59456" i="1"/>
  <c r="V59457" i="1"/>
  <c r="V59458" i="1"/>
  <c r="V59459" i="1"/>
  <c r="V59460" i="1"/>
  <c r="V59461" i="1"/>
  <c r="V59462" i="1"/>
  <c r="V59463" i="1"/>
  <c r="V59464" i="1"/>
  <c r="V59465" i="1"/>
  <c r="V59466" i="1"/>
  <c r="V59467" i="1"/>
  <c r="V59468" i="1"/>
  <c r="V59469" i="1"/>
  <c r="V59470" i="1"/>
  <c r="V59471" i="1"/>
  <c r="V59472" i="1"/>
  <c r="V59473" i="1"/>
  <c r="V59474" i="1"/>
  <c r="V59475" i="1"/>
  <c r="V59476" i="1"/>
  <c r="V59477" i="1"/>
  <c r="V59478" i="1"/>
  <c r="V59479" i="1"/>
  <c r="V59480" i="1"/>
  <c r="V59481" i="1"/>
  <c r="V59482" i="1"/>
  <c r="V59483" i="1"/>
  <c r="V59484" i="1"/>
  <c r="V59485" i="1"/>
  <c r="V59486" i="1"/>
  <c r="V59487" i="1"/>
  <c r="V59488" i="1"/>
  <c r="V59489" i="1"/>
  <c r="V59490" i="1"/>
  <c r="V59491" i="1"/>
  <c r="V59492" i="1"/>
  <c r="V59493" i="1"/>
  <c r="V59494" i="1"/>
  <c r="V59495" i="1"/>
  <c r="V59496" i="1"/>
  <c r="V59497" i="1"/>
  <c r="V59498" i="1"/>
  <c r="V59499" i="1"/>
  <c r="V59500" i="1"/>
  <c r="V59501" i="1"/>
  <c r="V59502" i="1"/>
  <c r="V59503" i="1"/>
  <c r="V59504" i="1"/>
  <c r="V59505" i="1"/>
  <c r="V59506" i="1"/>
  <c r="V59507" i="1"/>
  <c r="V59508" i="1"/>
  <c r="V59509" i="1"/>
  <c r="V59510" i="1"/>
  <c r="V59511" i="1"/>
  <c r="V59512" i="1"/>
  <c r="V59513" i="1"/>
  <c r="V59514" i="1"/>
  <c r="V59515" i="1"/>
  <c r="V59516" i="1"/>
  <c r="V59517" i="1"/>
  <c r="V59518" i="1"/>
  <c r="V59519" i="1"/>
  <c r="V59520" i="1"/>
  <c r="V59521" i="1"/>
  <c r="V59522" i="1"/>
  <c r="V59523" i="1"/>
  <c r="V59524" i="1"/>
  <c r="V59525" i="1"/>
  <c r="V59526" i="1"/>
  <c r="V59527" i="1"/>
  <c r="V59528" i="1"/>
  <c r="V59529" i="1"/>
  <c r="V59530" i="1"/>
  <c r="V59531" i="1"/>
  <c r="V59532" i="1"/>
  <c r="V59533" i="1"/>
  <c r="V59534" i="1"/>
  <c r="V59535" i="1"/>
  <c r="V59536" i="1"/>
  <c r="V59537" i="1"/>
  <c r="V59538" i="1"/>
  <c r="V59539" i="1"/>
  <c r="V59540" i="1"/>
  <c r="V59541" i="1"/>
  <c r="V59542" i="1"/>
  <c r="V59543" i="1"/>
  <c r="V59544" i="1"/>
  <c r="V59545" i="1"/>
  <c r="V59546" i="1"/>
  <c r="V59547" i="1"/>
  <c r="V59548" i="1"/>
  <c r="V59549" i="1"/>
  <c r="V59550" i="1"/>
  <c r="V59551" i="1"/>
  <c r="V59552" i="1"/>
  <c r="V59553" i="1"/>
  <c r="V59554" i="1"/>
  <c r="V59555" i="1"/>
  <c r="V59556" i="1"/>
  <c r="V59557" i="1"/>
  <c r="V59558" i="1"/>
  <c r="V59559" i="1"/>
  <c r="V59560" i="1"/>
  <c r="V59561" i="1"/>
  <c r="V59562" i="1"/>
  <c r="V59563" i="1"/>
  <c r="V59564" i="1"/>
  <c r="V59565" i="1"/>
  <c r="V59566" i="1"/>
  <c r="V59567" i="1"/>
  <c r="V59568" i="1"/>
  <c r="V59569" i="1"/>
  <c r="V59570" i="1"/>
  <c r="V59571" i="1"/>
  <c r="V59572" i="1"/>
  <c r="V59573" i="1"/>
  <c r="V59574" i="1"/>
  <c r="V59575" i="1"/>
  <c r="V59576" i="1"/>
  <c r="V59577" i="1"/>
  <c r="V59578" i="1"/>
  <c r="V59579" i="1"/>
  <c r="V59580" i="1"/>
  <c r="V59581" i="1"/>
  <c r="V59582" i="1"/>
  <c r="V59583" i="1"/>
  <c r="V59584" i="1"/>
  <c r="V59585" i="1"/>
  <c r="V59586" i="1"/>
  <c r="V59587" i="1"/>
  <c r="V59588" i="1"/>
  <c r="V59589" i="1"/>
  <c r="V59590" i="1"/>
  <c r="V59591" i="1"/>
  <c r="V59592" i="1"/>
  <c r="V59593" i="1"/>
  <c r="V59594" i="1"/>
  <c r="V59595" i="1"/>
  <c r="V59596" i="1"/>
  <c r="V59597" i="1"/>
  <c r="V59598" i="1"/>
  <c r="V59599" i="1"/>
  <c r="V59600" i="1"/>
  <c r="V59601" i="1"/>
  <c r="V59602" i="1"/>
  <c r="V59603" i="1"/>
  <c r="V59604" i="1"/>
  <c r="V59605" i="1"/>
  <c r="V59606" i="1"/>
  <c r="V59607" i="1"/>
  <c r="V59608" i="1"/>
  <c r="V59609" i="1"/>
  <c r="V59610" i="1"/>
  <c r="V59611" i="1"/>
  <c r="V59612" i="1"/>
  <c r="V59613" i="1"/>
  <c r="V59614" i="1"/>
  <c r="V59615" i="1"/>
  <c r="V59616" i="1"/>
  <c r="V59617" i="1"/>
  <c r="V59618" i="1"/>
  <c r="V59619" i="1"/>
  <c r="V59620" i="1"/>
  <c r="V59621" i="1"/>
  <c r="V59622" i="1"/>
  <c r="V59623" i="1"/>
  <c r="V59624" i="1"/>
  <c r="V59625" i="1"/>
  <c r="V59626" i="1"/>
  <c r="V59627" i="1"/>
  <c r="V59628" i="1"/>
  <c r="V59629" i="1"/>
  <c r="V59630" i="1"/>
  <c r="V59631" i="1"/>
  <c r="V59632" i="1"/>
  <c r="V59633" i="1"/>
  <c r="V59634" i="1"/>
  <c r="V59635" i="1"/>
  <c r="V59636" i="1"/>
  <c r="V59637" i="1"/>
  <c r="V59638" i="1"/>
  <c r="V59639" i="1"/>
  <c r="V59640" i="1"/>
  <c r="V59641" i="1"/>
  <c r="V59642" i="1"/>
  <c r="V59643" i="1"/>
  <c r="V59644" i="1"/>
  <c r="V59645" i="1"/>
  <c r="V59646" i="1"/>
  <c r="V59647" i="1"/>
  <c r="V59648" i="1"/>
  <c r="V59649" i="1"/>
  <c r="V59650" i="1"/>
  <c r="V59651" i="1"/>
  <c r="V59652" i="1"/>
  <c r="V59653" i="1"/>
  <c r="V59654" i="1"/>
  <c r="V59655" i="1"/>
  <c r="V59656" i="1"/>
  <c r="V59657" i="1"/>
  <c r="V59658" i="1"/>
  <c r="V59659" i="1"/>
  <c r="V59660" i="1"/>
  <c r="V59661" i="1"/>
  <c r="V59662" i="1"/>
  <c r="V59663" i="1"/>
  <c r="V59664" i="1"/>
  <c r="V59665" i="1"/>
  <c r="V59666" i="1"/>
  <c r="V59667" i="1"/>
  <c r="V59668" i="1"/>
  <c r="V59669" i="1"/>
  <c r="V59670" i="1"/>
  <c r="V59671" i="1"/>
  <c r="V59672" i="1"/>
  <c r="V59673" i="1"/>
  <c r="V59674" i="1"/>
  <c r="V59675" i="1"/>
  <c r="V59676" i="1"/>
  <c r="V59677" i="1"/>
  <c r="V59678" i="1"/>
  <c r="V59679" i="1"/>
  <c r="V59680" i="1"/>
  <c r="V59681" i="1"/>
  <c r="V59682" i="1"/>
  <c r="V59683" i="1"/>
  <c r="V59684" i="1"/>
  <c r="V59685" i="1"/>
  <c r="V59686" i="1"/>
  <c r="V59687" i="1"/>
  <c r="V59688" i="1"/>
  <c r="V59689" i="1"/>
  <c r="V59690" i="1"/>
  <c r="V59691" i="1"/>
  <c r="V59692" i="1"/>
  <c r="V59693" i="1"/>
  <c r="V59694" i="1"/>
  <c r="V59695" i="1"/>
  <c r="V59696" i="1"/>
  <c r="V59697" i="1"/>
  <c r="V59698" i="1"/>
  <c r="V59699" i="1"/>
  <c r="V59700" i="1"/>
  <c r="V59701" i="1"/>
  <c r="V59702" i="1"/>
  <c r="V59703" i="1"/>
  <c r="V59704" i="1"/>
  <c r="V59705" i="1"/>
  <c r="V59706" i="1"/>
  <c r="V59707" i="1"/>
  <c r="V59708" i="1"/>
  <c r="V59709" i="1"/>
  <c r="V59710" i="1"/>
  <c r="V59711" i="1"/>
  <c r="V59712" i="1"/>
  <c r="V59713" i="1"/>
  <c r="V59714" i="1"/>
  <c r="V59715" i="1"/>
  <c r="V59716" i="1"/>
  <c r="V59717" i="1"/>
  <c r="V59718" i="1"/>
  <c r="V59719" i="1"/>
  <c r="V59720" i="1"/>
  <c r="V59721" i="1"/>
  <c r="V59722" i="1"/>
  <c r="V59723" i="1"/>
  <c r="V59724" i="1"/>
  <c r="V59725" i="1"/>
  <c r="V59726" i="1"/>
  <c r="V59727" i="1"/>
  <c r="V59728" i="1"/>
  <c r="V59729" i="1"/>
  <c r="V59730" i="1"/>
  <c r="V59731" i="1"/>
  <c r="V59732" i="1"/>
  <c r="V59733" i="1"/>
  <c r="V59734" i="1"/>
  <c r="V59735" i="1"/>
  <c r="V59736" i="1"/>
  <c r="V59737" i="1"/>
  <c r="V59738" i="1"/>
  <c r="V59739" i="1"/>
  <c r="V59740" i="1"/>
  <c r="V59741" i="1"/>
  <c r="V59742" i="1"/>
  <c r="V59743" i="1"/>
  <c r="V59744" i="1"/>
  <c r="V59745" i="1"/>
  <c r="V59746" i="1"/>
  <c r="V59747" i="1"/>
  <c r="V59748" i="1"/>
  <c r="V59749" i="1"/>
  <c r="V59750" i="1"/>
  <c r="V59751" i="1"/>
  <c r="V59752" i="1"/>
  <c r="V59753" i="1"/>
  <c r="V59754" i="1"/>
  <c r="V59755" i="1"/>
  <c r="V59756" i="1"/>
  <c r="V59757" i="1"/>
  <c r="V59758" i="1"/>
  <c r="V59759" i="1"/>
  <c r="V59760" i="1"/>
  <c r="V59761" i="1"/>
  <c r="V59762" i="1"/>
  <c r="V59763" i="1"/>
  <c r="V59764" i="1"/>
  <c r="V59765" i="1"/>
  <c r="V59766" i="1"/>
  <c r="V59767" i="1"/>
  <c r="V59768" i="1"/>
  <c r="V59769" i="1"/>
  <c r="V59770" i="1"/>
  <c r="V59771" i="1"/>
  <c r="V59772" i="1"/>
  <c r="V59773" i="1"/>
  <c r="V59774" i="1"/>
  <c r="V59775" i="1"/>
  <c r="V59776" i="1"/>
  <c r="V59777" i="1"/>
  <c r="V59778" i="1"/>
  <c r="V59779" i="1"/>
  <c r="V59780" i="1"/>
  <c r="V59781" i="1"/>
  <c r="V59782" i="1"/>
  <c r="V59783" i="1"/>
  <c r="V59784" i="1"/>
  <c r="V59785" i="1"/>
  <c r="V59786" i="1"/>
  <c r="V59787" i="1"/>
  <c r="V59788" i="1"/>
  <c r="V59789" i="1"/>
  <c r="V59790" i="1"/>
  <c r="V59791" i="1"/>
  <c r="V59792" i="1"/>
  <c r="V59793" i="1"/>
  <c r="V59794" i="1"/>
  <c r="V59795" i="1"/>
  <c r="V59796" i="1"/>
  <c r="V59797" i="1"/>
  <c r="V59798" i="1"/>
  <c r="V59799" i="1"/>
  <c r="V59800" i="1"/>
  <c r="V59801" i="1"/>
  <c r="V59802" i="1"/>
  <c r="V59803" i="1"/>
  <c r="V59804" i="1"/>
  <c r="V59805" i="1"/>
  <c r="V59806" i="1"/>
  <c r="V59807" i="1"/>
  <c r="V59808" i="1"/>
  <c r="V59809" i="1"/>
  <c r="V59810" i="1"/>
  <c r="V59811" i="1"/>
  <c r="V59812" i="1"/>
  <c r="V59813" i="1"/>
  <c r="V59814" i="1"/>
  <c r="V59815" i="1"/>
  <c r="V59816" i="1"/>
  <c r="V59817" i="1"/>
  <c r="V59818" i="1"/>
  <c r="V59819" i="1"/>
  <c r="V59820" i="1"/>
  <c r="V59821" i="1"/>
  <c r="V59822" i="1"/>
  <c r="V59823" i="1"/>
  <c r="V59824" i="1"/>
  <c r="V59825" i="1"/>
  <c r="V59826" i="1"/>
  <c r="V59827" i="1"/>
  <c r="V59828" i="1"/>
  <c r="V59829" i="1"/>
  <c r="V59830" i="1"/>
  <c r="V59831" i="1"/>
  <c r="V59832" i="1"/>
  <c r="V59833" i="1"/>
  <c r="V59834" i="1"/>
  <c r="V59835" i="1"/>
  <c r="V59836" i="1"/>
  <c r="V59837" i="1"/>
  <c r="V59838" i="1"/>
  <c r="V59839" i="1"/>
  <c r="V59840" i="1"/>
  <c r="V59841" i="1"/>
  <c r="V59842" i="1"/>
  <c r="V59843" i="1"/>
  <c r="V59844" i="1"/>
  <c r="V59845" i="1"/>
  <c r="V59846" i="1"/>
  <c r="V59847" i="1"/>
  <c r="V59848" i="1"/>
  <c r="V59849" i="1"/>
  <c r="V59850" i="1"/>
  <c r="V59851" i="1"/>
  <c r="V59852" i="1"/>
  <c r="V59853" i="1"/>
  <c r="V59854" i="1"/>
  <c r="V59855" i="1"/>
  <c r="V59856" i="1"/>
  <c r="V59857" i="1"/>
  <c r="V59858" i="1"/>
  <c r="V59859" i="1"/>
  <c r="V59860" i="1"/>
  <c r="V59861" i="1"/>
  <c r="V59862" i="1"/>
  <c r="V59863" i="1"/>
  <c r="V59864" i="1"/>
  <c r="V59865" i="1"/>
  <c r="V59866" i="1"/>
  <c r="V59867" i="1"/>
  <c r="V59868" i="1"/>
  <c r="V59869" i="1"/>
  <c r="V59870" i="1"/>
  <c r="V59871" i="1"/>
  <c r="V59872" i="1"/>
  <c r="V59873" i="1"/>
  <c r="V59874" i="1"/>
  <c r="V59875" i="1"/>
  <c r="V59876" i="1"/>
  <c r="V59877" i="1"/>
  <c r="V59878" i="1"/>
  <c r="V59879" i="1"/>
  <c r="V59880" i="1"/>
  <c r="V59881" i="1"/>
  <c r="V59882" i="1"/>
  <c r="V59883" i="1"/>
  <c r="V59884" i="1"/>
  <c r="V59885" i="1"/>
  <c r="V59886" i="1"/>
  <c r="V59887" i="1"/>
  <c r="V59888" i="1"/>
  <c r="V59889" i="1"/>
  <c r="V59890" i="1"/>
  <c r="V59891" i="1"/>
  <c r="V59892" i="1"/>
  <c r="V59893" i="1"/>
  <c r="V59894" i="1"/>
  <c r="V59895" i="1"/>
  <c r="V59896" i="1"/>
  <c r="V59897" i="1"/>
  <c r="V59898" i="1"/>
  <c r="V59899" i="1"/>
  <c r="V59900" i="1"/>
  <c r="V59901" i="1"/>
  <c r="V59902" i="1"/>
  <c r="V59903" i="1"/>
  <c r="V59904" i="1"/>
  <c r="V59905" i="1"/>
  <c r="V59906" i="1"/>
  <c r="V59907" i="1"/>
  <c r="V59908" i="1"/>
  <c r="V59909" i="1"/>
  <c r="V59910" i="1"/>
  <c r="V59911" i="1"/>
  <c r="V59912" i="1"/>
  <c r="V59913" i="1"/>
  <c r="V59914" i="1"/>
  <c r="V59915" i="1"/>
  <c r="V59916" i="1"/>
  <c r="V59917" i="1"/>
  <c r="V59918" i="1"/>
  <c r="V59919" i="1"/>
  <c r="V59920" i="1"/>
  <c r="V59921" i="1"/>
  <c r="V59922" i="1"/>
  <c r="V59923" i="1"/>
  <c r="V59924" i="1"/>
  <c r="V59925" i="1"/>
  <c r="V59926" i="1"/>
  <c r="V59927" i="1"/>
  <c r="V59928" i="1"/>
  <c r="V59929" i="1"/>
  <c r="V59930" i="1"/>
  <c r="V59931" i="1"/>
  <c r="V59932" i="1"/>
  <c r="V59933" i="1"/>
  <c r="V59934" i="1"/>
  <c r="V59935" i="1"/>
  <c r="V59936" i="1"/>
  <c r="V59937" i="1"/>
  <c r="V59938" i="1"/>
  <c r="V59939" i="1"/>
  <c r="V59940" i="1"/>
  <c r="V59941" i="1"/>
  <c r="V59942" i="1"/>
  <c r="V59943" i="1"/>
  <c r="V59944" i="1"/>
  <c r="V59945" i="1"/>
  <c r="V59946" i="1"/>
  <c r="V59947" i="1"/>
  <c r="V59948" i="1"/>
  <c r="V59949" i="1"/>
  <c r="V59950" i="1"/>
  <c r="V59951" i="1"/>
  <c r="V59952" i="1"/>
  <c r="V59953" i="1"/>
  <c r="V59954" i="1"/>
  <c r="V59955" i="1"/>
  <c r="V59956" i="1"/>
  <c r="V59957" i="1"/>
  <c r="V59958" i="1"/>
  <c r="V59959" i="1"/>
  <c r="V59960" i="1"/>
  <c r="V59961" i="1"/>
  <c r="V59962" i="1"/>
  <c r="V59963" i="1"/>
  <c r="V59964" i="1"/>
  <c r="V59965" i="1"/>
  <c r="V59966" i="1"/>
  <c r="V59967" i="1"/>
  <c r="V59968" i="1"/>
  <c r="V59969" i="1"/>
  <c r="V59970" i="1"/>
  <c r="V59971" i="1"/>
  <c r="V59972" i="1"/>
  <c r="V59973" i="1"/>
  <c r="V59974" i="1"/>
  <c r="V59975" i="1"/>
  <c r="V59976" i="1"/>
  <c r="V59977" i="1"/>
  <c r="V59978" i="1"/>
  <c r="V59979" i="1"/>
  <c r="V59980" i="1"/>
  <c r="V59981" i="1"/>
  <c r="V59982" i="1"/>
  <c r="V59983" i="1"/>
  <c r="V59984" i="1"/>
  <c r="V59985" i="1"/>
  <c r="V59986" i="1"/>
  <c r="V59987" i="1"/>
  <c r="V59988" i="1"/>
  <c r="V59989" i="1"/>
  <c r="V59990" i="1"/>
  <c r="V59991" i="1"/>
  <c r="V59992" i="1"/>
  <c r="V59993" i="1"/>
  <c r="V59994" i="1"/>
  <c r="V59995" i="1"/>
  <c r="V59996" i="1"/>
  <c r="V59997" i="1"/>
  <c r="V59998" i="1"/>
  <c r="V59999" i="1"/>
  <c r="V60000" i="1"/>
  <c r="V60001" i="1"/>
  <c r="V60002" i="1"/>
  <c r="V60003" i="1"/>
  <c r="V60004" i="1"/>
  <c r="V60005" i="1"/>
  <c r="V60006" i="1"/>
  <c r="V60007" i="1"/>
  <c r="V60008" i="1"/>
  <c r="V60009" i="1"/>
  <c r="V60010" i="1"/>
  <c r="V60011" i="1"/>
  <c r="V60012" i="1"/>
  <c r="V60013" i="1"/>
  <c r="V60014" i="1"/>
  <c r="V60015" i="1"/>
  <c r="V60016" i="1"/>
  <c r="V60017" i="1"/>
  <c r="V60018" i="1"/>
  <c r="V60019" i="1"/>
  <c r="V60020" i="1"/>
  <c r="V60021" i="1"/>
  <c r="V60022" i="1"/>
  <c r="V60023" i="1"/>
  <c r="V60024" i="1"/>
  <c r="V60025" i="1"/>
  <c r="V60026" i="1"/>
  <c r="V60027" i="1"/>
  <c r="V60028" i="1"/>
  <c r="V60029" i="1"/>
  <c r="V60030" i="1"/>
  <c r="V60031" i="1"/>
  <c r="V60032" i="1"/>
  <c r="V60033" i="1"/>
  <c r="V60034" i="1"/>
  <c r="V60035" i="1"/>
  <c r="V60036" i="1"/>
  <c r="V60037" i="1"/>
  <c r="V60038" i="1"/>
  <c r="V60039" i="1"/>
  <c r="V60040" i="1"/>
  <c r="V60041" i="1"/>
  <c r="V60042" i="1"/>
  <c r="V60043" i="1"/>
  <c r="V60044" i="1"/>
  <c r="V60045" i="1"/>
  <c r="V60046" i="1"/>
  <c r="V60047" i="1"/>
  <c r="V60048" i="1"/>
  <c r="V60049" i="1"/>
  <c r="V60050" i="1"/>
  <c r="V60051" i="1"/>
  <c r="V60052" i="1"/>
  <c r="V60053" i="1"/>
  <c r="V60054" i="1"/>
  <c r="V60055" i="1"/>
  <c r="V60056" i="1"/>
  <c r="V60057" i="1"/>
  <c r="V60058" i="1"/>
  <c r="V60059" i="1"/>
  <c r="V60060" i="1"/>
  <c r="V60061" i="1"/>
  <c r="V60062" i="1"/>
  <c r="V60063" i="1"/>
  <c r="V60064" i="1"/>
  <c r="V60065" i="1"/>
  <c r="V60066" i="1"/>
  <c r="V60067" i="1"/>
  <c r="V60068" i="1"/>
  <c r="V60069" i="1"/>
  <c r="V60070" i="1"/>
  <c r="V60071" i="1"/>
  <c r="V60072" i="1"/>
  <c r="V60073" i="1"/>
  <c r="V60074" i="1"/>
  <c r="V60075" i="1"/>
  <c r="V60076" i="1"/>
  <c r="V60077" i="1"/>
  <c r="V60078" i="1"/>
  <c r="V60079" i="1"/>
  <c r="V60080" i="1"/>
  <c r="V60081" i="1"/>
  <c r="V60082" i="1"/>
  <c r="V60083" i="1"/>
  <c r="V60084" i="1"/>
  <c r="V60085" i="1"/>
  <c r="V60086" i="1"/>
  <c r="V60087" i="1"/>
  <c r="V60088" i="1"/>
  <c r="V60089" i="1"/>
  <c r="V60090" i="1"/>
  <c r="V60091" i="1"/>
  <c r="V60092" i="1"/>
  <c r="V60093" i="1"/>
  <c r="V60094" i="1"/>
  <c r="V60095" i="1"/>
  <c r="V60096" i="1"/>
  <c r="V60097" i="1"/>
  <c r="V60098" i="1"/>
  <c r="V60099" i="1"/>
  <c r="V60100" i="1"/>
  <c r="V60101" i="1"/>
  <c r="V60102" i="1"/>
  <c r="V60103" i="1"/>
  <c r="V60104" i="1"/>
  <c r="V60105" i="1"/>
  <c r="V60106" i="1"/>
  <c r="V60107" i="1"/>
  <c r="V60108" i="1"/>
  <c r="V60109" i="1"/>
  <c r="V60110" i="1"/>
  <c r="V60111" i="1"/>
  <c r="V60112" i="1"/>
  <c r="V60113" i="1"/>
  <c r="V60114" i="1"/>
  <c r="V60115" i="1"/>
  <c r="V60116" i="1"/>
  <c r="V60117" i="1"/>
  <c r="V60118" i="1"/>
  <c r="V60119" i="1"/>
  <c r="V60120" i="1"/>
  <c r="V60121" i="1"/>
  <c r="V60122" i="1"/>
  <c r="V60123" i="1"/>
  <c r="V60124" i="1"/>
  <c r="V60125" i="1"/>
  <c r="V60126" i="1"/>
  <c r="V60127" i="1"/>
  <c r="V60128" i="1"/>
  <c r="V60129" i="1"/>
  <c r="V60130" i="1"/>
  <c r="V60131" i="1"/>
  <c r="V60132" i="1"/>
  <c r="V60133" i="1"/>
  <c r="V60134" i="1"/>
  <c r="V60135" i="1"/>
  <c r="V60136" i="1"/>
  <c r="V60137" i="1"/>
  <c r="V60138" i="1"/>
  <c r="V60139" i="1"/>
  <c r="V60140" i="1"/>
  <c r="V60141" i="1"/>
  <c r="V60142" i="1"/>
  <c r="V60143" i="1"/>
  <c r="V60144" i="1"/>
  <c r="V60145" i="1"/>
  <c r="V60146" i="1"/>
  <c r="V60147" i="1"/>
  <c r="V60148" i="1"/>
  <c r="V60149" i="1"/>
  <c r="V60150" i="1"/>
  <c r="V60151" i="1"/>
  <c r="V60152" i="1"/>
  <c r="V60153" i="1"/>
  <c r="V60154" i="1"/>
  <c r="V60155" i="1"/>
  <c r="V60156" i="1"/>
  <c r="V60157" i="1"/>
  <c r="V60158" i="1"/>
  <c r="V60159" i="1"/>
  <c r="V60160" i="1"/>
  <c r="V60161" i="1"/>
  <c r="V60162" i="1"/>
  <c r="V60163" i="1"/>
  <c r="V60164" i="1"/>
  <c r="V60165" i="1"/>
  <c r="V60166" i="1"/>
  <c r="V60167" i="1"/>
  <c r="V60168" i="1"/>
  <c r="V60169" i="1"/>
  <c r="V60170" i="1"/>
  <c r="V60171" i="1"/>
  <c r="V60172" i="1"/>
  <c r="V60173" i="1"/>
  <c r="V60174" i="1"/>
  <c r="V60175" i="1"/>
  <c r="V60176" i="1"/>
  <c r="V60177" i="1"/>
  <c r="V60178" i="1"/>
  <c r="V60179" i="1"/>
  <c r="V60180" i="1"/>
  <c r="V60181" i="1"/>
  <c r="V60182" i="1"/>
  <c r="V60183" i="1"/>
  <c r="V60184" i="1"/>
  <c r="V60185" i="1"/>
  <c r="V60186" i="1"/>
  <c r="V60187" i="1"/>
  <c r="V60188" i="1"/>
  <c r="V60189" i="1"/>
  <c r="V60190" i="1"/>
  <c r="V60191" i="1"/>
  <c r="V60192" i="1"/>
  <c r="V60193" i="1"/>
  <c r="V60194" i="1"/>
  <c r="V60195" i="1"/>
  <c r="V60196" i="1"/>
  <c r="V60197" i="1"/>
  <c r="V60198" i="1"/>
  <c r="V60199" i="1"/>
  <c r="V60200" i="1"/>
  <c r="V60201" i="1"/>
  <c r="V60202" i="1"/>
  <c r="V60203" i="1"/>
  <c r="V60204" i="1"/>
  <c r="V60205" i="1"/>
  <c r="V60206" i="1"/>
  <c r="V60207" i="1"/>
  <c r="V60208" i="1"/>
  <c r="V60209" i="1"/>
  <c r="V60210" i="1"/>
  <c r="V60211" i="1"/>
  <c r="V60212" i="1"/>
  <c r="V60213" i="1"/>
  <c r="V60214" i="1"/>
  <c r="V60215" i="1"/>
  <c r="V60216" i="1"/>
  <c r="V60217" i="1"/>
  <c r="V60218" i="1"/>
  <c r="V60219" i="1"/>
  <c r="V60220" i="1"/>
  <c r="V60221" i="1"/>
  <c r="V60222" i="1"/>
  <c r="V60223" i="1"/>
  <c r="V60224" i="1"/>
  <c r="V60225" i="1"/>
  <c r="V60226" i="1"/>
  <c r="V60227" i="1"/>
  <c r="V60228" i="1"/>
  <c r="V60229" i="1"/>
  <c r="V60230" i="1"/>
  <c r="V60231" i="1"/>
  <c r="V60232" i="1"/>
  <c r="V60233" i="1"/>
  <c r="V60234" i="1"/>
  <c r="V60235" i="1"/>
  <c r="V60236" i="1"/>
  <c r="V60237" i="1"/>
  <c r="V60238" i="1"/>
  <c r="V60239" i="1"/>
  <c r="V60240" i="1"/>
  <c r="V60241" i="1"/>
  <c r="V60242" i="1"/>
  <c r="V60243" i="1"/>
  <c r="V60244" i="1"/>
  <c r="V60245" i="1"/>
  <c r="V60246" i="1"/>
  <c r="V60247" i="1"/>
  <c r="V60248" i="1"/>
  <c r="V60249" i="1"/>
  <c r="V60250" i="1"/>
  <c r="V60251" i="1"/>
  <c r="V60252" i="1"/>
  <c r="V60253" i="1"/>
  <c r="V60254" i="1"/>
  <c r="V60255" i="1"/>
  <c r="V60256" i="1"/>
  <c r="V60257" i="1"/>
  <c r="V60258" i="1"/>
  <c r="V60259" i="1"/>
  <c r="V60260" i="1"/>
  <c r="V60261" i="1"/>
  <c r="V60262" i="1"/>
  <c r="V60263" i="1"/>
  <c r="V60264" i="1"/>
  <c r="V60265" i="1"/>
  <c r="V60266" i="1"/>
  <c r="V60267" i="1"/>
  <c r="V60268" i="1"/>
  <c r="V60269" i="1"/>
  <c r="V60270" i="1"/>
  <c r="V60271" i="1"/>
  <c r="V60272" i="1"/>
  <c r="V60273" i="1"/>
  <c r="V60274" i="1"/>
  <c r="V60275" i="1"/>
  <c r="V60276" i="1"/>
  <c r="V60277" i="1"/>
  <c r="V60278" i="1"/>
  <c r="V60279" i="1"/>
  <c r="V60280" i="1"/>
  <c r="V60281" i="1"/>
  <c r="V60282" i="1"/>
  <c r="V60283" i="1"/>
  <c r="V60284" i="1"/>
  <c r="V60285" i="1"/>
  <c r="V60286" i="1"/>
  <c r="V60287" i="1"/>
  <c r="V60288" i="1"/>
  <c r="V60289" i="1"/>
  <c r="V60290" i="1"/>
  <c r="V60291" i="1"/>
  <c r="V60292" i="1"/>
  <c r="V60293" i="1"/>
  <c r="V60294" i="1"/>
  <c r="V60295" i="1"/>
  <c r="V60296" i="1"/>
  <c r="V60297" i="1"/>
  <c r="V60298" i="1"/>
  <c r="V60299" i="1"/>
  <c r="V60300" i="1"/>
  <c r="V60301" i="1"/>
  <c r="V60302" i="1"/>
  <c r="V60303" i="1"/>
  <c r="V60304" i="1"/>
  <c r="V60305" i="1"/>
  <c r="V60306" i="1"/>
  <c r="V60307" i="1"/>
  <c r="V60308" i="1"/>
  <c r="V60309" i="1"/>
  <c r="V60310" i="1"/>
  <c r="V60311" i="1"/>
  <c r="V60312" i="1"/>
  <c r="V60313" i="1"/>
  <c r="V60314" i="1"/>
  <c r="V60315" i="1"/>
  <c r="V60316" i="1"/>
  <c r="V60317" i="1"/>
  <c r="V60318" i="1"/>
  <c r="V60319" i="1"/>
  <c r="V60320" i="1"/>
  <c r="V60321" i="1"/>
  <c r="V60322" i="1"/>
  <c r="V60323" i="1"/>
  <c r="V60324" i="1"/>
  <c r="V60325" i="1"/>
  <c r="V60326" i="1"/>
  <c r="V60327" i="1"/>
  <c r="V60328" i="1"/>
  <c r="V60329" i="1"/>
  <c r="V60330" i="1"/>
  <c r="V60331" i="1"/>
  <c r="V60332" i="1"/>
  <c r="V60333" i="1"/>
  <c r="V60334" i="1"/>
  <c r="V60335" i="1"/>
  <c r="V60336" i="1"/>
  <c r="V60337" i="1"/>
  <c r="V60338" i="1"/>
  <c r="V60339" i="1"/>
  <c r="V60340" i="1"/>
  <c r="V60341" i="1"/>
  <c r="V60342" i="1"/>
  <c r="V60343" i="1"/>
  <c r="V60344" i="1"/>
  <c r="V60345" i="1"/>
  <c r="V60346" i="1"/>
  <c r="V60347" i="1"/>
  <c r="V60348" i="1"/>
  <c r="V60349" i="1"/>
  <c r="V60350" i="1"/>
  <c r="V60351" i="1"/>
  <c r="V60352" i="1"/>
  <c r="V60353" i="1"/>
  <c r="V60354" i="1"/>
  <c r="V60355" i="1"/>
  <c r="V60356" i="1"/>
  <c r="V60357" i="1"/>
  <c r="V60358" i="1"/>
  <c r="V60359" i="1"/>
  <c r="V60360" i="1"/>
  <c r="V60361" i="1"/>
  <c r="V60362" i="1"/>
  <c r="V60363" i="1"/>
  <c r="V60364" i="1"/>
  <c r="V60365" i="1"/>
  <c r="V60366" i="1"/>
  <c r="V60367" i="1"/>
  <c r="V60368" i="1"/>
  <c r="V60369" i="1"/>
  <c r="V60370" i="1"/>
  <c r="V60371" i="1"/>
  <c r="V60372" i="1"/>
  <c r="V60373" i="1"/>
  <c r="V60374" i="1"/>
  <c r="V60375" i="1"/>
  <c r="V60376" i="1"/>
  <c r="V60377" i="1"/>
  <c r="V60378" i="1"/>
  <c r="V60379" i="1"/>
  <c r="V60380" i="1"/>
  <c r="V60381" i="1"/>
  <c r="V60382" i="1"/>
  <c r="V60383" i="1"/>
  <c r="V60384" i="1"/>
  <c r="V60385" i="1"/>
  <c r="V60386" i="1"/>
  <c r="V60387" i="1"/>
  <c r="V60388" i="1"/>
  <c r="V60389" i="1"/>
  <c r="V60390" i="1"/>
  <c r="V60391" i="1"/>
  <c r="V60392" i="1"/>
  <c r="V60393" i="1"/>
  <c r="V60394" i="1"/>
  <c r="V60395" i="1"/>
  <c r="V60396" i="1"/>
  <c r="V60397" i="1"/>
  <c r="V60398" i="1"/>
  <c r="V60399" i="1"/>
  <c r="V60400" i="1"/>
  <c r="V60401" i="1"/>
  <c r="V60402" i="1"/>
  <c r="V60403" i="1"/>
  <c r="V60404" i="1"/>
  <c r="V60405" i="1"/>
  <c r="V60406" i="1"/>
  <c r="V60407" i="1"/>
  <c r="V60408" i="1"/>
  <c r="V60409" i="1"/>
  <c r="V60410" i="1"/>
  <c r="V60411" i="1"/>
  <c r="V60412" i="1"/>
  <c r="V60413" i="1"/>
  <c r="V60414" i="1"/>
  <c r="V60415" i="1"/>
  <c r="V60416" i="1"/>
  <c r="V60417" i="1"/>
  <c r="V60418" i="1"/>
  <c r="V60419" i="1"/>
  <c r="V60420" i="1"/>
  <c r="V60421" i="1"/>
  <c r="V60422" i="1"/>
  <c r="V60423" i="1"/>
  <c r="V60424" i="1"/>
  <c r="V60425" i="1"/>
  <c r="V60426" i="1"/>
  <c r="V60427" i="1"/>
  <c r="V60428" i="1"/>
  <c r="V60429" i="1"/>
  <c r="V60430" i="1"/>
  <c r="V60431" i="1"/>
  <c r="V60432" i="1"/>
  <c r="V60433" i="1"/>
  <c r="V60434" i="1"/>
  <c r="V60435" i="1"/>
  <c r="V60436" i="1"/>
  <c r="V60437" i="1"/>
  <c r="V60438" i="1"/>
  <c r="V60439" i="1"/>
  <c r="V60440" i="1"/>
  <c r="V60441" i="1"/>
  <c r="V60442" i="1"/>
  <c r="V60443" i="1"/>
  <c r="V60444" i="1"/>
  <c r="V60445" i="1"/>
  <c r="V60446" i="1"/>
  <c r="V60447" i="1"/>
  <c r="V60448" i="1"/>
  <c r="V60449" i="1"/>
  <c r="V60450" i="1"/>
  <c r="V60451" i="1"/>
  <c r="V60452" i="1"/>
  <c r="V60453" i="1"/>
  <c r="V60454" i="1"/>
  <c r="V60455" i="1"/>
  <c r="V60456" i="1"/>
  <c r="V60457" i="1"/>
  <c r="V60458" i="1"/>
  <c r="V60459" i="1"/>
  <c r="V60460" i="1"/>
  <c r="V60461" i="1"/>
  <c r="V60462" i="1"/>
  <c r="V60463" i="1"/>
  <c r="V60464" i="1"/>
  <c r="V60465" i="1"/>
  <c r="V60466" i="1"/>
  <c r="V60467" i="1"/>
  <c r="V60468" i="1"/>
  <c r="V60469" i="1"/>
  <c r="V60470" i="1"/>
  <c r="V60471" i="1"/>
  <c r="V60472" i="1"/>
  <c r="V60473" i="1"/>
  <c r="V60474" i="1"/>
  <c r="V60475" i="1"/>
  <c r="V60476" i="1"/>
  <c r="V60477" i="1"/>
  <c r="V60478" i="1"/>
  <c r="V60479" i="1"/>
  <c r="V60480" i="1"/>
  <c r="V60481" i="1"/>
  <c r="V60482" i="1"/>
  <c r="V60483" i="1"/>
  <c r="V60484" i="1"/>
  <c r="V60485" i="1"/>
  <c r="V60486" i="1"/>
  <c r="V60487" i="1"/>
  <c r="V60488" i="1"/>
  <c r="V60489" i="1"/>
  <c r="V60490" i="1"/>
  <c r="V60491" i="1"/>
  <c r="V60492" i="1"/>
  <c r="V60493" i="1"/>
  <c r="V60494" i="1"/>
  <c r="V60495" i="1"/>
  <c r="V60496" i="1"/>
  <c r="V60497" i="1"/>
  <c r="V60498" i="1"/>
  <c r="V60499" i="1"/>
  <c r="V60500" i="1"/>
  <c r="V60501" i="1"/>
  <c r="V60502" i="1"/>
  <c r="V60503" i="1"/>
  <c r="V60504" i="1"/>
  <c r="V60505" i="1"/>
  <c r="V60506" i="1"/>
  <c r="V60507" i="1"/>
  <c r="V60508" i="1"/>
  <c r="V60509" i="1"/>
  <c r="V60510" i="1"/>
  <c r="V60511" i="1"/>
  <c r="V60512" i="1"/>
  <c r="V60513" i="1"/>
  <c r="V60514" i="1"/>
  <c r="V60515" i="1"/>
  <c r="V60516" i="1"/>
  <c r="V60517" i="1"/>
  <c r="V60518" i="1"/>
  <c r="V60519" i="1"/>
  <c r="V60520" i="1"/>
  <c r="V60521" i="1"/>
  <c r="V60522" i="1"/>
  <c r="V60523" i="1"/>
  <c r="V60524" i="1"/>
  <c r="V60525" i="1"/>
  <c r="V60526" i="1"/>
  <c r="V60527" i="1"/>
  <c r="V60528" i="1"/>
  <c r="V60529" i="1"/>
  <c r="V60530" i="1"/>
  <c r="V60531" i="1"/>
  <c r="V60532" i="1"/>
  <c r="V60533" i="1"/>
  <c r="V60534" i="1"/>
  <c r="V60535" i="1"/>
  <c r="V60536" i="1"/>
  <c r="V60537" i="1"/>
  <c r="V60538" i="1"/>
  <c r="V60539" i="1"/>
  <c r="V60540" i="1"/>
  <c r="V60541" i="1"/>
  <c r="V60542" i="1"/>
  <c r="V60543" i="1"/>
  <c r="V60544" i="1"/>
  <c r="V60545" i="1"/>
  <c r="V60546" i="1"/>
  <c r="V60547" i="1"/>
  <c r="V60548" i="1"/>
  <c r="V60549" i="1"/>
  <c r="V60550" i="1"/>
  <c r="V60551" i="1"/>
  <c r="V60552" i="1"/>
  <c r="V60553" i="1"/>
  <c r="V60554" i="1"/>
  <c r="V60555" i="1"/>
  <c r="V60556" i="1"/>
  <c r="V60557" i="1"/>
  <c r="V60558" i="1"/>
  <c r="V60559" i="1"/>
  <c r="V60560" i="1"/>
  <c r="V60561" i="1"/>
  <c r="V60562" i="1"/>
  <c r="V60563" i="1"/>
  <c r="V60564" i="1"/>
  <c r="V60565" i="1"/>
  <c r="V60566" i="1"/>
  <c r="V60567" i="1"/>
  <c r="V60568" i="1"/>
  <c r="V60569" i="1"/>
  <c r="V60570" i="1"/>
  <c r="V60571" i="1"/>
  <c r="V60572" i="1"/>
  <c r="V60573" i="1"/>
  <c r="V60574" i="1"/>
  <c r="V60575" i="1"/>
  <c r="V60576" i="1"/>
  <c r="V60577" i="1"/>
  <c r="V60578" i="1"/>
  <c r="V60579" i="1"/>
  <c r="V60580" i="1"/>
  <c r="V60581" i="1"/>
  <c r="V60582" i="1"/>
  <c r="V60583" i="1"/>
  <c r="V60584" i="1"/>
  <c r="V60585" i="1"/>
  <c r="V60586" i="1"/>
  <c r="V60587" i="1"/>
  <c r="V60588" i="1"/>
  <c r="V60589" i="1"/>
  <c r="V60590" i="1"/>
  <c r="V60591" i="1"/>
  <c r="V60592" i="1"/>
  <c r="V60593" i="1"/>
  <c r="V60594" i="1"/>
  <c r="V60595" i="1"/>
  <c r="V60596" i="1"/>
  <c r="V60597" i="1"/>
  <c r="V60598" i="1"/>
  <c r="V60599" i="1"/>
  <c r="V60600" i="1"/>
  <c r="V60601" i="1"/>
  <c r="V60602" i="1"/>
  <c r="V60603" i="1"/>
  <c r="V60604" i="1"/>
  <c r="V60605" i="1"/>
  <c r="V60606" i="1"/>
  <c r="V60607" i="1"/>
  <c r="V60608" i="1"/>
  <c r="V60609" i="1"/>
  <c r="V60610" i="1"/>
  <c r="V60611" i="1"/>
  <c r="V60612" i="1"/>
  <c r="V60613" i="1"/>
  <c r="V60614" i="1"/>
  <c r="V60615" i="1"/>
  <c r="V60616" i="1"/>
  <c r="V60617" i="1"/>
  <c r="V60618" i="1"/>
  <c r="V60619" i="1"/>
  <c r="V60620" i="1"/>
  <c r="V60621" i="1"/>
  <c r="V60622" i="1"/>
  <c r="V60623" i="1"/>
  <c r="V60624" i="1"/>
  <c r="V60625" i="1"/>
  <c r="V60626" i="1"/>
  <c r="V60627" i="1"/>
  <c r="V60628" i="1"/>
  <c r="V60629" i="1"/>
  <c r="V60630" i="1"/>
  <c r="V60631" i="1"/>
  <c r="V60632" i="1"/>
  <c r="V60633" i="1"/>
  <c r="V60634" i="1"/>
  <c r="V60635" i="1"/>
  <c r="V60636" i="1"/>
  <c r="V60637" i="1"/>
  <c r="V60638" i="1"/>
  <c r="V60639" i="1"/>
  <c r="V60640" i="1"/>
  <c r="V60641" i="1"/>
  <c r="V60642" i="1"/>
  <c r="V60643" i="1"/>
  <c r="V60644" i="1"/>
  <c r="V60645" i="1"/>
  <c r="V60646" i="1"/>
  <c r="V60647" i="1"/>
  <c r="V60648" i="1"/>
  <c r="V60649" i="1"/>
  <c r="V60650" i="1"/>
  <c r="V60651" i="1"/>
  <c r="V60652" i="1"/>
  <c r="V60653" i="1"/>
  <c r="V60654" i="1"/>
  <c r="V60655" i="1"/>
  <c r="V60656" i="1"/>
  <c r="V60657" i="1"/>
  <c r="V60658" i="1"/>
  <c r="V60659" i="1"/>
  <c r="V60660" i="1"/>
  <c r="V60661" i="1"/>
  <c r="V60662" i="1"/>
  <c r="V60663" i="1"/>
  <c r="V60664" i="1"/>
  <c r="V60665" i="1"/>
  <c r="V60666" i="1"/>
  <c r="V60667" i="1"/>
  <c r="V60668" i="1"/>
  <c r="V60669" i="1"/>
  <c r="V60670" i="1"/>
  <c r="V60671" i="1"/>
  <c r="V60672" i="1"/>
  <c r="V60673" i="1"/>
  <c r="V60674" i="1"/>
  <c r="V60675" i="1"/>
  <c r="V60676" i="1"/>
  <c r="V60677" i="1"/>
  <c r="V60678" i="1"/>
  <c r="V60679" i="1"/>
  <c r="V60680" i="1"/>
  <c r="V60681" i="1"/>
  <c r="V60682" i="1"/>
  <c r="V60683" i="1"/>
  <c r="V60684" i="1"/>
  <c r="V60685" i="1"/>
  <c r="V60686" i="1"/>
  <c r="V60687" i="1"/>
  <c r="V60688" i="1"/>
  <c r="V60689" i="1"/>
  <c r="V60690" i="1"/>
  <c r="V60691" i="1"/>
  <c r="V60692" i="1"/>
  <c r="V60693" i="1"/>
  <c r="V60694" i="1"/>
  <c r="V60695" i="1"/>
  <c r="V60696" i="1"/>
  <c r="V60697" i="1"/>
  <c r="V60698" i="1"/>
  <c r="V60699" i="1"/>
  <c r="V60700" i="1"/>
  <c r="V60701" i="1"/>
  <c r="V60702" i="1"/>
  <c r="V60703" i="1"/>
  <c r="V60704" i="1"/>
  <c r="V60705" i="1"/>
  <c r="V60706" i="1"/>
  <c r="V60707" i="1"/>
  <c r="V60708" i="1"/>
  <c r="V60709" i="1"/>
  <c r="V60710" i="1"/>
  <c r="V60711" i="1"/>
  <c r="V60712" i="1"/>
  <c r="V60713" i="1"/>
  <c r="V60714" i="1"/>
  <c r="V60715" i="1"/>
  <c r="V60716" i="1"/>
  <c r="V60717" i="1"/>
  <c r="V60718" i="1"/>
  <c r="V60719" i="1"/>
  <c r="V60720" i="1"/>
  <c r="V60721" i="1"/>
  <c r="V60722" i="1"/>
  <c r="V60723" i="1"/>
  <c r="V60724" i="1"/>
  <c r="V60725" i="1"/>
  <c r="V60726" i="1"/>
  <c r="V60727" i="1"/>
  <c r="V60728" i="1"/>
  <c r="V60729" i="1"/>
  <c r="V60730" i="1"/>
  <c r="V60731" i="1"/>
  <c r="V60732" i="1"/>
  <c r="V60733" i="1"/>
  <c r="V60734" i="1"/>
  <c r="V60735" i="1"/>
  <c r="V60736" i="1"/>
  <c r="V60737" i="1"/>
  <c r="V60738" i="1"/>
  <c r="V60739" i="1"/>
  <c r="V60740" i="1"/>
  <c r="V60741" i="1"/>
  <c r="V60742" i="1"/>
  <c r="V60743" i="1"/>
  <c r="V60744" i="1"/>
  <c r="V60745" i="1"/>
  <c r="V60746" i="1"/>
  <c r="V60747" i="1"/>
  <c r="V60748" i="1"/>
  <c r="V60749" i="1"/>
  <c r="V60750" i="1"/>
  <c r="V60751" i="1"/>
  <c r="V60752" i="1"/>
  <c r="V60753" i="1"/>
  <c r="V60754" i="1"/>
  <c r="V60755" i="1"/>
  <c r="V60756" i="1"/>
  <c r="V60757" i="1"/>
  <c r="V60758" i="1"/>
  <c r="V60759" i="1"/>
  <c r="V60760" i="1"/>
  <c r="V60761" i="1"/>
  <c r="V60762" i="1"/>
  <c r="V60763" i="1"/>
  <c r="V60764" i="1"/>
  <c r="V60765" i="1"/>
  <c r="V60766" i="1"/>
  <c r="V60767" i="1"/>
  <c r="V60768" i="1"/>
  <c r="V60769" i="1"/>
  <c r="V60770" i="1"/>
  <c r="V60771" i="1"/>
  <c r="V60772" i="1"/>
  <c r="V60773" i="1"/>
  <c r="V60774" i="1"/>
  <c r="V60775" i="1"/>
  <c r="V60776" i="1"/>
  <c r="V60777" i="1"/>
  <c r="V60778" i="1"/>
  <c r="V60779" i="1"/>
  <c r="V60780" i="1"/>
  <c r="V60781" i="1"/>
  <c r="V60782" i="1"/>
  <c r="V60783" i="1"/>
  <c r="V60784" i="1"/>
  <c r="V60785" i="1"/>
  <c r="V60786" i="1"/>
  <c r="V60787" i="1"/>
  <c r="V60788" i="1"/>
  <c r="V60789" i="1"/>
  <c r="V60790" i="1"/>
  <c r="V60791" i="1"/>
  <c r="V60792" i="1"/>
  <c r="V60793" i="1"/>
  <c r="V60794" i="1"/>
  <c r="V60795" i="1"/>
  <c r="V60796" i="1"/>
  <c r="V60797" i="1"/>
  <c r="V60798" i="1"/>
  <c r="V60799" i="1"/>
  <c r="V60800" i="1"/>
  <c r="V60801" i="1"/>
  <c r="V60802" i="1"/>
  <c r="V60803" i="1"/>
  <c r="V60804" i="1"/>
  <c r="V60805" i="1"/>
  <c r="V60806" i="1"/>
  <c r="V60807" i="1"/>
  <c r="V60808" i="1"/>
  <c r="V60809" i="1"/>
  <c r="V60810" i="1"/>
  <c r="V60811" i="1"/>
  <c r="V60812" i="1"/>
  <c r="V60813" i="1"/>
  <c r="V60814" i="1"/>
  <c r="V60815" i="1"/>
  <c r="V60816" i="1"/>
  <c r="V60817" i="1"/>
  <c r="V60818" i="1"/>
  <c r="V60819" i="1"/>
  <c r="V60820" i="1"/>
  <c r="V60821" i="1"/>
  <c r="V60822" i="1"/>
  <c r="V60823" i="1"/>
  <c r="V60824" i="1"/>
  <c r="V60825" i="1"/>
  <c r="V60826" i="1"/>
  <c r="V60827" i="1"/>
  <c r="V60828" i="1"/>
  <c r="V60829" i="1"/>
  <c r="V60830" i="1"/>
  <c r="V60831" i="1"/>
  <c r="V60832" i="1"/>
  <c r="V60833" i="1"/>
  <c r="V60834" i="1"/>
  <c r="V60835" i="1"/>
  <c r="V60836" i="1"/>
  <c r="V60837" i="1"/>
  <c r="V60838" i="1"/>
  <c r="V60839" i="1"/>
  <c r="V60840" i="1"/>
  <c r="V60841" i="1"/>
  <c r="V60842" i="1"/>
  <c r="V60843" i="1"/>
  <c r="V60844" i="1"/>
  <c r="V60845" i="1"/>
  <c r="V60846" i="1"/>
  <c r="V60847" i="1"/>
  <c r="V60848" i="1"/>
  <c r="V60849" i="1"/>
  <c r="V60850" i="1"/>
  <c r="V60851" i="1"/>
  <c r="V60852" i="1"/>
  <c r="V60853" i="1"/>
  <c r="V60854" i="1"/>
  <c r="V60855" i="1"/>
  <c r="V60856" i="1"/>
  <c r="V60857" i="1"/>
  <c r="V60858" i="1"/>
  <c r="V60859" i="1"/>
  <c r="V60860" i="1"/>
  <c r="V60861" i="1"/>
  <c r="V60862" i="1"/>
  <c r="V60863" i="1"/>
  <c r="V60864" i="1"/>
  <c r="V60865" i="1"/>
  <c r="V60866" i="1"/>
  <c r="V60867" i="1"/>
  <c r="V60868" i="1"/>
  <c r="V60869" i="1"/>
  <c r="V60870" i="1"/>
  <c r="V60871" i="1"/>
  <c r="V60872" i="1"/>
  <c r="V60873" i="1"/>
  <c r="V60874" i="1"/>
  <c r="V60875" i="1"/>
  <c r="V60876" i="1"/>
  <c r="V60877" i="1"/>
  <c r="V60878" i="1"/>
  <c r="V60879" i="1"/>
  <c r="V60880" i="1"/>
  <c r="V60881" i="1"/>
  <c r="V60882" i="1"/>
  <c r="V60883" i="1"/>
  <c r="V60884" i="1"/>
  <c r="V60885" i="1"/>
  <c r="V60886" i="1"/>
  <c r="V60887" i="1"/>
  <c r="V60888" i="1"/>
  <c r="V60889" i="1"/>
  <c r="V60890" i="1"/>
  <c r="V60891" i="1"/>
  <c r="V60892" i="1"/>
  <c r="V60893" i="1"/>
  <c r="V60894" i="1"/>
  <c r="V60895" i="1"/>
  <c r="V60896" i="1"/>
  <c r="V60897" i="1"/>
  <c r="V60898" i="1"/>
  <c r="V60899" i="1"/>
  <c r="V60900" i="1"/>
  <c r="V60901" i="1"/>
  <c r="V60902" i="1"/>
  <c r="V60903" i="1"/>
  <c r="V60904" i="1"/>
  <c r="V60905" i="1"/>
  <c r="V60906" i="1"/>
  <c r="V60907" i="1"/>
  <c r="V60908" i="1"/>
  <c r="V60909" i="1"/>
  <c r="V60910" i="1"/>
  <c r="V60911" i="1"/>
  <c r="V60912" i="1"/>
  <c r="V60913" i="1"/>
  <c r="V60914" i="1"/>
  <c r="V60915" i="1"/>
  <c r="V60916" i="1"/>
  <c r="V60917" i="1"/>
  <c r="V60918" i="1"/>
  <c r="V60919" i="1"/>
  <c r="V60920" i="1"/>
  <c r="V60921" i="1"/>
  <c r="V60922" i="1"/>
  <c r="V60923" i="1"/>
  <c r="V60924" i="1"/>
  <c r="V60925" i="1"/>
  <c r="V60926" i="1"/>
  <c r="V60927" i="1"/>
  <c r="V60928" i="1"/>
  <c r="V60929" i="1"/>
  <c r="V60930" i="1"/>
  <c r="V60931" i="1"/>
  <c r="V60932" i="1"/>
  <c r="V60933" i="1"/>
  <c r="V60934" i="1"/>
  <c r="V60935" i="1"/>
  <c r="V60936" i="1"/>
  <c r="V60937" i="1"/>
  <c r="V60938" i="1"/>
  <c r="V60939" i="1"/>
  <c r="V60940" i="1"/>
  <c r="V60941" i="1"/>
  <c r="V60942" i="1"/>
  <c r="V60943" i="1"/>
  <c r="V60944" i="1"/>
  <c r="V60945" i="1"/>
  <c r="V60946" i="1"/>
  <c r="V60947" i="1"/>
  <c r="V60948" i="1"/>
  <c r="V60949" i="1"/>
  <c r="V60950" i="1"/>
  <c r="V60951" i="1"/>
  <c r="V60952" i="1"/>
  <c r="V60953" i="1"/>
  <c r="V60954" i="1"/>
  <c r="V60955" i="1"/>
  <c r="V60956" i="1"/>
  <c r="V60957" i="1"/>
  <c r="V60958" i="1"/>
  <c r="V60959" i="1"/>
  <c r="V60960" i="1"/>
  <c r="V60961" i="1"/>
  <c r="V60962" i="1"/>
  <c r="V60963" i="1"/>
  <c r="V60964" i="1"/>
  <c r="V60965" i="1"/>
  <c r="V60966" i="1"/>
  <c r="V60967" i="1"/>
  <c r="V60968" i="1"/>
  <c r="V60969" i="1"/>
  <c r="V60970" i="1"/>
  <c r="V60971" i="1"/>
  <c r="V60972" i="1"/>
  <c r="V60973" i="1"/>
  <c r="V60974" i="1"/>
  <c r="V60975" i="1"/>
  <c r="V60976" i="1"/>
  <c r="V60977" i="1"/>
  <c r="V60978" i="1"/>
  <c r="V60979" i="1"/>
  <c r="V60980" i="1"/>
  <c r="V60981" i="1"/>
  <c r="V60982" i="1"/>
  <c r="V60983" i="1"/>
  <c r="V60984" i="1"/>
  <c r="V60985" i="1"/>
  <c r="V60986" i="1"/>
  <c r="V60987" i="1"/>
  <c r="V60988" i="1"/>
  <c r="V60989" i="1"/>
  <c r="V60990" i="1"/>
  <c r="V60991" i="1"/>
  <c r="V60992" i="1"/>
  <c r="V60993" i="1"/>
  <c r="V60994" i="1"/>
  <c r="V60995" i="1"/>
  <c r="V60996" i="1"/>
  <c r="V60997" i="1"/>
  <c r="V60998" i="1"/>
  <c r="V60999" i="1"/>
  <c r="V61000" i="1"/>
  <c r="V61001" i="1"/>
  <c r="V61002" i="1"/>
  <c r="V61003" i="1"/>
  <c r="V61004" i="1"/>
  <c r="V61005" i="1"/>
  <c r="V61006" i="1"/>
  <c r="V61007" i="1"/>
  <c r="V61008" i="1"/>
  <c r="V61009" i="1"/>
  <c r="V61010" i="1"/>
  <c r="V61011" i="1"/>
  <c r="V61012" i="1"/>
  <c r="V61013" i="1"/>
  <c r="V61014" i="1"/>
  <c r="V61015" i="1"/>
  <c r="V61016" i="1"/>
  <c r="V61017" i="1"/>
  <c r="V61018" i="1"/>
  <c r="V61019" i="1"/>
  <c r="V61020" i="1"/>
  <c r="V61021" i="1"/>
  <c r="V61022" i="1"/>
  <c r="V61023" i="1"/>
  <c r="V61024" i="1"/>
  <c r="V61025" i="1"/>
  <c r="V61026" i="1"/>
  <c r="V61027" i="1"/>
  <c r="V61028" i="1"/>
  <c r="V61029" i="1"/>
  <c r="V61030" i="1"/>
  <c r="V61031" i="1"/>
  <c r="V61032" i="1"/>
  <c r="V61033" i="1"/>
  <c r="V61034" i="1"/>
  <c r="V61035" i="1"/>
  <c r="V61036" i="1"/>
  <c r="V61037" i="1"/>
  <c r="V61038" i="1"/>
  <c r="V61039" i="1"/>
  <c r="V61040" i="1"/>
  <c r="V61041" i="1"/>
  <c r="V61042" i="1"/>
  <c r="V61043" i="1"/>
  <c r="V61044" i="1"/>
  <c r="V61045" i="1"/>
  <c r="V61046" i="1"/>
  <c r="V61047" i="1"/>
  <c r="V61048" i="1"/>
  <c r="V61049" i="1"/>
  <c r="V61050" i="1"/>
  <c r="V61051" i="1"/>
  <c r="V61052" i="1"/>
  <c r="V61053" i="1"/>
  <c r="V61054" i="1"/>
  <c r="V61055" i="1"/>
  <c r="V61056" i="1"/>
  <c r="V61057" i="1"/>
  <c r="V61058" i="1"/>
  <c r="V61059" i="1"/>
  <c r="V61060" i="1"/>
  <c r="V61061" i="1"/>
  <c r="V61062" i="1"/>
  <c r="V61063" i="1"/>
  <c r="V61064" i="1"/>
  <c r="V61065" i="1"/>
  <c r="V61066" i="1"/>
  <c r="V61067" i="1"/>
  <c r="V61068" i="1"/>
  <c r="V61069" i="1"/>
  <c r="V61070" i="1"/>
  <c r="V61071" i="1"/>
  <c r="V61072" i="1"/>
  <c r="V61073" i="1"/>
  <c r="V61074" i="1"/>
  <c r="V61075" i="1"/>
  <c r="V61076" i="1"/>
  <c r="V61077" i="1"/>
  <c r="V61078" i="1"/>
  <c r="V61079" i="1"/>
  <c r="V61080" i="1"/>
  <c r="V61081" i="1"/>
  <c r="V61082" i="1"/>
  <c r="V61083" i="1"/>
  <c r="V61084" i="1"/>
  <c r="V61085" i="1"/>
  <c r="V61086" i="1"/>
  <c r="V61087" i="1"/>
  <c r="V61088" i="1"/>
  <c r="V61089" i="1"/>
  <c r="V61090" i="1"/>
  <c r="V61091" i="1"/>
  <c r="V61092" i="1"/>
  <c r="V61093" i="1"/>
  <c r="V61094" i="1"/>
  <c r="V61095" i="1"/>
  <c r="V61096" i="1"/>
  <c r="V61097" i="1"/>
  <c r="V61098" i="1"/>
  <c r="V61099" i="1"/>
  <c r="V61100" i="1"/>
  <c r="V61101" i="1"/>
  <c r="V61102" i="1"/>
  <c r="V61103" i="1"/>
  <c r="V61104" i="1"/>
  <c r="V61105" i="1"/>
  <c r="V61106" i="1"/>
  <c r="V61107" i="1"/>
  <c r="V61108" i="1"/>
  <c r="V61109" i="1"/>
  <c r="V61110" i="1"/>
  <c r="V61111" i="1"/>
  <c r="V61112" i="1"/>
  <c r="V61113" i="1"/>
  <c r="V61114" i="1"/>
  <c r="V61115" i="1"/>
  <c r="V61116" i="1"/>
  <c r="V61117" i="1"/>
  <c r="V61118" i="1"/>
  <c r="V61119" i="1"/>
  <c r="V61120" i="1"/>
  <c r="V61121" i="1"/>
  <c r="V61122" i="1"/>
  <c r="V61123" i="1"/>
  <c r="V61124" i="1"/>
  <c r="V61125" i="1"/>
  <c r="V61126" i="1"/>
  <c r="V61127" i="1"/>
  <c r="V61128" i="1"/>
  <c r="V61129" i="1"/>
  <c r="V61130" i="1"/>
  <c r="V61131" i="1"/>
  <c r="V61132" i="1"/>
  <c r="V61133" i="1"/>
  <c r="V61134" i="1"/>
  <c r="V61135" i="1"/>
  <c r="V61136" i="1"/>
  <c r="V61137" i="1"/>
  <c r="V61138" i="1"/>
  <c r="V61139" i="1"/>
  <c r="V61140" i="1"/>
  <c r="V61141" i="1"/>
  <c r="V61142" i="1"/>
  <c r="V61143" i="1"/>
  <c r="V61144" i="1"/>
  <c r="V61145" i="1"/>
  <c r="V61146" i="1"/>
  <c r="V61147" i="1"/>
  <c r="V61148" i="1"/>
  <c r="V61149" i="1"/>
  <c r="V61150" i="1"/>
  <c r="V61151" i="1"/>
  <c r="V61152" i="1"/>
  <c r="V61153" i="1"/>
  <c r="V61154" i="1"/>
  <c r="V61155" i="1"/>
  <c r="V61156" i="1"/>
  <c r="V61157" i="1"/>
  <c r="V61158" i="1"/>
  <c r="V61159" i="1"/>
  <c r="V61160" i="1"/>
  <c r="V61161" i="1"/>
  <c r="V61162" i="1"/>
  <c r="V61163" i="1"/>
  <c r="V61164" i="1"/>
  <c r="V61165" i="1"/>
  <c r="V61166" i="1"/>
  <c r="V61167" i="1"/>
  <c r="V61168" i="1"/>
  <c r="V61169" i="1"/>
  <c r="V61170" i="1"/>
  <c r="V61171" i="1"/>
  <c r="V61172" i="1"/>
  <c r="V61173" i="1"/>
  <c r="V61174" i="1"/>
  <c r="V61175" i="1"/>
  <c r="V61176" i="1"/>
  <c r="V61177" i="1"/>
  <c r="V61178" i="1"/>
  <c r="V61179" i="1"/>
  <c r="V61180" i="1"/>
  <c r="V61181" i="1"/>
  <c r="V61182" i="1"/>
  <c r="V61183" i="1"/>
  <c r="V61184" i="1"/>
  <c r="V61185" i="1"/>
  <c r="V61186" i="1"/>
  <c r="V61187" i="1"/>
  <c r="V61188" i="1"/>
  <c r="V61189" i="1"/>
  <c r="V61190" i="1"/>
  <c r="V61191" i="1"/>
  <c r="V61192" i="1"/>
  <c r="V61193" i="1"/>
  <c r="V61194" i="1"/>
  <c r="V61195" i="1"/>
  <c r="V61196" i="1"/>
  <c r="V61197" i="1"/>
  <c r="V61198" i="1"/>
  <c r="V61199" i="1"/>
  <c r="V61200" i="1"/>
  <c r="V61201" i="1"/>
  <c r="V61202" i="1"/>
  <c r="V61203" i="1"/>
  <c r="V61204" i="1"/>
  <c r="V61205" i="1"/>
  <c r="V61206" i="1"/>
  <c r="V61207" i="1"/>
  <c r="V61208" i="1"/>
  <c r="V61209" i="1"/>
  <c r="V61210" i="1"/>
  <c r="V61211" i="1"/>
  <c r="V61212" i="1"/>
  <c r="V61213" i="1"/>
  <c r="V61214" i="1"/>
  <c r="V61215" i="1"/>
  <c r="V61216" i="1"/>
  <c r="V61217" i="1"/>
  <c r="V61218" i="1"/>
  <c r="V61219" i="1"/>
  <c r="V61220" i="1"/>
  <c r="V61221" i="1"/>
  <c r="V61222" i="1"/>
  <c r="V61223" i="1"/>
  <c r="V61224" i="1"/>
  <c r="V61225" i="1"/>
  <c r="V61226" i="1"/>
  <c r="V61227" i="1"/>
  <c r="V61228" i="1"/>
  <c r="V61229" i="1"/>
  <c r="V61230" i="1"/>
  <c r="V61231" i="1"/>
  <c r="V61232" i="1"/>
  <c r="V61233" i="1"/>
  <c r="V61234" i="1"/>
  <c r="V61235" i="1"/>
  <c r="V61236" i="1"/>
  <c r="V61237" i="1"/>
  <c r="V61238" i="1"/>
  <c r="V61239" i="1"/>
  <c r="V61240" i="1"/>
  <c r="V61241" i="1"/>
  <c r="V61242" i="1"/>
  <c r="V61243" i="1"/>
  <c r="V61244" i="1"/>
  <c r="V61245" i="1"/>
  <c r="V61246" i="1"/>
  <c r="V61247" i="1"/>
  <c r="V61248" i="1"/>
  <c r="V61249" i="1"/>
  <c r="V61250" i="1"/>
  <c r="V61251" i="1"/>
  <c r="V61252" i="1"/>
  <c r="V61253" i="1"/>
  <c r="V61254" i="1"/>
  <c r="V61255" i="1"/>
  <c r="V61256" i="1"/>
  <c r="V61257" i="1"/>
  <c r="V61258" i="1"/>
  <c r="V61259" i="1"/>
  <c r="V61260" i="1"/>
  <c r="V61261" i="1"/>
  <c r="V61262" i="1"/>
  <c r="V61263" i="1"/>
  <c r="V61264" i="1"/>
  <c r="V61265" i="1"/>
  <c r="V61266" i="1"/>
  <c r="V61267" i="1"/>
  <c r="V61268" i="1"/>
  <c r="V61269" i="1"/>
  <c r="V61270" i="1"/>
  <c r="V61271" i="1"/>
  <c r="V61272" i="1"/>
  <c r="V61273" i="1"/>
  <c r="V61274" i="1"/>
  <c r="V61275" i="1"/>
  <c r="V61276" i="1"/>
  <c r="V61277" i="1"/>
  <c r="V61278" i="1"/>
  <c r="V61279" i="1"/>
  <c r="V61280" i="1"/>
  <c r="V61281" i="1"/>
  <c r="V61282" i="1"/>
  <c r="V61283" i="1"/>
  <c r="V61284" i="1"/>
  <c r="V61285" i="1"/>
  <c r="V61286" i="1"/>
  <c r="V61287" i="1"/>
  <c r="V61288" i="1"/>
  <c r="V61289" i="1"/>
  <c r="V61290" i="1"/>
  <c r="V61291" i="1"/>
  <c r="V61292" i="1"/>
  <c r="V61293" i="1"/>
  <c r="V61294" i="1"/>
  <c r="V61295" i="1"/>
  <c r="V61296" i="1"/>
  <c r="V61297" i="1"/>
  <c r="V61298" i="1"/>
  <c r="V61299" i="1"/>
  <c r="V61300" i="1"/>
  <c r="V61301" i="1"/>
  <c r="V61302" i="1"/>
  <c r="V61303" i="1"/>
  <c r="V61304" i="1"/>
  <c r="V61305" i="1"/>
  <c r="V61306" i="1"/>
  <c r="V61307" i="1"/>
  <c r="V61308" i="1"/>
  <c r="V61309" i="1"/>
  <c r="V61310" i="1"/>
  <c r="V61311" i="1"/>
  <c r="V61312" i="1"/>
  <c r="V61313" i="1"/>
  <c r="V61314" i="1"/>
  <c r="V61315" i="1"/>
  <c r="V61316" i="1"/>
  <c r="V61317" i="1"/>
  <c r="V61318" i="1"/>
  <c r="V61319" i="1"/>
  <c r="V61320" i="1"/>
  <c r="V61321" i="1"/>
  <c r="V61322" i="1"/>
  <c r="V61323" i="1"/>
  <c r="V61324" i="1"/>
  <c r="V61325" i="1"/>
  <c r="V61326" i="1"/>
  <c r="V61327" i="1"/>
  <c r="V61328" i="1"/>
  <c r="V61329" i="1"/>
  <c r="V61330" i="1"/>
  <c r="V61331" i="1"/>
  <c r="V61332" i="1"/>
  <c r="V61333" i="1"/>
  <c r="V61334" i="1"/>
  <c r="V61335" i="1"/>
  <c r="V61336" i="1"/>
  <c r="V61337" i="1"/>
  <c r="V61338" i="1"/>
  <c r="V61339" i="1"/>
  <c r="V61340" i="1"/>
  <c r="V61341" i="1"/>
  <c r="V61342" i="1"/>
  <c r="V61343" i="1"/>
  <c r="V61344" i="1"/>
  <c r="V61345" i="1"/>
  <c r="V61346" i="1"/>
  <c r="V61347" i="1"/>
  <c r="V61348" i="1"/>
  <c r="V61349" i="1"/>
  <c r="V61350" i="1"/>
  <c r="V61351" i="1"/>
  <c r="V61352" i="1"/>
  <c r="V61353" i="1"/>
  <c r="V61354" i="1"/>
  <c r="V61355" i="1"/>
  <c r="V61356" i="1"/>
  <c r="V61357" i="1"/>
  <c r="V61358" i="1"/>
  <c r="V61359" i="1"/>
  <c r="V61360" i="1"/>
  <c r="V61361" i="1"/>
  <c r="V61362" i="1"/>
  <c r="V61363" i="1"/>
  <c r="V61364" i="1"/>
  <c r="V61365" i="1"/>
  <c r="V61366" i="1"/>
  <c r="V61367" i="1"/>
  <c r="V61368" i="1"/>
  <c r="V61369" i="1"/>
  <c r="V61370" i="1"/>
  <c r="V61371" i="1"/>
  <c r="V61372" i="1"/>
  <c r="V61373" i="1"/>
  <c r="V61374" i="1"/>
  <c r="V61375" i="1"/>
  <c r="V61376" i="1"/>
  <c r="V61377" i="1"/>
  <c r="V61378" i="1"/>
  <c r="V61379" i="1"/>
  <c r="V61380" i="1"/>
  <c r="V61381" i="1"/>
  <c r="V61382" i="1"/>
  <c r="V61383" i="1"/>
  <c r="V61384" i="1"/>
  <c r="V61385" i="1"/>
  <c r="V61386" i="1"/>
  <c r="V61387" i="1"/>
  <c r="V61388" i="1"/>
  <c r="V61389" i="1"/>
  <c r="V61390" i="1"/>
  <c r="V61391" i="1"/>
  <c r="V61392" i="1"/>
  <c r="V61393" i="1"/>
  <c r="V61394" i="1"/>
  <c r="V61395" i="1"/>
  <c r="V61396" i="1"/>
  <c r="V61397" i="1"/>
  <c r="V61398" i="1"/>
  <c r="V61399" i="1"/>
  <c r="V61400" i="1"/>
  <c r="V61401" i="1"/>
  <c r="V61402" i="1"/>
  <c r="V61403" i="1"/>
  <c r="V61404" i="1"/>
  <c r="V61405" i="1"/>
  <c r="V61406" i="1"/>
  <c r="V61407" i="1"/>
  <c r="V61408" i="1"/>
  <c r="V61409" i="1"/>
  <c r="V61410" i="1"/>
  <c r="V61411" i="1"/>
  <c r="V61412" i="1"/>
  <c r="V61413" i="1"/>
  <c r="V61414" i="1"/>
  <c r="V61415" i="1"/>
  <c r="V61416" i="1"/>
  <c r="V61417" i="1"/>
  <c r="V61418" i="1"/>
  <c r="V61419" i="1"/>
  <c r="V61420" i="1"/>
  <c r="V61421" i="1"/>
  <c r="V61422" i="1"/>
  <c r="V61423" i="1"/>
  <c r="V61424" i="1"/>
  <c r="V61425" i="1"/>
  <c r="V61426" i="1"/>
  <c r="V61427" i="1"/>
  <c r="V61428" i="1"/>
  <c r="V61429" i="1"/>
  <c r="V61430" i="1"/>
  <c r="V61431" i="1"/>
  <c r="V61432" i="1"/>
  <c r="V61433" i="1"/>
  <c r="V61434" i="1"/>
  <c r="V61435" i="1"/>
  <c r="V61436" i="1"/>
  <c r="V61437" i="1"/>
  <c r="V61438" i="1"/>
  <c r="V61439" i="1"/>
  <c r="V61440" i="1"/>
  <c r="V61441" i="1"/>
  <c r="V61442" i="1"/>
  <c r="V61443" i="1"/>
  <c r="V61444" i="1"/>
  <c r="V61445" i="1"/>
  <c r="V61446" i="1"/>
  <c r="V61447" i="1"/>
  <c r="V61448" i="1"/>
  <c r="V61449" i="1"/>
  <c r="V61450" i="1"/>
  <c r="V61451" i="1"/>
  <c r="V61452" i="1"/>
  <c r="V61453" i="1"/>
  <c r="V61454" i="1"/>
  <c r="V61455" i="1"/>
  <c r="V61456" i="1"/>
  <c r="V61457" i="1"/>
  <c r="V61458" i="1"/>
  <c r="V61459" i="1"/>
  <c r="V61460" i="1"/>
  <c r="V61461" i="1"/>
  <c r="V61462" i="1"/>
  <c r="V61463" i="1"/>
  <c r="V61464" i="1"/>
  <c r="V61465" i="1"/>
  <c r="V61466" i="1"/>
  <c r="V61467" i="1"/>
  <c r="V61468" i="1"/>
  <c r="V61469" i="1"/>
  <c r="V61470" i="1"/>
  <c r="V61471" i="1"/>
  <c r="V61472" i="1"/>
  <c r="V61473" i="1"/>
  <c r="V61474" i="1"/>
  <c r="V61475" i="1"/>
  <c r="V61476" i="1"/>
  <c r="V61477" i="1"/>
  <c r="V61478" i="1"/>
  <c r="V61479" i="1"/>
  <c r="V61480" i="1"/>
  <c r="V61481" i="1"/>
  <c r="V61482" i="1"/>
  <c r="V61483" i="1"/>
  <c r="V61484" i="1"/>
  <c r="V61485" i="1"/>
  <c r="V61486" i="1"/>
  <c r="V61487" i="1"/>
  <c r="V61488" i="1"/>
  <c r="V61489" i="1"/>
  <c r="V61490" i="1"/>
  <c r="V61491" i="1"/>
  <c r="V61492" i="1"/>
  <c r="V61493" i="1"/>
  <c r="V61494" i="1"/>
  <c r="V61495" i="1"/>
  <c r="V61496" i="1"/>
  <c r="V61497" i="1"/>
  <c r="V61498" i="1"/>
  <c r="V61499" i="1"/>
  <c r="V61500" i="1"/>
  <c r="V61501" i="1"/>
  <c r="V61502" i="1"/>
  <c r="V61503" i="1"/>
  <c r="V61504" i="1"/>
  <c r="V61505" i="1"/>
  <c r="V61506" i="1"/>
  <c r="V61507" i="1"/>
  <c r="V61508" i="1"/>
  <c r="V61509" i="1"/>
  <c r="V61510" i="1"/>
  <c r="V61511" i="1"/>
  <c r="V61512" i="1"/>
  <c r="V61513" i="1"/>
  <c r="V61514" i="1"/>
  <c r="V61515" i="1"/>
  <c r="V61516" i="1"/>
  <c r="V61517" i="1"/>
  <c r="V61518" i="1"/>
  <c r="V61519" i="1"/>
  <c r="V61520" i="1"/>
  <c r="V61521" i="1"/>
  <c r="V61522" i="1"/>
  <c r="V61523" i="1"/>
  <c r="V61524" i="1"/>
  <c r="V61525" i="1"/>
  <c r="V61526" i="1"/>
  <c r="V61527" i="1"/>
  <c r="V61528" i="1"/>
  <c r="V61529" i="1"/>
  <c r="V61530" i="1"/>
  <c r="V61531" i="1"/>
  <c r="V61532" i="1"/>
  <c r="V61533" i="1"/>
  <c r="V61534" i="1"/>
  <c r="V61535" i="1"/>
  <c r="V61536" i="1"/>
  <c r="V61537" i="1"/>
  <c r="V61538" i="1"/>
  <c r="V61539" i="1"/>
  <c r="V61540" i="1"/>
  <c r="V61541" i="1"/>
  <c r="V61542" i="1"/>
  <c r="V61543" i="1"/>
  <c r="V61544" i="1"/>
  <c r="V61545" i="1"/>
  <c r="V61546" i="1"/>
  <c r="V61547" i="1"/>
  <c r="V61548" i="1"/>
  <c r="V61549" i="1"/>
  <c r="V61550" i="1"/>
  <c r="V61551" i="1"/>
  <c r="V61552" i="1"/>
  <c r="V61553" i="1"/>
  <c r="V61554" i="1"/>
  <c r="V61555" i="1"/>
  <c r="V61556" i="1"/>
  <c r="V61557" i="1"/>
  <c r="V61558" i="1"/>
  <c r="V61559" i="1"/>
  <c r="V61560" i="1"/>
  <c r="V61561" i="1"/>
  <c r="V61562" i="1"/>
  <c r="V61563" i="1"/>
  <c r="V61564" i="1"/>
  <c r="V61565" i="1"/>
  <c r="V61566" i="1"/>
  <c r="V61567" i="1"/>
  <c r="V61568" i="1"/>
  <c r="V61569" i="1"/>
  <c r="V61570" i="1"/>
  <c r="V61571" i="1"/>
  <c r="V61572" i="1"/>
  <c r="V61573" i="1"/>
  <c r="V61574" i="1"/>
  <c r="V61575" i="1"/>
  <c r="V61576" i="1"/>
  <c r="V61577" i="1"/>
  <c r="V61578" i="1"/>
  <c r="V61579" i="1"/>
  <c r="V61580" i="1"/>
  <c r="V61581" i="1"/>
  <c r="V61582" i="1"/>
  <c r="V61583" i="1"/>
  <c r="V61584" i="1"/>
  <c r="V61585" i="1"/>
  <c r="V61586" i="1"/>
  <c r="V61587" i="1"/>
  <c r="V61588" i="1"/>
  <c r="V61589" i="1"/>
  <c r="V61590" i="1"/>
  <c r="V61591" i="1"/>
  <c r="V61592" i="1"/>
  <c r="V61593" i="1"/>
  <c r="V61594" i="1"/>
  <c r="V61595" i="1"/>
  <c r="V61596" i="1"/>
  <c r="V61597" i="1"/>
  <c r="V61598" i="1"/>
  <c r="V61599" i="1"/>
  <c r="V61600" i="1"/>
  <c r="V61601" i="1"/>
  <c r="V61602" i="1"/>
  <c r="V61603" i="1"/>
  <c r="V61604" i="1"/>
  <c r="V61605" i="1"/>
  <c r="V61606" i="1"/>
  <c r="V61607" i="1"/>
  <c r="V61608" i="1"/>
  <c r="V61609" i="1"/>
  <c r="V61610" i="1"/>
  <c r="V61611" i="1"/>
  <c r="V61612" i="1"/>
  <c r="V61613" i="1"/>
  <c r="V61614" i="1"/>
  <c r="V61615" i="1"/>
  <c r="V61616" i="1"/>
  <c r="V61617" i="1"/>
  <c r="V61618" i="1"/>
  <c r="V61619" i="1"/>
  <c r="V61620" i="1"/>
  <c r="V61621" i="1"/>
  <c r="V61622" i="1"/>
  <c r="V61623" i="1"/>
  <c r="V61624" i="1"/>
  <c r="V61625" i="1"/>
  <c r="V61626" i="1"/>
  <c r="V61627" i="1"/>
  <c r="V61628" i="1"/>
  <c r="V61629" i="1"/>
  <c r="V61630" i="1"/>
  <c r="V61631" i="1"/>
  <c r="V61632" i="1"/>
  <c r="V61633" i="1"/>
  <c r="V61634" i="1"/>
  <c r="V61635" i="1"/>
  <c r="V61636" i="1"/>
  <c r="V61637" i="1"/>
  <c r="V61638" i="1"/>
  <c r="V61639" i="1"/>
  <c r="V61640" i="1"/>
  <c r="V61641" i="1"/>
  <c r="V61642" i="1"/>
  <c r="V61643" i="1"/>
  <c r="V61644" i="1"/>
  <c r="V61645" i="1"/>
  <c r="V61646" i="1"/>
  <c r="V61647" i="1"/>
  <c r="V61648" i="1"/>
  <c r="V61649" i="1"/>
  <c r="V61650" i="1"/>
  <c r="V61651" i="1"/>
  <c r="V61652" i="1"/>
  <c r="V61653" i="1"/>
  <c r="V61654" i="1"/>
  <c r="V61655" i="1"/>
  <c r="V61656" i="1"/>
  <c r="V61657" i="1"/>
  <c r="V61658" i="1"/>
  <c r="V61659" i="1"/>
  <c r="V61660" i="1"/>
  <c r="V61661" i="1"/>
  <c r="V61662" i="1"/>
  <c r="V61663" i="1"/>
  <c r="V61664" i="1"/>
  <c r="V61665" i="1"/>
  <c r="V61666" i="1"/>
  <c r="V61667" i="1"/>
  <c r="V61668" i="1"/>
  <c r="V61669" i="1"/>
  <c r="V61670" i="1"/>
  <c r="V61671" i="1"/>
  <c r="V61672" i="1"/>
  <c r="V61673" i="1"/>
  <c r="V61674" i="1"/>
  <c r="V61675" i="1"/>
  <c r="V61676" i="1"/>
  <c r="V61677" i="1"/>
  <c r="V61678" i="1"/>
  <c r="V61679" i="1"/>
  <c r="V61680" i="1"/>
  <c r="V61681" i="1"/>
  <c r="V61682" i="1"/>
  <c r="V61683" i="1"/>
  <c r="V61684" i="1"/>
  <c r="V61685" i="1"/>
  <c r="V61686" i="1"/>
  <c r="V61687" i="1"/>
  <c r="V61688" i="1"/>
  <c r="V61689" i="1"/>
  <c r="V61690" i="1"/>
  <c r="V61691" i="1"/>
  <c r="V61692" i="1"/>
  <c r="V61693" i="1"/>
  <c r="V61694" i="1"/>
  <c r="V61695" i="1"/>
  <c r="V61696" i="1"/>
  <c r="V61697" i="1"/>
  <c r="V61698" i="1"/>
  <c r="V61699" i="1"/>
  <c r="V61700" i="1"/>
  <c r="V61701" i="1"/>
  <c r="V61702" i="1"/>
  <c r="V61703" i="1"/>
  <c r="V61704" i="1"/>
  <c r="V61705" i="1"/>
  <c r="V61706" i="1"/>
  <c r="V61707" i="1"/>
  <c r="V61708" i="1"/>
  <c r="V61709" i="1"/>
  <c r="V61710" i="1"/>
  <c r="V61711" i="1"/>
  <c r="V61712" i="1"/>
  <c r="V61713" i="1"/>
  <c r="V61714" i="1"/>
  <c r="V61715" i="1"/>
  <c r="V61716" i="1"/>
  <c r="V61717" i="1"/>
  <c r="V61718" i="1"/>
  <c r="V61719" i="1"/>
  <c r="V61720" i="1"/>
  <c r="V61721" i="1"/>
  <c r="V61722" i="1"/>
  <c r="V61723" i="1"/>
  <c r="V61724" i="1"/>
  <c r="V61725" i="1"/>
  <c r="V61726" i="1"/>
  <c r="V61727" i="1"/>
  <c r="V61728" i="1"/>
  <c r="V61729" i="1"/>
  <c r="V61730" i="1"/>
  <c r="V61731" i="1"/>
  <c r="V61732" i="1"/>
  <c r="V61733" i="1"/>
  <c r="V61734" i="1"/>
  <c r="V61735" i="1"/>
  <c r="V61736" i="1"/>
  <c r="V61737" i="1"/>
  <c r="V61738" i="1"/>
  <c r="V61739" i="1"/>
  <c r="V61740" i="1"/>
  <c r="V61741" i="1"/>
  <c r="V61742" i="1"/>
  <c r="V61743" i="1"/>
  <c r="V61744" i="1"/>
  <c r="V61745" i="1"/>
  <c r="V61746" i="1"/>
  <c r="V61747" i="1"/>
  <c r="V61748" i="1"/>
  <c r="V61749" i="1"/>
  <c r="V61750" i="1"/>
  <c r="V61751" i="1"/>
  <c r="V61752" i="1"/>
  <c r="V61753" i="1"/>
  <c r="V61754" i="1"/>
  <c r="V61755" i="1"/>
  <c r="V61756" i="1"/>
  <c r="V61757" i="1"/>
  <c r="V61758" i="1"/>
  <c r="V61759" i="1"/>
  <c r="V61760" i="1"/>
  <c r="V61761" i="1"/>
  <c r="V61762" i="1"/>
  <c r="V61763" i="1"/>
  <c r="V61764" i="1"/>
  <c r="V61765" i="1"/>
  <c r="V61766" i="1"/>
  <c r="V61767" i="1"/>
  <c r="V61768" i="1"/>
  <c r="V61769" i="1"/>
  <c r="V61770" i="1"/>
  <c r="V61771" i="1"/>
  <c r="V61772" i="1"/>
  <c r="V61773" i="1"/>
  <c r="V61774" i="1"/>
  <c r="V61775" i="1"/>
  <c r="V61776" i="1"/>
  <c r="V61777" i="1"/>
  <c r="V61778" i="1"/>
  <c r="V61779" i="1"/>
  <c r="V61780" i="1"/>
  <c r="V61781" i="1"/>
  <c r="V61782" i="1"/>
  <c r="V61783" i="1"/>
  <c r="V61784" i="1"/>
  <c r="V61785" i="1"/>
  <c r="V61786" i="1"/>
  <c r="V61787" i="1"/>
  <c r="V61788" i="1"/>
  <c r="V61789" i="1"/>
  <c r="V61790" i="1"/>
  <c r="V61791" i="1"/>
  <c r="V61792" i="1"/>
  <c r="V61793" i="1"/>
  <c r="V61794" i="1"/>
  <c r="V61795" i="1"/>
  <c r="V61796" i="1"/>
  <c r="V61797" i="1"/>
  <c r="V61798" i="1"/>
  <c r="V61799" i="1"/>
  <c r="V61800" i="1"/>
  <c r="V61801" i="1"/>
  <c r="V61802" i="1"/>
  <c r="V61803" i="1"/>
  <c r="V61804" i="1"/>
  <c r="V61805" i="1"/>
  <c r="V61806" i="1"/>
  <c r="V61807" i="1"/>
  <c r="V61808" i="1"/>
  <c r="V61809" i="1"/>
  <c r="V61810" i="1"/>
  <c r="V61811" i="1"/>
  <c r="V61812" i="1"/>
  <c r="V61813" i="1"/>
  <c r="V61814" i="1"/>
  <c r="V61815" i="1"/>
  <c r="V61816" i="1"/>
  <c r="V61817" i="1"/>
  <c r="V61818" i="1"/>
  <c r="V61819" i="1"/>
  <c r="V61820" i="1"/>
  <c r="V61821" i="1"/>
  <c r="V61822" i="1"/>
  <c r="V61823" i="1"/>
  <c r="V61824" i="1"/>
  <c r="V61825" i="1"/>
  <c r="V61826" i="1"/>
  <c r="V61827" i="1"/>
  <c r="V61828" i="1"/>
  <c r="V61829" i="1"/>
  <c r="V61830" i="1"/>
  <c r="V61831" i="1"/>
  <c r="V61832" i="1"/>
  <c r="V61833" i="1"/>
  <c r="V61834" i="1"/>
  <c r="V61835" i="1"/>
  <c r="V61836" i="1"/>
  <c r="V61837" i="1"/>
  <c r="V61838" i="1"/>
  <c r="V61839" i="1"/>
  <c r="V61840" i="1"/>
  <c r="V61841" i="1"/>
  <c r="V61842" i="1"/>
  <c r="V61843" i="1"/>
  <c r="V61844" i="1"/>
  <c r="V61845" i="1"/>
  <c r="V61846" i="1"/>
  <c r="V61847" i="1"/>
  <c r="V61848" i="1"/>
  <c r="V61849" i="1"/>
  <c r="V61850" i="1"/>
  <c r="V61851" i="1"/>
  <c r="V61852" i="1"/>
  <c r="V61853" i="1"/>
  <c r="V61854" i="1"/>
  <c r="V61855" i="1"/>
  <c r="V61856" i="1"/>
  <c r="V61857" i="1"/>
  <c r="V61858" i="1"/>
  <c r="V61859" i="1"/>
  <c r="V61860" i="1"/>
  <c r="V61861" i="1"/>
  <c r="V61862" i="1"/>
  <c r="V61863" i="1"/>
  <c r="V61864" i="1"/>
  <c r="V61865" i="1"/>
  <c r="V61866" i="1"/>
  <c r="V61867" i="1"/>
  <c r="V61868" i="1"/>
  <c r="V61869" i="1"/>
  <c r="V61870" i="1"/>
  <c r="V61871" i="1"/>
  <c r="V61872" i="1"/>
  <c r="V61873" i="1"/>
  <c r="V61874" i="1"/>
  <c r="V61875" i="1"/>
  <c r="V61876" i="1"/>
  <c r="V61877" i="1"/>
  <c r="V61878" i="1"/>
  <c r="V61879" i="1"/>
  <c r="V61880" i="1"/>
  <c r="V61881" i="1"/>
  <c r="V61882" i="1"/>
  <c r="V61883" i="1"/>
  <c r="V61884" i="1"/>
  <c r="V61885" i="1"/>
  <c r="V61886" i="1"/>
  <c r="V61887" i="1"/>
  <c r="V61888" i="1"/>
  <c r="V61889" i="1"/>
  <c r="V61890" i="1"/>
  <c r="V61891" i="1"/>
  <c r="V61892" i="1"/>
  <c r="V61893" i="1"/>
  <c r="V61894" i="1"/>
  <c r="V61895" i="1"/>
  <c r="V61896" i="1"/>
  <c r="V61897" i="1"/>
  <c r="V61898" i="1"/>
  <c r="V61899" i="1"/>
  <c r="V61900" i="1"/>
  <c r="V61901" i="1"/>
  <c r="V61902" i="1"/>
  <c r="V61903" i="1"/>
  <c r="V61904" i="1"/>
  <c r="V61905" i="1"/>
  <c r="V61906" i="1"/>
  <c r="V61907" i="1"/>
  <c r="V61908" i="1"/>
  <c r="V61909" i="1"/>
  <c r="V61910" i="1"/>
  <c r="V61911" i="1"/>
  <c r="V61912" i="1"/>
  <c r="V61913" i="1"/>
  <c r="V61914" i="1"/>
  <c r="V61915" i="1"/>
  <c r="V61916" i="1"/>
  <c r="V61917" i="1"/>
  <c r="V61918" i="1"/>
  <c r="V61919" i="1"/>
  <c r="V61920" i="1"/>
  <c r="V61921" i="1"/>
  <c r="V61922" i="1"/>
  <c r="V61923" i="1"/>
  <c r="V61924" i="1"/>
  <c r="V61925" i="1"/>
  <c r="V61926" i="1"/>
  <c r="V61927" i="1"/>
  <c r="V61928" i="1"/>
  <c r="V61929" i="1"/>
  <c r="V61930" i="1"/>
  <c r="V61931" i="1"/>
  <c r="V61932" i="1"/>
  <c r="V61933" i="1"/>
  <c r="V61934" i="1"/>
  <c r="V61935" i="1"/>
  <c r="V61936" i="1"/>
  <c r="V61937" i="1"/>
  <c r="V61938" i="1"/>
  <c r="V61939" i="1"/>
  <c r="V61940" i="1"/>
  <c r="V61941" i="1"/>
  <c r="V61942" i="1"/>
  <c r="V61943" i="1"/>
  <c r="V61944" i="1"/>
  <c r="V61945" i="1"/>
  <c r="V61946" i="1"/>
  <c r="V61947" i="1"/>
  <c r="V61948" i="1"/>
  <c r="V61949" i="1"/>
  <c r="V61950" i="1"/>
  <c r="V61951" i="1"/>
  <c r="V61952" i="1"/>
  <c r="V61953" i="1"/>
  <c r="V61954" i="1"/>
  <c r="V61955" i="1"/>
  <c r="V61956" i="1"/>
  <c r="V61957" i="1"/>
  <c r="V61958" i="1"/>
  <c r="V61959" i="1"/>
  <c r="V61960" i="1"/>
  <c r="V61961" i="1"/>
  <c r="V61962" i="1"/>
  <c r="V61963" i="1"/>
  <c r="V61964" i="1"/>
  <c r="V61965" i="1"/>
  <c r="V61966" i="1"/>
  <c r="V61967" i="1"/>
  <c r="V61968" i="1"/>
  <c r="V61969" i="1"/>
  <c r="V61970" i="1"/>
  <c r="V61971" i="1"/>
  <c r="V61972" i="1"/>
  <c r="V61973" i="1"/>
  <c r="V61974" i="1"/>
  <c r="V61975" i="1"/>
  <c r="V61976" i="1"/>
  <c r="V61977" i="1"/>
  <c r="V61978" i="1"/>
  <c r="V61979" i="1"/>
  <c r="V61980" i="1"/>
  <c r="V61981" i="1"/>
  <c r="V61982" i="1"/>
  <c r="V61983" i="1"/>
  <c r="V61984" i="1"/>
  <c r="V61985" i="1"/>
  <c r="V61986" i="1"/>
  <c r="V61987" i="1"/>
  <c r="V61988" i="1"/>
  <c r="V61989" i="1"/>
  <c r="V61990" i="1"/>
  <c r="V61991" i="1"/>
  <c r="V61992" i="1"/>
  <c r="V61993" i="1"/>
  <c r="V61994" i="1"/>
  <c r="V61995" i="1"/>
  <c r="V61996" i="1"/>
  <c r="V61997" i="1"/>
  <c r="V61998" i="1"/>
  <c r="V61999" i="1"/>
  <c r="V62000" i="1"/>
  <c r="V62001" i="1"/>
  <c r="V62002" i="1"/>
  <c r="V62003" i="1"/>
  <c r="V62004" i="1"/>
  <c r="V62005" i="1"/>
  <c r="V62006" i="1"/>
  <c r="V62007" i="1"/>
  <c r="V62008" i="1"/>
  <c r="V62009" i="1"/>
  <c r="V62010" i="1"/>
  <c r="V62011" i="1"/>
  <c r="V62012" i="1"/>
  <c r="V62013" i="1"/>
  <c r="V62014" i="1"/>
  <c r="V62015" i="1"/>
  <c r="V62016" i="1"/>
  <c r="V62017" i="1"/>
  <c r="V62018" i="1"/>
  <c r="V62019" i="1"/>
  <c r="V62020" i="1"/>
  <c r="V62021" i="1"/>
  <c r="V62022" i="1"/>
  <c r="V62023" i="1"/>
  <c r="V62024" i="1"/>
  <c r="V62025" i="1"/>
  <c r="V62026" i="1"/>
  <c r="V62027" i="1"/>
  <c r="V62028" i="1"/>
  <c r="V62029" i="1"/>
  <c r="V62030" i="1"/>
  <c r="V62031" i="1"/>
  <c r="V62032" i="1"/>
  <c r="V62033" i="1"/>
  <c r="V62034" i="1"/>
  <c r="V62035" i="1"/>
  <c r="V62036" i="1"/>
  <c r="V62037" i="1"/>
  <c r="V62038" i="1"/>
  <c r="V62039" i="1"/>
  <c r="V62040" i="1"/>
  <c r="V62041" i="1"/>
  <c r="V62042" i="1"/>
  <c r="V62043" i="1"/>
  <c r="V62044" i="1"/>
  <c r="V62045" i="1"/>
  <c r="V62046" i="1"/>
  <c r="V62047" i="1"/>
  <c r="V62048" i="1"/>
  <c r="V62049" i="1"/>
  <c r="V62050" i="1"/>
  <c r="V62051" i="1"/>
  <c r="V62052" i="1"/>
  <c r="V62053" i="1"/>
  <c r="V62054" i="1"/>
  <c r="V62055" i="1"/>
  <c r="V62056" i="1"/>
  <c r="V62057" i="1"/>
  <c r="V62058" i="1"/>
  <c r="V62059" i="1"/>
  <c r="V62060" i="1"/>
  <c r="V62061" i="1"/>
  <c r="V62062" i="1"/>
  <c r="V62063" i="1"/>
  <c r="V62064" i="1"/>
  <c r="V62065" i="1"/>
  <c r="V62066" i="1"/>
  <c r="V62067" i="1"/>
  <c r="V62068" i="1"/>
  <c r="V62069" i="1"/>
  <c r="V62070" i="1"/>
  <c r="V62071" i="1"/>
  <c r="V62072" i="1"/>
  <c r="V62073" i="1"/>
  <c r="V62074" i="1"/>
  <c r="V62075" i="1"/>
  <c r="V62076" i="1"/>
  <c r="V62077" i="1"/>
  <c r="V62078" i="1"/>
  <c r="V62079" i="1"/>
  <c r="V62080" i="1"/>
  <c r="V62081" i="1"/>
  <c r="V62082" i="1"/>
  <c r="V62083" i="1"/>
  <c r="V62084" i="1"/>
  <c r="V62085" i="1"/>
  <c r="V62086" i="1"/>
  <c r="V62087" i="1"/>
  <c r="V62088" i="1"/>
  <c r="V62089" i="1"/>
  <c r="V62090" i="1"/>
  <c r="V62091" i="1"/>
  <c r="V62092" i="1"/>
  <c r="V62093" i="1"/>
  <c r="V62094" i="1"/>
  <c r="V62095" i="1"/>
  <c r="V62096" i="1"/>
  <c r="V62097" i="1"/>
  <c r="V62098" i="1"/>
  <c r="V62099" i="1"/>
  <c r="V62100" i="1"/>
  <c r="V62101" i="1"/>
  <c r="V62102" i="1"/>
  <c r="V62103" i="1"/>
  <c r="V62104" i="1"/>
  <c r="V62105" i="1"/>
  <c r="V62106" i="1"/>
  <c r="V62107" i="1"/>
  <c r="V62108" i="1"/>
  <c r="V62109" i="1"/>
  <c r="V62110" i="1"/>
  <c r="V62111" i="1"/>
  <c r="V62112" i="1"/>
  <c r="V62113" i="1"/>
  <c r="V62114" i="1"/>
  <c r="V62115" i="1"/>
  <c r="V62116" i="1"/>
  <c r="V62117" i="1"/>
  <c r="V62118" i="1"/>
  <c r="V62119" i="1"/>
  <c r="V62120" i="1"/>
  <c r="V62121" i="1"/>
  <c r="V62122" i="1"/>
  <c r="V62123" i="1"/>
  <c r="V62124" i="1"/>
  <c r="V62125" i="1"/>
  <c r="V62126" i="1"/>
  <c r="V62127" i="1"/>
  <c r="V62128" i="1"/>
  <c r="V62129" i="1"/>
  <c r="V62130" i="1"/>
  <c r="V62131" i="1"/>
  <c r="V62132" i="1"/>
  <c r="V62133" i="1"/>
  <c r="V62134" i="1"/>
  <c r="V62135" i="1"/>
  <c r="V62136" i="1"/>
  <c r="V62137" i="1"/>
  <c r="V62138" i="1"/>
  <c r="V62139" i="1"/>
  <c r="V62140" i="1"/>
  <c r="V62141" i="1"/>
  <c r="V62142" i="1"/>
  <c r="V62143" i="1"/>
  <c r="V62144" i="1"/>
  <c r="V62145" i="1"/>
  <c r="V62146" i="1"/>
  <c r="V62147" i="1"/>
  <c r="V62148" i="1"/>
  <c r="V62149" i="1"/>
  <c r="V62150" i="1"/>
  <c r="V62151" i="1"/>
  <c r="V62152" i="1"/>
  <c r="V62153" i="1"/>
  <c r="V62154" i="1"/>
  <c r="V62155" i="1"/>
  <c r="V62156" i="1"/>
  <c r="V62157" i="1"/>
  <c r="V62158" i="1"/>
  <c r="V62159" i="1"/>
  <c r="V62160" i="1"/>
  <c r="V62161" i="1"/>
  <c r="V62162" i="1"/>
  <c r="V62163" i="1"/>
  <c r="V62164" i="1"/>
  <c r="V62165" i="1"/>
  <c r="V62166" i="1"/>
  <c r="V62167" i="1"/>
  <c r="V62168" i="1"/>
  <c r="V62169" i="1"/>
  <c r="V62170" i="1"/>
  <c r="V62171" i="1"/>
  <c r="V62172" i="1"/>
  <c r="V62173" i="1"/>
  <c r="V62174" i="1"/>
  <c r="V62175" i="1"/>
  <c r="V62176" i="1"/>
  <c r="V62177" i="1"/>
  <c r="V62178" i="1"/>
  <c r="V62179" i="1"/>
  <c r="V62180" i="1"/>
  <c r="V62181" i="1"/>
  <c r="V62182" i="1"/>
  <c r="V62183" i="1"/>
  <c r="V62184" i="1"/>
  <c r="V62185" i="1"/>
  <c r="V62186" i="1"/>
  <c r="V62187" i="1"/>
  <c r="V62188" i="1"/>
  <c r="V62189" i="1"/>
  <c r="V62190" i="1"/>
  <c r="V62191" i="1"/>
  <c r="V62192" i="1"/>
  <c r="V62193" i="1"/>
  <c r="V62194" i="1"/>
  <c r="V62195" i="1"/>
  <c r="V62196" i="1"/>
  <c r="V62197" i="1"/>
  <c r="V62198" i="1"/>
  <c r="V62199" i="1"/>
  <c r="V62200" i="1"/>
  <c r="V62201" i="1"/>
  <c r="V62202" i="1"/>
  <c r="V62203" i="1"/>
  <c r="V62204" i="1"/>
  <c r="V62205" i="1"/>
  <c r="V62206" i="1"/>
  <c r="V62207" i="1"/>
  <c r="V62208" i="1"/>
  <c r="V62209" i="1"/>
  <c r="V62210" i="1"/>
  <c r="V62211" i="1"/>
  <c r="V62212" i="1"/>
  <c r="V62213" i="1"/>
  <c r="V62214" i="1"/>
  <c r="V62215" i="1"/>
  <c r="V62216" i="1"/>
  <c r="V62217" i="1"/>
  <c r="V62218" i="1"/>
  <c r="V62219" i="1"/>
  <c r="V62220" i="1"/>
  <c r="V62221" i="1"/>
  <c r="V62222" i="1"/>
  <c r="V62223" i="1"/>
  <c r="V62224" i="1"/>
  <c r="V62225" i="1"/>
  <c r="V62226" i="1"/>
  <c r="V62227" i="1"/>
  <c r="V62228" i="1"/>
  <c r="V62229" i="1"/>
  <c r="V62230" i="1"/>
  <c r="V62231" i="1"/>
  <c r="V62232" i="1"/>
  <c r="V62233" i="1"/>
  <c r="V62234" i="1"/>
  <c r="V62235" i="1"/>
  <c r="V62236" i="1"/>
  <c r="V62237" i="1"/>
  <c r="V62238" i="1"/>
  <c r="V62239" i="1"/>
  <c r="V62240" i="1"/>
  <c r="V62241" i="1"/>
  <c r="V62242" i="1"/>
  <c r="V62243" i="1"/>
  <c r="V62244" i="1"/>
  <c r="V62245" i="1"/>
  <c r="V62246" i="1"/>
  <c r="V62247" i="1"/>
  <c r="V62248" i="1"/>
  <c r="V62249" i="1"/>
  <c r="V62250" i="1"/>
  <c r="V62251" i="1"/>
  <c r="V62252" i="1"/>
  <c r="V62253" i="1"/>
  <c r="V62254" i="1"/>
  <c r="V62255" i="1"/>
  <c r="V62256" i="1"/>
  <c r="V62257" i="1"/>
  <c r="V62258" i="1"/>
  <c r="V62259" i="1"/>
  <c r="V62260" i="1"/>
  <c r="V62261" i="1"/>
  <c r="V62262" i="1"/>
  <c r="V62263" i="1"/>
  <c r="V62264" i="1"/>
  <c r="V62265" i="1"/>
  <c r="V62266" i="1"/>
  <c r="V62267" i="1"/>
  <c r="V62268" i="1"/>
  <c r="V62269" i="1"/>
  <c r="V62270" i="1"/>
  <c r="V62271" i="1"/>
  <c r="V62272" i="1"/>
  <c r="V62273" i="1"/>
  <c r="V62274" i="1"/>
  <c r="V62275" i="1"/>
  <c r="V62276" i="1"/>
  <c r="V62277" i="1"/>
  <c r="V62278" i="1"/>
  <c r="V62279" i="1"/>
  <c r="V62280" i="1"/>
  <c r="V62281" i="1"/>
  <c r="V62282" i="1"/>
  <c r="V62283" i="1"/>
  <c r="V62284" i="1"/>
  <c r="V62285" i="1"/>
  <c r="V62286" i="1"/>
  <c r="V62287" i="1"/>
  <c r="V62288" i="1"/>
  <c r="V62289" i="1"/>
  <c r="V62290" i="1"/>
  <c r="V62291" i="1"/>
  <c r="V62292" i="1"/>
  <c r="V62293" i="1"/>
  <c r="V62294" i="1"/>
  <c r="V62295" i="1"/>
  <c r="V62296" i="1"/>
  <c r="V62297" i="1"/>
  <c r="V62298" i="1"/>
  <c r="V62299" i="1"/>
  <c r="V62300" i="1"/>
  <c r="V62301" i="1"/>
  <c r="V62302" i="1"/>
  <c r="V62303" i="1"/>
  <c r="V62304" i="1"/>
  <c r="V62305" i="1"/>
  <c r="V62306" i="1"/>
  <c r="V62307" i="1"/>
  <c r="V62308" i="1"/>
  <c r="V62309" i="1"/>
  <c r="V62310" i="1"/>
  <c r="V62311" i="1"/>
  <c r="V62312" i="1"/>
  <c r="V62313" i="1"/>
  <c r="V62314" i="1"/>
  <c r="V62315" i="1"/>
  <c r="V62316" i="1"/>
  <c r="V62317" i="1"/>
  <c r="V62318" i="1"/>
  <c r="V62319" i="1"/>
  <c r="V62320" i="1"/>
  <c r="V62321" i="1"/>
  <c r="V62322" i="1"/>
  <c r="V62323" i="1"/>
  <c r="V62324" i="1"/>
  <c r="V62325" i="1"/>
  <c r="V62326" i="1"/>
  <c r="V62327" i="1"/>
  <c r="V62328" i="1"/>
  <c r="V62329" i="1"/>
  <c r="V62330" i="1"/>
  <c r="V62331" i="1"/>
  <c r="V62332" i="1"/>
  <c r="V62333" i="1"/>
  <c r="V62334" i="1"/>
  <c r="V62335" i="1"/>
  <c r="V62336" i="1"/>
  <c r="V62337" i="1"/>
  <c r="V62338" i="1"/>
  <c r="V62339" i="1"/>
  <c r="V62340" i="1"/>
  <c r="V62341" i="1"/>
  <c r="V62342" i="1"/>
  <c r="V62343" i="1"/>
  <c r="V62344" i="1"/>
  <c r="V62345" i="1"/>
  <c r="V62346" i="1"/>
  <c r="V62347" i="1"/>
  <c r="V62348" i="1"/>
  <c r="V62349" i="1"/>
  <c r="V62350" i="1"/>
  <c r="V62351" i="1"/>
  <c r="V62352" i="1"/>
  <c r="V62353" i="1"/>
  <c r="V62354" i="1"/>
  <c r="V62355" i="1"/>
  <c r="V62356" i="1"/>
  <c r="V62357" i="1"/>
  <c r="V62358" i="1"/>
  <c r="V62359" i="1"/>
  <c r="V62360" i="1"/>
  <c r="V62361" i="1"/>
  <c r="V62362" i="1"/>
  <c r="V62363" i="1"/>
  <c r="V62364" i="1"/>
  <c r="V62365" i="1"/>
  <c r="V62366" i="1"/>
  <c r="V62367" i="1"/>
  <c r="V62368" i="1"/>
  <c r="V62369" i="1"/>
  <c r="V62370" i="1"/>
  <c r="V62371" i="1"/>
  <c r="V62372" i="1"/>
  <c r="V62373" i="1"/>
  <c r="V62374" i="1"/>
  <c r="V62375" i="1"/>
  <c r="V62376" i="1"/>
  <c r="V62377" i="1"/>
  <c r="V62378" i="1"/>
  <c r="V62379" i="1"/>
  <c r="V62380" i="1"/>
  <c r="V62381" i="1"/>
  <c r="V62382" i="1"/>
  <c r="V62383" i="1"/>
  <c r="V62384" i="1"/>
  <c r="V62385" i="1"/>
  <c r="V62386" i="1"/>
  <c r="V62387" i="1"/>
  <c r="V62388" i="1"/>
  <c r="V62389" i="1"/>
  <c r="V62390" i="1"/>
  <c r="V62391" i="1"/>
  <c r="V62392" i="1"/>
  <c r="V62393" i="1"/>
  <c r="V62394" i="1"/>
  <c r="V62395" i="1"/>
  <c r="V62396" i="1"/>
  <c r="V62397" i="1"/>
  <c r="V62398" i="1"/>
  <c r="V62399" i="1"/>
  <c r="V62400" i="1"/>
  <c r="V62401" i="1"/>
  <c r="V62402" i="1"/>
  <c r="V62403" i="1"/>
  <c r="V62404" i="1"/>
  <c r="V62405" i="1"/>
  <c r="V62406" i="1"/>
  <c r="V62407" i="1"/>
  <c r="V62408" i="1"/>
  <c r="V62409" i="1"/>
  <c r="V62410" i="1"/>
  <c r="V62411" i="1"/>
  <c r="V62412" i="1"/>
  <c r="V62413" i="1"/>
  <c r="V62414" i="1"/>
  <c r="V62415" i="1"/>
  <c r="V62416" i="1"/>
  <c r="V62417" i="1"/>
  <c r="V62418" i="1"/>
  <c r="V62419" i="1"/>
  <c r="V62420" i="1"/>
  <c r="V62421" i="1"/>
  <c r="V62422" i="1"/>
  <c r="V62423" i="1"/>
  <c r="V62424" i="1"/>
  <c r="V62425" i="1"/>
  <c r="V62426" i="1"/>
  <c r="V62427" i="1"/>
  <c r="V62428" i="1"/>
  <c r="V62429" i="1"/>
  <c r="V62430" i="1"/>
  <c r="V62431" i="1"/>
  <c r="V62432" i="1"/>
  <c r="V62433" i="1"/>
  <c r="V62434" i="1"/>
  <c r="V62435" i="1"/>
  <c r="V62436" i="1"/>
  <c r="V62437" i="1"/>
  <c r="V62438" i="1"/>
  <c r="V62439" i="1"/>
  <c r="V62440" i="1"/>
  <c r="V62441" i="1"/>
  <c r="V62442" i="1"/>
  <c r="V62443" i="1"/>
  <c r="V62444" i="1"/>
  <c r="V62445" i="1"/>
  <c r="V62446" i="1"/>
  <c r="V62447" i="1"/>
  <c r="V62448" i="1"/>
  <c r="V62449" i="1"/>
  <c r="V62450" i="1"/>
  <c r="V62451" i="1"/>
  <c r="V62452" i="1"/>
  <c r="V62453" i="1"/>
  <c r="V62454" i="1"/>
  <c r="V62455" i="1"/>
  <c r="V62456" i="1"/>
  <c r="V62457" i="1"/>
  <c r="V62458" i="1"/>
  <c r="V62459" i="1"/>
  <c r="V62460" i="1"/>
  <c r="V62461" i="1"/>
  <c r="V62462" i="1"/>
  <c r="V62463" i="1"/>
  <c r="V62464" i="1"/>
  <c r="V62465" i="1"/>
  <c r="V62466" i="1"/>
  <c r="V62467" i="1"/>
  <c r="V62468" i="1"/>
  <c r="V62469" i="1"/>
  <c r="V62470" i="1"/>
  <c r="V62471" i="1"/>
  <c r="V62472" i="1"/>
  <c r="V62473" i="1"/>
  <c r="V62474" i="1"/>
  <c r="V62475" i="1"/>
  <c r="V62476" i="1"/>
  <c r="V62477" i="1"/>
  <c r="V62478" i="1"/>
  <c r="V62479" i="1"/>
  <c r="V62480" i="1"/>
  <c r="V62481" i="1"/>
  <c r="V62482" i="1"/>
  <c r="V62483" i="1"/>
  <c r="V62484" i="1"/>
  <c r="V62485" i="1"/>
  <c r="V62486" i="1"/>
  <c r="V62487" i="1"/>
  <c r="V62488" i="1"/>
  <c r="V62489" i="1"/>
  <c r="V62490" i="1"/>
  <c r="V62491" i="1"/>
  <c r="V62492" i="1"/>
  <c r="V62493" i="1"/>
  <c r="V62494" i="1"/>
  <c r="V62495" i="1"/>
  <c r="V62496" i="1"/>
  <c r="V62497" i="1"/>
  <c r="V62498" i="1"/>
  <c r="V62499" i="1"/>
  <c r="V62500" i="1"/>
  <c r="V62501" i="1"/>
  <c r="V62502" i="1"/>
  <c r="V62503" i="1"/>
  <c r="V62504" i="1"/>
  <c r="V62505" i="1"/>
  <c r="V62506" i="1"/>
  <c r="V62507" i="1"/>
  <c r="V62508" i="1"/>
  <c r="V62509" i="1"/>
  <c r="V62510" i="1"/>
  <c r="V62511" i="1"/>
  <c r="V62512" i="1"/>
  <c r="V62513" i="1"/>
  <c r="V62514" i="1"/>
  <c r="V62515" i="1"/>
  <c r="V62516" i="1"/>
  <c r="V62517" i="1"/>
  <c r="V62518" i="1"/>
  <c r="V62519" i="1"/>
  <c r="V62520" i="1"/>
  <c r="V62521" i="1"/>
  <c r="V62522" i="1"/>
  <c r="V62523" i="1"/>
  <c r="V62524" i="1"/>
  <c r="V62525" i="1"/>
  <c r="V62526" i="1"/>
  <c r="V62527" i="1"/>
  <c r="V62528" i="1"/>
  <c r="V62529" i="1"/>
  <c r="V62530" i="1"/>
  <c r="V62531" i="1"/>
  <c r="V62532" i="1"/>
  <c r="V62533" i="1"/>
  <c r="V62534" i="1"/>
  <c r="V62535" i="1"/>
  <c r="V62536" i="1"/>
  <c r="V62537" i="1"/>
  <c r="V62538" i="1"/>
  <c r="V62539" i="1"/>
  <c r="V62540" i="1"/>
  <c r="V62541" i="1"/>
  <c r="V62542" i="1"/>
  <c r="V62543" i="1"/>
  <c r="V62544" i="1"/>
  <c r="V62545" i="1"/>
  <c r="V62546" i="1"/>
  <c r="V62547" i="1"/>
  <c r="V62548" i="1"/>
  <c r="V62549" i="1"/>
  <c r="V62550" i="1"/>
  <c r="V62551" i="1"/>
  <c r="V62552" i="1"/>
  <c r="V62553" i="1"/>
  <c r="V62554" i="1"/>
  <c r="V62555" i="1"/>
  <c r="V62556" i="1"/>
  <c r="V62557" i="1"/>
  <c r="V62558" i="1"/>
  <c r="V62559" i="1"/>
  <c r="V62560" i="1"/>
  <c r="V62561" i="1"/>
  <c r="V62562" i="1"/>
  <c r="V62563" i="1"/>
  <c r="V62564" i="1"/>
  <c r="V62565" i="1"/>
  <c r="V62566" i="1"/>
  <c r="V62567" i="1"/>
  <c r="V62568" i="1"/>
  <c r="V62569" i="1"/>
  <c r="V62570" i="1"/>
  <c r="V62571" i="1"/>
  <c r="V62572" i="1"/>
  <c r="V62573" i="1"/>
  <c r="V62574" i="1"/>
  <c r="V62575" i="1"/>
  <c r="V62576" i="1"/>
  <c r="V62577" i="1"/>
  <c r="V62578" i="1"/>
  <c r="V62579" i="1"/>
  <c r="V62580" i="1"/>
  <c r="V62581" i="1"/>
  <c r="V62582" i="1"/>
  <c r="V62583" i="1"/>
  <c r="V62584" i="1"/>
  <c r="V62585" i="1"/>
  <c r="V62586" i="1"/>
  <c r="V62587" i="1"/>
  <c r="V62588" i="1"/>
  <c r="V62589" i="1"/>
  <c r="V62590" i="1"/>
  <c r="V62591" i="1"/>
  <c r="V62592" i="1"/>
  <c r="V62593" i="1"/>
  <c r="V62594" i="1"/>
  <c r="V62595" i="1"/>
  <c r="V62596" i="1"/>
  <c r="V62597" i="1"/>
  <c r="V62598" i="1"/>
  <c r="V62599" i="1"/>
  <c r="V62600" i="1"/>
  <c r="V62601" i="1"/>
  <c r="V62602" i="1"/>
  <c r="V62603" i="1"/>
  <c r="V62604" i="1"/>
  <c r="V62605" i="1"/>
  <c r="V62606" i="1"/>
  <c r="V62607" i="1"/>
  <c r="V62608" i="1"/>
  <c r="V62609" i="1"/>
  <c r="V62610" i="1"/>
  <c r="V62611" i="1"/>
  <c r="V62612" i="1"/>
  <c r="V62613" i="1"/>
  <c r="V62614" i="1"/>
  <c r="V62615" i="1"/>
  <c r="V62616" i="1"/>
  <c r="V62617" i="1"/>
  <c r="V62618" i="1"/>
  <c r="V62619" i="1"/>
  <c r="V62620" i="1"/>
  <c r="V62621" i="1"/>
  <c r="V62622" i="1"/>
  <c r="V62623" i="1"/>
  <c r="V62624" i="1"/>
  <c r="V62625" i="1"/>
  <c r="V62626" i="1"/>
  <c r="V62627" i="1"/>
  <c r="V62628" i="1"/>
  <c r="V62629" i="1"/>
  <c r="V62630" i="1"/>
  <c r="V62631" i="1"/>
  <c r="V62632" i="1"/>
  <c r="V62633" i="1"/>
  <c r="V62634" i="1"/>
  <c r="V62635" i="1"/>
  <c r="V62636" i="1"/>
  <c r="V62637" i="1"/>
  <c r="V62638" i="1"/>
  <c r="V62639" i="1"/>
  <c r="V62640" i="1"/>
  <c r="V62641" i="1"/>
  <c r="V62642" i="1"/>
  <c r="V62643" i="1"/>
  <c r="V62644" i="1"/>
  <c r="V62645" i="1"/>
  <c r="V62646" i="1"/>
  <c r="V62647" i="1"/>
  <c r="V62648" i="1"/>
  <c r="V62649" i="1"/>
  <c r="V62650" i="1"/>
  <c r="V62651" i="1"/>
  <c r="V62652" i="1"/>
  <c r="V62653" i="1"/>
  <c r="V62654" i="1"/>
  <c r="V62655" i="1"/>
  <c r="V62656" i="1"/>
  <c r="V62657" i="1"/>
  <c r="V62658" i="1"/>
  <c r="V62659" i="1"/>
  <c r="V62660" i="1"/>
  <c r="V62661" i="1"/>
  <c r="V62662" i="1"/>
  <c r="V62663" i="1"/>
  <c r="V62664" i="1"/>
  <c r="V62665" i="1"/>
  <c r="V62666" i="1"/>
  <c r="V62667" i="1"/>
  <c r="V62668" i="1"/>
  <c r="V62669" i="1"/>
  <c r="V62670" i="1"/>
  <c r="V62671" i="1"/>
  <c r="V62672" i="1"/>
  <c r="V62673" i="1"/>
  <c r="V62674" i="1"/>
  <c r="V62675" i="1"/>
  <c r="V62676" i="1"/>
  <c r="V62677" i="1"/>
  <c r="V62678" i="1"/>
  <c r="V62679" i="1"/>
  <c r="V62680" i="1"/>
  <c r="V62681" i="1"/>
  <c r="V62682" i="1"/>
  <c r="V62683" i="1"/>
  <c r="V62684" i="1"/>
  <c r="V62685" i="1"/>
  <c r="V62686" i="1"/>
  <c r="V62687" i="1"/>
  <c r="V62688" i="1"/>
  <c r="V62689" i="1"/>
  <c r="V62690" i="1"/>
  <c r="V62691" i="1"/>
  <c r="V62692" i="1"/>
  <c r="V62693" i="1"/>
  <c r="V62694" i="1"/>
  <c r="V62695" i="1"/>
  <c r="V62696" i="1"/>
  <c r="V62697" i="1"/>
  <c r="V62698" i="1"/>
  <c r="V62699" i="1"/>
  <c r="V62700" i="1"/>
  <c r="V62701" i="1"/>
  <c r="V62702" i="1"/>
  <c r="V62703" i="1"/>
  <c r="V62704" i="1"/>
  <c r="V62705" i="1"/>
  <c r="V62706" i="1"/>
  <c r="V62707" i="1"/>
  <c r="V62708" i="1"/>
  <c r="V62709" i="1"/>
  <c r="V62710" i="1"/>
  <c r="V62711" i="1"/>
  <c r="V62712" i="1"/>
  <c r="V62713" i="1"/>
  <c r="V62714" i="1"/>
  <c r="V62715" i="1"/>
  <c r="V62716" i="1"/>
  <c r="V62717" i="1"/>
  <c r="V62718" i="1"/>
  <c r="V62719" i="1"/>
  <c r="V62720" i="1"/>
  <c r="V62721" i="1"/>
  <c r="V62722" i="1"/>
  <c r="V62723" i="1"/>
  <c r="V62724" i="1"/>
  <c r="V62725" i="1"/>
  <c r="V62726" i="1"/>
  <c r="V62727" i="1"/>
  <c r="V62728" i="1"/>
  <c r="V62729" i="1"/>
  <c r="V62730" i="1"/>
  <c r="V62731" i="1"/>
  <c r="V62732" i="1"/>
  <c r="V62733" i="1"/>
  <c r="V62734" i="1"/>
  <c r="V62735" i="1"/>
  <c r="V62736" i="1"/>
  <c r="V62737" i="1"/>
  <c r="V62738" i="1"/>
  <c r="V62739" i="1"/>
  <c r="V62740" i="1"/>
  <c r="V62741" i="1"/>
  <c r="V62742" i="1"/>
  <c r="V62743" i="1"/>
  <c r="V62744" i="1"/>
  <c r="V62745" i="1"/>
  <c r="V62746" i="1"/>
  <c r="V62747" i="1"/>
  <c r="V62748" i="1"/>
  <c r="V62749" i="1"/>
  <c r="V62750" i="1"/>
  <c r="V62751" i="1"/>
  <c r="V62752" i="1"/>
  <c r="V62753" i="1"/>
  <c r="V62754" i="1"/>
  <c r="V62755" i="1"/>
  <c r="V62756" i="1"/>
  <c r="V62757" i="1"/>
  <c r="V62758" i="1"/>
  <c r="V62759" i="1"/>
  <c r="V62760" i="1"/>
  <c r="V62761" i="1"/>
  <c r="V62762" i="1"/>
  <c r="V62763" i="1"/>
  <c r="V62764" i="1"/>
  <c r="V62765" i="1"/>
  <c r="V62766" i="1"/>
  <c r="V62767" i="1"/>
  <c r="V62768" i="1"/>
  <c r="V62769" i="1"/>
  <c r="V62770" i="1"/>
  <c r="V62771" i="1"/>
  <c r="V62772" i="1"/>
  <c r="V62773" i="1"/>
  <c r="V62774" i="1"/>
  <c r="V62775" i="1"/>
  <c r="V62776" i="1"/>
  <c r="V62777" i="1"/>
  <c r="V62778" i="1"/>
  <c r="V62779" i="1"/>
  <c r="V62780" i="1"/>
  <c r="V62781" i="1"/>
  <c r="V62782" i="1"/>
  <c r="V62783" i="1"/>
  <c r="V62784" i="1"/>
  <c r="V62785" i="1"/>
  <c r="V62786" i="1"/>
  <c r="V62787" i="1"/>
  <c r="V62788" i="1"/>
  <c r="V62789" i="1"/>
  <c r="V62790" i="1"/>
  <c r="V62791" i="1"/>
  <c r="V62792" i="1"/>
  <c r="V62793" i="1"/>
  <c r="V62794" i="1"/>
  <c r="V62795" i="1"/>
  <c r="V62796" i="1"/>
  <c r="V62797" i="1"/>
  <c r="V62798" i="1"/>
  <c r="V62799" i="1"/>
  <c r="V62800" i="1"/>
  <c r="V62801" i="1"/>
  <c r="V62802" i="1"/>
  <c r="V62803" i="1"/>
  <c r="V62804" i="1"/>
  <c r="V62805" i="1"/>
  <c r="V62806" i="1"/>
  <c r="V62807" i="1"/>
  <c r="V62808" i="1"/>
  <c r="V62809" i="1"/>
  <c r="V62810" i="1"/>
  <c r="V62811" i="1"/>
  <c r="V62812" i="1"/>
  <c r="V62813" i="1"/>
  <c r="V62814" i="1"/>
  <c r="V62815" i="1"/>
  <c r="V62816" i="1"/>
  <c r="V62817" i="1"/>
  <c r="V62818" i="1"/>
  <c r="V62819" i="1"/>
  <c r="V62820" i="1"/>
  <c r="V62821" i="1"/>
  <c r="V62822" i="1"/>
  <c r="V62823" i="1"/>
  <c r="V62824" i="1"/>
  <c r="V62825" i="1"/>
  <c r="V62826" i="1"/>
  <c r="V62827" i="1"/>
  <c r="V62828" i="1"/>
  <c r="V62829" i="1"/>
  <c r="V62830" i="1"/>
  <c r="V62831" i="1"/>
  <c r="V62832" i="1"/>
  <c r="V62833" i="1"/>
  <c r="V62834" i="1"/>
  <c r="V62835" i="1"/>
  <c r="V62836" i="1"/>
  <c r="V62837" i="1"/>
  <c r="V62838" i="1"/>
  <c r="V62839" i="1"/>
  <c r="V62840" i="1"/>
  <c r="V62841" i="1"/>
  <c r="V62842" i="1"/>
  <c r="V62843" i="1"/>
  <c r="V62844" i="1"/>
  <c r="V62845" i="1"/>
  <c r="V62846" i="1"/>
  <c r="V62847" i="1"/>
  <c r="V62848" i="1"/>
  <c r="V62849" i="1"/>
  <c r="V62850" i="1"/>
  <c r="V62851" i="1"/>
  <c r="V62852" i="1"/>
  <c r="V62853" i="1"/>
  <c r="V62854" i="1"/>
  <c r="V62855" i="1"/>
  <c r="V62856" i="1"/>
  <c r="V62857" i="1"/>
  <c r="V62858" i="1"/>
  <c r="V62859" i="1"/>
  <c r="V62860" i="1"/>
  <c r="V62861" i="1"/>
  <c r="V62862" i="1"/>
  <c r="V62863" i="1"/>
  <c r="V62864" i="1"/>
  <c r="V62865" i="1"/>
  <c r="V62866" i="1"/>
  <c r="V62867" i="1"/>
  <c r="V62868" i="1"/>
  <c r="V62869" i="1"/>
  <c r="V62870" i="1"/>
  <c r="V62871" i="1"/>
  <c r="V62872" i="1"/>
  <c r="V62873" i="1"/>
  <c r="V62874" i="1"/>
  <c r="V62875" i="1"/>
  <c r="V62876" i="1"/>
  <c r="V62877" i="1"/>
  <c r="V62878" i="1"/>
  <c r="V62879" i="1"/>
  <c r="V62880" i="1"/>
  <c r="V62881" i="1"/>
  <c r="V62882" i="1"/>
  <c r="V62883" i="1"/>
  <c r="V62884" i="1"/>
  <c r="V62885" i="1"/>
  <c r="V62886" i="1"/>
  <c r="V62887" i="1"/>
  <c r="V62888" i="1"/>
  <c r="V62889" i="1"/>
  <c r="V62890" i="1"/>
  <c r="V62891" i="1"/>
  <c r="V62892" i="1"/>
  <c r="V62893" i="1"/>
  <c r="V62894" i="1"/>
  <c r="V62895" i="1"/>
  <c r="V62896" i="1"/>
  <c r="V62897" i="1"/>
  <c r="V62898" i="1"/>
  <c r="V62899" i="1"/>
  <c r="V62900" i="1"/>
  <c r="V62901" i="1"/>
  <c r="V62902" i="1"/>
  <c r="V62903" i="1"/>
  <c r="V62904" i="1"/>
  <c r="V62905" i="1"/>
  <c r="V62906" i="1"/>
  <c r="V62907" i="1"/>
  <c r="V62908" i="1"/>
  <c r="V62909" i="1"/>
  <c r="V62910" i="1"/>
  <c r="V62911" i="1"/>
  <c r="V62912" i="1"/>
  <c r="V62913" i="1"/>
  <c r="V62914" i="1"/>
  <c r="V62915" i="1"/>
  <c r="V62916" i="1"/>
  <c r="V62917" i="1"/>
  <c r="V62918" i="1"/>
  <c r="V62919" i="1"/>
  <c r="V62920" i="1"/>
  <c r="V62921" i="1"/>
  <c r="V62922" i="1"/>
  <c r="V62923" i="1"/>
  <c r="V62924" i="1"/>
  <c r="V62925" i="1"/>
  <c r="V62926" i="1"/>
  <c r="V62927" i="1"/>
  <c r="V62928" i="1"/>
  <c r="V62929" i="1"/>
  <c r="V62930" i="1"/>
  <c r="V62931" i="1"/>
  <c r="V62932" i="1"/>
  <c r="V62933" i="1"/>
  <c r="V62934" i="1"/>
  <c r="V62935" i="1"/>
  <c r="V62936" i="1"/>
  <c r="V62937" i="1"/>
  <c r="V62938" i="1"/>
  <c r="V62939" i="1"/>
  <c r="V62940" i="1"/>
  <c r="V62941" i="1"/>
  <c r="V62942" i="1"/>
  <c r="V62943" i="1"/>
  <c r="V62944" i="1"/>
  <c r="V62945" i="1"/>
  <c r="V62946" i="1"/>
  <c r="V62947" i="1"/>
  <c r="V62948" i="1"/>
  <c r="V62949" i="1"/>
  <c r="V62950" i="1"/>
  <c r="V62951" i="1"/>
  <c r="V62952" i="1"/>
  <c r="V62953" i="1"/>
  <c r="V62954" i="1"/>
  <c r="V62955" i="1"/>
  <c r="V62956" i="1"/>
  <c r="V62957" i="1"/>
  <c r="V62958" i="1"/>
  <c r="V62959" i="1"/>
  <c r="V62960" i="1"/>
  <c r="V62961" i="1"/>
  <c r="V62962" i="1"/>
  <c r="V62963" i="1"/>
  <c r="V62964" i="1"/>
  <c r="V62965" i="1"/>
  <c r="V62966" i="1"/>
  <c r="V62967" i="1"/>
  <c r="V62968" i="1"/>
  <c r="V62969" i="1"/>
  <c r="V62970" i="1"/>
  <c r="V62971" i="1"/>
  <c r="V62972" i="1"/>
  <c r="V62973" i="1"/>
  <c r="V62974" i="1"/>
  <c r="V62975" i="1"/>
  <c r="V62976" i="1"/>
  <c r="V62977" i="1"/>
  <c r="V62978" i="1"/>
  <c r="V62979" i="1"/>
  <c r="V62980" i="1"/>
  <c r="V62981" i="1"/>
  <c r="V62982" i="1"/>
  <c r="V62983" i="1"/>
  <c r="V62984" i="1"/>
  <c r="V62985" i="1"/>
  <c r="V62986" i="1"/>
  <c r="V62987" i="1"/>
  <c r="V62988" i="1"/>
  <c r="V62989" i="1"/>
  <c r="V62990" i="1"/>
  <c r="V62991" i="1"/>
  <c r="V62992" i="1"/>
  <c r="V62993" i="1"/>
  <c r="V62994" i="1"/>
  <c r="V62995" i="1"/>
  <c r="V62996" i="1"/>
  <c r="V62997" i="1"/>
  <c r="V62998" i="1"/>
  <c r="V62999" i="1"/>
  <c r="V63000" i="1"/>
  <c r="V63001" i="1"/>
  <c r="V63002" i="1"/>
  <c r="V63003" i="1"/>
  <c r="V63004" i="1"/>
  <c r="V63005" i="1"/>
  <c r="V63006" i="1"/>
  <c r="V63007" i="1"/>
  <c r="V63008" i="1"/>
  <c r="V63009" i="1"/>
  <c r="V63010" i="1"/>
  <c r="V63011" i="1"/>
  <c r="V63012" i="1"/>
  <c r="V63013" i="1"/>
  <c r="V63014" i="1"/>
  <c r="V63015" i="1"/>
  <c r="V63016" i="1"/>
  <c r="V63017" i="1"/>
  <c r="V63018" i="1"/>
  <c r="V63019" i="1"/>
  <c r="V63020" i="1"/>
  <c r="V63021" i="1"/>
  <c r="V63022" i="1"/>
  <c r="V63023" i="1"/>
  <c r="V63024" i="1"/>
  <c r="V63025" i="1"/>
  <c r="V63026" i="1"/>
  <c r="V63027" i="1"/>
  <c r="V63028" i="1"/>
  <c r="V63029" i="1"/>
  <c r="V63030" i="1"/>
  <c r="V63031" i="1"/>
  <c r="V63032" i="1"/>
  <c r="V63033" i="1"/>
  <c r="V63034" i="1"/>
  <c r="V63035" i="1"/>
  <c r="V63036" i="1"/>
  <c r="V63037" i="1"/>
  <c r="V63038" i="1"/>
  <c r="V63039" i="1"/>
  <c r="V63040" i="1"/>
  <c r="V63041" i="1"/>
  <c r="V63042" i="1"/>
  <c r="V63043" i="1"/>
  <c r="V63044" i="1"/>
  <c r="V63045" i="1"/>
  <c r="V63046" i="1"/>
  <c r="V63047" i="1"/>
  <c r="V63048" i="1"/>
  <c r="V63049" i="1"/>
  <c r="V63050" i="1"/>
  <c r="V63051" i="1"/>
  <c r="V63052" i="1"/>
  <c r="V63053" i="1"/>
  <c r="V63054" i="1"/>
  <c r="V63055" i="1"/>
  <c r="V63056" i="1"/>
  <c r="V63057" i="1"/>
  <c r="V63058" i="1"/>
  <c r="V63059" i="1"/>
  <c r="V63060" i="1"/>
  <c r="V63061" i="1"/>
  <c r="V63062" i="1"/>
  <c r="V63063" i="1"/>
  <c r="V63064" i="1"/>
  <c r="V63065" i="1"/>
  <c r="V63066" i="1"/>
  <c r="V63067" i="1"/>
  <c r="V63068" i="1"/>
  <c r="V63069" i="1"/>
  <c r="V63070" i="1"/>
  <c r="V63071" i="1"/>
  <c r="V63072" i="1"/>
  <c r="V63073" i="1"/>
  <c r="V63074" i="1"/>
  <c r="V63075" i="1"/>
  <c r="V63076" i="1"/>
  <c r="V63077" i="1"/>
  <c r="V63078" i="1"/>
  <c r="V63079" i="1"/>
  <c r="V63080" i="1"/>
  <c r="V63081" i="1"/>
  <c r="V63082" i="1"/>
  <c r="V63083" i="1"/>
  <c r="V63084" i="1"/>
  <c r="V63085" i="1"/>
  <c r="V63086" i="1"/>
  <c r="V63087" i="1"/>
  <c r="V63088" i="1"/>
  <c r="V63089" i="1"/>
  <c r="V63090" i="1"/>
  <c r="V63091" i="1"/>
  <c r="V63092" i="1"/>
  <c r="V63093" i="1"/>
  <c r="V63094" i="1"/>
  <c r="V63095" i="1"/>
  <c r="V63096" i="1"/>
  <c r="V63097" i="1"/>
  <c r="V63098" i="1"/>
  <c r="V63099" i="1"/>
  <c r="V63100" i="1"/>
  <c r="V63101" i="1"/>
  <c r="V63102" i="1"/>
  <c r="V63103" i="1"/>
  <c r="V63104" i="1"/>
  <c r="V63105" i="1"/>
  <c r="V63106" i="1"/>
  <c r="V63107" i="1"/>
  <c r="V63108" i="1"/>
  <c r="V63109" i="1"/>
  <c r="V63110" i="1"/>
  <c r="V63111" i="1"/>
  <c r="V63112" i="1"/>
  <c r="V63113" i="1"/>
  <c r="V63114" i="1"/>
  <c r="V63115" i="1"/>
  <c r="V63116" i="1"/>
  <c r="V63117" i="1"/>
  <c r="V63118" i="1"/>
  <c r="V63119" i="1"/>
  <c r="V63120" i="1"/>
  <c r="V63121" i="1"/>
  <c r="V63122" i="1"/>
  <c r="V63123" i="1"/>
  <c r="V63124" i="1"/>
  <c r="V63125" i="1"/>
  <c r="V63126" i="1"/>
  <c r="V63127" i="1"/>
  <c r="V63128" i="1"/>
  <c r="V63129" i="1"/>
  <c r="V63130" i="1"/>
  <c r="V63131" i="1"/>
  <c r="V63132" i="1"/>
  <c r="V63133" i="1"/>
  <c r="V63134" i="1"/>
  <c r="V63135" i="1"/>
  <c r="V63136" i="1"/>
  <c r="V63137" i="1"/>
  <c r="V63138" i="1"/>
  <c r="V63139" i="1"/>
  <c r="V63140" i="1"/>
  <c r="V63141" i="1"/>
  <c r="V63142" i="1"/>
  <c r="V63143" i="1"/>
  <c r="V63144" i="1"/>
  <c r="V63145" i="1"/>
  <c r="V63146" i="1"/>
  <c r="V63147" i="1"/>
  <c r="V63148" i="1"/>
  <c r="V63149" i="1"/>
  <c r="V63150" i="1"/>
  <c r="V63151" i="1"/>
  <c r="V63152" i="1"/>
  <c r="V63153" i="1"/>
  <c r="V63154" i="1"/>
  <c r="V63155" i="1"/>
  <c r="V63156" i="1"/>
  <c r="V63157" i="1"/>
  <c r="V63158" i="1"/>
  <c r="V63159" i="1"/>
  <c r="V63160" i="1"/>
  <c r="V63161" i="1"/>
  <c r="V63162" i="1"/>
  <c r="V63163" i="1"/>
  <c r="V63164" i="1"/>
  <c r="V63165" i="1"/>
  <c r="V63166" i="1"/>
  <c r="V63167" i="1"/>
  <c r="V63168" i="1"/>
  <c r="V63169" i="1"/>
  <c r="V63170" i="1"/>
  <c r="V63171" i="1"/>
  <c r="V63172" i="1"/>
  <c r="V63173" i="1"/>
  <c r="V63174" i="1"/>
  <c r="V63175" i="1"/>
  <c r="V63176" i="1"/>
  <c r="V63177" i="1"/>
  <c r="V63178" i="1"/>
  <c r="V63179" i="1"/>
  <c r="V63180" i="1"/>
  <c r="V63181" i="1"/>
  <c r="V63182" i="1"/>
  <c r="V63183" i="1"/>
  <c r="V63184" i="1"/>
  <c r="V63185" i="1"/>
  <c r="V63186" i="1"/>
  <c r="V63187" i="1"/>
  <c r="V63188" i="1"/>
  <c r="V63189" i="1"/>
  <c r="V63190" i="1"/>
  <c r="V63191" i="1"/>
  <c r="V63192" i="1"/>
  <c r="V63193" i="1"/>
  <c r="V63194" i="1"/>
  <c r="V63195" i="1"/>
  <c r="V63196" i="1"/>
  <c r="V63197" i="1"/>
  <c r="V63198" i="1"/>
  <c r="V63199" i="1"/>
  <c r="V63200" i="1"/>
  <c r="V63201" i="1"/>
  <c r="V63202" i="1"/>
  <c r="V63203" i="1"/>
  <c r="V63204" i="1"/>
  <c r="V63205" i="1"/>
  <c r="V63206" i="1"/>
  <c r="V63207" i="1"/>
  <c r="V63208" i="1"/>
  <c r="V63209" i="1"/>
  <c r="V63210" i="1"/>
  <c r="V63211" i="1"/>
  <c r="V63212" i="1"/>
  <c r="V63213" i="1"/>
  <c r="V63214" i="1"/>
  <c r="V63215" i="1"/>
  <c r="V63216" i="1"/>
  <c r="V63217" i="1"/>
  <c r="V63218" i="1"/>
  <c r="V63219" i="1"/>
  <c r="V63220" i="1"/>
  <c r="V63221" i="1"/>
  <c r="V63222" i="1"/>
  <c r="V63223" i="1"/>
  <c r="V63224" i="1"/>
  <c r="V63225" i="1"/>
  <c r="V63226" i="1"/>
  <c r="V63227" i="1"/>
  <c r="V63228" i="1"/>
  <c r="V63229" i="1"/>
  <c r="V63230" i="1"/>
  <c r="V63231" i="1"/>
  <c r="V63232" i="1"/>
  <c r="V63233" i="1"/>
  <c r="V63234" i="1"/>
  <c r="V63235" i="1"/>
  <c r="V63236" i="1"/>
  <c r="V63237" i="1"/>
  <c r="V63238" i="1"/>
  <c r="V63239" i="1"/>
  <c r="V63240" i="1"/>
  <c r="V63241" i="1"/>
  <c r="V63242" i="1"/>
  <c r="V63243" i="1"/>
  <c r="V63244" i="1"/>
  <c r="V63245" i="1"/>
  <c r="V63246" i="1"/>
  <c r="V63247" i="1"/>
  <c r="V63248" i="1"/>
  <c r="V63249" i="1"/>
  <c r="V63250" i="1"/>
  <c r="V63251" i="1"/>
  <c r="V63252" i="1"/>
  <c r="V63253" i="1"/>
  <c r="V63254" i="1"/>
  <c r="V63255" i="1"/>
  <c r="V63256" i="1"/>
  <c r="V63257" i="1"/>
  <c r="V63258" i="1"/>
  <c r="V63259" i="1"/>
  <c r="V63260" i="1"/>
  <c r="V63261" i="1"/>
  <c r="V63262" i="1"/>
  <c r="V63263" i="1"/>
  <c r="V63264" i="1"/>
  <c r="V63265" i="1"/>
  <c r="V63266" i="1"/>
  <c r="V63267" i="1"/>
  <c r="V63268" i="1"/>
  <c r="V63269" i="1"/>
  <c r="V63270" i="1"/>
  <c r="V63271" i="1"/>
  <c r="V63272" i="1"/>
  <c r="V63273" i="1"/>
  <c r="V63274" i="1"/>
  <c r="V63275" i="1"/>
  <c r="V63276" i="1"/>
  <c r="V63277" i="1"/>
  <c r="V63278" i="1"/>
  <c r="V63279" i="1"/>
  <c r="V63280" i="1"/>
  <c r="V63281" i="1"/>
  <c r="V63282" i="1"/>
  <c r="V63283" i="1"/>
  <c r="V63284" i="1"/>
  <c r="V63285" i="1"/>
  <c r="V63286" i="1"/>
  <c r="V63287" i="1"/>
  <c r="V63288" i="1"/>
  <c r="V63289" i="1"/>
  <c r="V63290" i="1"/>
  <c r="V63291" i="1"/>
  <c r="V63292" i="1"/>
  <c r="V63293" i="1"/>
  <c r="V63294" i="1"/>
  <c r="V63295" i="1"/>
  <c r="V63296" i="1"/>
  <c r="V63297" i="1"/>
  <c r="V63298" i="1"/>
  <c r="V63299" i="1"/>
  <c r="V63300" i="1"/>
  <c r="V63301" i="1"/>
  <c r="V63302" i="1"/>
  <c r="V63303" i="1"/>
  <c r="V63304" i="1"/>
  <c r="V63305" i="1"/>
  <c r="V63306" i="1"/>
  <c r="V63307" i="1"/>
  <c r="V63308" i="1"/>
  <c r="V63309" i="1"/>
  <c r="V63310" i="1"/>
  <c r="V63311" i="1"/>
  <c r="V63312" i="1"/>
  <c r="V63313" i="1"/>
  <c r="V63314" i="1"/>
  <c r="V63315" i="1"/>
  <c r="V63316" i="1"/>
  <c r="V63317" i="1"/>
  <c r="V63318" i="1"/>
  <c r="V63319" i="1"/>
  <c r="V63320" i="1"/>
  <c r="V63321" i="1"/>
  <c r="V63322" i="1"/>
  <c r="V63323" i="1"/>
  <c r="V63324" i="1"/>
  <c r="V63325" i="1"/>
  <c r="V63326" i="1"/>
  <c r="V63327" i="1"/>
  <c r="V63328" i="1"/>
  <c r="V63329" i="1"/>
  <c r="V63330" i="1"/>
  <c r="V63331" i="1"/>
  <c r="V63332" i="1"/>
  <c r="V63333" i="1"/>
  <c r="V63334" i="1"/>
  <c r="V63335" i="1"/>
  <c r="V63336" i="1"/>
  <c r="V63337" i="1"/>
  <c r="V63338" i="1"/>
  <c r="V63339" i="1"/>
  <c r="V63340" i="1"/>
  <c r="V63341" i="1"/>
  <c r="V63342" i="1"/>
  <c r="V63343" i="1"/>
  <c r="V63344" i="1"/>
  <c r="V63345" i="1"/>
  <c r="V63346" i="1"/>
  <c r="V63347" i="1"/>
  <c r="V63348" i="1"/>
  <c r="V63349" i="1"/>
  <c r="V63350" i="1"/>
  <c r="V63351" i="1"/>
  <c r="V63352" i="1"/>
  <c r="V63353" i="1"/>
  <c r="V63354" i="1"/>
  <c r="V63355" i="1"/>
  <c r="V63356" i="1"/>
  <c r="V63357" i="1"/>
  <c r="V63358" i="1"/>
  <c r="V63359" i="1"/>
  <c r="V63360" i="1"/>
  <c r="V63361" i="1"/>
  <c r="V63362" i="1"/>
  <c r="V63363" i="1"/>
  <c r="V63364" i="1"/>
  <c r="V63365" i="1"/>
  <c r="V63366" i="1"/>
  <c r="V63367" i="1"/>
  <c r="V63368" i="1"/>
  <c r="V63369" i="1"/>
  <c r="V63370" i="1"/>
  <c r="V63371" i="1"/>
  <c r="V63372" i="1"/>
  <c r="V63373" i="1"/>
  <c r="V63374" i="1"/>
  <c r="V63375" i="1"/>
  <c r="V63376" i="1"/>
  <c r="V63377" i="1"/>
  <c r="V63378" i="1"/>
  <c r="V63379" i="1"/>
  <c r="V63380" i="1"/>
  <c r="V63381" i="1"/>
  <c r="V63382" i="1"/>
  <c r="V63383" i="1"/>
  <c r="V63384" i="1"/>
  <c r="V63385" i="1"/>
  <c r="V63386" i="1"/>
  <c r="V63387" i="1"/>
  <c r="V63388" i="1"/>
  <c r="V63389" i="1"/>
  <c r="V63390" i="1"/>
  <c r="V63391" i="1"/>
  <c r="V63392" i="1"/>
  <c r="V63393" i="1"/>
  <c r="V63394" i="1"/>
  <c r="V63395" i="1"/>
  <c r="V63396" i="1"/>
  <c r="V63397" i="1"/>
  <c r="V63398" i="1"/>
  <c r="V63399" i="1"/>
  <c r="V63400" i="1"/>
  <c r="V63401" i="1"/>
  <c r="V63402" i="1"/>
  <c r="V63403" i="1"/>
  <c r="V63404" i="1"/>
  <c r="V63405" i="1"/>
  <c r="V63406" i="1"/>
  <c r="V63407" i="1"/>
  <c r="V63408" i="1"/>
  <c r="V63409" i="1"/>
  <c r="V63410" i="1"/>
  <c r="V63411" i="1"/>
  <c r="V63412" i="1"/>
  <c r="V63413" i="1"/>
  <c r="V63414" i="1"/>
  <c r="V63415" i="1"/>
  <c r="V63416" i="1"/>
  <c r="V63417" i="1"/>
  <c r="V63418" i="1"/>
  <c r="V63419" i="1"/>
  <c r="V63420" i="1"/>
  <c r="V63421" i="1"/>
  <c r="V63422" i="1"/>
  <c r="V63423" i="1"/>
  <c r="V63424" i="1"/>
  <c r="V63425" i="1"/>
  <c r="V63426" i="1"/>
  <c r="V63427" i="1"/>
  <c r="V63428" i="1"/>
  <c r="V63429" i="1"/>
  <c r="V63430" i="1"/>
  <c r="V63431" i="1"/>
  <c r="V63432" i="1"/>
  <c r="V63433" i="1"/>
  <c r="V63434" i="1"/>
  <c r="V63435" i="1"/>
  <c r="V63436" i="1"/>
  <c r="V63437" i="1"/>
  <c r="V63438" i="1"/>
  <c r="V63439" i="1"/>
  <c r="V63440" i="1"/>
  <c r="V63441" i="1"/>
  <c r="V63442" i="1"/>
  <c r="V63443" i="1"/>
  <c r="V63444" i="1"/>
  <c r="V63445" i="1"/>
  <c r="V63446" i="1"/>
  <c r="V63447" i="1"/>
  <c r="V63448" i="1"/>
  <c r="V63449" i="1"/>
  <c r="V63450" i="1"/>
  <c r="V63451" i="1"/>
  <c r="V63452" i="1"/>
  <c r="V63453" i="1"/>
  <c r="V63454" i="1"/>
  <c r="V63455" i="1"/>
  <c r="V63456" i="1"/>
  <c r="V63457" i="1"/>
  <c r="V63458" i="1"/>
  <c r="V63459" i="1"/>
  <c r="V63460" i="1"/>
  <c r="V63461" i="1"/>
  <c r="V63462" i="1"/>
  <c r="V63463" i="1"/>
  <c r="V63464" i="1"/>
  <c r="V63465" i="1"/>
  <c r="V63466" i="1"/>
  <c r="V63467" i="1"/>
  <c r="V63468" i="1"/>
  <c r="V63469" i="1"/>
  <c r="V63470" i="1"/>
  <c r="V63471" i="1"/>
  <c r="V63472" i="1"/>
  <c r="V63473" i="1"/>
  <c r="V63474" i="1"/>
  <c r="V63475" i="1"/>
  <c r="V63476" i="1"/>
  <c r="V63477" i="1"/>
  <c r="V63478" i="1"/>
  <c r="V63479" i="1"/>
  <c r="V63480" i="1"/>
  <c r="V63481" i="1"/>
  <c r="V63482" i="1"/>
  <c r="V63483" i="1"/>
  <c r="V63484" i="1"/>
  <c r="V63485" i="1"/>
  <c r="V63486" i="1"/>
  <c r="V63487" i="1"/>
  <c r="V63488" i="1"/>
  <c r="V63489" i="1"/>
  <c r="V63490" i="1"/>
  <c r="V63491" i="1"/>
  <c r="V63492" i="1"/>
  <c r="V63493" i="1"/>
  <c r="V63494" i="1"/>
  <c r="V63495" i="1"/>
  <c r="V63496" i="1"/>
  <c r="V63497" i="1"/>
  <c r="V63498" i="1"/>
  <c r="V63499" i="1"/>
  <c r="V63500" i="1"/>
  <c r="V63501" i="1"/>
  <c r="V63502" i="1"/>
  <c r="V63503" i="1"/>
  <c r="V63504" i="1"/>
  <c r="V63505" i="1"/>
  <c r="V63506" i="1"/>
  <c r="V63507" i="1"/>
  <c r="V63508" i="1"/>
  <c r="V63509" i="1"/>
  <c r="V63510" i="1"/>
  <c r="V63511" i="1"/>
  <c r="V63512" i="1"/>
  <c r="V63513" i="1"/>
  <c r="V63514" i="1"/>
  <c r="V63515" i="1"/>
  <c r="V63516" i="1"/>
  <c r="V63517" i="1"/>
  <c r="V63518" i="1"/>
  <c r="V63519" i="1"/>
  <c r="V63520" i="1"/>
  <c r="V63521" i="1"/>
  <c r="V63522" i="1"/>
  <c r="V63523" i="1"/>
  <c r="V63524" i="1"/>
  <c r="V63525" i="1"/>
  <c r="V63526" i="1"/>
  <c r="V63527" i="1"/>
  <c r="V63528" i="1"/>
  <c r="V63529" i="1"/>
  <c r="V63530" i="1"/>
  <c r="V63531" i="1"/>
  <c r="V63532" i="1"/>
  <c r="V63533" i="1"/>
  <c r="V63534" i="1"/>
  <c r="V63535" i="1"/>
  <c r="V63536" i="1"/>
  <c r="V63537" i="1"/>
  <c r="V63538" i="1"/>
  <c r="V63539" i="1"/>
  <c r="V63540" i="1"/>
  <c r="V63541" i="1"/>
  <c r="V63542" i="1"/>
  <c r="V63543" i="1"/>
  <c r="V63544" i="1"/>
  <c r="V63545" i="1"/>
  <c r="V63546" i="1"/>
  <c r="V63547" i="1"/>
  <c r="V63548" i="1"/>
  <c r="V63549" i="1"/>
  <c r="V63550" i="1"/>
  <c r="V63551" i="1"/>
  <c r="V63552" i="1"/>
  <c r="V63553" i="1"/>
  <c r="V63554" i="1"/>
  <c r="V63555" i="1"/>
  <c r="V63556" i="1"/>
  <c r="V63557" i="1"/>
  <c r="V63558" i="1"/>
  <c r="V63559" i="1"/>
  <c r="V63560" i="1"/>
  <c r="V63561" i="1"/>
  <c r="V63562" i="1"/>
  <c r="V63563" i="1"/>
  <c r="V63564" i="1"/>
  <c r="V63565" i="1"/>
  <c r="V63566" i="1"/>
  <c r="V63567" i="1"/>
  <c r="V63568" i="1"/>
  <c r="V63569" i="1"/>
  <c r="V63570" i="1"/>
  <c r="V63571" i="1"/>
  <c r="V63572" i="1"/>
  <c r="V63573" i="1"/>
  <c r="V63574" i="1"/>
  <c r="V63575" i="1"/>
  <c r="V63576" i="1"/>
  <c r="V63577" i="1"/>
  <c r="V63578" i="1"/>
  <c r="V63579" i="1"/>
  <c r="V63580" i="1"/>
  <c r="V63581" i="1"/>
  <c r="V63582" i="1"/>
  <c r="V63583" i="1"/>
  <c r="V63584" i="1"/>
  <c r="V63585" i="1"/>
  <c r="V63586" i="1"/>
  <c r="V63587" i="1"/>
  <c r="V63588" i="1"/>
  <c r="V63589" i="1"/>
  <c r="V63590" i="1"/>
  <c r="V63591" i="1"/>
  <c r="V63592" i="1"/>
  <c r="V63593" i="1"/>
  <c r="V63594" i="1"/>
  <c r="V63595" i="1"/>
  <c r="V63596" i="1"/>
  <c r="V63597" i="1"/>
  <c r="V63598" i="1"/>
  <c r="V63599" i="1"/>
  <c r="V63600" i="1"/>
  <c r="V63601" i="1"/>
  <c r="V63602" i="1"/>
  <c r="V63603" i="1"/>
  <c r="V63604" i="1"/>
  <c r="V63605" i="1"/>
  <c r="V63606" i="1"/>
  <c r="V63607" i="1"/>
  <c r="V63608" i="1"/>
  <c r="V63609" i="1"/>
  <c r="V63610" i="1"/>
  <c r="V63611" i="1"/>
  <c r="V63612" i="1"/>
  <c r="V63613" i="1"/>
  <c r="V63614" i="1"/>
  <c r="V63615" i="1"/>
  <c r="V63616" i="1"/>
  <c r="V63617" i="1"/>
  <c r="V63618" i="1"/>
  <c r="V63619" i="1"/>
  <c r="V63620" i="1"/>
  <c r="V63621" i="1"/>
  <c r="V63622" i="1"/>
  <c r="V63623" i="1"/>
  <c r="V63624" i="1"/>
  <c r="V63625" i="1"/>
  <c r="V63626" i="1"/>
  <c r="V63627" i="1"/>
  <c r="V63628" i="1"/>
  <c r="V63629" i="1"/>
  <c r="V63630" i="1"/>
  <c r="V63631" i="1"/>
  <c r="V63632" i="1"/>
  <c r="V63633" i="1"/>
  <c r="V63634" i="1"/>
  <c r="V63635" i="1"/>
  <c r="V63636" i="1"/>
  <c r="V63637" i="1"/>
  <c r="V63638" i="1"/>
  <c r="V63639" i="1"/>
  <c r="V63640" i="1"/>
  <c r="V63641" i="1"/>
  <c r="V63642" i="1"/>
  <c r="V63643" i="1"/>
  <c r="V63644" i="1"/>
  <c r="V63645" i="1"/>
  <c r="V63646" i="1"/>
  <c r="V63647" i="1"/>
  <c r="V63648" i="1"/>
  <c r="V63649" i="1"/>
  <c r="V63650" i="1"/>
  <c r="V63651" i="1"/>
  <c r="V63652" i="1"/>
  <c r="V63653" i="1"/>
  <c r="V63654" i="1"/>
  <c r="V63655" i="1"/>
  <c r="V63656" i="1"/>
  <c r="V63657" i="1"/>
  <c r="V63658" i="1"/>
  <c r="V63659" i="1"/>
  <c r="V63660" i="1"/>
  <c r="V63661" i="1"/>
  <c r="V63662" i="1"/>
  <c r="V63663" i="1"/>
  <c r="V63664" i="1"/>
  <c r="V63665" i="1"/>
  <c r="V63666" i="1"/>
  <c r="V63667" i="1"/>
  <c r="V63668" i="1"/>
  <c r="V63669" i="1"/>
  <c r="V63670" i="1"/>
  <c r="V63671" i="1"/>
  <c r="V63672" i="1"/>
  <c r="V63673" i="1"/>
  <c r="V63674" i="1"/>
  <c r="V63675" i="1"/>
  <c r="V63676" i="1"/>
  <c r="V63677" i="1"/>
  <c r="V63678" i="1"/>
  <c r="V63679" i="1"/>
  <c r="V63680" i="1"/>
  <c r="V63681" i="1"/>
  <c r="V63682" i="1"/>
  <c r="V63683" i="1"/>
  <c r="V63684" i="1"/>
  <c r="V63685" i="1"/>
  <c r="V63686" i="1"/>
  <c r="V63687" i="1"/>
  <c r="V63688" i="1"/>
  <c r="V63689" i="1"/>
  <c r="V63690" i="1"/>
  <c r="V63691" i="1"/>
  <c r="V63692" i="1"/>
  <c r="V63693" i="1"/>
  <c r="V63694" i="1"/>
  <c r="V63695" i="1"/>
  <c r="V63696" i="1"/>
  <c r="V63697" i="1"/>
  <c r="V63698" i="1"/>
  <c r="V63699" i="1"/>
  <c r="V63700" i="1"/>
  <c r="V63701" i="1"/>
  <c r="V63702" i="1"/>
  <c r="V63703" i="1"/>
  <c r="V63704" i="1"/>
  <c r="V63705" i="1"/>
  <c r="V63706" i="1"/>
  <c r="V63707" i="1"/>
  <c r="V63708" i="1"/>
  <c r="V63709" i="1"/>
  <c r="V63710" i="1"/>
  <c r="V63711" i="1"/>
  <c r="V63712" i="1"/>
  <c r="V63713" i="1"/>
  <c r="V63714" i="1"/>
  <c r="V63715" i="1"/>
  <c r="V63716" i="1"/>
  <c r="V63717" i="1"/>
  <c r="V63718" i="1"/>
  <c r="V63719" i="1"/>
  <c r="V63720" i="1"/>
  <c r="V63721" i="1"/>
  <c r="V63722" i="1"/>
  <c r="V63723" i="1"/>
  <c r="V63724" i="1"/>
  <c r="V63725" i="1"/>
  <c r="V63726" i="1"/>
  <c r="V63727" i="1"/>
  <c r="V63728" i="1"/>
  <c r="V63729" i="1"/>
  <c r="V63730" i="1"/>
  <c r="V63731" i="1"/>
  <c r="V63732" i="1"/>
  <c r="V63733" i="1"/>
  <c r="V63734" i="1"/>
  <c r="V63735" i="1"/>
  <c r="V63736" i="1"/>
  <c r="V63737" i="1"/>
  <c r="V63738" i="1"/>
  <c r="V63739" i="1"/>
  <c r="V63740" i="1"/>
  <c r="V63741" i="1"/>
  <c r="V63742" i="1"/>
  <c r="V63743" i="1"/>
  <c r="V63744" i="1"/>
  <c r="V63745" i="1"/>
  <c r="V63746" i="1"/>
  <c r="V63747" i="1"/>
  <c r="V63748" i="1"/>
  <c r="V63749" i="1"/>
  <c r="V63750" i="1"/>
  <c r="V63751" i="1"/>
  <c r="V63752" i="1"/>
  <c r="V63753" i="1"/>
  <c r="V63754" i="1"/>
  <c r="V63755" i="1"/>
  <c r="V63756" i="1"/>
  <c r="V63757" i="1"/>
  <c r="V63758" i="1"/>
  <c r="V63759" i="1"/>
  <c r="V63760" i="1"/>
  <c r="V63761" i="1"/>
  <c r="V63762" i="1"/>
  <c r="V63763" i="1"/>
  <c r="V63764" i="1"/>
  <c r="V63765" i="1"/>
  <c r="V63766" i="1"/>
  <c r="V63767" i="1"/>
  <c r="V63768" i="1"/>
  <c r="V63769" i="1"/>
  <c r="V63770" i="1"/>
  <c r="V63771" i="1"/>
  <c r="V63772" i="1"/>
  <c r="V63773" i="1"/>
  <c r="V63774" i="1"/>
  <c r="V63775" i="1"/>
  <c r="V63776" i="1"/>
  <c r="V63777" i="1"/>
  <c r="V63778" i="1"/>
  <c r="V63779" i="1"/>
  <c r="V63780" i="1"/>
  <c r="V63781" i="1"/>
  <c r="V63782" i="1"/>
  <c r="V63783" i="1"/>
  <c r="V63784" i="1"/>
  <c r="V63785" i="1"/>
  <c r="V63786" i="1"/>
  <c r="V63787" i="1"/>
  <c r="V63788" i="1"/>
  <c r="V63789" i="1"/>
  <c r="V63790" i="1"/>
  <c r="V63791" i="1"/>
  <c r="V63792" i="1"/>
  <c r="V63793" i="1"/>
  <c r="V63794" i="1"/>
  <c r="V63795" i="1"/>
  <c r="V63796" i="1"/>
  <c r="V63797" i="1"/>
  <c r="V63798" i="1"/>
  <c r="V63799" i="1"/>
  <c r="V63800" i="1"/>
  <c r="V63801" i="1"/>
  <c r="V63802" i="1"/>
  <c r="V63803" i="1"/>
  <c r="V63804" i="1"/>
  <c r="V63805" i="1"/>
  <c r="V63806" i="1"/>
  <c r="V63807" i="1"/>
  <c r="V63808" i="1"/>
  <c r="V63809" i="1"/>
  <c r="V63810" i="1"/>
  <c r="V63811" i="1"/>
  <c r="V63812" i="1"/>
  <c r="V63813" i="1"/>
  <c r="V63814" i="1"/>
  <c r="V63815" i="1"/>
  <c r="V63816" i="1"/>
  <c r="V63817" i="1"/>
  <c r="V63818" i="1"/>
  <c r="V63819" i="1"/>
  <c r="V63820" i="1"/>
  <c r="V63821" i="1"/>
  <c r="V63822" i="1"/>
  <c r="V63823" i="1"/>
  <c r="V63824" i="1"/>
  <c r="V63825" i="1"/>
  <c r="V63826" i="1"/>
  <c r="V63827" i="1"/>
  <c r="V63828" i="1"/>
  <c r="V63829" i="1"/>
  <c r="V63830" i="1"/>
  <c r="V63831" i="1"/>
  <c r="V63832" i="1"/>
  <c r="V63833" i="1"/>
  <c r="V63834" i="1"/>
  <c r="V63835" i="1"/>
  <c r="V63836" i="1"/>
  <c r="V63837" i="1"/>
  <c r="V63838" i="1"/>
  <c r="V63839" i="1"/>
  <c r="V63840" i="1"/>
  <c r="V63841" i="1"/>
  <c r="V63842" i="1"/>
  <c r="V63843" i="1"/>
  <c r="V63844" i="1"/>
  <c r="V63845" i="1"/>
  <c r="V63846" i="1"/>
  <c r="V63847" i="1"/>
  <c r="V63848" i="1"/>
  <c r="V63849" i="1"/>
  <c r="V63850" i="1"/>
  <c r="V63851" i="1"/>
  <c r="V63852" i="1"/>
  <c r="V63853" i="1"/>
  <c r="V63854" i="1"/>
  <c r="V63855" i="1"/>
  <c r="V63856" i="1"/>
  <c r="V63857" i="1"/>
  <c r="V63858" i="1"/>
  <c r="V63859" i="1"/>
  <c r="V63860" i="1"/>
  <c r="V63861" i="1"/>
  <c r="V63862" i="1"/>
  <c r="V63863" i="1"/>
  <c r="V63864" i="1"/>
  <c r="V63865" i="1"/>
  <c r="V63866" i="1"/>
  <c r="V63867" i="1"/>
  <c r="V63868" i="1"/>
  <c r="V63869" i="1"/>
  <c r="V63870" i="1"/>
  <c r="V63871" i="1"/>
  <c r="V63872" i="1"/>
  <c r="V63873" i="1"/>
  <c r="V63874" i="1"/>
  <c r="V63875" i="1"/>
  <c r="V63876" i="1"/>
  <c r="V63877" i="1"/>
  <c r="V63878" i="1"/>
  <c r="V63879" i="1"/>
  <c r="V63880" i="1"/>
  <c r="V63881" i="1"/>
  <c r="V63882" i="1"/>
  <c r="V63883" i="1"/>
  <c r="V63884" i="1"/>
  <c r="V63885" i="1"/>
  <c r="V63886" i="1"/>
  <c r="V63887" i="1"/>
  <c r="V63888" i="1"/>
  <c r="V63889" i="1"/>
  <c r="V63890" i="1"/>
  <c r="V63891" i="1"/>
  <c r="V63892" i="1"/>
  <c r="V63893" i="1"/>
  <c r="V63894" i="1"/>
  <c r="V63895" i="1"/>
  <c r="V63896" i="1"/>
  <c r="V63897" i="1"/>
  <c r="V63898" i="1"/>
  <c r="V63899" i="1"/>
  <c r="V63900" i="1"/>
  <c r="V63901" i="1"/>
  <c r="V63902" i="1"/>
  <c r="V63903" i="1"/>
  <c r="V63904" i="1"/>
  <c r="V63905" i="1"/>
  <c r="V63906" i="1"/>
  <c r="V63907" i="1"/>
  <c r="V63908" i="1"/>
  <c r="V63909" i="1"/>
  <c r="V63910" i="1"/>
  <c r="V63911" i="1"/>
  <c r="V63912" i="1"/>
  <c r="V63913" i="1"/>
  <c r="V63914" i="1"/>
  <c r="V63915" i="1"/>
  <c r="V63916" i="1"/>
  <c r="V63917" i="1"/>
  <c r="V63918" i="1"/>
  <c r="V63919" i="1"/>
  <c r="V63920" i="1"/>
  <c r="V63921" i="1"/>
  <c r="V63922" i="1"/>
  <c r="V63923" i="1"/>
  <c r="V63924" i="1"/>
  <c r="V63925" i="1"/>
  <c r="V63926" i="1"/>
  <c r="V63927" i="1"/>
  <c r="V63928" i="1"/>
  <c r="V63929" i="1"/>
  <c r="V63930" i="1"/>
  <c r="V63931" i="1"/>
  <c r="V63932" i="1"/>
  <c r="V63933" i="1"/>
  <c r="V63934" i="1"/>
  <c r="V63935" i="1"/>
  <c r="V63936" i="1"/>
  <c r="V63937" i="1"/>
  <c r="V63938" i="1"/>
  <c r="V63939" i="1"/>
  <c r="V63940" i="1"/>
  <c r="V63941" i="1"/>
  <c r="V63942" i="1"/>
  <c r="V63943" i="1"/>
  <c r="V63944" i="1"/>
  <c r="V63945" i="1"/>
  <c r="V63946" i="1"/>
  <c r="V63947" i="1"/>
  <c r="V63948" i="1"/>
  <c r="V63949" i="1"/>
  <c r="V63950" i="1"/>
  <c r="V63951" i="1"/>
  <c r="V63952" i="1"/>
  <c r="V63953" i="1"/>
  <c r="V63954" i="1"/>
  <c r="V63955" i="1"/>
  <c r="V63956" i="1"/>
  <c r="V63957" i="1"/>
  <c r="V63958" i="1"/>
  <c r="V63959" i="1"/>
  <c r="V63960" i="1"/>
  <c r="V63961" i="1"/>
  <c r="V63962" i="1"/>
  <c r="V63963" i="1"/>
  <c r="V63964" i="1"/>
  <c r="V63965" i="1"/>
  <c r="V63966" i="1"/>
  <c r="V63967" i="1"/>
  <c r="V63968" i="1"/>
  <c r="V63969" i="1"/>
  <c r="V63970" i="1"/>
  <c r="V63971" i="1"/>
  <c r="V63972" i="1"/>
  <c r="V63973" i="1"/>
  <c r="V63974" i="1"/>
  <c r="V63975" i="1"/>
  <c r="V63976" i="1"/>
  <c r="V63977" i="1"/>
  <c r="V63978" i="1"/>
  <c r="V63979" i="1"/>
  <c r="V63980" i="1"/>
  <c r="V63981" i="1"/>
  <c r="V63982" i="1"/>
  <c r="V63983" i="1"/>
  <c r="V63984" i="1"/>
  <c r="V63985" i="1"/>
  <c r="V63986" i="1"/>
  <c r="V63987" i="1"/>
  <c r="V63988" i="1"/>
  <c r="V63989" i="1"/>
  <c r="V63990" i="1"/>
  <c r="V63991" i="1"/>
  <c r="V63992" i="1"/>
  <c r="V63993" i="1"/>
  <c r="V63994" i="1"/>
  <c r="V63995" i="1"/>
  <c r="V63996" i="1"/>
  <c r="V63997" i="1"/>
  <c r="V63998" i="1"/>
  <c r="V63999" i="1"/>
  <c r="V64000" i="1"/>
  <c r="V64001" i="1"/>
  <c r="V64002" i="1"/>
  <c r="V64003" i="1"/>
  <c r="V64004" i="1"/>
  <c r="V64005" i="1"/>
  <c r="V64006" i="1"/>
  <c r="V64007" i="1"/>
  <c r="V64008" i="1"/>
  <c r="V64009" i="1"/>
  <c r="V64010" i="1"/>
  <c r="V64011" i="1"/>
  <c r="V64012" i="1"/>
  <c r="V64013" i="1"/>
  <c r="V64014" i="1"/>
  <c r="V64015" i="1"/>
  <c r="V64016" i="1"/>
  <c r="V64017" i="1"/>
  <c r="V64018" i="1"/>
  <c r="V64019" i="1"/>
  <c r="V64020" i="1"/>
  <c r="V64021" i="1"/>
  <c r="V64022" i="1"/>
  <c r="V64023" i="1"/>
  <c r="V64024" i="1"/>
  <c r="V64025" i="1"/>
  <c r="V64026" i="1"/>
  <c r="V64027" i="1"/>
  <c r="V64028" i="1"/>
  <c r="V64029" i="1"/>
  <c r="V64030" i="1"/>
  <c r="V64031" i="1"/>
  <c r="V64032" i="1"/>
  <c r="V64033" i="1"/>
  <c r="V64034" i="1"/>
  <c r="V64035" i="1"/>
  <c r="V64036" i="1"/>
  <c r="V64037" i="1"/>
  <c r="V64038" i="1"/>
  <c r="V64039" i="1"/>
  <c r="V64040" i="1"/>
  <c r="V64041" i="1"/>
  <c r="V64042" i="1"/>
  <c r="V64043" i="1"/>
  <c r="V64044" i="1"/>
  <c r="V64045" i="1"/>
  <c r="V64046" i="1"/>
  <c r="V64047" i="1"/>
  <c r="V64048" i="1"/>
  <c r="V64049" i="1"/>
  <c r="V64050" i="1"/>
  <c r="V64051" i="1"/>
  <c r="V64052" i="1"/>
  <c r="V64053" i="1"/>
  <c r="V64054" i="1"/>
  <c r="V64055" i="1"/>
  <c r="V64056" i="1"/>
  <c r="V64057" i="1"/>
  <c r="V64058" i="1"/>
  <c r="V64059" i="1"/>
  <c r="V64060" i="1"/>
  <c r="V64061" i="1"/>
  <c r="V64062" i="1"/>
  <c r="V64063" i="1"/>
  <c r="V64064" i="1"/>
  <c r="V64065" i="1"/>
  <c r="V64066" i="1"/>
  <c r="V64067" i="1"/>
  <c r="V64068" i="1"/>
  <c r="V64069" i="1"/>
  <c r="V64070" i="1"/>
  <c r="V64071" i="1"/>
  <c r="V64072" i="1"/>
  <c r="V64073" i="1"/>
  <c r="V64074" i="1"/>
  <c r="V64075" i="1"/>
  <c r="V64076" i="1"/>
  <c r="V64077" i="1"/>
  <c r="V64078" i="1"/>
  <c r="V64079" i="1"/>
  <c r="V64080" i="1"/>
  <c r="V64081" i="1"/>
  <c r="V64082" i="1"/>
  <c r="V64083" i="1"/>
  <c r="V64084" i="1"/>
  <c r="V64085" i="1"/>
  <c r="V64086" i="1"/>
  <c r="V64087" i="1"/>
  <c r="V64088" i="1"/>
  <c r="V64089" i="1"/>
  <c r="V64090" i="1"/>
  <c r="V64091" i="1"/>
  <c r="V64092" i="1"/>
  <c r="V64093" i="1"/>
  <c r="V64094" i="1"/>
  <c r="V64095" i="1"/>
  <c r="V64096" i="1"/>
  <c r="V64097" i="1"/>
  <c r="V64098" i="1"/>
  <c r="V64099" i="1"/>
  <c r="V64100" i="1"/>
  <c r="V64101" i="1"/>
  <c r="V64102" i="1"/>
  <c r="V64103" i="1"/>
  <c r="V64104" i="1"/>
  <c r="V64105" i="1"/>
  <c r="V64106" i="1"/>
  <c r="V64107" i="1"/>
  <c r="V64108" i="1"/>
  <c r="V64109" i="1"/>
  <c r="V64110" i="1"/>
  <c r="V64111" i="1"/>
  <c r="V64112" i="1"/>
  <c r="V64113" i="1"/>
  <c r="V64114" i="1"/>
  <c r="V64115" i="1"/>
  <c r="V64116" i="1"/>
  <c r="V64117" i="1"/>
  <c r="V64118" i="1"/>
  <c r="V64119" i="1"/>
  <c r="V64120" i="1"/>
  <c r="V64121" i="1"/>
  <c r="V64122" i="1"/>
  <c r="V64123" i="1"/>
  <c r="V64124" i="1"/>
  <c r="V64125" i="1"/>
  <c r="V64126" i="1"/>
  <c r="V64127" i="1"/>
  <c r="V64128" i="1"/>
  <c r="V64129" i="1"/>
  <c r="V64130" i="1"/>
  <c r="V64131" i="1"/>
  <c r="V64132" i="1"/>
  <c r="V64133" i="1"/>
  <c r="V64134" i="1"/>
  <c r="V64135" i="1"/>
  <c r="V64136" i="1"/>
  <c r="V64137" i="1"/>
  <c r="V64138" i="1"/>
  <c r="V64139" i="1"/>
  <c r="V64140" i="1"/>
  <c r="V64141" i="1"/>
  <c r="V64142" i="1"/>
  <c r="V64143" i="1"/>
  <c r="V64144" i="1"/>
  <c r="V64145" i="1"/>
  <c r="V64146" i="1"/>
  <c r="V64147" i="1"/>
  <c r="V64148" i="1"/>
  <c r="V64149" i="1"/>
  <c r="V64150" i="1"/>
  <c r="V64151" i="1"/>
  <c r="V64152" i="1"/>
  <c r="V64153" i="1"/>
  <c r="V64154" i="1"/>
  <c r="V64155" i="1"/>
  <c r="V64156" i="1"/>
  <c r="V64157" i="1"/>
  <c r="V64158" i="1"/>
  <c r="V64159" i="1"/>
  <c r="V64160" i="1"/>
  <c r="V64161" i="1"/>
  <c r="V64162" i="1"/>
  <c r="V64163" i="1"/>
  <c r="V64164" i="1"/>
  <c r="V64165" i="1"/>
  <c r="V64166" i="1"/>
  <c r="V64167" i="1"/>
  <c r="V64168" i="1"/>
  <c r="V64169" i="1"/>
  <c r="V64170" i="1"/>
  <c r="V64171" i="1"/>
  <c r="V64172" i="1"/>
  <c r="V64173" i="1"/>
  <c r="V64174" i="1"/>
  <c r="V64175" i="1"/>
  <c r="V64176" i="1"/>
  <c r="V64177" i="1"/>
  <c r="V64178" i="1"/>
  <c r="V64179" i="1"/>
  <c r="V64180" i="1"/>
  <c r="V64181" i="1"/>
  <c r="V64182" i="1"/>
  <c r="V64183" i="1"/>
  <c r="V64184" i="1"/>
  <c r="V64185" i="1"/>
  <c r="V64186" i="1"/>
  <c r="V64187" i="1"/>
  <c r="V64188" i="1"/>
  <c r="V64189" i="1"/>
  <c r="V64190" i="1"/>
  <c r="V64191" i="1"/>
  <c r="V64192" i="1"/>
  <c r="V64193" i="1"/>
  <c r="V64194" i="1"/>
  <c r="V64195" i="1"/>
  <c r="V64196" i="1"/>
  <c r="V64197" i="1"/>
  <c r="V64198" i="1"/>
  <c r="V64199" i="1"/>
  <c r="V64200" i="1"/>
  <c r="V64201" i="1"/>
  <c r="V64202" i="1"/>
  <c r="V64203" i="1"/>
  <c r="V64204" i="1"/>
  <c r="V64205" i="1"/>
  <c r="V64206" i="1"/>
  <c r="V64207" i="1"/>
  <c r="V64208" i="1"/>
  <c r="V64209" i="1"/>
  <c r="V64210" i="1"/>
  <c r="V64211" i="1"/>
  <c r="V64212" i="1"/>
  <c r="V64213" i="1"/>
  <c r="V64214" i="1"/>
  <c r="V64215" i="1"/>
  <c r="V64216" i="1"/>
  <c r="V64217" i="1"/>
  <c r="V64218" i="1"/>
  <c r="V64219" i="1"/>
  <c r="V64220" i="1"/>
  <c r="V64221" i="1"/>
  <c r="V64222" i="1"/>
  <c r="V64223" i="1"/>
  <c r="V64224" i="1"/>
  <c r="V64225" i="1"/>
  <c r="V64226" i="1"/>
  <c r="V64227" i="1"/>
  <c r="V64228" i="1"/>
  <c r="V64229" i="1"/>
  <c r="V64230" i="1"/>
  <c r="V64231" i="1"/>
  <c r="V64232" i="1"/>
  <c r="V64233" i="1"/>
  <c r="V64234" i="1"/>
  <c r="V64235" i="1"/>
  <c r="V64236" i="1"/>
  <c r="V64237" i="1"/>
  <c r="V64238" i="1"/>
  <c r="V64239" i="1"/>
  <c r="V64240" i="1"/>
  <c r="V64241" i="1"/>
  <c r="V64242" i="1"/>
  <c r="V64243" i="1"/>
  <c r="V64244" i="1"/>
  <c r="V64245" i="1"/>
  <c r="V64246" i="1"/>
  <c r="V64247" i="1"/>
  <c r="V64248" i="1"/>
  <c r="V64249" i="1"/>
  <c r="V64250" i="1"/>
  <c r="V64251" i="1"/>
  <c r="V64252" i="1"/>
  <c r="V64253" i="1"/>
  <c r="V64254" i="1"/>
  <c r="V64255" i="1"/>
  <c r="V64256" i="1"/>
  <c r="V64257" i="1"/>
  <c r="V64258" i="1"/>
  <c r="V64259" i="1"/>
  <c r="V64260" i="1"/>
  <c r="V64261" i="1"/>
  <c r="V64262" i="1"/>
  <c r="V64263" i="1"/>
  <c r="V64264" i="1"/>
  <c r="V64265" i="1"/>
  <c r="V64266" i="1"/>
  <c r="V64267" i="1"/>
  <c r="V64268" i="1"/>
  <c r="V64269" i="1"/>
  <c r="V64270" i="1"/>
  <c r="V64271" i="1"/>
  <c r="V64272" i="1"/>
  <c r="V64273" i="1"/>
  <c r="V64274" i="1"/>
  <c r="V64275" i="1"/>
  <c r="V64276" i="1"/>
  <c r="V64277" i="1"/>
  <c r="V64278" i="1"/>
  <c r="V64279" i="1"/>
  <c r="V64280" i="1"/>
  <c r="V64281" i="1"/>
  <c r="V64282" i="1"/>
  <c r="V64283" i="1"/>
  <c r="V64284" i="1"/>
  <c r="V64285" i="1"/>
  <c r="V64286" i="1"/>
  <c r="V64287" i="1"/>
  <c r="V64288" i="1"/>
  <c r="V64289" i="1"/>
  <c r="V64290" i="1"/>
  <c r="V64291" i="1"/>
  <c r="V64292" i="1"/>
  <c r="V64293" i="1"/>
  <c r="V64294" i="1"/>
  <c r="V64295" i="1"/>
  <c r="V64296" i="1"/>
  <c r="V64297" i="1"/>
  <c r="V64298" i="1"/>
  <c r="V64299" i="1"/>
  <c r="V64300" i="1"/>
  <c r="V64301" i="1"/>
  <c r="V64302" i="1"/>
  <c r="V64303" i="1"/>
  <c r="V64304" i="1"/>
  <c r="V64305" i="1"/>
  <c r="V64306" i="1"/>
  <c r="V64307" i="1"/>
  <c r="V64308" i="1"/>
  <c r="V64309" i="1"/>
  <c r="V64310" i="1"/>
  <c r="V64311" i="1"/>
  <c r="V64312" i="1"/>
  <c r="V64313" i="1"/>
  <c r="V64314" i="1"/>
  <c r="V64315" i="1"/>
  <c r="V64316" i="1"/>
  <c r="V64317" i="1"/>
  <c r="V64318" i="1"/>
  <c r="V64319" i="1"/>
  <c r="V64320" i="1"/>
  <c r="V64321" i="1"/>
  <c r="V64322" i="1"/>
  <c r="V64323" i="1"/>
  <c r="V64324" i="1"/>
  <c r="V64325" i="1"/>
  <c r="V64326" i="1"/>
  <c r="V64327" i="1"/>
  <c r="V64328" i="1"/>
  <c r="V64329" i="1"/>
  <c r="V64330" i="1"/>
  <c r="V64331" i="1"/>
  <c r="V64332" i="1"/>
  <c r="V64333" i="1"/>
  <c r="V64334" i="1"/>
  <c r="V64335" i="1"/>
  <c r="V64336" i="1"/>
  <c r="V64337" i="1"/>
  <c r="V64338" i="1"/>
  <c r="V64339" i="1"/>
  <c r="V64340" i="1"/>
  <c r="V64341" i="1"/>
  <c r="V64342" i="1"/>
  <c r="V64343" i="1"/>
  <c r="V64344" i="1"/>
  <c r="V64345" i="1"/>
  <c r="V64346" i="1"/>
  <c r="V64347" i="1"/>
  <c r="V64348" i="1"/>
  <c r="V64349" i="1"/>
  <c r="V64350" i="1"/>
  <c r="V64351" i="1"/>
  <c r="V64352" i="1"/>
  <c r="V64353" i="1"/>
  <c r="V64354" i="1"/>
  <c r="V64355" i="1"/>
  <c r="V64356" i="1"/>
  <c r="V64357" i="1"/>
  <c r="V64358" i="1"/>
  <c r="V64359" i="1"/>
  <c r="V64360" i="1"/>
  <c r="V64361" i="1"/>
  <c r="V64362" i="1"/>
  <c r="V64363" i="1"/>
  <c r="V64364" i="1"/>
  <c r="V64365" i="1"/>
  <c r="V64366" i="1"/>
  <c r="V64367" i="1"/>
  <c r="V64368" i="1"/>
  <c r="V64369" i="1"/>
  <c r="V64370" i="1"/>
  <c r="V64371" i="1"/>
  <c r="V64372" i="1"/>
  <c r="V64373" i="1"/>
  <c r="V64374" i="1"/>
  <c r="V64375" i="1"/>
  <c r="V64376" i="1"/>
  <c r="V64377" i="1"/>
  <c r="V64378" i="1"/>
  <c r="V64379" i="1"/>
  <c r="V64380" i="1"/>
  <c r="V64381" i="1"/>
  <c r="V64382" i="1"/>
  <c r="V64383" i="1"/>
  <c r="V64384" i="1"/>
  <c r="V64385" i="1"/>
  <c r="V64386" i="1"/>
  <c r="V64387" i="1"/>
  <c r="V64388" i="1"/>
  <c r="V64389" i="1"/>
  <c r="V64390" i="1"/>
  <c r="V64391" i="1"/>
  <c r="V64392" i="1"/>
  <c r="V64393" i="1"/>
  <c r="V64394" i="1"/>
  <c r="V64395" i="1"/>
  <c r="V64396" i="1"/>
  <c r="V64397" i="1"/>
  <c r="V64398" i="1"/>
  <c r="V64399" i="1"/>
  <c r="V64400" i="1"/>
  <c r="V64401" i="1"/>
  <c r="V64402" i="1"/>
  <c r="V64403" i="1"/>
  <c r="V64404" i="1"/>
  <c r="V64405" i="1"/>
  <c r="V64406" i="1"/>
  <c r="V64407" i="1"/>
  <c r="V64408" i="1"/>
  <c r="V64409" i="1"/>
  <c r="V64410" i="1"/>
  <c r="V64411" i="1"/>
  <c r="V64412" i="1"/>
  <c r="V64413" i="1"/>
  <c r="V64414" i="1"/>
  <c r="V64415" i="1"/>
  <c r="V64416" i="1"/>
  <c r="V64417" i="1"/>
  <c r="V64418" i="1"/>
  <c r="V64419" i="1"/>
  <c r="V64420" i="1"/>
  <c r="V64421" i="1"/>
  <c r="V64422" i="1"/>
  <c r="V64423" i="1"/>
  <c r="V64424" i="1"/>
  <c r="V64425" i="1"/>
  <c r="V64426" i="1"/>
  <c r="V64427" i="1"/>
  <c r="V64428" i="1"/>
  <c r="V64429" i="1"/>
  <c r="V64430" i="1"/>
  <c r="V64431" i="1"/>
  <c r="V64432" i="1"/>
  <c r="V64433" i="1"/>
  <c r="V64434" i="1"/>
  <c r="V64435" i="1"/>
  <c r="V64436" i="1"/>
  <c r="V64437" i="1"/>
  <c r="V64438" i="1"/>
  <c r="V64439" i="1"/>
  <c r="V64440" i="1"/>
  <c r="V64441" i="1"/>
  <c r="V64442" i="1"/>
  <c r="V64443" i="1"/>
  <c r="V64444" i="1"/>
  <c r="V64445" i="1"/>
  <c r="V64446" i="1"/>
  <c r="V64447" i="1"/>
  <c r="V64448" i="1"/>
  <c r="V64449" i="1"/>
  <c r="V64450" i="1"/>
  <c r="V64451" i="1"/>
  <c r="V64452" i="1"/>
  <c r="V64453" i="1"/>
  <c r="V64454" i="1"/>
  <c r="V64455" i="1"/>
  <c r="V64456" i="1"/>
  <c r="V64457" i="1"/>
  <c r="V64458" i="1"/>
  <c r="V64459" i="1"/>
  <c r="V64460" i="1"/>
  <c r="V64461" i="1"/>
  <c r="V64462" i="1"/>
  <c r="V64463" i="1"/>
  <c r="V64464" i="1"/>
  <c r="V64465" i="1"/>
  <c r="V64466" i="1"/>
  <c r="V64467" i="1"/>
  <c r="V64468" i="1"/>
  <c r="V64469" i="1"/>
  <c r="V64470" i="1"/>
  <c r="V64471" i="1"/>
  <c r="V64472" i="1"/>
  <c r="V64473" i="1"/>
  <c r="V64474" i="1"/>
  <c r="V64475" i="1"/>
  <c r="V64476" i="1"/>
  <c r="V64477" i="1"/>
  <c r="V64478" i="1"/>
  <c r="V64479" i="1"/>
  <c r="V64480" i="1"/>
  <c r="V64481" i="1"/>
  <c r="V64482" i="1"/>
  <c r="V64483" i="1"/>
  <c r="V64484" i="1"/>
  <c r="V64485" i="1"/>
  <c r="V64486" i="1"/>
  <c r="V64487" i="1"/>
  <c r="V64488" i="1"/>
  <c r="V64489" i="1"/>
  <c r="V64490" i="1"/>
  <c r="V64491" i="1"/>
  <c r="V64492" i="1"/>
  <c r="V64493" i="1"/>
  <c r="V64494" i="1"/>
  <c r="V64495" i="1"/>
  <c r="V64496" i="1"/>
  <c r="V64497" i="1"/>
  <c r="V64498" i="1"/>
  <c r="V64499" i="1"/>
  <c r="V64500" i="1"/>
  <c r="V64501" i="1"/>
  <c r="V64502" i="1"/>
  <c r="V64503" i="1"/>
  <c r="V64504" i="1"/>
  <c r="V64505" i="1"/>
  <c r="V64506" i="1"/>
  <c r="V64507" i="1"/>
  <c r="V64508" i="1"/>
  <c r="V64509" i="1"/>
  <c r="V64510" i="1"/>
  <c r="V64511" i="1"/>
  <c r="V64512" i="1"/>
  <c r="V64513" i="1"/>
  <c r="V64514" i="1"/>
  <c r="V64515" i="1"/>
  <c r="V64516" i="1"/>
  <c r="V64517" i="1"/>
  <c r="V64518" i="1"/>
  <c r="V64519" i="1"/>
  <c r="V64520" i="1"/>
  <c r="V64521" i="1"/>
  <c r="V64522" i="1"/>
  <c r="V64523" i="1"/>
  <c r="V64524" i="1"/>
  <c r="V64525" i="1"/>
  <c r="V64526" i="1"/>
  <c r="V64527" i="1"/>
  <c r="V64528" i="1"/>
  <c r="V64529" i="1"/>
  <c r="V64530" i="1"/>
  <c r="V64531" i="1"/>
  <c r="V64532" i="1"/>
  <c r="V64533" i="1"/>
  <c r="V64534" i="1"/>
  <c r="V64535" i="1"/>
  <c r="V64536" i="1"/>
  <c r="V64537" i="1"/>
  <c r="V64538" i="1"/>
  <c r="V64539" i="1"/>
  <c r="V64540" i="1"/>
  <c r="V64541" i="1"/>
  <c r="V64542" i="1"/>
  <c r="V64543" i="1"/>
  <c r="V64544" i="1"/>
  <c r="V64545" i="1"/>
  <c r="V64546" i="1"/>
  <c r="V64547" i="1"/>
  <c r="V64548" i="1"/>
  <c r="V64549" i="1"/>
  <c r="V64550" i="1"/>
  <c r="V64551" i="1"/>
  <c r="V64552" i="1"/>
  <c r="V64553" i="1"/>
  <c r="V64554" i="1"/>
  <c r="V64555" i="1"/>
  <c r="V64556" i="1"/>
  <c r="V64557" i="1"/>
  <c r="V64558" i="1"/>
  <c r="V64559" i="1"/>
  <c r="V64560" i="1"/>
  <c r="V64561" i="1"/>
  <c r="V64562" i="1"/>
  <c r="V64563" i="1"/>
  <c r="V64564" i="1"/>
  <c r="V64565" i="1"/>
  <c r="V64566" i="1"/>
  <c r="V64567" i="1"/>
  <c r="V64568" i="1"/>
  <c r="V64569" i="1"/>
  <c r="V64570" i="1"/>
  <c r="V64571" i="1"/>
  <c r="V64572" i="1"/>
  <c r="V64573" i="1"/>
  <c r="V64574" i="1"/>
  <c r="V64575" i="1"/>
  <c r="V64576" i="1"/>
  <c r="V64577" i="1"/>
  <c r="V64578" i="1"/>
  <c r="V64579" i="1"/>
  <c r="V64580" i="1"/>
  <c r="V64581" i="1"/>
  <c r="V64582" i="1"/>
  <c r="V64583" i="1"/>
  <c r="V64584" i="1"/>
  <c r="V64585" i="1"/>
  <c r="V64586" i="1"/>
  <c r="V64587" i="1"/>
  <c r="V64588" i="1"/>
  <c r="V64589" i="1"/>
  <c r="V64590" i="1"/>
  <c r="V64591" i="1"/>
  <c r="V64592" i="1"/>
  <c r="V64593" i="1"/>
  <c r="V64594" i="1"/>
  <c r="V64595" i="1"/>
  <c r="V64596" i="1"/>
  <c r="V64597" i="1"/>
  <c r="V64598" i="1"/>
  <c r="V64599" i="1"/>
  <c r="V64600" i="1"/>
  <c r="V64601" i="1"/>
  <c r="V64602" i="1"/>
  <c r="V64603" i="1"/>
  <c r="V64604" i="1"/>
  <c r="V64605" i="1"/>
  <c r="V64606" i="1"/>
  <c r="V64607" i="1"/>
  <c r="V64608" i="1"/>
  <c r="V64609" i="1"/>
  <c r="V64610" i="1"/>
  <c r="V64611" i="1"/>
  <c r="V64612" i="1"/>
  <c r="V64613" i="1"/>
  <c r="V64614" i="1"/>
  <c r="V64615" i="1"/>
  <c r="V64616" i="1"/>
  <c r="V64617" i="1"/>
  <c r="V64618" i="1"/>
  <c r="V64619" i="1"/>
  <c r="V64620" i="1"/>
  <c r="V64621" i="1"/>
  <c r="V64622" i="1"/>
  <c r="V64623" i="1"/>
  <c r="V64624" i="1"/>
  <c r="V64625" i="1"/>
  <c r="V64626" i="1"/>
  <c r="V64627" i="1"/>
  <c r="V64628" i="1"/>
  <c r="V64629" i="1"/>
  <c r="V64630" i="1"/>
  <c r="V64631" i="1"/>
  <c r="V64632" i="1"/>
  <c r="V64633" i="1"/>
  <c r="V64634" i="1"/>
  <c r="V64635" i="1"/>
  <c r="V64636" i="1"/>
  <c r="V64637" i="1"/>
  <c r="V64638" i="1"/>
  <c r="V64639" i="1"/>
  <c r="V64640" i="1"/>
  <c r="V64641" i="1"/>
  <c r="V64642" i="1"/>
  <c r="V64643" i="1"/>
  <c r="V64644" i="1"/>
  <c r="V64645" i="1"/>
  <c r="V64646" i="1"/>
  <c r="V64647" i="1"/>
  <c r="V64648" i="1"/>
  <c r="V64649" i="1"/>
  <c r="V64650" i="1"/>
  <c r="V64651" i="1"/>
  <c r="V64652" i="1"/>
  <c r="V64653" i="1"/>
  <c r="V64654" i="1"/>
  <c r="V64655" i="1"/>
  <c r="V64656" i="1"/>
  <c r="V64657" i="1"/>
  <c r="V64658" i="1"/>
  <c r="V64659" i="1"/>
  <c r="V64660" i="1"/>
  <c r="V64661" i="1"/>
  <c r="V64662" i="1"/>
  <c r="V64663" i="1"/>
  <c r="V64664" i="1"/>
  <c r="V64665" i="1"/>
  <c r="V64666" i="1"/>
  <c r="V64667" i="1"/>
  <c r="V64668" i="1"/>
  <c r="V64669" i="1"/>
  <c r="V64670" i="1"/>
  <c r="V64671" i="1"/>
  <c r="V64672" i="1"/>
  <c r="V64673" i="1"/>
  <c r="V64674" i="1"/>
  <c r="V64675" i="1"/>
  <c r="V64676" i="1"/>
  <c r="V64677" i="1"/>
  <c r="V64678" i="1"/>
  <c r="V64679" i="1"/>
  <c r="V64680" i="1"/>
  <c r="V64681" i="1"/>
  <c r="V64682" i="1"/>
  <c r="V64683" i="1"/>
  <c r="V64684" i="1"/>
  <c r="V64685" i="1"/>
  <c r="V64686" i="1"/>
  <c r="V64687" i="1"/>
  <c r="V64688" i="1"/>
  <c r="V64689" i="1"/>
  <c r="V64690" i="1"/>
  <c r="V64691" i="1"/>
  <c r="V64692" i="1"/>
  <c r="V64693" i="1"/>
  <c r="V64694" i="1"/>
  <c r="V64695" i="1"/>
  <c r="V64696" i="1"/>
  <c r="V64697" i="1"/>
  <c r="V64698" i="1"/>
  <c r="V64699" i="1"/>
  <c r="V64700" i="1"/>
  <c r="V64701" i="1"/>
  <c r="V64702" i="1"/>
  <c r="V64703" i="1"/>
  <c r="V64704" i="1"/>
  <c r="V64705" i="1"/>
  <c r="V64706" i="1"/>
  <c r="V64707" i="1"/>
  <c r="V64708" i="1"/>
  <c r="V64709" i="1"/>
  <c r="V64710" i="1"/>
  <c r="V64711" i="1"/>
  <c r="V64712" i="1"/>
  <c r="V64713" i="1"/>
  <c r="V64714" i="1"/>
  <c r="V64715" i="1"/>
  <c r="V64716" i="1"/>
  <c r="V64717" i="1"/>
  <c r="V64718" i="1"/>
  <c r="V64719" i="1"/>
  <c r="V64720" i="1"/>
  <c r="V64721" i="1"/>
  <c r="V64722" i="1"/>
  <c r="V64723" i="1"/>
  <c r="V64724" i="1"/>
  <c r="V64725" i="1"/>
  <c r="V64726" i="1"/>
  <c r="V64727" i="1"/>
  <c r="V64728" i="1"/>
  <c r="V64729" i="1"/>
  <c r="V64730" i="1"/>
  <c r="V64731" i="1"/>
  <c r="V64732" i="1"/>
  <c r="V64733" i="1"/>
  <c r="V64734" i="1"/>
  <c r="V64735" i="1"/>
  <c r="V64736" i="1"/>
  <c r="V64737" i="1"/>
  <c r="V64738" i="1"/>
  <c r="V64739" i="1"/>
  <c r="V64740" i="1"/>
  <c r="V64741" i="1"/>
  <c r="V64742" i="1"/>
  <c r="V64743" i="1"/>
  <c r="V64744" i="1"/>
  <c r="V64745" i="1"/>
  <c r="V64746" i="1"/>
  <c r="V64747" i="1"/>
  <c r="V64748" i="1"/>
  <c r="V64749" i="1"/>
  <c r="V64750" i="1"/>
  <c r="V64751" i="1"/>
  <c r="V64752" i="1"/>
  <c r="V64753" i="1"/>
  <c r="V64754" i="1"/>
  <c r="V64755" i="1"/>
  <c r="V64756" i="1"/>
  <c r="V64757" i="1"/>
  <c r="V64758" i="1"/>
  <c r="V64759" i="1"/>
  <c r="V64760" i="1"/>
  <c r="V64761" i="1"/>
  <c r="V64762" i="1"/>
  <c r="V64763" i="1"/>
  <c r="V64764" i="1"/>
  <c r="V64765" i="1"/>
  <c r="V64766" i="1"/>
  <c r="V64767" i="1"/>
  <c r="V64768" i="1"/>
  <c r="V64769" i="1"/>
  <c r="V64770" i="1"/>
  <c r="V64771" i="1"/>
  <c r="V64772" i="1"/>
  <c r="V64773" i="1"/>
  <c r="V64774" i="1"/>
  <c r="V64775" i="1"/>
  <c r="V64776" i="1"/>
  <c r="V64777" i="1"/>
  <c r="V64778" i="1"/>
  <c r="V64779" i="1"/>
  <c r="V64780" i="1"/>
  <c r="V64781" i="1"/>
  <c r="V64782" i="1"/>
  <c r="V64783" i="1"/>
  <c r="V64784" i="1"/>
  <c r="V64785" i="1"/>
  <c r="V64786" i="1"/>
  <c r="V64787" i="1"/>
  <c r="V64788" i="1"/>
  <c r="V64789" i="1"/>
  <c r="V64790" i="1"/>
  <c r="V64791" i="1"/>
  <c r="V64792" i="1"/>
  <c r="V64793" i="1"/>
  <c r="V64794" i="1"/>
  <c r="V64795" i="1"/>
  <c r="V64796" i="1"/>
  <c r="V64797" i="1"/>
  <c r="V64798" i="1"/>
  <c r="V64799" i="1"/>
  <c r="V64800" i="1"/>
  <c r="V64801" i="1"/>
  <c r="V64802" i="1"/>
  <c r="V64803" i="1"/>
  <c r="V64804" i="1"/>
  <c r="V64805" i="1"/>
  <c r="V64806" i="1"/>
  <c r="V64807" i="1"/>
  <c r="V64808" i="1"/>
  <c r="V64809" i="1"/>
  <c r="V64810" i="1"/>
  <c r="V64811" i="1"/>
  <c r="V64812" i="1"/>
  <c r="V64813" i="1"/>
  <c r="V64814" i="1"/>
  <c r="V64815" i="1"/>
  <c r="V64816" i="1"/>
  <c r="V64817" i="1"/>
  <c r="V64818" i="1"/>
  <c r="V64819" i="1"/>
  <c r="V64820" i="1"/>
  <c r="V64821" i="1"/>
  <c r="V64822" i="1"/>
  <c r="V64823" i="1"/>
  <c r="V64824" i="1"/>
  <c r="V64825" i="1"/>
  <c r="V64826" i="1"/>
  <c r="V64827" i="1"/>
  <c r="V64828" i="1"/>
  <c r="V64829" i="1"/>
  <c r="V64830" i="1"/>
  <c r="V64831" i="1"/>
  <c r="V64832" i="1"/>
  <c r="V64833" i="1"/>
  <c r="V64834" i="1"/>
  <c r="V64835" i="1"/>
  <c r="V64836" i="1"/>
  <c r="V64837" i="1"/>
  <c r="V64838" i="1"/>
  <c r="V64839" i="1"/>
  <c r="V64840" i="1"/>
  <c r="V64841" i="1"/>
  <c r="V64842" i="1"/>
  <c r="V64843" i="1"/>
  <c r="V64844" i="1"/>
  <c r="V64845" i="1"/>
  <c r="V64846" i="1"/>
  <c r="V64847" i="1"/>
  <c r="V64848" i="1"/>
  <c r="V64849" i="1"/>
  <c r="V64850" i="1"/>
  <c r="V64851" i="1"/>
  <c r="V64852" i="1"/>
  <c r="V64853" i="1"/>
  <c r="V64854" i="1"/>
  <c r="V64855" i="1"/>
  <c r="V64856" i="1"/>
  <c r="V64857" i="1"/>
  <c r="V64858" i="1"/>
  <c r="V64859" i="1"/>
  <c r="V64860" i="1"/>
  <c r="V64861" i="1"/>
  <c r="V64862" i="1"/>
  <c r="V64863" i="1"/>
  <c r="V64864" i="1"/>
  <c r="V64865" i="1"/>
  <c r="V64866" i="1"/>
  <c r="V64867" i="1"/>
  <c r="V64868" i="1"/>
  <c r="V64869" i="1"/>
  <c r="V64870" i="1"/>
  <c r="V64871" i="1"/>
  <c r="V64872" i="1"/>
  <c r="V64873" i="1"/>
  <c r="V64874" i="1"/>
  <c r="V64875" i="1"/>
  <c r="V64876" i="1"/>
  <c r="V64877" i="1"/>
  <c r="V64878" i="1"/>
  <c r="V64879" i="1"/>
  <c r="V64880" i="1"/>
  <c r="V64881" i="1"/>
  <c r="V64882" i="1"/>
  <c r="V64883" i="1"/>
  <c r="V64884" i="1"/>
  <c r="V64885" i="1"/>
  <c r="V64886" i="1"/>
  <c r="V64887" i="1"/>
  <c r="V64888" i="1"/>
  <c r="V64889" i="1"/>
  <c r="V64890" i="1"/>
  <c r="V64891" i="1"/>
  <c r="V64892" i="1"/>
  <c r="V64893" i="1"/>
  <c r="V64894" i="1"/>
  <c r="V64895" i="1"/>
  <c r="V64896" i="1"/>
  <c r="V64897" i="1"/>
  <c r="V64898" i="1"/>
  <c r="V64899" i="1"/>
  <c r="V64900" i="1"/>
  <c r="V64901" i="1"/>
  <c r="V64902" i="1"/>
  <c r="V64903" i="1"/>
  <c r="V64904" i="1"/>
  <c r="V64905" i="1"/>
  <c r="V64906" i="1"/>
  <c r="V64907" i="1"/>
  <c r="V64908" i="1"/>
  <c r="V64909" i="1"/>
  <c r="V64910" i="1"/>
  <c r="V64911" i="1"/>
  <c r="V64912" i="1"/>
  <c r="V64913" i="1"/>
  <c r="V64914" i="1"/>
  <c r="V64915" i="1"/>
  <c r="V64916" i="1"/>
  <c r="V64917" i="1"/>
  <c r="V64918" i="1"/>
  <c r="V64919" i="1"/>
  <c r="V64920" i="1"/>
  <c r="V64921" i="1"/>
  <c r="V64922" i="1"/>
  <c r="V64923" i="1"/>
  <c r="V64924" i="1"/>
  <c r="V64925" i="1"/>
  <c r="V64926" i="1"/>
  <c r="V64927" i="1"/>
  <c r="V64928" i="1"/>
  <c r="V64929" i="1"/>
  <c r="V64930" i="1"/>
  <c r="V64931" i="1"/>
  <c r="V64932" i="1"/>
  <c r="V64933" i="1"/>
  <c r="V64934" i="1"/>
  <c r="V64935" i="1"/>
  <c r="V64936" i="1"/>
  <c r="V64937" i="1"/>
  <c r="V64938" i="1"/>
  <c r="V64939" i="1"/>
  <c r="V64940" i="1"/>
  <c r="V64941" i="1"/>
  <c r="V64942" i="1"/>
  <c r="V64943" i="1"/>
  <c r="V64944" i="1"/>
  <c r="V64945" i="1"/>
  <c r="V64946" i="1"/>
  <c r="V64947" i="1"/>
  <c r="V64948" i="1"/>
  <c r="V64949" i="1"/>
  <c r="V64950" i="1"/>
  <c r="V64951" i="1"/>
  <c r="V64952" i="1"/>
  <c r="V64953" i="1"/>
  <c r="V64954" i="1"/>
  <c r="V64955" i="1"/>
  <c r="V64956" i="1"/>
  <c r="V64957" i="1"/>
  <c r="V64958" i="1"/>
  <c r="V64959" i="1"/>
  <c r="V64960" i="1"/>
  <c r="V64961" i="1"/>
  <c r="V64962" i="1"/>
  <c r="V64963" i="1"/>
  <c r="V64964" i="1"/>
  <c r="V64965" i="1"/>
  <c r="V64966" i="1"/>
  <c r="V64967" i="1"/>
  <c r="V64968" i="1"/>
  <c r="V64969" i="1"/>
  <c r="V64970" i="1"/>
  <c r="V64971" i="1"/>
  <c r="V64972" i="1"/>
  <c r="V64973" i="1"/>
  <c r="V64974" i="1"/>
  <c r="V64975" i="1"/>
  <c r="V64976" i="1"/>
  <c r="V64977" i="1"/>
  <c r="V64978" i="1"/>
  <c r="V64979" i="1"/>
  <c r="V64980" i="1"/>
  <c r="V64981" i="1"/>
  <c r="V64982" i="1"/>
  <c r="V64983" i="1"/>
  <c r="V64984" i="1"/>
  <c r="V64985" i="1"/>
  <c r="V64986" i="1"/>
  <c r="V64987" i="1"/>
  <c r="V64988" i="1"/>
  <c r="V64989" i="1"/>
  <c r="V64990" i="1"/>
  <c r="V64991" i="1"/>
  <c r="V64992" i="1"/>
  <c r="V64993" i="1"/>
  <c r="V64994" i="1"/>
  <c r="V64995" i="1"/>
  <c r="V64996" i="1"/>
  <c r="V64997" i="1"/>
  <c r="V64998" i="1"/>
  <c r="V64999" i="1"/>
  <c r="V65000" i="1"/>
  <c r="V65001" i="1"/>
  <c r="V65002" i="1"/>
  <c r="V65003" i="1"/>
  <c r="V65004" i="1"/>
  <c r="V65005" i="1"/>
  <c r="V65006" i="1"/>
  <c r="V65007" i="1"/>
  <c r="V65008" i="1"/>
  <c r="V65009" i="1"/>
  <c r="V65010" i="1"/>
  <c r="V65011" i="1"/>
  <c r="V65012" i="1"/>
  <c r="V65013" i="1"/>
  <c r="V65014" i="1"/>
  <c r="V65015" i="1"/>
  <c r="V65016" i="1"/>
  <c r="V65017" i="1"/>
  <c r="V65018" i="1"/>
  <c r="V65019" i="1"/>
  <c r="V65020" i="1"/>
  <c r="V65021" i="1"/>
  <c r="V65022" i="1"/>
  <c r="V65023" i="1"/>
  <c r="V65024" i="1"/>
  <c r="V65025" i="1"/>
  <c r="V65026" i="1"/>
  <c r="V65027" i="1"/>
  <c r="V65028" i="1"/>
  <c r="V65029" i="1"/>
  <c r="V65030" i="1"/>
  <c r="V65031" i="1"/>
  <c r="V65032" i="1"/>
  <c r="V65033" i="1"/>
  <c r="V65034" i="1"/>
  <c r="V65035" i="1"/>
  <c r="V65036" i="1"/>
  <c r="V65037" i="1"/>
  <c r="V65038" i="1"/>
  <c r="V65039" i="1"/>
  <c r="V65040" i="1"/>
  <c r="V65041" i="1"/>
  <c r="V65042" i="1"/>
  <c r="V65043" i="1"/>
  <c r="V65044" i="1"/>
  <c r="V65045" i="1"/>
  <c r="V65046" i="1"/>
  <c r="V65047" i="1"/>
  <c r="V65048" i="1"/>
  <c r="V65049" i="1"/>
  <c r="V65050" i="1"/>
  <c r="V65051" i="1"/>
  <c r="V65052" i="1"/>
  <c r="V65053" i="1"/>
  <c r="V65054" i="1"/>
  <c r="V65055" i="1"/>
  <c r="V65056" i="1"/>
  <c r="V65057" i="1"/>
  <c r="V65058" i="1"/>
  <c r="V65059" i="1"/>
  <c r="V65060" i="1"/>
  <c r="V65061" i="1"/>
  <c r="V65062" i="1"/>
  <c r="V65063" i="1"/>
  <c r="V65064" i="1"/>
  <c r="V65065" i="1"/>
  <c r="V65066" i="1"/>
  <c r="V65067" i="1"/>
  <c r="V65068" i="1"/>
  <c r="V65069" i="1"/>
  <c r="V65070" i="1"/>
  <c r="V65071" i="1"/>
  <c r="V65072" i="1"/>
  <c r="V65073" i="1"/>
  <c r="V65074" i="1"/>
  <c r="V65075" i="1"/>
  <c r="V65076" i="1"/>
  <c r="V65077" i="1"/>
  <c r="V65078" i="1"/>
  <c r="V65079" i="1"/>
  <c r="V65080" i="1"/>
  <c r="V65081" i="1"/>
  <c r="V65082" i="1"/>
  <c r="V65083" i="1"/>
  <c r="V65084" i="1"/>
  <c r="V65085" i="1"/>
  <c r="V65086" i="1"/>
  <c r="V65087" i="1"/>
  <c r="V65088" i="1"/>
  <c r="V65089" i="1"/>
  <c r="V65090" i="1"/>
  <c r="V65091" i="1"/>
  <c r="V65092" i="1"/>
  <c r="V65093" i="1"/>
  <c r="V65094" i="1"/>
  <c r="V65095" i="1"/>
  <c r="V65096" i="1"/>
  <c r="V65097" i="1"/>
  <c r="V65098" i="1"/>
  <c r="V65099" i="1"/>
  <c r="V65100" i="1"/>
  <c r="V65101" i="1"/>
  <c r="V65102" i="1"/>
  <c r="V65103" i="1"/>
  <c r="V65104" i="1"/>
  <c r="V65105" i="1"/>
  <c r="V65106" i="1"/>
  <c r="V65107" i="1"/>
  <c r="V65108" i="1"/>
  <c r="V65109" i="1"/>
  <c r="V65110" i="1"/>
  <c r="V65111" i="1"/>
  <c r="V65112" i="1"/>
  <c r="V65113" i="1"/>
  <c r="V65114" i="1"/>
  <c r="V65115" i="1"/>
  <c r="V65116" i="1"/>
  <c r="V65117" i="1"/>
  <c r="V65118" i="1"/>
  <c r="V65119" i="1"/>
  <c r="V65120" i="1"/>
  <c r="V65121" i="1"/>
  <c r="V65122" i="1"/>
  <c r="V65123" i="1"/>
  <c r="V65124" i="1"/>
  <c r="V65125" i="1"/>
  <c r="V65126" i="1"/>
  <c r="V65127" i="1"/>
  <c r="V65128" i="1"/>
  <c r="V65129" i="1"/>
  <c r="V65130" i="1"/>
  <c r="V65131" i="1"/>
  <c r="V65132" i="1"/>
  <c r="V65133" i="1"/>
  <c r="V65134" i="1"/>
  <c r="V65135" i="1"/>
  <c r="V65136" i="1"/>
  <c r="V65137" i="1"/>
  <c r="V65138" i="1"/>
  <c r="V65139" i="1"/>
  <c r="V65140" i="1"/>
  <c r="V65141" i="1"/>
  <c r="V65142" i="1"/>
  <c r="V65143" i="1"/>
  <c r="V65144" i="1"/>
  <c r="V65145" i="1"/>
  <c r="V65146" i="1"/>
  <c r="V65147" i="1"/>
  <c r="V65148" i="1"/>
  <c r="V65149" i="1"/>
  <c r="V65150" i="1"/>
  <c r="V65151" i="1"/>
  <c r="V65152" i="1"/>
  <c r="V65153" i="1"/>
  <c r="V65154" i="1"/>
  <c r="V65155" i="1"/>
  <c r="V65156" i="1"/>
  <c r="V65157" i="1"/>
  <c r="V65158" i="1"/>
  <c r="V65159" i="1"/>
  <c r="V65160" i="1"/>
  <c r="V65161" i="1"/>
  <c r="V65162" i="1"/>
  <c r="V65163" i="1"/>
  <c r="V65164" i="1"/>
  <c r="V65165" i="1"/>
  <c r="V65166" i="1"/>
  <c r="V65167" i="1"/>
  <c r="V65168" i="1"/>
  <c r="V65169" i="1"/>
  <c r="V65170" i="1"/>
  <c r="V65171" i="1"/>
  <c r="V65172" i="1"/>
  <c r="V65173" i="1"/>
  <c r="V65174" i="1"/>
  <c r="V65175" i="1"/>
  <c r="V65176" i="1"/>
  <c r="V65177" i="1"/>
  <c r="V65178" i="1"/>
  <c r="V65179" i="1"/>
  <c r="V65180" i="1"/>
  <c r="V65181" i="1"/>
  <c r="V65182" i="1"/>
  <c r="V65183" i="1"/>
  <c r="V65184" i="1"/>
  <c r="V65185" i="1"/>
  <c r="V65186" i="1"/>
  <c r="V65187" i="1"/>
  <c r="V65188" i="1"/>
  <c r="V65189" i="1"/>
  <c r="V65190" i="1"/>
  <c r="V65191" i="1"/>
  <c r="V65192" i="1"/>
  <c r="V65193" i="1"/>
  <c r="V65194" i="1"/>
  <c r="V65195" i="1"/>
  <c r="V65196" i="1"/>
  <c r="V65197" i="1"/>
  <c r="V65198" i="1"/>
  <c r="V65199" i="1"/>
  <c r="V65200" i="1"/>
  <c r="V65201" i="1"/>
  <c r="V65202" i="1"/>
  <c r="V65203" i="1"/>
  <c r="V65204" i="1"/>
  <c r="V65205" i="1"/>
  <c r="V65206" i="1"/>
  <c r="V65207" i="1"/>
  <c r="V65208" i="1"/>
  <c r="V65209" i="1"/>
  <c r="V65210" i="1"/>
  <c r="V65211" i="1"/>
  <c r="V65212" i="1"/>
  <c r="V65213" i="1"/>
  <c r="V65214" i="1"/>
  <c r="V65215" i="1"/>
  <c r="V65216" i="1"/>
  <c r="V65217" i="1"/>
  <c r="V65218" i="1"/>
  <c r="V65219" i="1"/>
  <c r="V65220" i="1"/>
  <c r="V65221" i="1"/>
  <c r="V65222" i="1"/>
  <c r="V65223" i="1"/>
  <c r="V65224" i="1"/>
  <c r="V65225" i="1"/>
  <c r="V65226" i="1"/>
  <c r="V65227" i="1"/>
  <c r="V65228" i="1"/>
  <c r="V65229" i="1"/>
  <c r="V65230" i="1"/>
  <c r="V65231" i="1"/>
  <c r="V65232" i="1"/>
  <c r="V65233" i="1"/>
  <c r="V65234" i="1"/>
  <c r="V65235" i="1"/>
  <c r="V65236" i="1"/>
  <c r="V65237" i="1"/>
  <c r="V65238" i="1"/>
  <c r="V65239" i="1"/>
  <c r="V65240" i="1"/>
  <c r="V65241" i="1"/>
  <c r="V65242" i="1"/>
  <c r="V65243" i="1"/>
  <c r="V65244" i="1"/>
  <c r="V65245" i="1"/>
  <c r="V65246" i="1"/>
  <c r="V65247" i="1"/>
  <c r="V65248" i="1"/>
  <c r="V65249" i="1"/>
  <c r="V65250" i="1"/>
  <c r="V65251" i="1"/>
  <c r="V65252" i="1"/>
  <c r="V65253" i="1"/>
  <c r="V65254" i="1"/>
  <c r="V65255" i="1"/>
  <c r="V65256" i="1"/>
  <c r="V65257" i="1"/>
  <c r="V65258" i="1"/>
  <c r="V65259" i="1"/>
  <c r="V65260" i="1"/>
  <c r="V65261" i="1"/>
  <c r="V65262" i="1"/>
  <c r="V65263" i="1"/>
  <c r="V65264" i="1"/>
  <c r="V65265" i="1"/>
  <c r="V65266" i="1"/>
  <c r="V65267" i="1"/>
  <c r="V65268" i="1"/>
  <c r="V65269" i="1"/>
  <c r="V65270" i="1"/>
  <c r="V65271" i="1"/>
  <c r="V65272" i="1"/>
  <c r="V65273" i="1"/>
  <c r="V65274" i="1"/>
  <c r="V65275" i="1"/>
  <c r="V65276" i="1"/>
  <c r="V65277" i="1"/>
  <c r="V65278" i="1"/>
  <c r="V65279" i="1"/>
  <c r="V65280" i="1"/>
  <c r="V65281" i="1"/>
  <c r="V65282" i="1"/>
  <c r="V65283" i="1"/>
  <c r="V65284" i="1"/>
  <c r="V65285" i="1"/>
  <c r="V65286" i="1"/>
  <c r="V65287" i="1"/>
  <c r="V65288" i="1"/>
  <c r="V65289" i="1"/>
  <c r="V65290" i="1"/>
  <c r="V65291" i="1"/>
  <c r="V65292" i="1"/>
  <c r="V65293" i="1"/>
  <c r="V65294" i="1"/>
  <c r="V65295" i="1"/>
  <c r="V65296" i="1"/>
  <c r="V65297" i="1"/>
  <c r="V65298" i="1"/>
  <c r="V65299" i="1"/>
  <c r="V65300" i="1"/>
  <c r="V65301" i="1"/>
  <c r="V65302" i="1"/>
  <c r="V65303" i="1"/>
  <c r="V65304" i="1"/>
  <c r="V65305" i="1"/>
  <c r="V65306" i="1"/>
  <c r="V65307" i="1"/>
  <c r="V65308" i="1"/>
  <c r="V65309" i="1"/>
  <c r="V65310" i="1"/>
  <c r="V65311" i="1"/>
  <c r="V65312" i="1"/>
  <c r="V65313" i="1"/>
  <c r="V65314" i="1"/>
  <c r="V65315" i="1"/>
  <c r="V65316" i="1"/>
  <c r="V65317" i="1"/>
  <c r="V65318" i="1"/>
  <c r="V65319" i="1"/>
  <c r="V65320" i="1"/>
  <c r="V65321" i="1"/>
  <c r="V65322" i="1"/>
  <c r="V65323" i="1"/>
  <c r="V65324" i="1"/>
  <c r="V65325" i="1"/>
  <c r="V65326" i="1"/>
  <c r="V65327" i="1"/>
  <c r="V65328" i="1"/>
  <c r="V65329" i="1"/>
  <c r="V65330" i="1"/>
  <c r="V65331" i="1"/>
  <c r="V65332" i="1"/>
  <c r="V65333" i="1"/>
  <c r="V65334" i="1"/>
  <c r="V65335" i="1"/>
  <c r="V65336" i="1"/>
  <c r="V65337" i="1"/>
  <c r="V65338" i="1"/>
  <c r="V65339" i="1"/>
  <c r="V65340" i="1"/>
  <c r="V65341" i="1"/>
  <c r="V65342" i="1"/>
  <c r="V65343" i="1"/>
  <c r="V65344" i="1"/>
  <c r="V65345" i="1"/>
  <c r="V65346" i="1"/>
  <c r="V65347" i="1"/>
  <c r="V65348" i="1"/>
  <c r="V65349" i="1"/>
  <c r="V65350" i="1"/>
  <c r="V65351" i="1"/>
  <c r="V65352" i="1"/>
  <c r="V65353" i="1"/>
  <c r="V65354" i="1"/>
  <c r="V65355" i="1"/>
  <c r="V65356" i="1"/>
  <c r="V65357" i="1"/>
  <c r="V65358" i="1"/>
  <c r="V65359" i="1"/>
  <c r="V65360" i="1"/>
  <c r="V65361" i="1"/>
  <c r="V65362" i="1"/>
  <c r="V65363" i="1"/>
  <c r="V65364" i="1"/>
  <c r="V65365" i="1"/>
  <c r="V65366" i="1"/>
  <c r="V65367" i="1"/>
  <c r="V65368" i="1"/>
  <c r="V65369" i="1"/>
  <c r="V65370" i="1"/>
  <c r="V65371" i="1"/>
  <c r="V65372" i="1"/>
  <c r="V65373" i="1"/>
  <c r="V65374" i="1"/>
  <c r="V65375" i="1"/>
  <c r="V65376" i="1"/>
  <c r="V65377" i="1"/>
  <c r="V65378" i="1"/>
  <c r="V65379" i="1"/>
  <c r="V65380" i="1"/>
  <c r="V65381" i="1"/>
  <c r="V65382" i="1"/>
  <c r="V65383" i="1"/>
  <c r="V65384" i="1"/>
  <c r="V65385" i="1"/>
  <c r="V65386" i="1"/>
  <c r="V65387" i="1"/>
  <c r="V65388" i="1"/>
  <c r="V65389" i="1"/>
  <c r="V65390" i="1"/>
  <c r="V65391" i="1"/>
  <c r="V65392" i="1"/>
  <c r="V65393" i="1"/>
  <c r="V65394" i="1"/>
  <c r="V65395" i="1"/>
  <c r="V65396" i="1"/>
  <c r="V65397" i="1"/>
  <c r="V65398" i="1"/>
  <c r="V65399" i="1"/>
  <c r="V65400" i="1"/>
  <c r="V65401" i="1"/>
  <c r="V65402" i="1"/>
  <c r="V65403" i="1"/>
  <c r="V65404" i="1"/>
  <c r="V65405" i="1"/>
  <c r="V65406" i="1"/>
  <c r="V65407" i="1"/>
  <c r="V65408" i="1"/>
  <c r="V65409" i="1"/>
  <c r="V65410" i="1"/>
  <c r="V65411" i="1"/>
  <c r="V65412" i="1"/>
  <c r="V65413" i="1"/>
  <c r="V65414" i="1"/>
  <c r="V65415" i="1"/>
  <c r="V65416" i="1"/>
  <c r="V65417" i="1"/>
  <c r="V65418" i="1"/>
  <c r="V65419" i="1"/>
  <c r="V65420" i="1"/>
  <c r="V65421" i="1"/>
  <c r="V65422" i="1"/>
  <c r="V65423" i="1"/>
  <c r="V65424" i="1"/>
  <c r="V65425" i="1"/>
  <c r="V65426" i="1"/>
  <c r="V65427" i="1"/>
  <c r="V65428" i="1"/>
  <c r="V65429" i="1"/>
  <c r="V65430" i="1"/>
  <c r="V65431" i="1"/>
  <c r="V65432" i="1"/>
  <c r="V65433" i="1"/>
  <c r="V65434" i="1"/>
  <c r="V65435" i="1"/>
  <c r="V65436" i="1"/>
  <c r="V65437" i="1"/>
  <c r="V65438" i="1"/>
  <c r="V65439" i="1"/>
  <c r="V65440" i="1"/>
  <c r="V65441" i="1"/>
  <c r="V65442" i="1"/>
  <c r="V65443" i="1"/>
  <c r="V65444" i="1"/>
  <c r="V65445" i="1"/>
  <c r="V65446" i="1"/>
  <c r="V65447" i="1"/>
  <c r="V65448" i="1"/>
  <c r="V65449" i="1"/>
  <c r="V65450" i="1"/>
  <c r="V65451" i="1"/>
  <c r="V65452" i="1"/>
  <c r="V65453" i="1"/>
  <c r="V65454" i="1"/>
  <c r="V65455" i="1"/>
  <c r="V65456" i="1"/>
  <c r="V65457" i="1"/>
  <c r="V65458" i="1"/>
  <c r="V65459" i="1"/>
  <c r="V65460" i="1"/>
  <c r="V65461" i="1"/>
  <c r="V65462" i="1"/>
  <c r="V65463" i="1"/>
  <c r="V65464" i="1"/>
  <c r="V65465" i="1"/>
  <c r="V65466" i="1"/>
  <c r="V65467" i="1"/>
  <c r="V65468" i="1"/>
  <c r="V65469" i="1"/>
  <c r="V65470" i="1"/>
  <c r="V65471" i="1"/>
  <c r="V65472" i="1"/>
  <c r="V65473" i="1"/>
  <c r="V65474" i="1"/>
  <c r="V65475" i="1"/>
  <c r="V65476" i="1"/>
  <c r="V65477" i="1"/>
  <c r="V65478" i="1"/>
  <c r="V65479" i="1"/>
  <c r="V65480" i="1"/>
  <c r="V65481" i="1"/>
  <c r="V65482" i="1"/>
  <c r="V65483" i="1"/>
  <c r="V65484" i="1"/>
  <c r="V65485" i="1"/>
  <c r="V65486" i="1"/>
  <c r="V65487" i="1"/>
  <c r="V65488" i="1"/>
  <c r="V65489" i="1"/>
  <c r="V65490" i="1"/>
  <c r="V65491" i="1"/>
  <c r="V65492" i="1"/>
  <c r="V65493" i="1"/>
  <c r="V65494" i="1"/>
  <c r="V65495" i="1"/>
  <c r="V65496" i="1"/>
  <c r="V65497" i="1"/>
  <c r="V65498" i="1"/>
  <c r="V65499" i="1"/>
  <c r="V65500" i="1"/>
  <c r="V65501" i="1"/>
  <c r="V65502" i="1"/>
  <c r="V65503" i="1"/>
  <c r="V65504" i="1"/>
  <c r="V65505" i="1"/>
  <c r="V65506" i="1"/>
  <c r="V65507" i="1"/>
  <c r="V65508" i="1"/>
  <c r="V65509" i="1"/>
  <c r="V65510" i="1"/>
  <c r="V65511" i="1"/>
  <c r="V65512" i="1"/>
  <c r="V65513" i="1"/>
  <c r="V65514" i="1"/>
  <c r="V65515" i="1"/>
  <c r="V65516" i="1"/>
  <c r="V65517" i="1"/>
  <c r="V65518" i="1"/>
  <c r="V65519" i="1"/>
  <c r="V65520" i="1"/>
  <c r="V65521" i="1"/>
  <c r="V65522" i="1"/>
  <c r="V65523" i="1"/>
  <c r="V65524" i="1"/>
  <c r="V65525" i="1"/>
  <c r="V65526" i="1"/>
  <c r="V65527" i="1"/>
  <c r="V65528" i="1"/>
  <c r="V65529" i="1"/>
  <c r="V65530" i="1"/>
  <c r="V65531" i="1"/>
  <c r="V65532" i="1"/>
  <c r="V65533" i="1"/>
  <c r="V65534" i="1"/>
  <c r="V65535" i="1"/>
  <c r="V65536" i="1"/>
  <c r="V65537" i="1"/>
  <c r="V65538" i="1"/>
  <c r="V65539" i="1"/>
  <c r="V65540" i="1"/>
  <c r="V65541" i="1"/>
  <c r="V65542" i="1"/>
  <c r="V65543" i="1"/>
  <c r="V65544" i="1"/>
  <c r="V65545" i="1"/>
  <c r="V65546" i="1"/>
  <c r="V65547" i="1"/>
  <c r="V65548" i="1"/>
  <c r="V65549" i="1"/>
  <c r="V65550" i="1"/>
  <c r="V65551" i="1"/>
  <c r="V65552" i="1"/>
  <c r="V65553" i="1"/>
  <c r="V65554" i="1"/>
  <c r="V65555" i="1"/>
  <c r="V65556" i="1"/>
  <c r="V65557" i="1"/>
  <c r="V65558" i="1"/>
  <c r="V65559" i="1"/>
  <c r="V65560" i="1"/>
  <c r="V65561" i="1"/>
  <c r="V65562" i="1"/>
  <c r="V65563" i="1"/>
  <c r="V65564" i="1"/>
  <c r="V65565" i="1"/>
  <c r="V65566" i="1"/>
  <c r="V65567" i="1"/>
  <c r="V65568" i="1"/>
  <c r="V65569" i="1"/>
  <c r="V65570" i="1"/>
  <c r="V65571" i="1"/>
  <c r="V65572" i="1"/>
  <c r="V65573" i="1"/>
  <c r="V65574" i="1"/>
  <c r="V65575" i="1"/>
  <c r="V65576" i="1"/>
  <c r="V65577" i="1"/>
  <c r="V65578" i="1"/>
  <c r="V65579" i="1"/>
  <c r="V65580" i="1"/>
  <c r="V65581" i="1"/>
  <c r="V65582" i="1"/>
  <c r="V65583" i="1"/>
  <c r="V65584" i="1"/>
  <c r="V65585" i="1"/>
  <c r="V65586" i="1"/>
  <c r="V65587" i="1"/>
  <c r="V65588" i="1"/>
  <c r="V65589" i="1"/>
  <c r="V65590" i="1"/>
  <c r="V65591" i="1"/>
  <c r="V65592" i="1"/>
  <c r="V65593" i="1"/>
  <c r="V65594" i="1"/>
  <c r="V65595" i="1"/>
  <c r="V65596" i="1"/>
  <c r="V65597" i="1"/>
  <c r="V65598" i="1"/>
  <c r="V65599" i="1"/>
  <c r="V65600" i="1"/>
  <c r="V65601" i="1"/>
  <c r="V65602" i="1"/>
  <c r="V65603" i="1"/>
  <c r="V65604" i="1"/>
  <c r="V65605" i="1"/>
  <c r="V65606" i="1"/>
  <c r="V65607" i="1"/>
  <c r="V65608" i="1"/>
  <c r="V65609" i="1"/>
  <c r="V65610" i="1"/>
  <c r="V65611" i="1"/>
  <c r="V65612" i="1"/>
  <c r="V65613" i="1"/>
  <c r="V65614" i="1"/>
  <c r="V65615" i="1"/>
  <c r="V65616" i="1"/>
  <c r="V65617" i="1"/>
  <c r="V65618" i="1"/>
  <c r="V65619" i="1"/>
  <c r="V65620" i="1"/>
  <c r="V65621" i="1"/>
  <c r="V65622" i="1"/>
  <c r="V65623" i="1"/>
  <c r="V65624" i="1"/>
  <c r="V65625" i="1"/>
  <c r="V65626" i="1"/>
  <c r="V65627" i="1"/>
  <c r="V65628" i="1"/>
  <c r="V65629" i="1"/>
  <c r="V65630" i="1"/>
  <c r="V65631" i="1"/>
  <c r="V65632" i="1"/>
  <c r="V65633" i="1"/>
  <c r="V65634" i="1"/>
  <c r="V65635" i="1"/>
  <c r="V65636" i="1"/>
  <c r="V65637" i="1"/>
  <c r="V65638" i="1"/>
  <c r="V65639" i="1"/>
  <c r="V65640" i="1"/>
  <c r="V65641" i="1"/>
  <c r="V65642" i="1"/>
  <c r="V65643" i="1"/>
  <c r="V65644" i="1"/>
  <c r="V65645" i="1"/>
  <c r="V65646" i="1"/>
  <c r="V65647" i="1"/>
  <c r="V65648" i="1"/>
  <c r="V65649" i="1"/>
  <c r="V65650" i="1"/>
  <c r="V65651" i="1"/>
  <c r="V65652" i="1"/>
  <c r="V65653" i="1"/>
  <c r="V65654" i="1"/>
  <c r="V65655" i="1"/>
  <c r="V65656" i="1"/>
  <c r="V65657" i="1"/>
  <c r="V65658" i="1"/>
  <c r="V65659" i="1"/>
  <c r="V65660" i="1"/>
  <c r="V65661" i="1"/>
  <c r="V65662" i="1"/>
  <c r="V65663" i="1"/>
  <c r="V65664" i="1"/>
  <c r="V65665" i="1"/>
  <c r="V65666" i="1"/>
  <c r="V65667" i="1"/>
  <c r="V65668" i="1"/>
  <c r="V65669" i="1"/>
  <c r="V65670" i="1"/>
  <c r="V65671" i="1"/>
  <c r="V65672" i="1"/>
  <c r="V65673" i="1"/>
  <c r="V65674" i="1"/>
  <c r="V65675" i="1"/>
  <c r="V65676" i="1"/>
  <c r="V65677" i="1"/>
  <c r="V65678" i="1"/>
  <c r="V65679" i="1"/>
  <c r="V65680" i="1"/>
  <c r="V65681" i="1"/>
  <c r="V65682" i="1"/>
  <c r="V65683" i="1"/>
  <c r="V65684" i="1"/>
  <c r="V65685" i="1"/>
  <c r="V65686" i="1"/>
  <c r="V65687" i="1"/>
  <c r="V65688" i="1"/>
  <c r="V65689" i="1"/>
  <c r="V65690" i="1"/>
  <c r="V65691" i="1"/>
  <c r="V65692" i="1"/>
  <c r="V65693" i="1"/>
  <c r="V65694" i="1"/>
  <c r="V65695" i="1"/>
  <c r="V65696" i="1"/>
  <c r="V65697" i="1"/>
  <c r="V65698" i="1"/>
  <c r="V65699" i="1"/>
  <c r="V65700" i="1"/>
  <c r="V65701" i="1"/>
  <c r="V65702" i="1"/>
  <c r="V65703" i="1"/>
  <c r="V65704" i="1"/>
  <c r="V65705" i="1"/>
  <c r="V65706" i="1"/>
  <c r="V65707" i="1"/>
  <c r="V65708" i="1"/>
  <c r="V65709" i="1"/>
  <c r="V65710" i="1"/>
  <c r="V65711" i="1"/>
  <c r="V65712" i="1"/>
  <c r="V65713" i="1"/>
  <c r="V65714" i="1"/>
  <c r="V65715" i="1"/>
  <c r="V65716" i="1"/>
  <c r="V65717" i="1"/>
  <c r="V65718" i="1"/>
  <c r="V65719" i="1"/>
  <c r="V65720" i="1"/>
  <c r="V65721" i="1"/>
  <c r="V65722" i="1"/>
  <c r="V65723" i="1"/>
  <c r="V65724" i="1"/>
  <c r="V65725" i="1"/>
  <c r="V65726" i="1"/>
  <c r="V65727" i="1"/>
  <c r="V65728" i="1"/>
  <c r="V65729" i="1"/>
  <c r="V65730" i="1"/>
  <c r="V65731" i="1"/>
  <c r="V65732" i="1"/>
  <c r="V65733" i="1"/>
  <c r="V65734" i="1"/>
  <c r="V65735" i="1"/>
  <c r="V65736" i="1"/>
  <c r="V65737" i="1"/>
  <c r="V65738" i="1"/>
  <c r="V65739" i="1"/>
  <c r="V65740" i="1"/>
  <c r="V65741" i="1"/>
  <c r="V65742" i="1"/>
  <c r="V65743" i="1"/>
  <c r="V65744" i="1"/>
  <c r="V65745" i="1"/>
  <c r="V65746" i="1"/>
  <c r="V65747" i="1"/>
  <c r="V65748" i="1"/>
  <c r="V65749" i="1"/>
  <c r="V65750" i="1"/>
  <c r="V65751" i="1"/>
  <c r="V65752" i="1"/>
  <c r="V65753" i="1"/>
  <c r="V65754" i="1"/>
  <c r="V65755" i="1"/>
  <c r="V65756" i="1"/>
  <c r="V65757" i="1"/>
  <c r="V65758" i="1"/>
  <c r="V65759" i="1"/>
  <c r="V65760" i="1"/>
  <c r="V65761" i="1"/>
  <c r="V65762" i="1"/>
  <c r="V65763" i="1"/>
  <c r="V65764" i="1"/>
  <c r="V65765" i="1"/>
  <c r="V65766" i="1"/>
  <c r="V65767" i="1"/>
  <c r="V65768" i="1"/>
  <c r="V65769" i="1"/>
  <c r="V65770" i="1"/>
  <c r="V65771" i="1"/>
  <c r="V65772" i="1"/>
  <c r="V65773" i="1"/>
  <c r="V65774" i="1"/>
  <c r="V65775" i="1"/>
  <c r="V65776" i="1"/>
  <c r="V65777" i="1"/>
  <c r="V65778" i="1"/>
  <c r="V65779" i="1"/>
  <c r="V65780" i="1"/>
  <c r="V65781" i="1"/>
  <c r="V65782" i="1"/>
  <c r="V65783" i="1"/>
  <c r="V65784" i="1"/>
  <c r="V65785" i="1"/>
  <c r="V65786" i="1"/>
  <c r="V65787" i="1"/>
  <c r="V65788" i="1"/>
  <c r="V65789" i="1"/>
  <c r="V65790" i="1"/>
  <c r="V65791" i="1"/>
  <c r="V65792" i="1"/>
  <c r="V65793" i="1"/>
  <c r="V65794" i="1"/>
  <c r="V65795" i="1"/>
  <c r="V65796" i="1"/>
  <c r="V65797" i="1"/>
  <c r="V65798" i="1"/>
  <c r="V65799" i="1"/>
  <c r="V65800" i="1"/>
  <c r="V65801" i="1"/>
  <c r="V65802" i="1"/>
  <c r="V65803" i="1"/>
  <c r="V65804" i="1"/>
  <c r="V65805" i="1"/>
  <c r="V65806" i="1"/>
  <c r="V65807" i="1"/>
  <c r="V65808" i="1"/>
  <c r="V65809" i="1"/>
  <c r="V65810" i="1"/>
  <c r="V65811" i="1"/>
  <c r="V65812" i="1"/>
  <c r="V65813" i="1"/>
  <c r="V65814" i="1"/>
  <c r="V65815" i="1"/>
  <c r="V65816" i="1"/>
  <c r="V65817" i="1"/>
  <c r="V65818" i="1"/>
  <c r="V65819" i="1"/>
  <c r="V65820" i="1"/>
  <c r="V65821" i="1"/>
  <c r="V65822" i="1"/>
  <c r="V65823" i="1"/>
  <c r="V65824" i="1"/>
  <c r="V65825" i="1"/>
  <c r="V65826" i="1"/>
  <c r="V65827" i="1"/>
  <c r="V65828" i="1"/>
  <c r="V65829" i="1"/>
  <c r="V65830" i="1"/>
  <c r="V65831" i="1"/>
  <c r="V65832" i="1"/>
  <c r="V65833" i="1"/>
  <c r="V65834" i="1"/>
  <c r="V65835" i="1"/>
  <c r="V65836" i="1"/>
  <c r="V65837" i="1"/>
  <c r="V65838" i="1"/>
  <c r="V65839" i="1"/>
  <c r="V65840" i="1"/>
  <c r="V65841" i="1"/>
  <c r="V65842" i="1"/>
  <c r="V65843" i="1"/>
  <c r="V65844" i="1"/>
  <c r="V65845" i="1"/>
  <c r="V65846" i="1"/>
  <c r="V65847" i="1"/>
  <c r="V65848" i="1"/>
  <c r="V65849" i="1"/>
  <c r="V65850" i="1"/>
  <c r="V65851" i="1"/>
  <c r="V65852" i="1"/>
  <c r="V65853" i="1"/>
  <c r="V65854" i="1"/>
  <c r="V65855" i="1"/>
  <c r="V65856" i="1"/>
  <c r="V65857" i="1"/>
  <c r="V65858" i="1"/>
  <c r="V65859" i="1"/>
  <c r="V65860" i="1"/>
  <c r="V65861" i="1"/>
  <c r="V65862" i="1"/>
  <c r="V65863" i="1"/>
  <c r="V65864" i="1"/>
  <c r="V65865" i="1"/>
  <c r="V65866" i="1"/>
  <c r="V65867" i="1"/>
  <c r="V65868" i="1"/>
  <c r="V65869" i="1"/>
  <c r="V65870" i="1"/>
  <c r="V65871" i="1"/>
  <c r="V65872" i="1"/>
  <c r="V65873" i="1"/>
  <c r="V65874" i="1"/>
  <c r="V65875" i="1"/>
  <c r="V65876" i="1"/>
  <c r="V65877" i="1"/>
  <c r="V65878" i="1"/>
  <c r="V65879" i="1"/>
  <c r="V65880" i="1"/>
  <c r="V65881" i="1"/>
  <c r="V65882" i="1"/>
  <c r="V65883" i="1"/>
  <c r="V65884" i="1"/>
  <c r="V65885" i="1"/>
  <c r="V65886" i="1"/>
  <c r="V65887" i="1"/>
  <c r="V65888" i="1"/>
  <c r="V65889" i="1"/>
  <c r="V65890" i="1"/>
  <c r="V65891" i="1"/>
  <c r="V65892" i="1"/>
  <c r="V65893" i="1"/>
  <c r="V65894" i="1"/>
  <c r="V65895" i="1"/>
  <c r="V65896" i="1"/>
  <c r="V65897" i="1"/>
  <c r="V65898" i="1"/>
  <c r="V65899" i="1"/>
  <c r="V65900" i="1"/>
  <c r="V65901" i="1"/>
  <c r="V65902" i="1"/>
  <c r="V65903" i="1"/>
  <c r="V65904" i="1"/>
  <c r="V65905" i="1"/>
  <c r="V65906" i="1"/>
  <c r="V65907" i="1"/>
  <c r="V65908" i="1"/>
  <c r="V65909" i="1"/>
  <c r="V65910" i="1"/>
  <c r="V65911" i="1"/>
  <c r="V65912" i="1"/>
  <c r="V65913" i="1"/>
  <c r="V65914" i="1"/>
  <c r="V65915" i="1"/>
  <c r="V65916" i="1"/>
  <c r="V65917" i="1"/>
  <c r="V65918" i="1"/>
  <c r="V65919" i="1"/>
  <c r="V65920" i="1"/>
  <c r="V65921" i="1"/>
  <c r="V65922" i="1"/>
  <c r="V65923" i="1"/>
  <c r="V65924" i="1"/>
  <c r="V65925" i="1"/>
  <c r="V65926" i="1"/>
  <c r="V65927" i="1"/>
  <c r="V65928" i="1"/>
  <c r="V65929" i="1"/>
  <c r="V65930" i="1"/>
  <c r="V65931" i="1"/>
  <c r="V65932" i="1"/>
  <c r="V65933" i="1"/>
  <c r="V65934" i="1"/>
  <c r="V65935" i="1"/>
  <c r="V65936" i="1"/>
  <c r="V65937" i="1"/>
  <c r="V65938" i="1"/>
  <c r="V65939" i="1"/>
  <c r="V65940" i="1"/>
  <c r="V65941" i="1"/>
  <c r="V65942" i="1"/>
  <c r="V65943" i="1"/>
  <c r="V65944" i="1"/>
  <c r="V65945" i="1"/>
  <c r="V65946" i="1"/>
  <c r="V65947" i="1"/>
  <c r="V65948" i="1"/>
  <c r="V65949" i="1"/>
  <c r="V65950" i="1"/>
  <c r="V65951" i="1"/>
  <c r="V65952" i="1"/>
  <c r="V65953" i="1"/>
  <c r="V65954" i="1"/>
  <c r="V65955" i="1"/>
  <c r="V65956" i="1"/>
  <c r="V65957" i="1"/>
  <c r="V65958" i="1"/>
  <c r="V65959" i="1"/>
  <c r="V65960" i="1"/>
  <c r="V65961" i="1"/>
  <c r="V65962" i="1"/>
  <c r="V65963" i="1"/>
  <c r="V65964" i="1"/>
  <c r="V65965" i="1"/>
  <c r="V65966" i="1"/>
  <c r="V65967" i="1"/>
  <c r="V65968" i="1"/>
  <c r="V65969" i="1"/>
  <c r="V65970" i="1"/>
  <c r="V65971" i="1"/>
  <c r="V65972" i="1"/>
  <c r="V65973" i="1"/>
  <c r="V65974" i="1"/>
  <c r="V65975" i="1"/>
  <c r="V65976" i="1"/>
  <c r="V65977" i="1"/>
  <c r="V65978" i="1"/>
  <c r="V65979" i="1"/>
  <c r="V65980" i="1"/>
  <c r="V65981" i="1"/>
  <c r="V65982" i="1"/>
  <c r="V65983" i="1"/>
  <c r="V65984" i="1"/>
  <c r="V65985" i="1"/>
  <c r="V65986" i="1"/>
  <c r="V65987" i="1"/>
  <c r="V65988" i="1"/>
  <c r="V65989" i="1"/>
  <c r="V65990" i="1"/>
  <c r="V65991" i="1"/>
  <c r="V65992" i="1"/>
  <c r="V65993" i="1"/>
  <c r="V65994" i="1"/>
  <c r="V65995" i="1"/>
  <c r="V65996" i="1"/>
  <c r="V65997" i="1"/>
  <c r="V65998" i="1"/>
  <c r="V65999" i="1"/>
  <c r="V66000" i="1"/>
  <c r="V66001" i="1"/>
  <c r="V66002" i="1"/>
  <c r="V66003" i="1"/>
  <c r="V66004" i="1"/>
  <c r="V66005" i="1"/>
  <c r="V66006" i="1"/>
  <c r="V66007" i="1"/>
  <c r="V66008" i="1"/>
  <c r="V66009" i="1"/>
  <c r="V66010" i="1"/>
  <c r="V66011" i="1"/>
  <c r="V66012" i="1"/>
  <c r="V66013" i="1"/>
  <c r="V66014" i="1"/>
  <c r="V66015" i="1"/>
  <c r="V66016" i="1"/>
  <c r="V66017" i="1"/>
  <c r="V66018" i="1"/>
  <c r="V66019" i="1"/>
  <c r="V66020" i="1"/>
  <c r="V66021" i="1"/>
  <c r="V66022" i="1"/>
  <c r="V66023" i="1"/>
  <c r="V66024" i="1"/>
  <c r="V66025" i="1"/>
  <c r="V66026" i="1"/>
  <c r="V66027" i="1"/>
  <c r="V66028" i="1"/>
  <c r="V66029" i="1"/>
  <c r="V66030" i="1"/>
  <c r="V66031" i="1"/>
  <c r="V66032" i="1"/>
  <c r="V66033" i="1"/>
  <c r="V66034" i="1"/>
  <c r="V66035" i="1"/>
  <c r="V66036" i="1"/>
  <c r="V66037" i="1"/>
  <c r="V66038" i="1"/>
  <c r="V66039" i="1"/>
  <c r="V66040" i="1"/>
  <c r="V66041" i="1"/>
  <c r="V66042" i="1"/>
  <c r="V66043" i="1"/>
  <c r="V66044" i="1"/>
  <c r="V66045" i="1"/>
  <c r="V66046" i="1"/>
  <c r="V66047" i="1"/>
  <c r="V66048" i="1"/>
  <c r="V66049" i="1"/>
  <c r="V66050" i="1"/>
  <c r="V66051" i="1"/>
  <c r="V66052" i="1"/>
  <c r="V66053" i="1"/>
  <c r="V66054" i="1"/>
  <c r="V66055" i="1"/>
  <c r="V66056" i="1"/>
  <c r="V66057" i="1"/>
  <c r="V66058" i="1"/>
  <c r="V66059" i="1"/>
  <c r="V66060" i="1"/>
  <c r="V66061" i="1"/>
  <c r="V66062" i="1"/>
  <c r="V66063" i="1"/>
  <c r="V66064" i="1"/>
  <c r="V66065" i="1"/>
  <c r="V66066" i="1"/>
  <c r="V66067" i="1"/>
  <c r="V66068" i="1"/>
  <c r="V66069" i="1"/>
  <c r="V66070" i="1"/>
  <c r="V66071" i="1"/>
  <c r="V66072" i="1"/>
  <c r="V66073" i="1"/>
  <c r="V66074" i="1"/>
  <c r="V66075" i="1"/>
  <c r="V66076" i="1"/>
  <c r="V66077" i="1"/>
  <c r="V66078" i="1"/>
  <c r="V66079" i="1"/>
  <c r="V66080" i="1"/>
  <c r="V66081" i="1"/>
  <c r="V66082" i="1"/>
  <c r="V66083" i="1"/>
  <c r="V66084" i="1"/>
  <c r="V66085" i="1"/>
  <c r="V66086" i="1"/>
  <c r="V66087" i="1"/>
  <c r="V66088" i="1"/>
  <c r="V66089" i="1"/>
  <c r="V66090" i="1"/>
  <c r="V66091" i="1"/>
  <c r="V66092" i="1"/>
  <c r="V66093" i="1"/>
  <c r="V66094" i="1"/>
  <c r="V66095" i="1"/>
  <c r="V66096" i="1"/>
  <c r="V66097" i="1"/>
  <c r="V66098" i="1"/>
  <c r="V66099" i="1"/>
  <c r="V66100" i="1"/>
  <c r="V66101" i="1"/>
  <c r="V66102" i="1"/>
  <c r="V66103" i="1"/>
  <c r="V66104" i="1"/>
  <c r="V66105" i="1"/>
  <c r="V66106" i="1"/>
  <c r="V66107" i="1"/>
  <c r="V66108" i="1"/>
  <c r="V66109" i="1"/>
  <c r="V66110" i="1"/>
  <c r="V66111" i="1"/>
  <c r="V66112" i="1"/>
  <c r="V66113" i="1"/>
  <c r="V66114" i="1"/>
  <c r="V66115" i="1"/>
  <c r="V66116" i="1"/>
  <c r="V66117" i="1"/>
  <c r="V66118" i="1"/>
  <c r="V66119" i="1"/>
  <c r="V66120" i="1"/>
  <c r="V66121" i="1"/>
  <c r="V66122" i="1"/>
  <c r="V66123" i="1"/>
  <c r="V66124" i="1"/>
  <c r="V66125" i="1"/>
  <c r="V66126" i="1"/>
  <c r="V66127" i="1"/>
  <c r="V66128" i="1"/>
  <c r="V66129" i="1"/>
  <c r="V66130" i="1"/>
  <c r="V66131" i="1"/>
  <c r="V66132" i="1"/>
  <c r="V66133" i="1"/>
  <c r="V66134" i="1"/>
  <c r="V66135" i="1"/>
  <c r="V66136" i="1"/>
  <c r="V66137" i="1"/>
  <c r="V66138" i="1"/>
  <c r="V66139" i="1"/>
  <c r="V66140" i="1"/>
  <c r="V66141" i="1"/>
  <c r="V66142" i="1"/>
  <c r="V66143" i="1"/>
  <c r="V66144" i="1"/>
  <c r="V66145" i="1"/>
  <c r="V66146" i="1"/>
  <c r="V66147" i="1"/>
  <c r="V66148" i="1"/>
  <c r="V66149" i="1"/>
  <c r="V66150" i="1"/>
  <c r="V66151" i="1"/>
  <c r="V66152" i="1"/>
  <c r="V66153" i="1"/>
  <c r="V66154" i="1"/>
  <c r="V66155" i="1"/>
  <c r="V66156" i="1"/>
  <c r="V66157" i="1"/>
  <c r="V66158" i="1"/>
  <c r="V66159" i="1"/>
  <c r="V66160" i="1"/>
  <c r="V66161" i="1"/>
  <c r="V66162" i="1"/>
  <c r="V66163" i="1"/>
  <c r="V66164" i="1"/>
  <c r="V66165" i="1"/>
  <c r="V66166" i="1"/>
  <c r="V66167" i="1"/>
  <c r="V66168" i="1"/>
  <c r="V66169" i="1"/>
  <c r="V66170" i="1"/>
  <c r="V66171" i="1"/>
  <c r="V66172" i="1"/>
  <c r="V66173" i="1"/>
  <c r="V66174" i="1"/>
  <c r="V66175" i="1"/>
  <c r="V66176" i="1"/>
  <c r="V66177" i="1"/>
  <c r="V66178" i="1"/>
  <c r="V66179" i="1"/>
  <c r="V66180" i="1"/>
  <c r="V66181" i="1"/>
  <c r="V66182" i="1"/>
  <c r="V66183" i="1"/>
  <c r="V66184" i="1"/>
  <c r="V66185" i="1"/>
  <c r="V66186" i="1"/>
  <c r="V66187" i="1"/>
  <c r="V66188" i="1"/>
  <c r="V66189" i="1"/>
  <c r="V66190" i="1"/>
  <c r="V66191" i="1"/>
  <c r="V66192" i="1"/>
  <c r="V66193" i="1"/>
  <c r="V66194" i="1"/>
  <c r="V66195" i="1"/>
  <c r="V66196" i="1"/>
  <c r="V66197" i="1"/>
  <c r="V66198" i="1"/>
  <c r="V66199" i="1"/>
  <c r="V66200" i="1"/>
  <c r="V66201" i="1"/>
  <c r="V66202" i="1"/>
  <c r="V66203" i="1"/>
  <c r="V66204" i="1"/>
  <c r="V66205" i="1"/>
  <c r="V66206" i="1"/>
  <c r="V66207" i="1"/>
  <c r="V66208" i="1"/>
  <c r="V66209" i="1"/>
  <c r="V66210" i="1"/>
  <c r="V66211" i="1"/>
  <c r="V66212" i="1"/>
  <c r="V66213" i="1"/>
  <c r="V66214" i="1"/>
  <c r="V66215" i="1"/>
  <c r="V66216" i="1"/>
  <c r="V66217" i="1"/>
  <c r="V66218" i="1"/>
  <c r="V66219" i="1"/>
  <c r="V66220" i="1"/>
  <c r="V66221" i="1"/>
  <c r="V66222" i="1"/>
  <c r="V66223" i="1"/>
  <c r="V66224" i="1"/>
  <c r="V66225" i="1"/>
  <c r="V66226" i="1"/>
  <c r="V66227" i="1"/>
  <c r="V66228" i="1"/>
  <c r="V66229" i="1"/>
  <c r="V66230" i="1"/>
  <c r="V66231" i="1"/>
  <c r="V66232" i="1"/>
  <c r="V66233" i="1"/>
  <c r="V66234" i="1"/>
  <c r="V66235" i="1"/>
  <c r="V66236" i="1"/>
  <c r="V66237" i="1"/>
  <c r="V66238" i="1"/>
  <c r="V66239" i="1"/>
  <c r="V66240" i="1"/>
  <c r="V66241" i="1"/>
  <c r="V66242" i="1"/>
  <c r="V66243" i="1"/>
  <c r="V66244" i="1"/>
  <c r="V66245" i="1"/>
  <c r="V66246" i="1"/>
  <c r="V66247" i="1"/>
  <c r="V66248" i="1"/>
  <c r="V66249" i="1"/>
  <c r="V66250" i="1"/>
  <c r="V66251" i="1"/>
  <c r="V66252" i="1"/>
  <c r="V66253" i="1"/>
  <c r="V66254" i="1"/>
  <c r="V66255" i="1"/>
  <c r="V66256" i="1"/>
  <c r="V66257" i="1"/>
  <c r="V66258" i="1"/>
  <c r="V66259" i="1"/>
  <c r="V66260" i="1"/>
  <c r="V66261" i="1"/>
  <c r="V66262" i="1"/>
  <c r="V66263" i="1"/>
  <c r="V66264" i="1"/>
  <c r="V66265" i="1"/>
  <c r="V66266" i="1"/>
  <c r="V66267" i="1"/>
  <c r="V66268" i="1"/>
  <c r="V66269" i="1"/>
  <c r="V66270" i="1"/>
  <c r="V66271" i="1"/>
  <c r="V66272" i="1"/>
  <c r="V66273" i="1"/>
  <c r="V66274" i="1"/>
  <c r="V66275" i="1"/>
  <c r="V66276" i="1"/>
  <c r="V66277" i="1"/>
  <c r="V66278" i="1"/>
  <c r="V66279" i="1"/>
  <c r="V66280" i="1"/>
  <c r="V66281" i="1"/>
  <c r="V66282" i="1"/>
  <c r="V66283" i="1"/>
  <c r="V66284" i="1"/>
  <c r="V66285" i="1"/>
  <c r="V66286" i="1"/>
  <c r="V66287" i="1"/>
  <c r="V66288" i="1"/>
  <c r="V66289" i="1"/>
  <c r="V66290" i="1"/>
  <c r="V66291" i="1"/>
  <c r="V66292" i="1"/>
  <c r="V66293" i="1"/>
  <c r="V66294" i="1"/>
  <c r="V66295" i="1"/>
  <c r="V66296" i="1"/>
  <c r="V66297" i="1"/>
  <c r="V66298" i="1"/>
  <c r="V66299" i="1"/>
  <c r="V66300" i="1"/>
  <c r="V66301" i="1"/>
  <c r="V66302" i="1"/>
  <c r="V66303" i="1"/>
  <c r="V66304" i="1"/>
  <c r="V66305" i="1"/>
  <c r="V66306" i="1"/>
  <c r="V66307" i="1"/>
  <c r="V66308" i="1"/>
  <c r="V66309" i="1"/>
  <c r="V66310" i="1"/>
  <c r="V66311" i="1"/>
  <c r="V66312" i="1"/>
  <c r="V66313" i="1"/>
  <c r="V66314" i="1"/>
  <c r="V66315" i="1"/>
  <c r="V66316" i="1"/>
  <c r="V66317" i="1"/>
  <c r="V66318" i="1"/>
  <c r="V66319" i="1"/>
  <c r="V66320" i="1"/>
  <c r="V66321" i="1"/>
  <c r="V66322" i="1"/>
  <c r="V66323" i="1"/>
  <c r="V66324" i="1"/>
  <c r="V66325" i="1"/>
  <c r="V66326" i="1"/>
  <c r="V66327" i="1"/>
  <c r="V66328" i="1"/>
  <c r="V66329" i="1"/>
  <c r="V66330" i="1"/>
  <c r="V66331" i="1"/>
  <c r="V66332" i="1"/>
  <c r="V66333" i="1"/>
  <c r="V66334" i="1"/>
  <c r="V66335" i="1"/>
  <c r="V66336" i="1"/>
  <c r="V66337" i="1"/>
  <c r="V66338" i="1"/>
  <c r="V66339" i="1"/>
  <c r="V66340" i="1"/>
  <c r="V66341" i="1"/>
  <c r="V66342" i="1"/>
  <c r="V66343" i="1"/>
  <c r="V66344" i="1"/>
  <c r="V66345" i="1"/>
  <c r="V66346" i="1"/>
  <c r="V66347" i="1"/>
  <c r="V66348" i="1"/>
  <c r="V66349" i="1"/>
  <c r="V66350" i="1"/>
  <c r="V66351" i="1"/>
  <c r="V66352" i="1"/>
  <c r="V66353" i="1"/>
  <c r="V66354" i="1"/>
  <c r="V66355" i="1"/>
  <c r="V66356" i="1"/>
  <c r="V66357" i="1"/>
  <c r="V66358" i="1"/>
  <c r="V66359" i="1"/>
  <c r="V66360" i="1"/>
  <c r="V66361" i="1"/>
  <c r="V66362" i="1"/>
  <c r="V66363" i="1"/>
  <c r="V66364" i="1"/>
  <c r="V66365" i="1"/>
  <c r="V66366" i="1"/>
  <c r="V66367" i="1"/>
  <c r="V66368" i="1"/>
  <c r="V66369" i="1"/>
  <c r="V66370" i="1"/>
  <c r="V66371" i="1"/>
  <c r="V66372" i="1"/>
  <c r="V66373" i="1"/>
  <c r="V66374" i="1"/>
  <c r="V66375" i="1"/>
  <c r="V66376" i="1"/>
  <c r="V66377" i="1"/>
  <c r="V66378" i="1"/>
  <c r="V66379" i="1"/>
  <c r="V66380" i="1"/>
  <c r="V66381" i="1"/>
  <c r="V66382" i="1"/>
  <c r="V66383" i="1"/>
  <c r="V66384" i="1"/>
  <c r="V66385" i="1"/>
  <c r="V66386" i="1"/>
  <c r="V66387" i="1"/>
  <c r="V66388" i="1"/>
  <c r="V66389" i="1"/>
  <c r="V66390" i="1"/>
  <c r="V66391" i="1"/>
  <c r="V66392" i="1"/>
  <c r="V66393" i="1"/>
  <c r="V66394" i="1"/>
  <c r="V66395" i="1"/>
  <c r="V66396" i="1"/>
  <c r="V66397" i="1"/>
  <c r="V66398" i="1"/>
  <c r="V66399" i="1"/>
  <c r="V66400" i="1"/>
  <c r="V66401" i="1"/>
  <c r="V66402" i="1"/>
  <c r="V66403" i="1"/>
  <c r="V66404" i="1"/>
  <c r="V66405" i="1"/>
  <c r="V66406" i="1"/>
  <c r="V66407" i="1"/>
  <c r="V66408" i="1"/>
  <c r="V66409" i="1"/>
  <c r="V66410" i="1"/>
  <c r="V66411" i="1"/>
  <c r="V66412" i="1"/>
  <c r="V66413" i="1"/>
  <c r="V66414" i="1"/>
  <c r="V66415" i="1"/>
  <c r="V66416" i="1"/>
  <c r="V66417" i="1"/>
  <c r="V66418" i="1"/>
  <c r="V66419" i="1"/>
  <c r="V66420" i="1"/>
  <c r="V66421" i="1"/>
  <c r="V66422" i="1"/>
  <c r="V66423" i="1"/>
  <c r="V66424" i="1"/>
  <c r="V66425" i="1"/>
  <c r="V66426" i="1"/>
  <c r="V66427" i="1"/>
  <c r="V66428" i="1"/>
  <c r="V66429" i="1"/>
  <c r="V66430" i="1"/>
  <c r="V66431" i="1"/>
  <c r="V66432" i="1"/>
  <c r="V66433" i="1"/>
  <c r="V66434" i="1"/>
  <c r="V66435" i="1"/>
  <c r="V66436" i="1"/>
  <c r="V66437" i="1"/>
  <c r="V66438" i="1"/>
  <c r="V66439" i="1"/>
  <c r="V66440" i="1"/>
  <c r="V66441" i="1"/>
  <c r="V66442" i="1"/>
  <c r="V66443" i="1"/>
  <c r="V66444" i="1"/>
  <c r="V66445" i="1"/>
  <c r="V66446" i="1"/>
  <c r="V66447" i="1"/>
  <c r="V66448" i="1"/>
  <c r="V66449" i="1"/>
  <c r="V66450" i="1"/>
  <c r="V66451" i="1"/>
  <c r="V66452" i="1"/>
  <c r="V66453" i="1"/>
  <c r="V66454" i="1"/>
  <c r="V66455" i="1"/>
  <c r="V66456" i="1"/>
  <c r="V66457" i="1"/>
  <c r="V66458" i="1"/>
  <c r="V66459" i="1"/>
  <c r="V66460" i="1"/>
  <c r="V66461" i="1"/>
  <c r="V66462" i="1"/>
  <c r="V66463" i="1"/>
  <c r="V66464" i="1"/>
  <c r="V66465" i="1"/>
  <c r="V66466" i="1"/>
  <c r="V66467" i="1"/>
  <c r="V66468" i="1"/>
  <c r="V66469" i="1"/>
  <c r="V66470" i="1"/>
  <c r="V66471" i="1"/>
  <c r="V66472" i="1"/>
  <c r="V66473" i="1"/>
  <c r="V66474" i="1"/>
  <c r="V66475" i="1"/>
  <c r="V66476" i="1"/>
  <c r="V66477" i="1"/>
  <c r="V66478" i="1"/>
  <c r="V66479" i="1"/>
  <c r="V66480" i="1"/>
  <c r="V66481" i="1"/>
  <c r="V66482" i="1"/>
  <c r="V66483" i="1"/>
  <c r="V66484" i="1"/>
  <c r="V66485" i="1"/>
  <c r="V66486" i="1"/>
  <c r="V66487" i="1"/>
  <c r="V66488" i="1"/>
  <c r="V66489" i="1"/>
  <c r="V66490" i="1"/>
  <c r="V66491" i="1"/>
  <c r="V66492" i="1"/>
  <c r="V66493" i="1"/>
  <c r="V66494" i="1"/>
  <c r="V66495" i="1"/>
  <c r="V66496" i="1"/>
  <c r="V66497" i="1"/>
  <c r="V66498" i="1"/>
  <c r="V66499" i="1"/>
  <c r="V66500" i="1"/>
  <c r="V66501" i="1"/>
  <c r="V66502" i="1"/>
  <c r="V66503" i="1"/>
  <c r="V66504" i="1"/>
  <c r="V66505" i="1"/>
  <c r="V66506" i="1"/>
  <c r="V66507" i="1"/>
  <c r="V66508" i="1"/>
  <c r="V66509" i="1"/>
  <c r="V66510" i="1"/>
  <c r="V66511" i="1"/>
  <c r="V66512" i="1"/>
  <c r="V66513" i="1"/>
  <c r="V66514" i="1"/>
  <c r="V66515" i="1"/>
  <c r="V66516" i="1"/>
  <c r="V66517" i="1"/>
  <c r="V66518" i="1"/>
  <c r="V66519" i="1"/>
  <c r="V66520" i="1"/>
  <c r="V66521" i="1"/>
  <c r="V66522" i="1"/>
  <c r="V66523" i="1"/>
  <c r="V66524" i="1"/>
  <c r="V66525" i="1"/>
  <c r="V66526" i="1"/>
  <c r="V66527" i="1"/>
  <c r="V66528" i="1"/>
  <c r="V66529" i="1"/>
  <c r="V66530" i="1"/>
  <c r="V66531" i="1"/>
  <c r="V66532" i="1"/>
  <c r="V66533" i="1"/>
  <c r="V66534" i="1"/>
  <c r="V66535" i="1"/>
  <c r="V66536" i="1"/>
  <c r="V66537" i="1"/>
  <c r="V66538" i="1"/>
  <c r="V66539" i="1"/>
  <c r="V66540" i="1"/>
  <c r="V66541" i="1"/>
  <c r="V66542" i="1"/>
  <c r="V66543" i="1"/>
  <c r="V66544" i="1"/>
  <c r="V66545" i="1"/>
  <c r="V66546" i="1"/>
  <c r="V66547" i="1"/>
  <c r="V66548" i="1"/>
  <c r="V66549" i="1"/>
  <c r="V66550" i="1"/>
  <c r="V66551" i="1"/>
  <c r="V66552" i="1"/>
  <c r="V66553" i="1"/>
  <c r="V66554" i="1"/>
  <c r="V66555" i="1"/>
  <c r="V66556" i="1"/>
  <c r="V66557" i="1"/>
  <c r="V66558" i="1"/>
  <c r="V66559" i="1"/>
  <c r="V66560" i="1"/>
  <c r="V66561" i="1"/>
  <c r="V66562" i="1"/>
  <c r="V66563" i="1"/>
  <c r="V66564" i="1"/>
  <c r="V66565" i="1"/>
  <c r="V66566" i="1"/>
  <c r="V66567" i="1"/>
  <c r="V66568" i="1"/>
  <c r="V66569" i="1"/>
  <c r="V66570" i="1"/>
  <c r="V66571" i="1"/>
  <c r="V66572" i="1"/>
  <c r="V66573" i="1"/>
  <c r="V66574" i="1"/>
  <c r="V66575" i="1"/>
  <c r="V66576" i="1"/>
  <c r="V66577" i="1"/>
  <c r="V66578" i="1"/>
  <c r="V66579" i="1"/>
  <c r="V66580" i="1"/>
  <c r="V66581" i="1"/>
  <c r="V66582" i="1"/>
  <c r="V66583" i="1"/>
  <c r="V66584" i="1"/>
  <c r="V66585" i="1"/>
  <c r="V66586" i="1"/>
  <c r="V66587" i="1"/>
  <c r="V66588" i="1"/>
  <c r="V66589" i="1"/>
  <c r="V66590" i="1"/>
  <c r="V66591" i="1"/>
  <c r="V66592" i="1"/>
  <c r="V66593" i="1"/>
  <c r="V66594" i="1"/>
  <c r="V66595" i="1"/>
  <c r="V66596" i="1"/>
  <c r="V66597" i="1"/>
  <c r="V66598" i="1"/>
  <c r="V66599" i="1"/>
  <c r="V66600" i="1"/>
  <c r="V66601" i="1"/>
  <c r="V66602" i="1"/>
  <c r="V66603" i="1"/>
  <c r="V66604" i="1"/>
  <c r="V66605" i="1"/>
  <c r="V66606" i="1"/>
  <c r="V66607" i="1"/>
  <c r="V66608" i="1"/>
  <c r="V66609" i="1"/>
  <c r="V66610" i="1"/>
  <c r="V66611" i="1"/>
  <c r="V66612" i="1"/>
  <c r="V66613" i="1"/>
  <c r="V66614" i="1"/>
  <c r="V66615" i="1"/>
  <c r="V66616" i="1"/>
  <c r="V66617" i="1"/>
  <c r="V66618" i="1"/>
  <c r="V66619" i="1"/>
  <c r="V66620" i="1"/>
  <c r="V66621" i="1"/>
  <c r="V66622" i="1"/>
  <c r="V66623" i="1"/>
  <c r="V66624" i="1"/>
  <c r="V66625" i="1"/>
  <c r="V66626" i="1"/>
  <c r="V66627" i="1"/>
  <c r="V66628" i="1"/>
  <c r="V66629" i="1"/>
  <c r="V66630" i="1"/>
  <c r="V66631" i="1"/>
  <c r="V66632" i="1"/>
  <c r="V66633" i="1"/>
  <c r="V66634" i="1"/>
  <c r="V66635" i="1"/>
  <c r="V66636" i="1"/>
  <c r="V66637" i="1"/>
  <c r="V66638" i="1"/>
  <c r="V66639" i="1"/>
  <c r="V66640" i="1"/>
  <c r="V66641" i="1"/>
  <c r="V66642" i="1"/>
  <c r="V66643" i="1"/>
  <c r="V66644" i="1"/>
  <c r="V66645" i="1"/>
  <c r="V66646" i="1"/>
  <c r="V66647" i="1"/>
  <c r="V66648" i="1"/>
  <c r="V66649" i="1"/>
  <c r="V66650" i="1"/>
  <c r="V66651" i="1"/>
  <c r="V66652" i="1"/>
  <c r="V66653" i="1"/>
  <c r="V66654" i="1"/>
  <c r="V66655" i="1"/>
  <c r="V66656" i="1"/>
  <c r="V66657" i="1"/>
  <c r="V66658" i="1"/>
  <c r="V66659" i="1"/>
  <c r="V66660" i="1"/>
  <c r="V66661" i="1"/>
  <c r="V66662" i="1"/>
  <c r="V66663" i="1"/>
  <c r="V66664" i="1"/>
  <c r="V66665" i="1"/>
  <c r="V66666" i="1"/>
  <c r="V66667" i="1"/>
  <c r="V66668" i="1"/>
  <c r="V66669" i="1"/>
  <c r="V66670" i="1"/>
  <c r="V66671" i="1"/>
  <c r="V66672" i="1"/>
  <c r="V66673" i="1"/>
  <c r="V66674" i="1"/>
  <c r="V66675" i="1"/>
  <c r="V66676" i="1"/>
  <c r="V66677" i="1"/>
  <c r="V66678" i="1"/>
  <c r="V66679" i="1"/>
  <c r="V66680" i="1"/>
  <c r="V66681" i="1"/>
  <c r="V66682" i="1"/>
  <c r="V66683" i="1"/>
  <c r="V66684" i="1"/>
  <c r="V66685" i="1"/>
  <c r="V66686" i="1"/>
  <c r="V66687" i="1"/>
  <c r="V66688" i="1"/>
  <c r="V66689" i="1"/>
  <c r="V66690" i="1"/>
  <c r="V66691" i="1"/>
  <c r="V66692" i="1"/>
  <c r="V66693" i="1"/>
  <c r="V66694" i="1"/>
  <c r="V66695" i="1"/>
  <c r="V66696" i="1"/>
  <c r="V66697" i="1"/>
  <c r="V66698" i="1"/>
  <c r="V66699" i="1"/>
  <c r="V66700" i="1"/>
  <c r="V66701" i="1"/>
  <c r="V66702" i="1"/>
  <c r="V66703" i="1"/>
  <c r="V66704" i="1"/>
  <c r="V66705" i="1"/>
  <c r="V66706" i="1"/>
  <c r="V66707" i="1"/>
  <c r="V66708" i="1"/>
  <c r="V66709" i="1"/>
  <c r="V66710" i="1"/>
  <c r="V66711" i="1"/>
  <c r="V66712" i="1"/>
  <c r="V66713" i="1"/>
  <c r="V66714" i="1"/>
  <c r="V66715" i="1"/>
  <c r="V66716" i="1"/>
  <c r="V66717" i="1"/>
  <c r="V66718" i="1"/>
  <c r="V66719" i="1"/>
  <c r="V66720" i="1"/>
  <c r="V66721" i="1"/>
  <c r="V66722" i="1"/>
  <c r="V66723" i="1"/>
  <c r="V66724" i="1"/>
  <c r="V66725" i="1"/>
  <c r="V66726" i="1"/>
  <c r="V66727" i="1"/>
  <c r="V66728" i="1"/>
  <c r="V66729" i="1"/>
  <c r="V66730" i="1"/>
  <c r="V66731" i="1"/>
  <c r="V66732" i="1"/>
  <c r="V66733" i="1"/>
  <c r="V66734" i="1"/>
  <c r="V66735" i="1"/>
  <c r="V66736" i="1"/>
  <c r="V66737" i="1"/>
  <c r="V66738" i="1"/>
  <c r="V66739" i="1"/>
  <c r="V66740" i="1"/>
  <c r="V66741" i="1"/>
  <c r="V66742" i="1"/>
  <c r="V66743" i="1"/>
  <c r="V66744" i="1"/>
  <c r="V66745" i="1"/>
  <c r="V66746" i="1"/>
  <c r="V66747" i="1"/>
  <c r="V66748" i="1"/>
  <c r="V66749" i="1"/>
  <c r="V66750" i="1"/>
  <c r="V66751" i="1"/>
  <c r="V66752" i="1"/>
  <c r="V66753" i="1"/>
  <c r="V66754" i="1"/>
  <c r="V66755" i="1"/>
  <c r="V66756" i="1"/>
  <c r="V66757" i="1"/>
  <c r="V66758" i="1"/>
  <c r="V66759" i="1"/>
  <c r="V66760" i="1"/>
  <c r="V66761" i="1"/>
  <c r="V66762" i="1"/>
  <c r="V66763" i="1"/>
  <c r="V66764" i="1"/>
  <c r="V66765" i="1"/>
  <c r="V66766" i="1"/>
  <c r="V66767" i="1"/>
  <c r="V66768" i="1"/>
  <c r="V66769" i="1"/>
  <c r="V66770" i="1"/>
  <c r="V66771" i="1"/>
  <c r="V66772" i="1"/>
  <c r="V66773" i="1"/>
  <c r="V66774" i="1"/>
  <c r="V66775" i="1"/>
  <c r="V66776" i="1"/>
  <c r="V66777" i="1"/>
  <c r="V66778" i="1"/>
  <c r="V66779" i="1"/>
  <c r="V66780" i="1"/>
  <c r="V66781" i="1"/>
  <c r="V66782" i="1"/>
  <c r="V66783" i="1"/>
  <c r="V66784" i="1"/>
  <c r="V66785" i="1"/>
  <c r="V66786" i="1"/>
  <c r="V66787" i="1"/>
  <c r="V66788" i="1"/>
  <c r="V66789" i="1"/>
  <c r="V66790" i="1"/>
  <c r="V66791" i="1"/>
  <c r="V66792" i="1"/>
  <c r="V66793" i="1"/>
  <c r="V66794" i="1"/>
  <c r="V66795" i="1"/>
  <c r="V66796" i="1"/>
  <c r="V66797" i="1"/>
  <c r="V66798" i="1"/>
  <c r="V66799" i="1"/>
  <c r="V66800" i="1"/>
  <c r="V66801" i="1"/>
  <c r="V66802" i="1"/>
  <c r="V66803" i="1"/>
  <c r="V66804" i="1"/>
  <c r="V66805" i="1"/>
  <c r="V66806" i="1"/>
  <c r="V66807" i="1"/>
  <c r="V66808" i="1"/>
  <c r="V66809" i="1"/>
  <c r="V66810" i="1"/>
  <c r="V66811" i="1"/>
  <c r="V66812" i="1"/>
  <c r="V66813" i="1"/>
  <c r="V66814" i="1"/>
  <c r="V66815" i="1"/>
  <c r="V66816" i="1"/>
  <c r="V66817" i="1"/>
  <c r="V66818" i="1"/>
  <c r="V66819" i="1"/>
  <c r="V66820" i="1"/>
  <c r="V66821" i="1"/>
  <c r="V66822" i="1"/>
  <c r="V66823" i="1"/>
  <c r="V66824" i="1"/>
  <c r="V66825" i="1"/>
  <c r="V66826" i="1"/>
  <c r="V66827" i="1"/>
  <c r="V66828" i="1"/>
  <c r="V66829" i="1"/>
  <c r="V66830" i="1"/>
  <c r="V66831" i="1"/>
  <c r="V66832" i="1"/>
  <c r="V66833" i="1"/>
  <c r="V66834" i="1"/>
  <c r="V66835" i="1"/>
  <c r="V66836" i="1"/>
  <c r="V66837" i="1"/>
  <c r="V66838" i="1"/>
  <c r="V66839" i="1"/>
  <c r="V66840" i="1"/>
  <c r="V66841" i="1"/>
  <c r="V66842" i="1"/>
  <c r="V66843" i="1"/>
  <c r="V66844" i="1"/>
  <c r="V66845" i="1"/>
  <c r="V66846" i="1"/>
  <c r="V66847" i="1"/>
  <c r="V66848" i="1"/>
  <c r="V66849" i="1"/>
  <c r="V66850" i="1"/>
  <c r="V66851" i="1"/>
  <c r="V66852" i="1"/>
  <c r="V66853" i="1"/>
  <c r="V66854" i="1"/>
  <c r="V66855" i="1"/>
  <c r="V66856" i="1"/>
  <c r="V66857" i="1"/>
  <c r="V66858" i="1"/>
  <c r="V66859" i="1"/>
  <c r="V66860" i="1"/>
  <c r="V66861" i="1"/>
  <c r="V66862" i="1"/>
  <c r="V66863" i="1"/>
  <c r="V66864" i="1"/>
  <c r="V66865" i="1"/>
  <c r="V66866" i="1"/>
  <c r="V66867" i="1"/>
  <c r="V66868" i="1"/>
  <c r="V66869" i="1"/>
  <c r="V66870" i="1"/>
  <c r="V66871" i="1"/>
  <c r="V66872" i="1"/>
  <c r="V66873" i="1"/>
  <c r="V66874" i="1"/>
  <c r="V66875" i="1"/>
  <c r="V66876" i="1"/>
  <c r="V66877" i="1"/>
  <c r="V66878" i="1"/>
  <c r="V66879" i="1"/>
  <c r="V66880" i="1"/>
  <c r="V66881" i="1"/>
  <c r="V66882" i="1"/>
  <c r="V66883" i="1"/>
  <c r="V66884" i="1"/>
  <c r="V66885" i="1"/>
  <c r="V66886" i="1"/>
  <c r="V66887" i="1"/>
  <c r="V66888" i="1"/>
  <c r="V66889" i="1"/>
  <c r="V66890" i="1"/>
  <c r="V66891" i="1"/>
  <c r="V66892" i="1"/>
  <c r="V66893" i="1"/>
  <c r="V66894" i="1"/>
  <c r="V66895" i="1"/>
  <c r="V66896" i="1"/>
  <c r="V66897" i="1"/>
  <c r="V66898" i="1"/>
  <c r="V66899" i="1"/>
  <c r="V66900" i="1"/>
  <c r="V66901" i="1"/>
  <c r="V66902" i="1"/>
  <c r="V66903" i="1"/>
  <c r="V66904" i="1"/>
  <c r="V66905" i="1"/>
  <c r="V66906" i="1"/>
  <c r="V66907" i="1"/>
  <c r="V66908" i="1"/>
  <c r="V66909" i="1"/>
  <c r="V66910" i="1"/>
  <c r="V66911" i="1"/>
  <c r="V66912" i="1"/>
  <c r="V66913" i="1"/>
  <c r="V66914" i="1"/>
  <c r="V66915" i="1"/>
  <c r="V66916" i="1"/>
  <c r="V66917" i="1"/>
  <c r="V66918" i="1"/>
  <c r="V66919" i="1"/>
  <c r="V66920" i="1"/>
  <c r="V66921" i="1"/>
  <c r="V66922" i="1"/>
  <c r="V66923" i="1"/>
  <c r="V66924" i="1"/>
  <c r="V66925" i="1"/>
  <c r="V66926" i="1"/>
  <c r="V66927" i="1"/>
  <c r="V66928" i="1"/>
  <c r="V66929" i="1"/>
  <c r="V66930" i="1"/>
  <c r="V66931" i="1"/>
  <c r="V66932" i="1"/>
  <c r="V66933" i="1"/>
  <c r="V66934" i="1"/>
  <c r="V66935" i="1"/>
  <c r="V66936" i="1"/>
  <c r="V66937" i="1"/>
  <c r="V66938" i="1"/>
  <c r="V66939" i="1"/>
  <c r="V66940" i="1"/>
  <c r="V66941" i="1"/>
  <c r="V66942" i="1"/>
  <c r="V66943" i="1"/>
  <c r="V66944" i="1"/>
  <c r="V66945" i="1"/>
  <c r="V66946" i="1"/>
  <c r="V66947" i="1"/>
  <c r="V66948" i="1"/>
  <c r="V66949" i="1"/>
  <c r="V66950" i="1"/>
  <c r="V66951" i="1"/>
  <c r="V66952" i="1"/>
  <c r="V66953" i="1"/>
  <c r="V66954" i="1"/>
  <c r="V66955" i="1"/>
  <c r="V66956" i="1"/>
  <c r="V66957" i="1"/>
  <c r="V66958" i="1"/>
  <c r="V66959" i="1"/>
  <c r="V66960" i="1"/>
  <c r="V66961" i="1"/>
  <c r="V66962" i="1"/>
  <c r="V66963" i="1"/>
  <c r="V66964" i="1"/>
  <c r="V66965" i="1"/>
  <c r="V66966" i="1"/>
  <c r="V66967" i="1"/>
  <c r="V66968" i="1"/>
  <c r="V66969" i="1"/>
  <c r="V66970" i="1"/>
  <c r="V66971" i="1"/>
  <c r="V66972" i="1"/>
  <c r="V66973" i="1"/>
  <c r="V66974" i="1"/>
  <c r="V66975" i="1"/>
  <c r="V66976" i="1"/>
  <c r="V66977" i="1"/>
  <c r="V66978" i="1"/>
  <c r="V66979" i="1"/>
  <c r="V66980" i="1"/>
  <c r="V66981" i="1"/>
  <c r="V66982" i="1"/>
  <c r="V66983" i="1"/>
  <c r="V66984" i="1"/>
  <c r="V66985" i="1"/>
  <c r="V66986" i="1"/>
  <c r="V66987" i="1"/>
  <c r="V66988" i="1"/>
  <c r="V66989" i="1"/>
  <c r="V66990" i="1"/>
  <c r="V66991" i="1"/>
  <c r="V66992" i="1"/>
  <c r="V66993" i="1"/>
  <c r="V66994" i="1"/>
  <c r="V66995" i="1"/>
  <c r="V66996" i="1"/>
  <c r="V66997" i="1"/>
  <c r="V66998" i="1"/>
  <c r="V66999" i="1"/>
  <c r="V67000" i="1"/>
  <c r="V67001" i="1"/>
  <c r="V67002" i="1"/>
  <c r="V67003" i="1"/>
  <c r="V67004" i="1"/>
  <c r="V67005" i="1"/>
  <c r="V67006" i="1"/>
  <c r="V67007" i="1"/>
  <c r="V67008" i="1"/>
  <c r="V67009" i="1"/>
  <c r="V67010" i="1"/>
  <c r="V67011" i="1"/>
  <c r="V67012" i="1"/>
  <c r="V67013" i="1"/>
  <c r="V67014" i="1"/>
  <c r="V67015" i="1"/>
  <c r="V67016" i="1"/>
  <c r="V67017" i="1"/>
  <c r="V67018" i="1"/>
  <c r="V67019" i="1"/>
  <c r="V67020" i="1"/>
  <c r="V67021" i="1"/>
  <c r="V67022" i="1"/>
  <c r="V67023" i="1"/>
  <c r="V67024" i="1"/>
  <c r="V67025" i="1"/>
  <c r="V67026" i="1"/>
  <c r="V67027" i="1"/>
  <c r="V67028" i="1"/>
  <c r="V67029" i="1"/>
  <c r="V67030" i="1"/>
  <c r="V67031" i="1"/>
  <c r="V67032" i="1"/>
  <c r="V67033" i="1"/>
  <c r="V67034" i="1"/>
  <c r="V67035" i="1"/>
  <c r="V67036" i="1"/>
  <c r="V67037" i="1"/>
  <c r="V67038" i="1"/>
  <c r="V67039" i="1"/>
  <c r="V67040" i="1"/>
  <c r="V67041" i="1"/>
  <c r="V67042" i="1"/>
  <c r="V67043" i="1"/>
  <c r="V67044" i="1"/>
  <c r="V67045" i="1"/>
  <c r="V67046" i="1"/>
  <c r="V67047" i="1"/>
  <c r="V67048" i="1"/>
  <c r="V67049" i="1"/>
  <c r="V67050" i="1"/>
  <c r="V67051" i="1"/>
  <c r="V67052" i="1"/>
  <c r="V67053" i="1"/>
  <c r="V67054" i="1"/>
  <c r="V67055" i="1"/>
  <c r="V67056" i="1"/>
  <c r="V67057" i="1"/>
  <c r="V67058" i="1"/>
  <c r="V67059" i="1"/>
  <c r="V67060" i="1"/>
  <c r="V67061" i="1"/>
  <c r="V67062" i="1"/>
  <c r="V67063" i="1"/>
  <c r="V67064" i="1"/>
  <c r="V67065" i="1"/>
  <c r="V67066" i="1"/>
  <c r="V67067" i="1"/>
  <c r="V67068" i="1"/>
  <c r="V67069" i="1"/>
  <c r="V67070" i="1"/>
  <c r="V67071" i="1"/>
  <c r="V67072" i="1"/>
  <c r="V67073" i="1"/>
  <c r="V67074" i="1"/>
  <c r="V67075" i="1"/>
  <c r="V67076" i="1"/>
  <c r="V67077" i="1"/>
  <c r="V67078" i="1"/>
  <c r="V67079" i="1"/>
  <c r="V67080" i="1"/>
  <c r="V67081" i="1"/>
  <c r="V67082" i="1"/>
  <c r="V67083" i="1"/>
  <c r="V67084" i="1"/>
  <c r="V67085" i="1"/>
  <c r="V67086" i="1"/>
  <c r="V67087" i="1"/>
  <c r="V67088" i="1"/>
  <c r="V67089" i="1"/>
  <c r="V67090" i="1"/>
  <c r="V67091" i="1"/>
  <c r="V67092" i="1"/>
  <c r="V67093" i="1"/>
  <c r="V67094" i="1"/>
  <c r="V67095" i="1"/>
  <c r="V67096" i="1"/>
  <c r="V67097" i="1"/>
  <c r="V67098" i="1"/>
  <c r="V67099" i="1"/>
  <c r="V67100" i="1"/>
  <c r="V67101" i="1"/>
  <c r="V67102" i="1"/>
  <c r="V67103" i="1"/>
  <c r="V67104" i="1"/>
  <c r="V67105" i="1"/>
  <c r="V67106" i="1"/>
  <c r="V67107" i="1"/>
  <c r="V67108" i="1"/>
  <c r="V67109" i="1"/>
  <c r="V67110" i="1"/>
  <c r="V67111" i="1"/>
  <c r="V67112" i="1"/>
  <c r="V67113" i="1"/>
  <c r="V67114" i="1"/>
  <c r="V67115" i="1"/>
  <c r="V67116" i="1"/>
  <c r="V67117" i="1"/>
  <c r="V67118" i="1"/>
  <c r="V67119" i="1"/>
  <c r="V67120" i="1"/>
  <c r="V67121" i="1"/>
  <c r="V67122" i="1"/>
  <c r="V67123" i="1"/>
  <c r="V67124" i="1"/>
  <c r="V67125" i="1"/>
  <c r="V67126" i="1"/>
  <c r="V67127" i="1"/>
  <c r="V67128" i="1"/>
  <c r="V67129" i="1"/>
  <c r="V67130" i="1"/>
  <c r="V67131" i="1"/>
  <c r="V67132" i="1"/>
  <c r="V67133" i="1"/>
  <c r="V67134" i="1"/>
  <c r="V67135" i="1"/>
  <c r="V67136" i="1"/>
  <c r="V67137" i="1"/>
  <c r="V67138" i="1"/>
  <c r="V67139" i="1"/>
  <c r="V67140" i="1"/>
  <c r="V67141" i="1"/>
  <c r="V67142" i="1"/>
  <c r="V67143" i="1"/>
  <c r="V67144" i="1"/>
  <c r="V67145" i="1"/>
  <c r="V67146" i="1"/>
  <c r="V67147" i="1"/>
  <c r="V67148" i="1"/>
  <c r="V67149" i="1"/>
  <c r="V67150" i="1"/>
  <c r="V67151" i="1"/>
  <c r="V67152" i="1"/>
  <c r="V67153" i="1"/>
  <c r="V67154" i="1"/>
  <c r="V67155" i="1"/>
  <c r="V67156" i="1"/>
  <c r="V67157" i="1"/>
  <c r="V67158" i="1"/>
  <c r="V67159" i="1"/>
  <c r="V67160" i="1"/>
  <c r="V67161" i="1"/>
  <c r="V67162" i="1"/>
  <c r="V67163" i="1"/>
  <c r="V67164" i="1"/>
  <c r="V67165" i="1"/>
  <c r="V67166" i="1"/>
  <c r="V67167" i="1"/>
  <c r="V67168" i="1"/>
  <c r="V67169" i="1"/>
  <c r="V67170" i="1"/>
  <c r="V67171" i="1"/>
  <c r="V67172" i="1"/>
  <c r="V67173" i="1"/>
  <c r="V67174" i="1"/>
  <c r="V67175" i="1"/>
  <c r="V67176" i="1"/>
  <c r="V67177" i="1"/>
  <c r="V67178" i="1"/>
  <c r="V67179" i="1"/>
  <c r="V67180" i="1"/>
  <c r="V67181" i="1"/>
  <c r="V67182" i="1"/>
  <c r="V67183" i="1"/>
  <c r="V67184" i="1"/>
  <c r="V67185" i="1"/>
  <c r="V67186" i="1"/>
  <c r="V67187" i="1"/>
  <c r="V67188" i="1"/>
  <c r="V67189" i="1"/>
  <c r="V67190" i="1"/>
  <c r="V67191" i="1"/>
  <c r="V67192" i="1"/>
  <c r="V67193" i="1"/>
  <c r="V67194" i="1"/>
  <c r="V67195" i="1"/>
  <c r="V67196" i="1"/>
  <c r="V67197" i="1"/>
  <c r="V67198" i="1"/>
  <c r="V67199" i="1"/>
  <c r="V67200" i="1"/>
  <c r="V67201" i="1"/>
  <c r="V67202" i="1"/>
  <c r="V67203" i="1"/>
  <c r="V67204" i="1"/>
  <c r="V67205" i="1"/>
  <c r="V67206" i="1"/>
  <c r="V67207" i="1"/>
  <c r="V67208" i="1"/>
  <c r="V67209" i="1"/>
  <c r="V67210" i="1"/>
  <c r="V67211" i="1"/>
  <c r="V67212" i="1"/>
  <c r="V67213" i="1"/>
  <c r="V67214" i="1"/>
  <c r="V67215" i="1"/>
  <c r="V67216" i="1"/>
  <c r="V67217" i="1"/>
  <c r="V67218" i="1"/>
  <c r="V67219" i="1"/>
  <c r="V67220" i="1"/>
  <c r="V67221" i="1"/>
  <c r="V67222" i="1"/>
  <c r="V67223" i="1"/>
  <c r="V67224" i="1"/>
  <c r="V67225" i="1"/>
  <c r="V67226" i="1"/>
  <c r="V67227" i="1"/>
  <c r="V67228" i="1"/>
  <c r="V67229" i="1"/>
  <c r="V67230" i="1"/>
  <c r="V67231" i="1"/>
  <c r="V67232" i="1"/>
  <c r="V67233" i="1"/>
  <c r="V67234" i="1"/>
  <c r="V67235" i="1"/>
  <c r="V67236" i="1"/>
  <c r="V67237" i="1"/>
  <c r="V67238" i="1"/>
  <c r="V67239" i="1"/>
  <c r="V67240" i="1"/>
  <c r="V67241" i="1"/>
  <c r="V67242" i="1"/>
  <c r="V67243" i="1"/>
  <c r="V67244" i="1"/>
  <c r="V67245" i="1"/>
  <c r="V67246" i="1"/>
  <c r="V67247" i="1"/>
  <c r="V67248" i="1"/>
  <c r="V67249" i="1"/>
  <c r="V67250" i="1"/>
  <c r="V67251" i="1"/>
  <c r="V67252" i="1"/>
  <c r="V67253" i="1"/>
  <c r="V67254" i="1"/>
  <c r="V67255" i="1"/>
  <c r="V67256" i="1"/>
  <c r="V67257" i="1"/>
  <c r="V67258" i="1"/>
  <c r="V67259" i="1"/>
  <c r="V67260" i="1"/>
  <c r="V67261" i="1"/>
  <c r="V67262" i="1"/>
  <c r="V67263" i="1"/>
  <c r="V67264" i="1"/>
  <c r="V67265" i="1"/>
  <c r="V67266" i="1"/>
  <c r="V67267" i="1"/>
  <c r="V67268" i="1"/>
  <c r="V67269" i="1"/>
  <c r="V67270" i="1"/>
  <c r="V67271" i="1"/>
  <c r="V67272" i="1"/>
  <c r="V67273" i="1"/>
  <c r="V67274" i="1"/>
  <c r="V67275" i="1"/>
  <c r="V67276" i="1"/>
  <c r="V67277" i="1"/>
  <c r="V67278" i="1"/>
  <c r="V67279" i="1"/>
  <c r="V67280" i="1"/>
  <c r="V67281" i="1"/>
  <c r="V67282" i="1"/>
  <c r="V67283" i="1"/>
  <c r="V67284" i="1"/>
  <c r="V67285" i="1"/>
  <c r="V67286" i="1"/>
  <c r="V67287" i="1"/>
  <c r="V67288" i="1"/>
  <c r="V67289" i="1"/>
  <c r="V67290" i="1"/>
  <c r="V67291" i="1"/>
  <c r="V67292" i="1"/>
  <c r="V67293" i="1"/>
  <c r="V67294" i="1"/>
  <c r="V67295" i="1"/>
  <c r="V67296" i="1"/>
  <c r="V67297" i="1"/>
  <c r="V67298" i="1"/>
  <c r="V67299" i="1"/>
  <c r="V67300" i="1"/>
  <c r="V67301" i="1"/>
  <c r="V67302" i="1"/>
  <c r="V67303" i="1"/>
  <c r="V67304" i="1"/>
  <c r="V67305" i="1"/>
  <c r="V67306" i="1"/>
  <c r="V67307" i="1"/>
  <c r="V67308" i="1"/>
  <c r="V67309" i="1"/>
  <c r="V67310" i="1"/>
  <c r="V67311" i="1"/>
  <c r="V67312" i="1"/>
  <c r="V67313" i="1"/>
  <c r="V67314" i="1"/>
  <c r="V67315" i="1"/>
  <c r="V67316" i="1"/>
  <c r="V67317" i="1"/>
  <c r="V67318" i="1"/>
  <c r="V67319" i="1"/>
  <c r="V67320" i="1"/>
  <c r="V67321" i="1"/>
  <c r="V67322" i="1"/>
  <c r="V67323" i="1"/>
  <c r="V67324" i="1"/>
  <c r="V67325" i="1"/>
  <c r="V67326" i="1"/>
  <c r="V67327" i="1"/>
  <c r="V67328" i="1"/>
  <c r="V67329" i="1"/>
  <c r="V67330" i="1"/>
  <c r="V67331" i="1"/>
  <c r="V67332" i="1"/>
  <c r="V67333" i="1"/>
  <c r="V67334" i="1"/>
  <c r="V67335" i="1"/>
  <c r="V67336" i="1"/>
  <c r="V67337" i="1"/>
  <c r="V67338" i="1"/>
  <c r="V67339" i="1"/>
  <c r="V67340" i="1"/>
  <c r="V67341" i="1"/>
  <c r="V67342" i="1"/>
  <c r="V67343" i="1"/>
  <c r="V67344" i="1"/>
  <c r="V67345" i="1"/>
  <c r="V67346" i="1"/>
  <c r="V67347" i="1"/>
  <c r="V67348" i="1"/>
  <c r="V67349" i="1"/>
  <c r="V67350" i="1"/>
  <c r="V67351" i="1"/>
  <c r="V67352" i="1"/>
  <c r="V67353" i="1"/>
  <c r="V67354" i="1"/>
  <c r="V67355" i="1"/>
  <c r="V67356" i="1"/>
  <c r="V67357" i="1"/>
  <c r="V67358" i="1"/>
  <c r="V67359" i="1"/>
  <c r="V67360" i="1"/>
  <c r="V67361" i="1"/>
  <c r="V67362" i="1"/>
  <c r="V67363" i="1"/>
  <c r="V67364" i="1"/>
  <c r="V67365" i="1"/>
  <c r="V67366" i="1"/>
  <c r="V67367" i="1"/>
  <c r="V67368" i="1"/>
  <c r="V67369" i="1"/>
  <c r="V67370" i="1"/>
  <c r="V67371" i="1"/>
  <c r="V67372" i="1"/>
  <c r="V67373" i="1"/>
  <c r="V67374" i="1"/>
  <c r="V67375" i="1"/>
  <c r="V67376" i="1"/>
  <c r="V67377" i="1"/>
  <c r="V67378" i="1"/>
  <c r="V67379" i="1"/>
  <c r="V67380" i="1"/>
  <c r="V67381" i="1"/>
  <c r="V67382" i="1"/>
  <c r="V67383" i="1"/>
  <c r="V67384" i="1"/>
  <c r="V67385" i="1"/>
  <c r="V67386" i="1"/>
  <c r="V67387" i="1"/>
  <c r="V67388" i="1"/>
  <c r="V67389" i="1"/>
  <c r="V67390" i="1"/>
  <c r="V67391" i="1"/>
  <c r="V67392" i="1"/>
  <c r="V67393" i="1"/>
  <c r="V67394" i="1"/>
  <c r="V67395" i="1"/>
  <c r="V67396" i="1"/>
  <c r="V67397" i="1"/>
  <c r="V67398" i="1"/>
  <c r="V67399" i="1"/>
  <c r="V67400" i="1"/>
  <c r="V67401" i="1"/>
  <c r="V67402" i="1"/>
  <c r="V67403" i="1"/>
  <c r="V67404" i="1"/>
  <c r="V67405" i="1"/>
  <c r="V67406" i="1"/>
  <c r="V67407" i="1"/>
  <c r="V67408" i="1"/>
  <c r="V67409" i="1"/>
  <c r="V67410" i="1"/>
  <c r="V67411" i="1"/>
  <c r="V67412" i="1"/>
  <c r="V67413" i="1"/>
  <c r="V67414" i="1"/>
  <c r="V67415" i="1"/>
  <c r="V67416" i="1"/>
  <c r="V67417" i="1"/>
  <c r="V67418" i="1"/>
  <c r="V67419" i="1"/>
  <c r="V67420" i="1"/>
  <c r="V67421" i="1"/>
  <c r="V67422" i="1"/>
  <c r="V67423" i="1"/>
  <c r="V67424" i="1"/>
  <c r="V67425" i="1"/>
  <c r="V67426" i="1"/>
  <c r="V67427" i="1"/>
  <c r="V67428" i="1"/>
  <c r="V67429" i="1"/>
  <c r="V67430" i="1"/>
  <c r="V67431" i="1"/>
  <c r="V67432" i="1"/>
  <c r="V67433" i="1"/>
  <c r="V67434" i="1"/>
  <c r="V67435" i="1"/>
  <c r="V67436" i="1"/>
  <c r="V67437" i="1"/>
  <c r="V67438" i="1"/>
  <c r="V67439" i="1"/>
  <c r="V67440" i="1"/>
  <c r="V67441" i="1"/>
  <c r="V67442" i="1"/>
  <c r="V67443" i="1"/>
  <c r="V67444" i="1"/>
  <c r="V67445" i="1"/>
  <c r="V67446" i="1"/>
  <c r="V67447" i="1"/>
  <c r="V67448" i="1"/>
  <c r="V67449" i="1"/>
  <c r="V67450" i="1"/>
  <c r="V67451" i="1"/>
  <c r="V67452" i="1"/>
  <c r="V67453" i="1"/>
  <c r="V67454" i="1"/>
  <c r="V67455" i="1"/>
  <c r="V67456" i="1"/>
  <c r="V67457" i="1"/>
  <c r="V67458" i="1"/>
  <c r="V67459" i="1"/>
  <c r="V67460" i="1"/>
  <c r="V67461" i="1"/>
  <c r="V67462" i="1"/>
  <c r="V67463" i="1"/>
  <c r="V67464" i="1"/>
  <c r="V67465" i="1"/>
  <c r="V67466" i="1"/>
  <c r="V67467" i="1"/>
  <c r="V67468" i="1"/>
  <c r="V67469" i="1"/>
  <c r="V67470" i="1"/>
  <c r="V67471" i="1"/>
  <c r="V67472" i="1"/>
  <c r="V67473" i="1"/>
  <c r="V67474" i="1"/>
  <c r="V67475" i="1"/>
  <c r="V67476" i="1"/>
  <c r="V67477" i="1"/>
  <c r="V67478" i="1"/>
  <c r="V67479" i="1"/>
  <c r="V67480" i="1"/>
  <c r="V67481" i="1"/>
  <c r="V67482" i="1"/>
  <c r="V67483" i="1"/>
  <c r="V67484" i="1"/>
  <c r="V67485" i="1"/>
  <c r="V67486" i="1"/>
  <c r="V67487" i="1"/>
  <c r="V67488" i="1"/>
  <c r="V67489" i="1"/>
  <c r="V67490" i="1"/>
  <c r="V67491" i="1"/>
  <c r="V67492" i="1"/>
  <c r="V67493" i="1"/>
  <c r="V67494" i="1"/>
  <c r="V67495" i="1"/>
  <c r="V67496" i="1"/>
  <c r="V67497" i="1"/>
  <c r="V67498" i="1"/>
  <c r="V67499" i="1"/>
  <c r="V67500" i="1"/>
  <c r="V67501" i="1"/>
  <c r="V67502" i="1"/>
  <c r="V67503" i="1"/>
  <c r="V67504" i="1"/>
  <c r="V67505" i="1"/>
  <c r="V67506" i="1"/>
  <c r="V67507" i="1"/>
  <c r="V67508" i="1"/>
  <c r="V67509" i="1"/>
  <c r="V67510" i="1"/>
  <c r="V67511" i="1"/>
  <c r="V67512" i="1"/>
  <c r="V67513" i="1"/>
  <c r="V67514" i="1"/>
  <c r="V67515" i="1"/>
  <c r="V67516" i="1"/>
  <c r="V67517" i="1"/>
  <c r="V67518" i="1"/>
  <c r="V67519" i="1"/>
  <c r="V67520" i="1"/>
  <c r="V67521" i="1"/>
  <c r="V67522" i="1"/>
  <c r="V67523" i="1"/>
  <c r="V67524" i="1"/>
  <c r="V67525" i="1"/>
  <c r="V67526" i="1"/>
  <c r="V67527" i="1"/>
  <c r="V67528" i="1"/>
  <c r="V67529" i="1"/>
  <c r="V67530" i="1"/>
  <c r="V67531" i="1"/>
  <c r="V67532" i="1"/>
  <c r="V67533" i="1"/>
  <c r="V67534" i="1"/>
  <c r="V67535" i="1"/>
  <c r="V67536" i="1"/>
  <c r="V67537" i="1"/>
  <c r="V67538" i="1"/>
  <c r="V67539" i="1"/>
  <c r="V67540" i="1"/>
  <c r="V67541" i="1"/>
  <c r="V67542" i="1"/>
  <c r="V67543" i="1"/>
  <c r="V67544" i="1"/>
  <c r="V67545" i="1"/>
  <c r="V67546" i="1"/>
  <c r="V67547" i="1"/>
  <c r="V67548" i="1"/>
  <c r="V67549" i="1"/>
  <c r="V67550" i="1"/>
  <c r="V67551" i="1"/>
  <c r="V67552" i="1"/>
  <c r="V67553" i="1"/>
  <c r="V67554" i="1"/>
  <c r="V67555" i="1"/>
  <c r="V67556" i="1"/>
  <c r="V67557" i="1"/>
  <c r="V67558" i="1"/>
  <c r="V67559" i="1"/>
  <c r="V67560" i="1"/>
  <c r="V67561" i="1"/>
  <c r="V67562" i="1"/>
  <c r="V67563" i="1"/>
  <c r="V67564" i="1"/>
  <c r="V67565" i="1"/>
  <c r="V67566" i="1"/>
  <c r="V67567" i="1"/>
  <c r="V67568" i="1"/>
  <c r="V67569" i="1"/>
  <c r="V67570" i="1"/>
  <c r="V67571" i="1"/>
  <c r="V67572" i="1"/>
  <c r="V67573" i="1"/>
  <c r="V67574" i="1"/>
  <c r="V67575" i="1"/>
  <c r="V67576" i="1"/>
  <c r="V67577" i="1"/>
  <c r="V67578" i="1"/>
  <c r="V67579" i="1"/>
  <c r="V67580" i="1"/>
  <c r="V67581" i="1"/>
  <c r="V67582" i="1"/>
  <c r="V67583" i="1"/>
  <c r="V67584" i="1"/>
  <c r="V67585" i="1"/>
  <c r="V67586" i="1"/>
  <c r="V67587" i="1"/>
  <c r="V67588" i="1"/>
  <c r="V67589" i="1"/>
  <c r="V67590" i="1"/>
  <c r="V67591" i="1"/>
  <c r="V67592" i="1"/>
  <c r="V67593" i="1"/>
  <c r="V67594" i="1"/>
  <c r="V67595" i="1"/>
  <c r="V67596" i="1"/>
  <c r="V67597" i="1"/>
  <c r="V67598" i="1"/>
  <c r="V67599" i="1"/>
  <c r="V67600" i="1"/>
  <c r="V67601" i="1"/>
  <c r="V67602" i="1"/>
  <c r="V67603" i="1"/>
  <c r="V67604" i="1"/>
  <c r="V67605" i="1"/>
  <c r="V67606" i="1"/>
  <c r="V67607" i="1"/>
  <c r="V67608" i="1"/>
  <c r="V67609" i="1"/>
  <c r="V67610" i="1"/>
  <c r="V67611" i="1"/>
  <c r="V67612" i="1"/>
  <c r="V67613" i="1"/>
  <c r="V67614" i="1"/>
  <c r="V67615" i="1"/>
  <c r="V67616" i="1"/>
  <c r="V67617" i="1"/>
  <c r="V67618" i="1"/>
  <c r="V67619" i="1"/>
  <c r="V67620" i="1"/>
  <c r="V67621" i="1"/>
  <c r="V67622" i="1"/>
  <c r="V67623" i="1"/>
  <c r="V67624" i="1"/>
  <c r="V67625" i="1"/>
  <c r="V67626" i="1"/>
  <c r="V67627" i="1"/>
  <c r="V67628" i="1"/>
  <c r="V67629" i="1"/>
  <c r="V67630" i="1"/>
  <c r="V67631" i="1"/>
  <c r="V67632" i="1"/>
  <c r="V67633" i="1"/>
  <c r="V67634" i="1"/>
  <c r="V67635" i="1"/>
  <c r="V67636" i="1"/>
  <c r="V67637" i="1"/>
  <c r="V67638" i="1"/>
  <c r="V67639" i="1"/>
  <c r="V67640" i="1"/>
  <c r="V67641" i="1"/>
  <c r="V67642" i="1"/>
  <c r="V67643" i="1"/>
  <c r="V67644" i="1"/>
  <c r="V67645" i="1"/>
  <c r="V67646" i="1"/>
  <c r="V67647" i="1"/>
  <c r="V67648" i="1"/>
  <c r="V67649" i="1"/>
  <c r="V67650" i="1"/>
  <c r="V67651" i="1"/>
  <c r="V67652" i="1"/>
  <c r="V67653" i="1"/>
  <c r="V67654" i="1"/>
  <c r="V67655" i="1"/>
  <c r="V67656" i="1"/>
  <c r="V67657" i="1"/>
  <c r="V67658" i="1"/>
  <c r="V67659" i="1"/>
  <c r="V67660" i="1"/>
  <c r="V67661" i="1"/>
  <c r="V67662" i="1"/>
  <c r="V67663" i="1"/>
  <c r="V67664" i="1"/>
  <c r="V67665" i="1"/>
  <c r="V67666" i="1"/>
  <c r="V67667" i="1"/>
  <c r="V67668" i="1"/>
  <c r="V67669" i="1"/>
  <c r="V67670" i="1"/>
  <c r="V67671" i="1"/>
  <c r="V67672" i="1"/>
  <c r="V67673" i="1"/>
  <c r="V67674" i="1"/>
  <c r="V67675" i="1"/>
  <c r="V67676" i="1"/>
  <c r="V67677" i="1"/>
  <c r="V67678" i="1"/>
  <c r="V67679" i="1"/>
  <c r="V67680" i="1"/>
  <c r="V67681" i="1"/>
  <c r="V67682" i="1"/>
  <c r="V67683" i="1"/>
  <c r="V67684" i="1"/>
  <c r="V67685" i="1"/>
  <c r="V67686" i="1"/>
  <c r="V67687" i="1"/>
  <c r="V67688" i="1"/>
  <c r="V67689" i="1"/>
  <c r="V67690" i="1"/>
  <c r="V67691" i="1"/>
  <c r="V67692" i="1"/>
  <c r="V67693" i="1"/>
  <c r="V67694" i="1"/>
  <c r="V67695" i="1"/>
  <c r="V67696" i="1"/>
  <c r="V67697" i="1"/>
  <c r="V67698" i="1"/>
  <c r="V67699" i="1"/>
  <c r="V67700" i="1"/>
  <c r="V67701" i="1"/>
  <c r="V67702" i="1"/>
  <c r="V67703" i="1"/>
  <c r="V67704" i="1"/>
  <c r="V67705" i="1"/>
  <c r="V67706" i="1"/>
  <c r="V67707" i="1"/>
  <c r="V67708" i="1"/>
  <c r="V67709" i="1"/>
  <c r="V67710" i="1"/>
  <c r="V67711" i="1"/>
  <c r="V67712" i="1"/>
  <c r="V67713" i="1"/>
  <c r="V67714" i="1"/>
  <c r="V67715" i="1"/>
  <c r="V67716" i="1"/>
  <c r="V67717" i="1"/>
  <c r="V67718" i="1"/>
  <c r="V67719" i="1"/>
  <c r="V67720" i="1"/>
  <c r="V67721" i="1"/>
  <c r="V67722" i="1"/>
  <c r="V67723" i="1"/>
  <c r="V67724" i="1"/>
  <c r="V67725" i="1"/>
  <c r="V67726" i="1"/>
  <c r="V67727" i="1"/>
  <c r="V67728" i="1"/>
  <c r="V67729" i="1"/>
  <c r="V67730" i="1"/>
  <c r="V67731" i="1"/>
  <c r="V67732" i="1"/>
  <c r="V67733" i="1"/>
  <c r="V67734" i="1"/>
  <c r="V67735" i="1"/>
  <c r="V67736" i="1"/>
  <c r="V67737" i="1"/>
  <c r="V67738" i="1"/>
  <c r="V67739" i="1"/>
  <c r="V67740" i="1"/>
  <c r="V67741" i="1"/>
  <c r="V67742" i="1"/>
  <c r="V67743" i="1"/>
  <c r="V67744" i="1"/>
  <c r="V67745" i="1"/>
  <c r="V67746" i="1"/>
  <c r="V67747" i="1"/>
  <c r="V67748" i="1"/>
  <c r="V67749" i="1"/>
  <c r="V67750" i="1"/>
  <c r="V67751" i="1"/>
  <c r="V67752" i="1"/>
  <c r="V67753" i="1"/>
  <c r="V67754" i="1"/>
  <c r="V67755" i="1"/>
  <c r="V67756" i="1"/>
  <c r="V67757" i="1"/>
  <c r="V67758" i="1"/>
  <c r="V67759" i="1"/>
  <c r="V67760" i="1"/>
  <c r="V67761" i="1"/>
  <c r="V67762" i="1"/>
  <c r="V67763" i="1"/>
  <c r="V67764" i="1"/>
  <c r="V67765" i="1"/>
  <c r="V67766" i="1"/>
  <c r="V67767" i="1"/>
  <c r="V67768" i="1"/>
  <c r="V67769" i="1"/>
  <c r="V67770" i="1"/>
  <c r="V67771" i="1"/>
  <c r="V67772" i="1"/>
  <c r="V67773" i="1"/>
  <c r="V67774" i="1"/>
  <c r="V67775" i="1"/>
  <c r="V67776" i="1"/>
  <c r="V67777" i="1"/>
  <c r="V67778" i="1"/>
  <c r="V67779" i="1"/>
  <c r="V67780" i="1"/>
  <c r="V67781" i="1"/>
  <c r="V67782" i="1"/>
  <c r="V67783" i="1"/>
  <c r="V67784" i="1"/>
  <c r="V67785" i="1"/>
  <c r="V67786" i="1"/>
  <c r="V67787" i="1"/>
  <c r="V67788" i="1"/>
  <c r="V67789" i="1"/>
  <c r="V67790" i="1"/>
  <c r="V67791" i="1"/>
  <c r="V67792" i="1"/>
  <c r="V67793" i="1"/>
  <c r="V67794" i="1"/>
  <c r="V67795" i="1"/>
  <c r="V67796" i="1"/>
  <c r="V67797" i="1"/>
  <c r="V67798" i="1"/>
  <c r="V67799" i="1"/>
  <c r="V67800" i="1"/>
  <c r="V67801" i="1"/>
  <c r="V67802" i="1"/>
  <c r="V67803" i="1"/>
  <c r="V67804" i="1"/>
  <c r="V67805" i="1"/>
  <c r="V67806" i="1"/>
  <c r="V67807" i="1"/>
  <c r="V67808" i="1"/>
  <c r="V67809" i="1"/>
  <c r="V67810" i="1"/>
  <c r="V67811" i="1"/>
  <c r="V67812" i="1"/>
  <c r="V67813" i="1"/>
  <c r="V67814" i="1"/>
  <c r="V67815" i="1"/>
  <c r="V67816" i="1"/>
  <c r="V67817" i="1"/>
  <c r="V67818" i="1"/>
  <c r="V67819" i="1"/>
  <c r="V67820" i="1"/>
  <c r="V67821" i="1"/>
  <c r="V67822" i="1"/>
  <c r="V67823" i="1"/>
  <c r="V67824" i="1"/>
  <c r="V67825" i="1"/>
  <c r="V67826" i="1"/>
  <c r="V67827" i="1"/>
  <c r="V67828" i="1"/>
  <c r="V67829" i="1"/>
  <c r="V67830" i="1"/>
  <c r="V67831" i="1"/>
  <c r="V67832" i="1"/>
  <c r="V67833" i="1"/>
  <c r="V67834" i="1"/>
  <c r="V67835" i="1"/>
  <c r="V67836" i="1"/>
  <c r="V67837" i="1"/>
  <c r="V67838" i="1"/>
  <c r="V67839" i="1"/>
  <c r="V67840" i="1"/>
  <c r="V67841" i="1"/>
  <c r="V67842" i="1"/>
  <c r="V67843" i="1"/>
  <c r="V67844" i="1"/>
  <c r="V67845" i="1"/>
  <c r="V67846" i="1"/>
  <c r="V67847" i="1"/>
  <c r="V67848" i="1"/>
  <c r="V67849" i="1"/>
  <c r="V67850" i="1"/>
  <c r="V67851" i="1"/>
  <c r="V67852" i="1"/>
  <c r="V67853" i="1"/>
  <c r="V67854" i="1"/>
  <c r="V67855" i="1"/>
  <c r="V67856" i="1"/>
  <c r="V67857" i="1"/>
  <c r="V67858" i="1"/>
  <c r="V67859" i="1"/>
  <c r="V67860" i="1"/>
  <c r="V67861" i="1"/>
  <c r="V67862" i="1"/>
  <c r="V67863" i="1"/>
  <c r="V67864" i="1"/>
  <c r="V67865" i="1"/>
  <c r="V67866" i="1"/>
  <c r="V67867" i="1"/>
  <c r="V67868" i="1"/>
  <c r="V67869" i="1"/>
  <c r="V67870" i="1"/>
  <c r="V67871" i="1"/>
  <c r="V67872" i="1"/>
  <c r="V67873" i="1"/>
  <c r="V67874" i="1"/>
  <c r="V67875" i="1"/>
  <c r="V67876" i="1"/>
  <c r="V67877" i="1"/>
  <c r="V67878" i="1"/>
  <c r="V67879" i="1"/>
  <c r="V67880" i="1"/>
  <c r="V67881" i="1"/>
  <c r="V67882" i="1"/>
  <c r="V67883" i="1"/>
  <c r="V67884" i="1"/>
  <c r="V67885" i="1"/>
  <c r="V67886" i="1"/>
  <c r="V67887" i="1"/>
  <c r="V67888" i="1"/>
  <c r="V67889" i="1"/>
  <c r="V67890" i="1"/>
  <c r="V67891" i="1"/>
  <c r="V67892" i="1"/>
  <c r="V67893" i="1"/>
  <c r="V67894" i="1"/>
  <c r="V67895" i="1"/>
  <c r="V67896" i="1"/>
  <c r="V67897" i="1"/>
  <c r="V67898" i="1"/>
  <c r="V67899" i="1"/>
  <c r="V67900" i="1"/>
  <c r="V67901" i="1"/>
  <c r="V67902" i="1"/>
  <c r="V67903" i="1"/>
  <c r="V67904" i="1"/>
  <c r="V67905" i="1"/>
  <c r="V67906" i="1"/>
  <c r="V67907" i="1"/>
  <c r="V67908" i="1"/>
  <c r="V67909" i="1"/>
  <c r="V67910" i="1"/>
  <c r="V67911" i="1"/>
  <c r="V67912" i="1"/>
  <c r="V67913" i="1"/>
  <c r="V67914" i="1"/>
  <c r="V67915" i="1"/>
  <c r="V67916" i="1"/>
  <c r="V67917" i="1"/>
  <c r="V67918" i="1"/>
  <c r="V67919" i="1"/>
  <c r="V67920" i="1"/>
  <c r="V67921" i="1"/>
  <c r="V67922" i="1"/>
  <c r="V67923" i="1"/>
  <c r="V67924" i="1"/>
  <c r="V67925" i="1"/>
  <c r="V67926" i="1"/>
  <c r="V67927" i="1"/>
  <c r="V67928" i="1"/>
  <c r="V67929" i="1"/>
  <c r="V67930" i="1"/>
  <c r="V67931" i="1"/>
  <c r="V67932" i="1"/>
  <c r="V67933" i="1"/>
  <c r="V67934" i="1"/>
  <c r="V67935" i="1"/>
  <c r="V67936" i="1"/>
  <c r="V67937" i="1"/>
  <c r="V67938" i="1"/>
  <c r="V67939" i="1"/>
  <c r="V67940" i="1"/>
  <c r="V67941" i="1"/>
  <c r="V67942" i="1"/>
  <c r="V67943" i="1"/>
  <c r="V67944" i="1"/>
  <c r="V67945" i="1"/>
  <c r="V67946" i="1"/>
  <c r="V67947" i="1"/>
  <c r="V67948" i="1"/>
  <c r="V67949" i="1"/>
  <c r="V67950" i="1"/>
  <c r="V67951" i="1"/>
  <c r="V67952" i="1"/>
  <c r="V67953" i="1"/>
  <c r="V67954" i="1"/>
  <c r="V67955" i="1"/>
  <c r="V67956" i="1"/>
  <c r="V67957" i="1"/>
  <c r="V67958" i="1"/>
  <c r="V67959" i="1"/>
  <c r="V67960" i="1"/>
  <c r="V67961" i="1"/>
  <c r="V67962" i="1"/>
  <c r="V67963" i="1"/>
  <c r="V67964" i="1"/>
  <c r="V67965" i="1"/>
  <c r="V67966" i="1"/>
  <c r="V67967" i="1"/>
  <c r="V67968" i="1"/>
  <c r="V67969" i="1"/>
  <c r="V67970" i="1"/>
  <c r="V67971" i="1"/>
  <c r="V67972" i="1"/>
  <c r="V67973" i="1"/>
  <c r="V67974" i="1"/>
  <c r="V67975" i="1"/>
  <c r="V67976" i="1"/>
  <c r="V67977" i="1"/>
  <c r="V67978" i="1"/>
  <c r="V67979" i="1"/>
  <c r="V67980" i="1"/>
  <c r="V67981" i="1"/>
  <c r="V67982" i="1"/>
  <c r="V67983" i="1"/>
  <c r="V67984" i="1"/>
  <c r="V67985" i="1"/>
  <c r="V67986" i="1"/>
  <c r="V67987" i="1"/>
  <c r="V67988" i="1"/>
  <c r="V67989" i="1"/>
  <c r="V67990" i="1"/>
  <c r="V67991" i="1"/>
  <c r="V67992" i="1"/>
  <c r="V67993" i="1"/>
  <c r="V67994" i="1"/>
  <c r="V67995" i="1"/>
  <c r="V67996" i="1"/>
  <c r="V67997" i="1"/>
  <c r="V67998" i="1"/>
  <c r="V67999" i="1"/>
  <c r="V68000" i="1"/>
  <c r="V68001" i="1"/>
  <c r="V68002" i="1"/>
  <c r="V68003" i="1"/>
  <c r="V68004" i="1"/>
  <c r="V68005" i="1"/>
  <c r="V68006" i="1"/>
  <c r="V68007" i="1"/>
  <c r="V68008" i="1"/>
  <c r="V68009" i="1"/>
  <c r="V68010" i="1"/>
  <c r="V68011" i="1"/>
  <c r="V68012" i="1"/>
  <c r="V68013" i="1"/>
  <c r="V68014" i="1"/>
  <c r="V68015" i="1"/>
  <c r="V68016" i="1"/>
  <c r="V68017" i="1"/>
  <c r="V68018" i="1"/>
  <c r="V68019" i="1"/>
  <c r="V68020" i="1"/>
  <c r="V68021" i="1"/>
  <c r="V68022" i="1"/>
  <c r="V68023" i="1"/>
  <c r="V68024" i="1"/>
  <c r="V68025" i="1"/>
  <c r="V68026" i="1"/>
  <c r="V68027" i="1"/>
  <c r="V68028" i="1"/>
  <c r="V68029" i="1"/>
  <c r="V68030" i="1"/>
  <c r="V68031" i="1"/>
  <c r="V68032" i="1"/>
  <c r="V68033" i="1"/>
  <c r="V68034" i="1"/>
  <c r="V68035" i="1"/>
  <c r="V68036" i="1"/>
  <c r="V68037" i="1"/>
  <c r="V68038" i="1"/>
  <c r="V68039" i="1"/>
  <c r="V68040" i="1"/>
  <c r="V68041" i="1"/>
  <c r="V68042" i="1"/>
  <c r="V68043" i="1"/>
  <c r="V68044" i="1"/>
  <c r="V68045" i="1"/>
  <c r="V68046" i="1"/>
  <c r="V68047" i="1"/>
  <c r="V68048" i="1"/>
  <c r="V68049" i="1"/>
  <c r="V68050" i="1"/>
  <c r="V68051" i="1"/>
  <c r="V68052" i="1"/>
  <c r="V68053" i="1"/>
  <c r="V68054" i="1"/>
  <c r="V68055" i="1"/>
  <c r="V68056" i="1"/>
  <c r="V68057" i="1"/>
  <c r="V68058" i="1"/>
  <c r="V68059" i="1"/>
  <c r="V68060" i="1"/>
  <c r="V68061" i="1"/>
  <c r="V68062" i="1"/>
  <c r="V68063" i="1"/>
  <c r="V68064" i="1"/>
  <c r="V68065" i="1"/>
  <c r="V68066" i="1"/>
  <c r="V68067" i="1"/>
  <c r="V68068" i="1"/>
  <c r="V68069" i="1"/>
  <c r="V68070" i="1"/>
  <c r="V68071" i="1"/>
  <c r="V68072" i="1"/>
  <c r="V68073" i="1"/>
  <c r="V68074" i="1"/>
  <c r="V68075" i="1"/>
  <c r="V68076" i="1"/>
  <c r="V68077" i="1"/>
  <c r="V68078" i="1"/>
  <c r="V68079" i="1"/>
  <c r="V68080" i="1"/>
  <c r="V68081" i="1"/>
  <c r="V68082" i="1"/>
  <c r="V68083" i="1"/>
  <c r="V68084" i="1"/>
  <c r="V68085" i="1"/>
  <c r="V68086" i="1"/>
  <c r="V68087" i="1"/>
  <c r="V68088" i="1"/>
  <c r="V68089" i="1"/>
  <c r="V68090" i="1"/>
  <c r="V68091" i="1"/>
  <c r="V68092" i="1"/>
  <c r="V68093" i="1"/>
  <c r="V68094" i="1"/>
  <c r="V68095" i="1"/>
  <c r="V68096" i="1"/>
  <c r="V68097" i="1"/>
  <c r="V68098" i="1"/>
  <c r="V68099" i="1"/>
  <c r="V68100" i="1"/>
  <c r="V68101" i="1"/>
  <c r="V68102" i="1"/>
  <c r="V68103" i="1"/>
  <c r="V68104" i="1"/>
  <c r="V68105" i="1"/>
  <c r="V68106" i="1"/>
  <c r="V68107" i="1"/>
  <c r="V68108" i="1"/>
  <c r="V68109" i="1"/>
  <c r="V68110" i="1"/>
  <c r="V68111" i="1"/>
  <c r="V68112" i="1"/>
  <c r="V68113" i="1"/>
  <c r="V68114" i="1"/>
  <c r="V68115" i="1"/>
  <c r="V68116" i="1"/>
  <c r="V68117" i="1"/>
  <c r="V68118" i="1"/>
  <c r="V68119" i="1"/>
  <c r="V68120" i="1"/>
  <c r="V68121" i="1"/>
  <c r="V68122" i="1"/>
  <c r="V68123" i="1"/>
  <c r="V68124" i="1"/>
  <c r="V68125" i="1"/>
  <c r="V68126" i="1"/>
  <c r="V68127" i="1"/>
  <c r="V68128" i="1"/>
  <c r="V68129" i="1"/>
  <c r="V68130" i="1"/>
  <c r="V68131" i="1"/>
  <c r="V68132" i="1"/>
  <c r="V68133" i="1"/>
  <c r="V68134" i="1"/>
  <c r="V68135" i="1"/>
  <c r="V68136" i="1"/>
  <c r="V68137" i="1"/>
  <c r="V68138" i="1"/>
  <c r="V68139" i="1"/>
  <c r="V68140" i="1"/>
  <c r="V68141" i="1"/>
  <c r="V68142" i="1"/>
  <c r="V68143" i="1"/>
  <c r="V68144" i="1"/>
  <c r="V68145" i="1"/>
  <c r="V68146" i="1"/>
  <c r="V68147" i="1"/>
  <c r="V68148" i="1"/>
  <c r="V68149" i="1"/>
  <c r="V68150" i="1"/>
  <c r="V68151" i="1"/>
  <c r="V68152" i="1"/>
  <c r="V68153" i="1"/>
  <c r="V68154" i="1"/>
  <c r="V68155" i="1"/>
  <c r="V68156" i="1"/>
  <c r="V68157" i="1"/>
  <c r="V68158" i="1"/>
  <c r="V68159" i="1"/>
  <c r="V68160" i="1"/>
  <c r="V68161" i="1"/>
  <c r="V68162" i="1"/>
  <c r="V68163" i="1"/>
  <c r="V68164" i="1"/>
  <c r="V68165" i="1"/>
  <c r="V68166" i="1"/>
  <c r="V68167" i="1"/>
  <c r="V68168" i="1"/>
  <c r="V68169" i="1"/>
  <c r="V68170" i="1"/>
  <c r="V68171" i="1"/>
  <c r="V68172" i="1"/>
  <c r="V68173" i="1"/>
  <c r="V68174" i="1"/>
  <c r="V68175" i="1"/>
  <c r="V68176" i="1"/>
  <c r="V68177" i="1"/>
  <c r="V68178" i="1"/>
  <c r="V68179" i="1"/>
  <c r="V68180" i="1"/>
  <c r="V68181" i="1"/>
  <c r="V68182" i="1"/>
  <c r="V68183" i="1"/>
  <c r="V68184" i="1"/>
  <c r="V68185" i="1"/>
  <c r="V68186" i="1"/>
  <c r="V68187" i="1"/>
  <c r="V68188" i="1"/>
  <c r="V68189" i="1"/>
  <c r="V68190" i="1"/>
  <c r="V68191" i="1"/>
  <c r="V68192" i="1"/>
  <c r="V68193" i="1"/>
  <c r="V68194" i="1"/>
  <c r="V68195" i="1"/>
  <c r="V68196" i="1"/>
  <c r="V68197" i="1"/>
  <c r="V68198" i="1"/>
  <c r="V68199" i="1"/>
  <c r="V68200" i="1"/>
  <c r="V68201" i="1"/>
  <c r="V68202" i="1"/>
  <c r="V68203" i="1"/>
  <c r="V68204" i="1"/>
  <c r="V68205" i="1"/>
  <c r="V68206" i="1"/>
  <c r="V68207" i="1"/>
  <c r="V68208" i="1"/>
  <c r="V68209" i="1"/>
  <c r="V68210" i="1"/>
  <c r="V68211" i="1"/>
  <c r="V68212" i="1"/>
  <c r="V68213" i="1"/>
  <c r="V68214" i="1"/>
  <c r="V68215" i="1"/>
  <c r="V68216" i="1"/>
  <c r="V68217" i="1"/>
  <c r="V68218" i="1"/>
  <c r="V68219" i="1"/>
  <c r="V68220" i="1"/>
  <c r="V68221" i="1"/>
  <c r="V68222" i="1"/>
  <c r="V68223" i="1"/>
  <c r="V68224" i="1"/>
  <c r="V68225" i="1"/>
  <c r="V68226" i="1"/>
  <c r="V68227" i="1"/>
  <c r="V68228" i="1"/>
  <c r="V68229" i="1"/>
  <c r="V68230" i="1"/>
  <c r="V68231" i="1"/>
  <c r="V68232" i="1"/>
  <c r="V68233" i="1"/>
  <c r="V68234" i="1"/>
  <c r="V68235" i="1"/>
  <c r="V68236" i="1"/>
  <c r="V68237" i="1"/>
  <c r="V68238" i="1"/>
  <c r="V68239" i="1"/>
  <c r="V68240" i="1"/>
  <c r="V68241" i="1"/>
  <c r="V68242" i="1"/>
  <c r="V68243" i="1"/>
  <c r="V68244" i="1"/>
  <c r="V68245" i="1"/>
  <c r="V68246" i="1"/>
  <c r="V68247" i="1"/>
  <c r="V68248" i="1"/>
  <c r="V68249" i="1"/>
  <c r="V68250" i="1"/>
  <c r="V68251" i="1"/>
  <c r="V68252" i="1"/>
  <c r="V68253" i="1"/>
  <c r="V68254" i="1"/>
  <c r="V68255" i="1"/>
  <c r="V68256" i="1"/>
  <c r="V68257" i="1"/>
  <c r="V68258" i="1"/>
  <c r="V68259" i="1"/>
  <c r="V68260" i="1"/>
  <c r="V68261" i="1"/>
  <c r="V68262" i="1"/>
  <c r="V68263" i="1"/>
  <c r="V68264" i="1"/>
  <c r="V68265" i="1"/>
  <c r="V68266" i="1"/>
  <c r="V68267" i="1"/>
  <c r="V68268" i="1"/>
  <c r="V68269" i="1"/>
  <c r="V68270" i="1"/>
  <c r="V68271" i="1"/>
  <c r="V68272" i="1"/>
  <c r="V68273" i="1"/>
  <c r="V68274" i="1"/>
  <c r="V68275" i="1"/>
  <c r="V68276" i="1"/>
  <c r="V68277" i="1"/>
  <c r="V68278" i="1"/>
  <c r="V68279" i="1"/>
  <c r="V68280" i="1"/>
  <c r="V68281" i="1"/>
  <c r="V68282" i="1"/>
  <c r="V68283" i="1"/>
  <c r="V68284" i="1"/>
  <c r="V68285" i="1"/>
  <c r="V68286" i="1"/>
  <c r="V68287" i="1"/>
  <c r="V68288" i="1"/>
  <c r="V68289" i="1"/>
  <c r="V68290" i="1"/>
  <c r="V68291" i="1"/>
  <c r="V68292" i="1"/>
  <c r="V68293" i="1"/>
  <c r="V68294" i="1"/>
  <c r="V68295" i="1"/>
  <c r="V68296" i="1"/>
  <c r="V68297" i="1"/>
  <c r="V68298" i="1"/>
  <c r="V68299" i="1"/>
  <c r="V68300" i="1"/>
  <c r="V68301" i="1"/>
  <c r="V68302" i="1"/>
  <c r="V68303" i="1"/>
  <c r="V68304" i="1"/>
  <c r="V68305" i="1"/>
  <c r="V68306" i="1"/>
  <c r="V68307" i="1"/>
  <c r="V68308" i="1"/>
  <c r="V68309" i="1"/>
  <c r="V68310" i="1"/>
  <c r="V68311" i="1"/>
  <c r="V68312" i="1"/>
  <c r="V68313" i="1"/>
  <c r="V68314" i="1"/>
  <c r="V68315" i="1"/>
  <c r="V68316" i="1"/>
  <c r="V68317" i="1"/>
  <c r="V68318" i="1"/>
  <c r="V68319" i="1"/>
  <c r="V68320" i="1"/>
  <c r="V68321" i="1"/>
  <c r="V68322" i="1"/>
  <c r="V68323" i="1"/>
  <c r="V68324" i="1"/>
  <c r="V68325" i="1"/>
  <c r="V68326" i="1"/>
  <c r="V68327" i="1"/>
  <c r="V68328" i="1"/>
  <c r="V68329" i="1"/>
  <c r="V68330" i="1"/>
  <c r="V68331" i="1"/>
  <c r="V68332" i="1"/>
  <c r="V68333" i="1"/>
  <c r="V68334" i="1"/>
  <c r="V68335" i="1"/>
  <c r="V68336" i="1"/>
  <c r="V68337" i="1"/>
  <c r="V68338" i="1"/>
  <c r="V68339" i="1"/>
  <c r="V68340" i="1"/>
  <c r="V68341" i="1"/>
  <c r="V68342" i="1"/>
  <c r="V68343" i="1"/>
  <c r="V68344" i="1"/>
  <c r="V68345" i="1"/>
  <c r="V68346" i="1"/>
  <c r="V68347" i="1"/>
  <c r="V68348" i="1"/>
  <c r="V68349" i="1"/>
  <c r="V68350" i="1"/>
  <c r="V68351" i="1"/>
  <c r="V68352" i="1"/>
  <c r="V68353" i="1"/>
  <c r="V68354" i="1"/>
  <c r="V68355" i="1"/>
  <c r="V68356" i="1"/>
  <c r="V68357" i="1"/>
  <c r="V68358" i="1"/>
  <c r="V68359" i="1"/>
  <c r="V68360" i="1"/>
  <c r="V68361" i="1"/>
  <c r="V68362" i="1"/>
  <c r="V68363" i="1"/>
  <c r="V68364" i="1"/>
  <c r="V68365" i="1"/>
  <c r="V68366" i="1"/>
  <c r="V68367" i="1"/>
  <c r="V68368" i="1"/>
  <c r="V68369" i="1"/>
  <c r="V68370" i="1"/>
  <c r="V68371" i="1"/>
  <c r="V68372" i="1"/>
  <c r="V68373" i="1"/>
  <c r="V68374" i="1"/>
  <c r="V68375" i="1"/>
  <c r="V68376" i="1"/>
  <c r="V68377" i="1"/>
  <c r="V68378" i="1"/>
  <c r="V68379" i="1"/>
  <c r="V68380" i="1"/>
  <c r="V68381" i="1"/>
  <c r="V68382" i="1"/>
  <c r="V68383" i="1"/>
  <c r="V68384" i="1"/>
  <c r="V68385" i="1"/>
  <c r="V68386" i="1"/>
  <c r="V68387" i="1"/>
  <c r="V68388" i="1"/>
  <c r="V68389" i="1"/>
  <c r="V68390" i="1"/>
  <c r="V68391" i="1"/>
  <c r="V68392" i="1"/>
  <c r="V68393" i="1"/>
  <c r="V68394" i="1"/>
  <c r="V68395" i="1"/>
  <c r="V68396" i="1"/>
  <c r="V68397" i="1"/>
  <c r="V68398" i="1"/>
  <c r="V68399" i="1"/>
  <c r="V68400" i="1"/>
  <c r="V68401" i="1"/>
  <c r="V68402" i="1"/>
  <c r="V68403" i="1"/>
  <c r="V68404" i="1"/>
  <c r="V68405" i="1"/>
  <c r="V68406" i="1"/>
  <c r="V68407" i="1"/>
  <c r="V68408" i="1"/>
  <c r="V68409" i="1"/>
  <c r="V68410" i="1"/>
  <c r="V68411" i="1"/>
  <c r="V68412" i="1"/>
  <c r="V68413" i="1"/>
  <c r="V68414" i="1"/>
  <c r="V68415" i="1"/>
  <c r="V68416" i="1"/>
  <c r="V68417" i="1"/>
  <c r="V68418" i="1"/>
  <c r="V68419" i="1"/>
  <c r="V68420" i="1"/>
  <c r="V68421" i="1"/>
  <c r="V68422" i="1"/>
  <c r="V68423" i="1"/>
  <c r="V68424" i="1"/>
  <c r="V68425" i="1"/>
  <c r="V68426" i="1"/>
  <c r="V68427" i="1"/>
  <c r="V68428" i="1"/>
  <c r="V68429" i="1"/>
  <c r="V68430" i="1"/>
  <c r="V68431" i="1"/>
  <c r="V68432" i="1"/>
  <c r="V68433" i="1"/>
  <c r="V68434" i="1"/>
  <c r="V68435" i="1"/>
  <c r="V68436" i="1"/>
  <c r="V68437" i="1"/>
  <c r="V68438" i="1"/>
  <c r="V68439" i="1"/>
  <c r="V68440" i="1"/>
  <c r="V68441" i="1"/>
  <c r="V68442" i="1"/>
  <c r="V68443" i="1"/>
  <c r="V68444" i="1"/>
  <c r="V68445" i="1"/>
  <c r="V68446" i="1"/>
  <c r="V68447" i="1"/>
  <c r="V68448" i="1"/>
  <c r="V68449" i="1"/>
  <c r="V68450" i="1"/>
  <c r="V68451" i="1"/>
  <c r="V68452" i="1"/>
  <c r="V68453" i="1"/>
  <c r="V68454" i="1"/>
  <c r="V68455" i="1"/>
  <c r="V68456" i="1"/>
  <c r="V68457" i="1"/>
  <c r="V68458" i="1"/>
  <c r="V68459" i="1"/>
  <c r="V68460" i="1"/>
  <c r="V68461" i="1"/>
  <c r="V68462" i="1"/>
  <c r="V68463" i="1"/>
  <c r="V68464" i="1"/>
  <c r="V68465" i="1"/>
  <c r="V68466" i="1"/>
  <c r="V68467" i="1"/>
  <c r="V68468" i="1"/>
  <c r="V68469" i="1"/>
  <c r="V68470" i="1"/>
  <c r="V68471" i="1"/>
  <c r="V68472" i="1"/>
  <c r="V68473" i="1"/>
  <c r="V68474" i="1"/>
  <c r="V68475" i="1"/>
  <c r="V68476" i="1"/>
  <c r="V68477" i="1"/>
  <c r="V68478" i="1"/>
  <c r="V68479" i="1"/>
  <c r="V68480" i="1"/>
  <c r="V68481" i="1"/>
  <c r="V68482" i="1"/>
  <c r="V68483" i="1"/>
  <c r="V68484" i="1"/>
  <c r="V68485" i="1"/>
  <c r="V68486" i="1"/>
  <c r="V68487" i="1"/>
  <c r="V68488" i="1"/>
  <c r="V68489" i="1"/>
  <c r="V68490" i="1"/>
  <c r="V68491" i="1"/>
  <c r="V68492" i="1"/>
  <c r="V68493" i="1"/>
  <c r="V68494" i="1"/>
  <c r="V68495" i="1"/>
  <c r="V68496" i="1"/>
  <c r="V68497" i="1"/>
  <c r="V68498" i="1"/>
  <c r="V68499" i="1"/>
  <c r="V68500" i="1"/>
  <c r="V68501" i="1"/>
  <c r="V68502" i="1"/>
  <c r="V68503" i="1"/>
  <c r="V68504" i="1"/>
  <c r="V68505" i="1"/>
  <c r="V68506" i="1"/>
  <c r="V68507" i="1"/>
  <c r="V68508" i="1"/>
  <c r="V68509" i="1"/>
  <c r="V68510" i="1"/>
  <c r="V68511" i="1"/>
  <c r="V68512" i="1"/>
  <c r="V68513" i="1"/>
  <c r="V68514" i="1"/>
  <c r="V68515" i="1"/>
  <c r="V68516" i="1"/>
  <c r="V68517" i="1"/>
  <c r="V68518" i="1"/>
  <c r="V68519" i="1"/>
  <c r="V68520" i="1"/>
  <c r="V68521" i="1"/>
  <c r="V68522" i="1"/>
  <c r="V68523" i="1"/>
  <c r="V68524" i="1"/>
  <c r="V68525" i="1"/>
  <c r="V68526" i="1"/>
  <c r="V68527" i="1"/>
  <c r="V68528" i="1"/>
  <c r="V68529" i="1"/>
  <c r="V68530" i="1"/>
  <c r="V68531" i="1"/>
  <c r="V68532" i="1"/>
  <c r="V68533" i="1"/>
  <c r="V68534" i="1"/>
  <c r="V68535" i="1"/>
  <c r="V68536" i="1"/>
  <c r="V68537" i="1"/>
  <c r="V68538" i="1"/>
  <c r="V68539" i="1"/>
  <c r="V68540" i="1"/>
  <c r="V68541" i="1"/>
  <c r="V68542" i="1"/>
  <c r="V68543" i="1"/>
  <c r="V68544" i="1"/>
  <c r="V68545" i="1"/>
  <c r="V68546" i="1"/>
  <c r="V68547" i="1"/>
  <c r="V68548" i="1"/>
  <c r="V68549" i="1"/>
  <c r="V68550" i="1"/>
  <c r="V68551" i="1"/>
  <c r="V68552" i="1"/>
  <c r="V68553" i="1"/>
  <c r="V68554" i="1"/>
  <c r="V68555" i="1"/>
  <c r="V68556" i="1"/>
  <c r="V68557" i="1"/>
  <c r="V68558" i="1"/>
  <c r="V68559" i="1"/>
  <c r="V68560" i="1"/>
  <c r="V68561" i="1"/>
  <c r="V68562" i="1"/>
  <c r="V68563" i="1"/>
  <c r="V68564" i="1"/>
  <c r="V68565" i="1"/>
  <c r="V68566" i="1"/>
  <c r="V68567" i="1"/>
  <c r="V68568" i="1"/>
  <c r="V68569" i="1"/>
  <c r="V68570" i="1"/>
  <c r="V68571" i="1"/>
  <c r="V68572" i="1"/>
  <c r="V68573" i="1"/>
  <c r="V68574" i="1"/>
  <c r="V68575" i="1"/>
  <c r="V68576" i="1"/>
  <c r="V68577" i="1"/>
  <c r="V68578" i="1"/>
  <c r="V68579" i="1"/>
  <c r="V68580" i="1"/>
  <c r="V68581" i="1"/>
  <c r="V68582" i="1"/>
  <c r="V68583" i="1"/>
  <c r="V68584" i="1"/>
  <c r="V68585" i="1"/>
  <c r="V68586" i="1"/>
  <c r="V68587" i="1"/>
  <c r="V68588" i="1"/>
  <c r="V68589" i="1"/>
  <c r="V68590" i="1"/>
  <c r="V68591" i="1"/>
  <c r="V68592" i="1"/>
  <c r="V68593" i="1"/>
  <c r="V68594" i="1"/>
  <c r="V68595" i="1"/>
  <c r="V68596" i="1"/>
  <c r="V68597" i="1"/>
  <c r="V68598" i="1"/>
  <c r="V68599" i="1"/>
  <c r="V68600" i="1"/>
  <c r="V68601" i="1"/>
  <c r="V68602" i="1"/>
  <c r="V68603" i="1"/>
  <c r="V68604" i="1"/>
  <c r="V68605" i="1"/>
  <c r="V68606" i="1"/>
  <c r="V68607" i="1"/>
  <c r="V68608" i="1"/>
  <c r="V68609" i="1"/>
  <c r="V68610" i="1"/>
  <c r="V68611" i="1"/>
  <c r="V68612" i="1"/>
  <c r="V68613" i="1"/>
  <c r="V68614" i="1"/>
  <c r="V68615" i="1"/>
  <c r="V68616" i="1"/>
  <c r="V68617" i="1"/>
  <c r="V68618" i="1"/>
  <c r="V68619" i="1"/>
  <c r="V68620" i="1"/>
  <c r="V68621" i="1"/>
  <c r="V68622" i="1"/>
  <c r="V68623" i="1"/>
  <c r="V68624" i="1"/>
  <c r="V68625" i="1"/>
  <c r="V68626" i="1"/>
  <c r="V68627" i="1"/>
  <c r="V68628" i="1"/>
  <c r="V68629" i="1"/>
  <c r="V68630" i="1"/>
  <c r="V68631" i="1"/>
  <c r="V68632" i="1"/>
  <c r="V68633" i="1"/>
  <c r="V68634" i="1"/>
  <c r="V68635" i="1"/>
  <c r="V68636" i="1"/>
  <c r="V68637" i="1"/>
  <c r="V68638" i="1"/>
  <c r="V68639" i="1"/>
  <c r="V68640" i="1"/>
  <c r="V68641" i="1"/>
  <c r="V68642" i="1"/>
  <c r="V68643" i="1"/>
  <c r="V68644" i="1"/>
  <c r="V68645" i="1"/>
  <c r="V68646" i="1"/>
  <c r="V68647" i="1"/>
  <c r="V68648" i="1"/>
  <c r="V68649" i="1"/>
  <c r="V68650" i="1"/>
  <c r="V68651" i="1"/>
  <c r="V68652" i="1"/>
  <c r="V68653" i="1"/>
  <c r="V68654" i="1"/>
  <c r="V68655" i="1"/>
  <c r="V68656" i="1"/>
  <c r="V68657" i="1"/>
  <c r="V68658" i="1"/>
  <c r="V68659" i="1"/>
  <c r="V68660" i="1"/>
  <c r="V68661" i="1"/>
  <c r="V68662" i="1"/>
  <c r="V68663" i="1"/>
  <c r="V68664" i="1"/>
  <c r="V68665" i="1"/>
  <c r="V68666" i="1"/>
  <c r="V68667" i="1"/>
  <c r="V68668" i="1"/>
  <c r="V68669" i="1"/>
  <c r="V68670" i="1"/>
  <c r="V68671" i="1"/>
  <c r="V68672" i="1"/>
  <c r="V68673" i="1"/>
  <c r="V68674" i="1"/>
  <c r="V68675" i="1"/>
  <c r="V68676" i="1"/>
  <c r="V68677" i="1"/>
  <c r="V68678" i="1"/>
  <c r="V68679" i="1"/>
  <c r="V68680" i="1"/>
  <c r="V68681" i="1"/>
  <c r="V68682" i="1"/>
  <c r="V68683" i="1"/>
  <c r="V68684" i="1"/>
  <c r="V68685" i="1"/>
  <c r="V68686" i="1"/>
  <c r="V68687" i="1"/>
  <c r="V68688" i="1"/>
  <c r="V68689" i="1"/>
  <c r="V68690" i="1"/>
  <c r="V68691" i="1"/>
  <c r="V68692" i="1"/>
  <c r="V68693" i="1"/>
  <c r="V68694" i="1"/>
  <c r="V68695" i="1"/>
  <c r="V68696" i="1"/>
  <c r="V68697" i="1"/>
  <c r="V68698" i="1"/>
  <c r="V68699" i="1"/>
  <c r="V68700" i="1"/>
  <c r="V68701" i="1"/>
  <c r="V68702" i="1"/>
  <c r="V68703" i="1"/>
  <c r="V68704" i="1"/>
  <c r="V68705" i="1"/>
  <c r="V68706" i="1"/>
  <c r="V68707" i="1"/>
  <c r="V68708" i="1"/>
  <c r="V68709" i="1"/>
  <c r="V68710" i="1"/>
  <c r="V68711" i="1"/>
  <c r="V68712" i="1"/>
  <c r="V68713" i="1"/>
  <c r="V68714" i="1"/>
  <c r="V68715" i="1"/>
  <c r="V68716" i="1"/>
  <c r="V68717" i="1"/>
  <c r="V68718" i="1"/>
  <c r="V68719" i="1"/>
  <c r="V68720" i="1"/>
  <c r="V68721" i="1"/>
  <c r="V68722" i="1"/>
  <c r="V68723" i="1"/>
  <c r="V68724" i="1"/>
  <c r="V68725" i="1"/>
  <c r="V68726" i="1"/>
  <c r="V68727" i="1"/>
  <c r="V68728" i="1"/>
  <c r="V68729" i="1"/>
  <c r="V68730" i="1"/>
  <c r="V68731" i="1"/>
  <c r="V68732" i="1"/>
  <c r="V68733" i="1"/>
  <c r="V68734" i="1"/>
  <c r="V68735" i="1"/>
  <c r="V68736" i="1"/>
  <c r="V68737" i="1"/>
  <c r="V68738" i="1"/>
  <c r="V68739" i="1"/>
  <c r="V68740" i="1"/>
  <c r="V68741" i="1"/>
  <c r="V68742" i="1"/>
  <c r="V68743" i="1"/>
  <c r="V68744" i="1"/>
  <c r="V68745" i="1"/>
  <c r="V68746" i="1"/>
  <c r="V68747" i="1"/>
  <c r="V68748" i="1"/>
  <c r="V68749" i="1"/>
  <c r="V68750" i="1"/>
  <c r="V68751" i="1"/>
  <c r="V68752" i="1"/>
  <c r="V68753" i="1"/>
  <c r="V68754" i="1"/>
  <c r="V68755" i="1"/>
  <c r="V68756" i="1"/>
  <c r="V68757" i="1"/>
  <c r="V68758" i="1"/>
  <c r="V68759" i="1"/>
  <c r="V68760" i="1"/>
  <c r="V68761" i="1"/>
  <c r="V68762" i="1"/>
  <c r="V68763" i="1"/>
  <c r="V68764" i="1"/>
  <c r="V68765" i="1"/>
  <c r="V68766" i="1"/>
  <c r="V68767" i="1"/>
  <c r="V68768" i="1"/>
  <c r="V68769" i="1"/>
  <c r="V68770" i="1"/>
  <c r="V68771" i="1"/>
  <c r="V68772" i="1"/>
  <c r="V68773" i="1"/>
  <c r="V68774" i="1"/>
  <c r="V68775" i="1"/>
  <c r="V68776" i="1"/>
  <c r="V68777" i="1"/>
  <c r="V68778" i="1"/>
  <c r="V68779" i="1"/>
  <c r="V68780" i="1"/>
  <c r="V68781" i="1"/>
  <c r="V68782" i="1"/>
  <c r="V68783" i="1"/>
  <c r="V68784" i="1"/>
  <c r="V68785" i="1"/>
  <c r="V68786" i="1"/>
  <c r="V68787" i="1"/>
  <c r="V68788" i="1"/>
  <c r="V68789" i="1"/>
  <c r="V68790" i="1"/>
  <c r="V68791" i="1"/>
  <c r="V68792" i="1"/>
  <c r="V68793" i="1"/>
  <c r="V68794" i="1"/>
  <c r="V68795" i="1"/>
  <c r="V68796" i="1"/>
  <c r="V68797" i="1"/>
  <c r="V68798" i="1"/>
  <c r="V68799" i="1"/>
  <c r="V68800" i="1"/>
  <c r="V68801" i="1"/>
  <c r="V68802" i="1"/>
  <c r="V68803" i="1"/>
  <c r="V68804" i="1"/>
  <c r="V68805" i="1"/>
  <c r="V68806" i="1"/>
  <c r="V68807" i="1"/>
  <c r="V68808" i="1"/>
  <c r="V68809" i="1"/>
  <c r="V68810" i="1"/>
  <c r="V68811" i="1"/>
  <c r="V68812" i="1"/>
  <c r="V68813" i="1"/>
  <c r="V68814" i="1"/>
  <c r="V68815" i="1"/>
  <c r="V68816" i="1"/>
  <c r="V68817" i="1"/>
  <c r="V68818" i="1"/>
  <c r="V68819" i="1"/>
  <c r="V68820" i="1"/>
  <c r="V68821" i="1"/>
  <c r="V68822" i="1"/>
  <c r="V68823" i="1"/>
  <c r="V68824" i="1"/>
  <c r="V68825" i="1"/>
  <c r="V68826" i="1"/>
  <c r="V68827" i="1"/>
  <c r="V68828" i="1"/>
  <c r="V68829" i="1"/>
  <c r="V68830" i="1"/>
  <c r="V68831" i="1"/>
  <c r="V68832" i="1"/>
  <c r="V68833" i="1"/>
  <c r="V68834" i="1"/>
  <c r="V68835" i="1"/>
  <c r="V68836" i="1"/>
  <c r="V68837" i="1"/>
  <c r="V68838" i="1"/>
  <c r="V68839" i="1"/>
  <c r="V68840" i="1"/>
  <c r="V68841" i="1"/>
  <c r="V68842" i="1"/>
  <c r="V68843" i="1"/>
  <c r="V68844" i="1"/>
  <c r="V68845" i="1"/>
  <c r="V68846" i="1"/>
  <c r="V68847" i="1"/>
  <c r="V68848" i="1"/>
  <c r="V68849" i="1"/>
  <c r="V68850" i="1"/>
  <c r="V68851" i="1"/>
  <c r="V68852" i="1"/>
  <c r="V68853" i="1"/>
  <c r="V68854" i="1"/>
  <c r="V68855" i="1"/>
  <c r="V68856" i="1"/>
  <c r="V68857" i="1"/>
  <c r="V68858" i="1"/>
  <c r="V68859" i="1"/>
  <c r="V68860" i="1"/>
  <c r="V68861" i="1"/>
  <c r="V68862" i="1"/>
  <c r="V68863" i="1"/>
  <c r="V68864" i="1"/>
  <c r="V68865" i="1"/>
  <c r="V68866" i="1"/>
  <c r="V68867" i="1"/>
  <c r="V68868" i="1"/>
  <c r="V68869" i="1"/>
  <c r="V68870" i="1"/>
  <c r="V68871" i="1"/>
  <c r="V68872" i="1"/>
  <c r="V68873" i="1"/>
  <c r="V68874" i="1"/>
  <c r="V68875" i="1"/>
  <c r="V68876" i="1"/>
  <c r="V68877" i="1"/>
  <c r="V68878" i="1"/>
  <c r="V68879" i="1"/>
  <c r="V68880" i="1"/>
  <c r="V68881" i="1"/>
  <c r="V68882" i="1"/>
  <c r="V68883" i="1"/>
  <c r="V68884" i="1"/>
  <c r="V68885" i="1"/>
  <c r="V68886" i="1"/>
  <c r="V68887" i="1"/>
  <c r="V68888" i="1"/>
  <c r="V68889" i="1"/>
  <c r="V68890" i="1"/>
  <c r="V68891" i="1"/>
  <c r="V68892" i="1"/>
  <c r="V68893" i="1"/>
  <c r="V68894" i="1"/>
  <c r="V68895" i="1"/>
  <c r="V68896" i="1"/>
  <c r="V68897" i="1"/>
  <c r="V68898" i="1"/>
  <c r="V68899" i="1"/>
  <c r="V68900" i="1"/>
  <c r="V68901" i="1"/>
  <c r="V68902" i="1"/>
  <c r="V68903" i="1"/>
  <c r="V68904" i="1"/>
  <c r="V68905" i="1"/>
  <c r="V68906" i="1"/>
  <c r="V68907" i="1"/>
  <c r="V68908" i="1"/>
  <c r="V68909" i="1"/>
  <c r="V68910" i="1"/>
  <c r="V68911" i="1"/>
  <c r="V68912" i="1"/>
  <c r="V68913" i="1"/>
  <c r="V68914" i="1"/>
  <c r="V68915" i="1"/>
  <c r="V68916" i="1"/>
  <c r="V68917" i="1"/>
  <c r="V68918" i="1"/>
  <c r="V68919" i="1"/>
  <c r="V68920" i="1"/>
  <c r="V68921" i="1"/>
  <c r="V68922" i="1"/>
  <c r="V68923" i="1"/>
  <c r="V68924" i="1"/>
  <c r="V68925" i="1"/>
  <c r="V68926" i="1"/>
  <c r="V68927" i="1"/>
  <c r="V68928" i="1"/>
  <c r="V68929" i="1"/>
  <c r="V68930" i="1"/>
  <c r="V68931" i="1"/>
  <c r="V68932" i="1"/>
  <c r="V68933" i="1"/>
  <c r="V68934" i="1"/>
  <c r="V68935" i="1"/>
  <c r="V68936" i="1"/>
  <c r="V68937" i="1"/>
  <c r="V68938" i="1"/>
  <c r="V68939" i="1"/>
  <c r="V68940" i="1"/>
  <c r="V68941" i="1"/>
  <c r="V68942" i="1"/>
  <c r="V68943" i="1"/>
  <c r="V68944" i="1"/>
  <c r="V68945" i="1"/>
  <c r="V68946" i="1"/>
  <c r="V68947" i="1"/>
  <c r="V68948" i="1"/>
  <c r="V68949" i="1"/>
  <c r="V68950" i="1"/>
  <c r="V68951" i="1"/>
  <c r="V68952" i="1"/>
  <c r="V68953" i="1"/>
  <c r="V68954" i="1"/>
  <c r="V68955" i="1"/>
  <c r="V68956" i="1"/>
  <c r="V68957" i="1"/>
  <c r="V68958" i="1"/>
  <c r="V68959" i="1"/>
  <c r="V68960" i="1"/>
  <c r="V68961" i="1"/>
  <c r="V68962" i="1"/>
  <c r="V68963" i="1"/>
  <c r="V68964" i="1"/>
  <c r="V68965" i="1"/>
  <c r="V68966" i="1"/>
  <c r="V68967" i="1"/>
  <c r="V68968" i="1"/>
  <c r="V68969" i="1"/>
  <c r="V68970" i="1"/>
  <c r="V68971" i="1"/>
  <c r="V68972" i="1"/>
  <c r="V68973" i="1"/>
  <c r="V68974" i="1"/>
  <c r="V68975" i="1"/>
  <c r="V68976" i="1"/>
  <c r="V68977" i="1"/>
  <c r="V68978" i="1"/>
  <c r="V68979" i="1"/>
  <c r="V68980" i="1"/>
  <c r="V68981" i="1"/>
  <c r="V68982" i="1"/>
  <c r="V68983" i="1"/>
  <c r="V68984" i="1"/>
  <c r="V68985" i="1"/>
  <c r="V68986" i="1"/>
  <c r="V68987" i="1"/>
  <c r="V68988" i="1"/>
  <c r="V68989" i="1"/>
  <c r="V68990" i="1"/>
  <c r="V68991" i="1"/>
  <c r="V68992" i="1"/>
  <c r="V68993" i="1"/>
  <c r="V68994" i="1"/>
  <c r="V68995" i="1"/>
  <c r="V68996" i="1"/>
  <c r="V68997" i="1"/>
  <c r="V68998" i="1"/>
  <c r="V68999" i="1"/>
  <c r="V69000" i="1"/>
  <c r="V69001" i="1"/>
  <c r="V69002" i="1"/>
  <c r="V69003" i="1"/>
  <c r="V69004" i="1"/>
  <c r="V69005" i="1"/>
  <c r="V69006" i="1"/>
  <c r="V69007" i="1"/>
  <c r="V69008" i="1"/>
  <c r="V69009" i="1"/>
  <c r="V69010" i="1"/>
  <c r="V69011" i="1"/>
  <c r="V69012" i="1"/>
  <c r="V69013" i="1"/>
  <c r="V69014" i="1"/>
  <c r="V69015" i="1"/>
  <c r="V69016" i="1"/>
  <c r="V69017" i="1"/>
  <c r="V69018" i="1"/>
  <c r="V69019" i="1"/>
  <c r="V69020" i="1"/>
  <c r="V69021" i="1"/>
  <c r="V69022" i="1"/>
  <c r="V69023" i="1"/>
  <c r="V69024" i="1"/>
  <c r="V69025" i="1"/>
  <c r="V69026" i="1"/>
  <c r="V69027" i="1"/>
  <c r="V69028" i="1"/>
  <c r="V69029" i="1"/>
  <c r="V69030" i="1"/>
  <c r="V69031" i="1"/>
  <c r="V69032" i="1"/>
  <c r="V69033" i="1"/>
  <c r="V69034" i="1"/>
  <c r="V69035" i="1"/>
  <c r="V69036" i="1"/>
  <c r="V69037" i="1"/>
  <c r="V69038" i="1"/>
  <c r="V69039" i="1"/>
  <c r="V69040" i="1"/>
  <c r="V69041" i="1"/>
  <c r="V69042" i="1"/>
  <c r="V69043" i="1"/>
  <c r="V69044" i="1"/>
  <c r="V69045" i="1"/>
  <c r="V69046" i="1"/>
  <c r="V69047" i="1"/>
  <c r="V69048" i="1"/>
  <c r="V69049" i="1"/>
  <c r="V69050" i="1"/>
  <c r="V69051" i="1"/>
  <c r="V69052" i="1"/>
  <c r="V69053" i="1"/>
  <c r="V69054" i="1"/>
  <c r="V69055" i="1"/>
  <c r="V69056" i="1"/>
  <c r="V69057" i="1"/>
  <c r="V69058" i="1"/>
  <c r="V69059" i="1"/>
  <c r="V69060" i="1"/>
  <c r="V69061" i="1"/>
  <c r="V69062" i="1"/>
  <c r="V69063" i="1"/>
  <c r="V69064" i="1"/>
  <c r="V69065" i="1"/>
  <c r="V69066" i="1"/>
  <c r="V69067" i="1"/>
  <c r="V69068" i="1"/>
  <c r="V69069" i="1"/>
  <c r="V69070" i="1"/>
  <c r="V69071" i="1"/>
  <c r="V69072" i="1"/>
  <c r="V69073" i="1"/>
  <c r="V69074" i="1"/>
  <c r="V69075" i="1"/>
  <c r="V69076" i="1"/>
  <c r="V69077" i="1"/>
  <c r="V69078" i="1"/>
  <c r="V69079" i="1"/>
  <c r="V69080" i="1"/>
  <c r="V69081" i="1"/>
  <c r="V69082" i="1"/>
  <c r="V69083" i="1"/>
  <c r="V69084" i="1"/>
  <c r="V69085" i="1"/>
  <c r="V69086" i="1"/>
  <c r="V69087" i="1"/>
  <c r="V69088" i="1"/>
  <c r="V69089" i="1"/>
  <c r="V69090" i="1"/>
  <c r="V69091" i="1"/>
  <c r="V69092" i="1"/>
  <c r="V69093" i="1"/>
  <c r="V69094" i="1"/>
  <c r="V69095" i="1"/>
  <c r="V69096" i="1"/>
  <c r="V69097" i="1"/>
  <c r="V69098" i="1"/>
  <c r="V69099" i="1"/>
  <c r="V69100" i="1"/>
  <c r="V69101" i="1"/>
  <c r="V69102" i="1"/>
  <c r="V69103" i="1"/>
  <c r="V69104" i="1"/>
  <c r="V69105" i="1"/>
  <c r="V69106" i="1"/>
  <c r="V69107" i="1"/>
  <c r="V69108" i="1"/>
  <c r="V69109" i="1"/>
  <c r="V69110" i="1"/>
  <c r="V69111" i="1"/>
  <c r="V69112" i="1"/>
  <c r="V69113" i="1"/>
  <c r="V69114" i="1"/>
  <c r="V69115" i="1"/>
  <c r="V69116" i="1"/>
  <c r="V69117" i="1"/>
  <c r="V69118" i="1"/>
  <c r="V69119" i="1"/>
  <c r="V69120" i="1"/>
  <c r="V69121" i="1"/>
  <c r="V69122" i="1"/>
  <c r="V69123" i="1"/>
  <c r="V69124" i="1"/>
  <c r="V69125" i="1"/>
  <c r="V69126" i="1"/>
  <c r="V69127" i="1"/>
  <c r="V69128" i="1"/>
  <c r="V69129" i="1"/>
  <c r="V69130" i="1"/>
  <c r="V69131" i="1"/>
  <c r="V69132" i="1"/>
  <c r="V69133" i="1"/>
  <c r="V69134" i="1"/>
  <c r="V69135" i="1"/>
  <c r="V69136" i="1"/>
  <c r="V69137" i="1"/>
  <c r="V69138" i="1"/>
  <c r="V69139" i="1"/>
  <c r="V69140" i="1"/>
  <c r="V69141" i="1"/>
  <c r="V69142" i="1"/>
  <c r="V69143" i="1"/>
  <c r="V69144" i="1"/>
  <c r="V69145" i="1"/>
  <c r="V69146" i="1"/>
  <c r="V69147" i="1"/>
  <c r="V69148" i="1"/>
  <c r="V69149" i="1"/>
  <c r="V69150" i="1"/>
  <c r="V69151" i="1"/>
  <c r="V69152" i="1"/>
  <c r="V69153" i="1"/>
  <c r="V69154" i="1"/>
  <c r="V69155" i="1"/>
  <c r="V69156" i="1"/>
  <c r="V69157" i="1"/>
  <c r="V69158" i="1"/>
  <c r="V69159" i="1"/>
  <c r="V69160" i="1"/>
  <c r="V69161" i="1"/>
  <c r="V69162" i="1"/>
  <c r="V69163" i="1"/>
  <c r="V69164" i="1"/>
  <c r="V69165" i="1"/>
  <c r="V69166" i="1"/>
  <c r="V69167" i="1"/>
  <c r="V69168" i="1"/>
  <c r="V69169" i="1"/>
  <c r="V69170" i="1"/>
  <c r="V69171" i="1"/>
  <c r="V69172" i="1"/>
  <c r="V69173" i="1"/>
  <c r="V69174" i="1"/>
  <c r="V69175" i="1"/>
  <c r="V69176" i="1"/>
  <c r="V69177" i="1"/>
  <c r="V69178" i="1"/>
  <c r="V69179" i="1"/>
  <c r="V69180" i="1"/>
  <c r="V69181" i="1"/>
  <c r="V69182" i="1"/>
  <c r="V69183" i="1"/>
  <c r="V69184" i="1"/>
  <c r="V69185" i="1"/>
  <c r="V69186" i="1"/>
  <c r="V69187" i="1"/>
  <c r="V69188" i="1"/>
  <c r="V69189" i="1"/>
  <c r="V69190" i="1"/>
  <c r="V69191" i="1"/>
  <c r="V69192" i="1"/>
  <c r="V69193" i="1"/>
  <c r="V69194" i="1"/>
  <c r="V69195" i="1"/>
  <c r="V69196" i="1"/>
  <c r="V69197" i="1"/>
  <c r="V69198" i="1"/>
  <c r="V69199" i="1"/>
  <c r="V69200" i="1"/>
  <c r="V69201" i="1"/>
  <c r="V69202" i="1"/>
  <c r="V69203" i="1"/>
  <c r="V69204" i="1"/>
  <c r="V69205" i="1"/>
  <c r="V69206" i="1"/>
  <c r="V69207" i="1"/>
  <c r="V69208" i="1"/>
  <c r="V69209" i="1"/>
  <c r="V69210" i="1"/>
  <c r="V69211" i="1"/>
  <c r="V69212" i="1"/>
  <c r="V69213" i="1"/>
  <c r="V69214" i="1"/>
  <c r="V69215" i="1"/>
  <c r="V69216" i="1"/>
  <c r="V69217" i="1"/>
  <c r="V69218" i="1"/>
  <c r="V69219" i="1"/>
  <c r="V69220" i="1"/>
  <c r="V69221" i="1"/>
  <c r="V69222" i="1"/>
  <c r="V69223" i="1"/>
  <c r="V69224" i="1"/>
  <c r="V69225" i="1"/>
  <c r="V69226" i="1"/>
  <c r="V69227" i="1"/>
  <c r="V69228" i="1"/>
  <c r="V69229" i="1"/>
  <c r="V69230" i="1"/>
  <c r="V69231" i="1"/>
  <c r="V69232" i="1"/>
  <c r="V69233" i="1"/>
  <c r="V69234" i="1"/>
  <c r="V69235" i="1"/>
  <c r="V69236" i="1"/>
  <c r="V69237" i="1"/>
  <c r="V69238" i="1"/>
  <c r="V69239" i="1"/>
  <c r="V69240" i="1"/>
  <c r="V69241" i="1"/>
  <c r="V69242" i="1"/>
  <c r="V69243" i="1"/>
  <c r="V69244" i="1"/>
  <c r="V69245" i="1"/>
  <c r="V69246" i="1"/>
  <c r="V69247" i="1"/>
  <c r="V69248" i="1"/>
  <c r="V69249" i="1"/>
  <c r="V69250" i="1"/>
  <c r="V69251" i="1"/>
  <c r="V69252" i="1"/>
  <c r="V69253" i="1"/>
  <c r="V69254" i="1"/>
  <c r="V69255" i="1"/>
  <c r="V69256" i="1"/>
  <c r="V69257" i="1"/>
  <c r="V69258" i="1"/>
  <c r="V69259" i="1"/>
  <c r="V69260" i="1"/>
  <c r="V69261" i="1"/>
  <c r="V69262" i="1"/>
  <c r="V69263" i="1"/>
  <c r="V69264" i="1"/>
  <c r="V69265" i="1"/>
  <c r="V69266" i="1"/>
  <c r="V69267" i="1"/>
  <c r="V69268" i="1"/>
  <c r="V69269" i="1"/>
  <c r="V69270" i="1"/>
  <c r="V69271" i="1"/>
  <c r="V69272" i="1"/>
  <c r="V69273" i="1"/>
  <c r="V69274" i="1"/>
  <c r="V69275" i="1"/>
  <c r="V69276" i="1"/>
  <c r="V69277" i="1"/>
  <c r="V69278" i="1"/>
  <c r="V69279" i="1"/>
  <c r="V69280" i="1"/>
  <c r="V69281" i="1"/>
  <c r="V69282" i="1"/>
  <c r="V69283" i="1"/>
  <c r="V69284" i="1"/>
  <c r="V69285" i="1"/>
  <c r="V69286" i="1"/>
  <c r="V69287" i="1"/>
  <c r="V69288" i="1"/>
  <c r="V69289" i="1"/>
  <c r="V69290" i="1"/>
  <c r="V69291" i="1"/>
  <c r="V69292" i="1"/>
  <c r="V69293" i="1"/>
  <c r="V69294" i="1"/>
  <c r="V69295" i="1"/>
  <c r="V69296" i="1"/>
  <c r="V69297" i="1"/>
  <c r="V69298" i="1"/>
  <c r="V69299" i="1"/>
  <c r="V69300" i="1"/>
  <c r="V69301" i="1"/>
  <c r="V69302" i="1"/>
  <c r="V69303" i="1"/>
  <c r="V69304" i="1"/>
  <c r="V69305" i="1"/>
  <c r="V69306" i="1"/>
  <c r="V69307" i="1"/>
  <c r="V69308" i="1"/>
  <c r="V69309" i="1"/>
  <c r="V69310" i="1"/>
  <c r="V69311" i="1"/>
  <c r="V69312" i="1"/>
  <c r="V69313" i="1"/>
  <c r="V69314" i="1"/>
  <c r="V69315" i="1"/>
  <c r="V69316" i="1"/>
  <c r="V69317" i="1"/>
  <c r="V69318" i="1"/>
  <c r="V69319" i="1"/>
  <c r="V69320" i="1"/>
  <c r="V69321" i="1"/>
  <c r="V69322" i="1"/>
  <c r="V69323" i="1"/>
  <c r="V69324" i="1"/>
  <c r="V69325" i="1"/>
  <c r="V69326" i="1"/>
  <c r="V69327" i="1"/>
  <c r="V69328" i="1"/>
  <c r="V69329" i="1"/>
  <c r="V69330" i="1"/>
  <c r="V69331" i="1"/>
  <c r="V69332" i="1"/>
  <c r="V69333" i="1"/>
  <c r="V69334" i="1"/>
  <c r="V69335" i="1"/>
  <c r="V69336" i="1"/>
  <c r="V69337" i="1"/>
  <c r="V69338" i="1"/>
  <c r="V69339" i="1"/>
  <c r="V69340" i="1"/>
  <c r="V69341" i="1"/>
  <c r="V69342" i="1"/>
  <c r="V69343" i="1"/>
  <c r="V69344" i="1"/>
  <c r="V69345" i="1"/>
  <c r="V69346" i="1"/>
  <c r="V69347" i="1"/>
  <c r="V69348" i="1"/>
  <c r="V69349" i="1"/>
  <c r="V69350" i="1"/>
  <c r="V69351" i="1"/>
  <c r="V69352" i="1"/>
  <c r="V69353" i="1"/>
  <c r="V69354" i="1"/>
  <c r="V69355" i="1"/>
  <c r="V69356" i="1"/>
  <c r="V69357" i="1"/>
  <c r="V69358" i="1"/>
  <c r="V69359" i="1"/>
  <c r="V69360" i="1"/>
  <c r="V69361" i="1"/>
  <c r="V69362" i="1"/>
  <c r="V69363" i="1"/>
  <c r="V69364" i="1"/>
  <c r="V69365" i="1"/>
  <c r="V69366" i="1"/>
  <c r="V69367" i="1"/>
  <c r="V69368" i="1"/>
  <c r="V69369" i="1"/>
  <c r="V69370" i="1"/>
  <c r="V69371" i="1"/>
  <c r="V69372" i="1"/>
  <c r="V69373" i="1"/>
  <c r="V69374" i="1"/>
  <c r="V69375" i="1"/>
  <c r="V69376" i="1"/>
  <c r="V69377" i="1"/>
  <c r="V69378" i="1"/>
  <c r="V69379" i="1"/>
  <c r="V69380" i="1"/>
  <c r="V69381" i="1"/>
  <c r="V69382" i="1"/>
  <c r="V69383" i="1"/>
  <c r="V69384" i="1"/>
  <c r="V69385" i="1"/>
  <c r="V69386" i="1"/>
  <c r="V69387" i="1"/>
  <c r="V69388" i="1"/>
  <c r="V69389" i="1"/>
  <c r="V69390" i="1"/>
  <c r="V69391" i="1"/>
  <c r="V69392" i="1"/>
  <c r="V69393" i="1"/>
  <c r="V69394" i="1"/>
  <c r="V69395" i="1"/>
  <c r="V69396" i="1"/>
  <c r="V69397" i="1"/>
  <c r="V69398" i="1"/>
  <c r="V69399" i="1"/>
  <c r="V69400" i="1"/>
  <c r="V69401" i="1"/>
  <c r="V69402" i="1"/>
  <c r="V69403" i="1"/>
  <c r="V69404" i="1"/>
  <c r="V69405" i="1"/>
  <c r="V69406" i="1"/>
  <c r="V69407" i="1"/>
  <c r="V69408" i="1"/>
  <c r="V69409" i="1"/>
  <c r="V69410" i="1"/>
  <c r="V69411" i="1"/>
  <c r="V69412" i="1"/>
  <c r="V69413" i="1"/>
  <c r="V69414" i="1"/>
  <c r="V69415" i="1"/>
  <c r="V69416" i="1"/>
  <c r="V69417" i="1"/>
  <c r="V69418" i="1"/>
  <c r="V69419" i="1"/>
  <c r="V69420" i="1"/>
  <c r="V69421" i="1"/>
  <c r="V69422" i="1"/>
  <c r="V69423" i="1"/>
  <c r="V69424" i="1"/>
  <c r="V69425" i="1"/>
  <c r="V69426" i="1"/>
  <c r="V69427" i="1"/>
  <c r="V69428" i="1"/>
  <c r="V69429" i="1"/>
  <c r="V69430" i="1"/>
  <c r="V69431" i="1"/>
  <c r="V69432" i="1"/>
  <c r="V69433" i="1"/>
  <c r="V69434" i="1"/>
  <c r="V69435" i="1"/>
  <c r="V69436" i="1"/>
  <c r="V69437" i="1"/>
  <c r="V69438" i="1"/>
  <c r="V69439" i="1"/>
  <c r="V69440" i="1"/>
  <c r="V69441" i="1"/>
  <c r="V69442" i="1"/>
  <c r="V69443" i="1"/>
  <c r="V69444" i="1"/>
  <c r="V69445" i="1"/>
  <c r="V69446" i="1"/>
  <c r="V69447" i="1"/>
  <c r="V69448" i="1"/>
  <c r="V69449" i="1"/>
  <c r="V69450" i="1"/>
  <c r="V69451" i="1"/>
  <c r="V69452" i="1"/>
  <c r="V69453" i="1"/>
  <c r="V69454" i="1"/>
  <c r="V69455" i="1"/>
  <c r="V69456" i="1"/>
  <c r="V69457" i="1"/>
  <c r="V69458" i="1"/>
  <c r="V69459" i="1"/>
  <c r="V69460" i="1"/>
  <c r="V69461" i="1"/>
  <c r="V69462" i="1"/>
  <c r="V69463" i="1"/>
  <c r="V69464" i="1"/>
  <c r="V69465" i="1"/>
  <c r="V69466" i="1"/>
  <c r="V69467" i="1"/>
  <c r="V69468" i="1"/>
  <c r="V69469" i="1"/>
  <c r="V69470" i="1"/>
  <c r="V69471" i="1"/>
  <c r="V69472" i="1"/>
  <c r="V69473" i="1"/>
  <c r="V69474" i="1"/>
  <c r="V69475" i="1"/>
  <c r="V69476" i="1"/>
  <c r="V69477" i="1"/>
  <c r="V69478" i="1"/>
  <c r="V69479" i="1"/>
  <c r="V69480" i="1"/>
  <c r="V69481" i="1"/>
  <c r="V69482" i="1"/>
  <c r="V69483" i="1"/>
  <c r="V69484" i="1"/>
  <c r="V69485" i="1"/>
  <c r="V69486" i="1"/>
  <c r="V69487" i="1"/>
  <c r="V69488" i="1"/>
  <c r="V69489" i="1"/>
  <c r="V69490" i="1"/>
  <c r="V69491" i="1"/>
  <c r="V69492" i="1"/>
  <c r="V69493" i="1"/>
  <c r="V69494" i="1"/>
  <c r="V69495" i="1"/>
  <c r="V69496" i="1"/>
  <c r="V69497" i="1"/>
  <c r="V69498" i="1"/>
  <c r="V69499" i="1"/>
  <c r="V69500" i="1"/>
  <c r="V69501" i="1"/>
  <c r="V69502" i="1"/>
  <c r="V69503" i="1"/>
  <c r="V69504" i="1"/>
  <c r="V69505" i="1"/>
  <c r="V69506" i="1"/>
  <c r="V69507" i="1"/>
  <c r="V69508" i="1"/>
  <c r="V69509" i="1"/>
  <c r="V69510" i="1"/>
  <c r="V69511" i="1"/>
  <c r="V69512" i="1"/>
  <c r="V69513" i="1"/>
  <c r="V69514" i="1"/>
  <c r="V69515" i="1"/>
  <c r="V69516" i="1"/>
  <c r="V69517" i="1"/>
  <c r="V69518" i="1"/>
  <c r="V69519" i="1"/>
  <c r="V69520" i="1"/>
  <c r="V69521" i="1"/>
  <c r="V69522" i="1"/>
  <c r="V69523" i="1"/>
  <c r="V69524" i="1"/>
  <c r="V69525" i="1"/>
  <c r="V69526" i="1"/>
  <c r="V69527" i="1"/>
  <c r="V69528" i="1"/>
  <c r="V69529" i="1"/>
  <c r="V69530" i="1"/>
  <c r="V69531" i="1"/>
  <c r="V69532" i="1"/>
  <c r="V69533" i="1"/>
  <c r="V69534" i="1"/>
  <c r="V69535" i="1"/>
  <c r="V69536" i="1"/>
  <c r="V69537" i="1"/>
  <c r="V69538" i="1"/>
  <c r="V69539" i="1"/>
  <c r="V69540" i="1"/>
  <c r="V69541" i="1"/>
  <c r="V69542" i="1"/>
  <c r="V69543" i="1"/>
  <c r="V69544" i="1"/>
  <c r="V69545" i="1"/>
  <c r="V69546" i="1"/>
  <c r="V69547" i="1"/>
  <c r="V69548" i="1"/>
  <c r="V69549" i="1"/>
  <c r="V69550" i="1"/>
  <c r="V69551" i="1"/>
  <c r="V69552" i="1"/>
  <c r="V69553" i="1"/>
  <c r="V69554" i="1"/>
  <c r="V69555" i="1"/>
  <c r="V69556" i="1"/>
  <c r="V69557" i="1"/>
  <c r="V69558" i="1"/>
  <c r="V69559" i="1"/>
  <c r="V69560" i="1"/>
  <c r="V69561" i="1"/>
  <c r="V69562" i="1"/>
  <c r="V69563" i="1"/>
  <c r="V69564" i="1"/>
  <c r="V69565" i="1"/>
  <c r="V69566" i="1"/>
  <c r="V69567" i="1"/>
  <c r="V69568" i="1"/>
  <c r="V69569" i="1"/>
  <c r="V69570" i="1"/>
  <c r="V69571" i="1"/>
  <c r="V69572" i="1"/>
  <c r="V69573" i="1"/>
  <c r="V69574" i="1"/>
  <c r="V69575" i="1"/>
  <c r="V69576" i="1"/>
  <c r="V69577" i="1"/>
  <c r="V69578" i="1"/>
  <c r="V69579" i="1"/>
  <c r="V69580" i="1"/>
  <c r="V69581" i="1"/>
  <c r="V69582" i="1"/>
  <c r="V69583" i="1"/>
  <c r="V69584" i="1"/>
  <c r="V69585" i="1"/>
  <c r="V69586" i="1"/>
  <c r="V69587" i="1"/>
  <c r="V69588" i="1"/>
  <c r="V69589" i="1"/>
  <c r="V69590" i="1"/>
  <c r="V69591" i="1"/>
  <c r="V69592" i="1"/>
  <c r="V69593" i="1"/>
  <c r="V69594" i="1"/>
  <c r="V69595" i="1"/>
  <c r="V69596" i="1"/>
  <c r="V69597" i="1"/>
  <c r="V69598" i="1"/>
  <c r="V69599" i="1"/>
  <c r="V69600" i="1"/>
  <c r="V69601" i="1"/>
  <c r="V69602" i="1"/>
  <c r="V69603" i="1"/>
  <c r="V69604" i="1"/>
  <c r="V69605" i="1"/>
  <c r="V69606" i="1"/>
  <c r="V69607" i="1"/>
  <c r="V69608" i="1"/>
  <c r="V69609" i="1"/>
  <c r="V69610" i="1"/>
  <c r="V69611" i="1"/>
  <c r="V69612" i="1"/>
  <c r="V69613" i="1"/>
  <c r="V69614" i="1"/>
  <c r="V69615" i="1"/>
  <c r="V69616" i="1"/>
  <c r="V69617" i="1"/>
  <c r="V69618" i="1"/>
  <c r="V69619" i="1"/>
  <c r="V69620" i="1"/>
  <c r="V69621" i="1"/>
  <c r="V69622" i="1"/>
  <c r="V69623" i="1"/>
  <c r="V69624" i="1"/>
  <c r="V69625" i="1"/>
  <c r="V69626" i="1"/>
  <c r="V69627" i="1"/>
  <c r="V69628" i="1"/>
  <c r="V69629" i="1"/>
  <c r="V69630" i="1"/>
  <c r="V69631" i="1"/>
  <c r="V69632" i="1"/>
  <c r="V69633" i="1"/>
  <c r="V69634" i="1"/>
  <c r="V69635" i="1"/>
  <c r="V69636" i="1"/>
  <c r="V69637" i="1"/>
  <c r="V69638" i="1"/>
  <c r="V69639" i="1"/>
  <c r="V69640" i="1"/>
  <c r="V69641" i="1"/>
  <c r="V69642" i="1"/>
  <c r="V69643" i="1"/>
  <c r="V69644" i="1"/>
  <c r="V69645" i="1"/>
  <c r="V69646" i="1"/>
  <c r="V69647" i="1"/>
  <c r="V69648" i="1"/>
  <c r="V69649" i="1"/>
  <c r="V69650" i="1"/>
  <c r="V69651" i="1"/>
  <c r="V69652" i="1"/>
  <c r="V69653" i="1"/>
  <c r="V69654" i="1"/>
  <c r="V69655" i="1"/>
  <c r="V69656" i="1"/>
  <c r="V69657" i="1"/>
  <c r="V69658" i="1"/>
  <c r="V69659" i="1"/>
  <c r="V69660" i="1"/>
  <c r="V69661" i="1"/>
  <c r="V69662" i="1"/>
  <c r="V69663" i="1"/>
  <c r="V69664" i="1"/>
  <c r="V69665" i="1"/>
  <c r="V69666" i="1"/>
  <c r="V69667" i="1"/>
  <c r="V69668" i="1"/>
  <c r="V69669" i="1"/>
  <c r="V69670" i="1"/>
  <c r="V69671" i="1"/>
  <c r="V69672" i="1"/>
  <c r="V69673" i="1"/>
  <c r="V69674" i="1"/>
  <c r="V69675" i="1"/>
  <c r="V69676" i="1"/>
  <c r="V69677" i="1"/>
  <c r="V69678" i="1"/>
  <c r="V69679" i="1"/>
  <c r="V69680" i="1"/>
  <c r="V69681" i="1"/>
  <c r="V69682" i="1"/>
  <c r="V69683" i="1"/>
  <c r="V69684" i="1"/>
  <c r="V69685" i="1"/>
  <c r="V69686" i="1"/>
  <c r="V69687" i="1"/>
  <c r="V69688" i="1"/>
  <c r="V69689" i="1"/>
  <c r="V69690" i="1"/>
  <c r="V69691" i="1"/>
  <c r="V69692" i="1"/>
  <c r="V69693" i="1"/>
  <c r="V69694" i="1"/>
  <c r="V69695" i="1"/>
  <c r="V69696" i="1"/>
  <c r="V69697" i="1"/>
  <c r="V69698" i="1"/>
  <c r="V69699" i="1"/>
  <c r="V69700" i="1"/>
  <c r="V69701" i="1"/>
  <c r="V69702" i="1"/>
  <c r="V69703" i="1"/>
  <c r="V69704" i="1"/>
  <c r="V69705" i="1"/>
  <c r="V69706" i="1"/>
  <c r="V69707" i="1"/>
  <c r="V69708" i="1"/>
  <c r="V69709" i="1"/>
  <c r="V69710" i="1"/>
  <c r="V69711" i="1"/>
  <c r="V69712" i="1"/>
  <c r="V69713" i="1"/>
  <c r="V69714" i="1"/>
  <c r="V69715" i="1"/>
  <c r="V69716" i="1"/>
  <c r="V69717" i="1"/>
  <c r="V69718" i="1"/>
  <c r="V69719" i="1"/>
  <c r="V69720" i="1"/>
  <c r="V69721" i="1"/>
  <c r="V69722" i="1"/>
  <c r="V69723" i="1"/>
  <c r="V69724" i="1"/>
  <c r="V69725" i="1"/>
  <c r="V69726" i="1"/>
  <c r="V69727" i="1"/>
  <c r="V69728" i="1"/>
  <c r="V69729" i="1"/>
  <c r="V69730" i="1"/>
  <c r="V69731" i="1"/>
  <c r="V69732" i="1"/>
  <c r="V69733" i="1"/>
  <c r="V69734" i="1"/>
  <c r="V69735" i="1"/>
  <c r="V69736" i="1"/>
  <c r="V69737" i="1"/>
  <c r="V69738" i="1"/>
  <c r="V69739" i="1"/>
  <c r="V69740" i="1"/>
  <c r="V69741" i="1"/>
  <c r="V69742" i="1"/>
  <c r="V69743" i="1"/>
  <c r="V69744" i="1"/>
  <c r="V69745" i="1"/>
  <c r="V69746" i="1"/>
  <c r="V69747" i="1"/>
  <c r="V69748" i="1"/>
  <c r="V69749" i="1"/>
  <c r="V69750" i="1"/>
  <c r="V69751" i="1"/>
  <c r="V69752" i="1"/>
  <c r="V69753" i="1"/>
  <c r="V69754" i="1"/>
  <c r="V69755" i="1"/>
  <c r="V69756" i="1"/>
  <c r="V69757" i="1"/>
  <c r="V69758" i="1"/>
  <c r="V69759" i="1"/>
  <c r="V69760" i="1"/>
  <c r="V69761" i="1"/>
  <c r="V69762" i="1"/>
  <c r="V69763" i="1"/>
  <c r="V69764" i="1"/>
  <c r="V69765" i="1"/>
  <c r="V69766" i="1"/>
  <c r="V69767" i="1"/>
  <c r="V69768" i="1"/>
  <c r="V69769" i="1"/>
  <c r="V69770" i="1"/>
  <c r="V69771" i="1"/>
  <c r="V69772" i="1"/>
  <c r="V69773" i="1"/>
  <c r="V69774" i="1"/>
  <c r="V69775" i="1"/>
  <c r="V69776" i="1"/>
  <c r="V69777" i="1"/>
  <c r="V69778" i="1"/>
  <c r="V69779" i="1"/>
  <c r="V69780" i="1"/>
  <c r="V69781" i="1"/>
  <c r="V69782" i="1"/>
  <c r="V69783" i="1"/>
  <c r="V69784" i="1"/>
  <c r="V69785" i="1"/>
  <c r="V69786" i="1"/>
  <c r="V69787" i="1"/>
  <c r="V69788" i="1"/>
  <c r="V69789" i="1"/>
  <c r="V69790" i="1"/>
  <c r="V69791" i="1"/>
  <c r="V69792" i="1"/>
  <c r="V69793" i="1"/>
  <c r="V69794" i="1"/>
  <c r="V69795" i="1"/>
  <c r="V69796" i="1"/>
  <c r="V69797" i="1"/>
  <c r="V69798" i="1"/>
  <c r="V69799" i="1"/>
  <c r="V69800" i="1"/>
  <c r="V69801" i="1"/>
  <c r="V69802" i="1"/>
  <c r="V69803" i="1"/>
  <c r="V69804" i="1"/>
  <c r="V69805" i="1"/>
  <c r="V69806" i="1"/>
  <c r="V69807" i="1"/>
  <c r="V69808" i="1"/>
  <c r="V69809" i="1"/>
  <c r="V69810" i="1"/>
  <c r="V69811" i="1"/>
  <c r="V69812" i="1"/>
  <c r="V69813" i="1"/>
  <c r="V69814" i="1"/>
  <c r="V69815" i="1"/>
  <c r="V69816" i="1"/>
  <c r="V69817" i="1"/>
  <c r="V69818" i="1"/>
  <c r="V69819" i="1"/>
  <c r="V69820" i="1"/>
  <c r="V69821" i="1"/>
  <c r="V69822" i="1"/>
  <c r="V69823" i="1"/>
  <c r="V69824" i="1"/>
  <c r="V69825" i="1"/>
  <c r="V69826" i="1"/>
  <c r="V69827" i="1"/>
  <c r="V69828" i="1"/>
  <c r="V69829" i="1"/>
  <c r="V69830" i="1"/>
  <c r="V69831" i="1"/>
  <c r="V69832" i="1"/>
  <c r="V69833" i="1"/>
  <c r="V69834" i="1"/>
  <c r="V69835" i="1"/>
  <c r="V69836" i="1"/>
  <c r="V69837" i="1"/>
  <c r="V69838" i="1"/>
  <c r="V69839" i="1"/>
  <c r="V69840" i="1"/>
  <c r="V69841" i="1"/>
  <c r="V69842" i="1"/>
  <c r="V69843" i="1"/>
  <c r="V69844" i="1"/>
  <c r="V69845" i="1"/>
  <c r="V69846" i="1"/>
  <c r="V69847" i="1"/>
  <c r="V69848" i="1"/>
  <c r="V69849" i="1"/>
  <c r="V69850" i="1"/>
  <c r="V69851" i="1"/>
  <c r="V69852" i="1"/>
  <c r="V69853" i="1"/>
  <c r="V69854" i="1"/>
  <c r="V69855" i="1"/>
  <c r="V69856" i="1"/>
  <c r="V69857" i="1"/>
  <c r="V69858" i="1"/>
  <c r="V69859" i="1"/>
  <c r="V69860" i="1"/>
  <c r="V69861" i="1"/>
  <c r="V69862" i="1"/>
  <c r="V69863" i="1"/>
  <c r="V69864" i="1"/>
  <c r="V69865" i="1"/>
  <c r="V69866" i="1"/>
  <c r="V69867" i="1"/>
  <c r="V69868" i="1"/>
  <c r="V69869" i="1"/>
  <c r="V69870" i="1"/>
  <c r="V69871" i="1"/>
  <c r="V69872" i="1"/>
  <c r="V69873" i="1"/>
  <c r="V69874" i="1"/>
  <c r="V69875" i="1"/>
  <c r="V69876" i="1"/>
  <c r="V69877" i="1"/>
  <c r="V69878" i="1"/>
  <c r="V69879" i="1"/>
  <c r="V69880" i="1"/>
  <c r="V69881" i="1"/>
  <c r="V69882" i="1"/>
  <c r="V69883" i="1"/>
  <c r="V69884" i="1"/>
  <c r="V69885" i="1"/>
  <c r="V69886" i="1"/>
  <c r="V69887" i="1"/>
  <c r="V69888" i="1"/>
  <c r="V69889" i="1"/>
  <c r="V69890" i="1"/>
  <c r="V69891" i="1"/>
  <c r="V69892" i="1"/>
  <c r="V69893" i="1"/>
  <c r="V69894" i="1"/>
  <c r="V69895" i="1"/>
  <c r="V69896" i="1"/>
  <c r="V69897" i="1"/>
  <c r="V69898" i="1"/>
  <c r="V69899" i="1"/>
  <c r="V69900" i="1"/>
  <c r="V69901" i="1"/>
  <c r="V69902" i="1"/>
  <c r="V69903" i="1"/>
  <c r="V69904" i="1"/>
  <c r="V69905" i="1"/>
  <c r="V69906" i="1"/>
  <c r="V69907" i="1"/>
  <c r="V69908" i="1"/>
  <c r="V69909" i="1"/>
  <c r="V69910" i="1"/>
  <c r="V69911" i="1"/>
  <c r="V69912" i="1"/>
  <c r="V69913" i="1"/>
  <c r="V69914" i="1"/>
  <c r="V69915" i="1"/>
  <c r="V69916" i="1"/>
  <c r="V69917" i="1"/>
  <c r="V69918" i="1"/>
  <c r="V69919" i="1"/>
  <c r="V69920" i="1"/>
  <c r="V69921" i="1"/>
  <c r="V69922" i="1"/>
  <c r="V69923" i="1"/>
  <c r="V69924" i="1"/>
  <c r="V69925" i="1"/>
  <c r="V69926" i="1"/>
  <c r="V69927" i="1"/>
  <c r="V69928" i="1"/>
  <c r="V69929" i="1"/>
  <c r="V69930" i="1"/>
  <c r="V69931" i="1"/>
  <c r="V69932" i="1"/>
  <c r="V69933" i="1"/>
  <c r="V69934" i="1"/>
  <c r="V69935" i="1"/>
  <c r="V69936" i="1"/>
  <c r="V69937" i="1"/>
  <c r="V69938" i="1"/>
  <c r="V69939" i="1"/>
  <c r="V69940" i="1"/>
  <c r="V69941" i="1"/>
  <c r="V69942" i="1"/>
  <c r="V69943" i="1"/>
  <c r="V69944" i="1"/>
  <c r="V69945" i="1"/>
  <c r="V69946" i="1"/>
  <c r="V69947" i="1"/>
  <c r="V69948" i="1"/>
  <c r="V69949" i="1"/>
  <c r="V69950" i="1"/>
  <c r="V69951" i="1"/>
  <c r="V69952" i="1"/>
  <c r="V69953" i="1"/>
  <c r="V69954" i="1"/>
  <c r="V69955" i="1"/>
  <c r="V69956" i="1"/>
  <c r="V69957" i="1"/>
  <c r="V69958" i="1"/>
  <c r="V69959" i="1"/>
  <c r="V69960" i="1"/>
  <c r="V69961" i="1"/>
  <c r="V69962" i="1"/>
  <c r="V69963" i="1"/>
  <c r="V69964" i="1"/>
  <c r="V69965" i="1"/>
  <c r="V69966" i="1"/>
  <c r="V69967" i="1"/>
  <c r="V69968" i="1"/>
  <c r="V69969" i="1"/>
  <c r="V69970" i="1"/>
  <c r="V69971" i="1"/>
  <c r="V69972" i="1"/>
  <c r="V69973" i="1"/>
  <c r="V69974" i="1"/>
  <c r="V69975" i="1"/>
  <c r="V69976" i="1"/>
  <c r="V69977" i="1"/>
  <c r="V69978" i="1"/>
  <c r="V69979" i="1"/>
  <c r="V69980" i="1"/>
  <c r="V69981" i="1"/>
  <c r="V69982" i="1"/>
  <c r="V69983" i="1"/>
  <c r="V69984" i="1"/>
  <c r="V69985" i="1"/>
  <c r="V69986" i="1"/>
  <c r="V69987" i="1"/>
  <c r="V69988" i="1"/>
  <c r="V69989" i="1"/>
  <c r="V69990" i="1"/>
  <c r="V69991" i="1"/>
  <c r="V69992" i="1"/>
  <c r="V69993" i="1"/>
  <c r="V69994" i="1"/>
  <c r="V69995" i="1"/>
  <c r="V69996" i="1"/>
  <c r="V69997" i="1"/>
  <c r="V69998" i="1"/>
  <c r="V69999" i="1"/>
  <c r="V70000" i="1"/>
  <c r="V70001" i="1"/>
  <c r="V70002" i="1"/>
  <c r="V70003" i="1"/>
  <c r="V70004" i="1"/>
  <c r="V70005" i="1"/>
  <c r="V70006" i="1"/>
  <c r="V70007" i="1"/>
  <c r="V70008" i="1"/>
  <c r="V70009" i="1"/>
  <c r="V70010" i="1"/>
  <c r="V70011" i="1"/>
  <c r="V70012" i="1"/>
  <c r="V70013" i="1"/>
  <c r="V70014" i="1"/>
  <c r="V70015" i="1"/>
  <c r="V70016" i="1"/>
  <c r="V70017" i="1"/>
  <c r="V70018" i="1"/>
  <c r="V70019" i="1"/>
  <c r="V70020" i="1"/>
  <c r="V70021" i="1"/>
  <c r="V70022" i="1"/>
  <c r="V70023" i="1"/>
  <c r="V70024" i="1"/>
  <c r="V70025" i="1"/>
  <c r="V70026" i="1"/>
  <c r="V70027" i="1"/>
  <c r="V70028" i="1"/>
  <c r="V70029" i="1"/>
  <c r="V70030" i="1"/>
  <c r="V70031" i="1"/>
  <c r="V70032" i="1"/>
  <c r="V70033" i="1"/>
  <c r="V70034" i="1"/>
  <c r="V70035" i="1"/>
  <c r="V70036" i="1"/>
  <c r="V70037" i="1"/>
  <c r="V70038" i="1"/>
  <c r="V70039" i="1"/>
  <c r="V70040" i="1"/>
  <c r="V70041" i="1"/>
  <c r="V70042" i="1"/>
  <c r="V70043" i="1"/>
  <c r="V70044" i="1"/>
  <c r="V70045" i="1"/>
  <c r="V70046" i="1"/>
  <c r="V70047" i="1"/>
  <c r="V70048" i="1"/>
  <c r="V70049" i="1"/>
  <c r="V70050" i="1"/>
  <c r="V70051" i="1"/>
  <c r="V70052" i="1"/>
  <c r="V70053" i="1"/>
  <c r="V70054" i="1"/>
  <c r="V70055" i="1"/>
  <c r="V70056" i="1"/>
  <c r="V70057" i="1"/>
  <c r="V70058" i="1"/>
  <c r="V70059" i="1"/>
  <c r="V70060" i="1"/>
  <c r="V70061" i="1"/>
  <c r="V70062" i="1"/>
  <c r="V70063" i="1"/>
  <c r="V70064" i="1"/>
  <c r="V70065" i="1"/>
  <c r="V70066" i="1"/>
  <c r="V70067" i="1"/>
  <c r="V70068" i="1"/>
  <c r="V70069" i="1"/>
  <c r="V70070" i="1"/>
  <c r="V70071" i="1"/>
  <c r="V70072" i="1"/>
  <c r="V70073" i="1"/>
  <c r="V70074" i="1"/>
  <c r="V70075" i="1"/>
  <c r="V70076" i="1"/>
  <c r="V70077" i="1"/>
  <c r="V70078" i="1"/>
  <c r="V70079" i="1"/>
  <c r="V70080" i="1"/>
  <c r="V70081" i="1"/>
  <c r="V70082" i="1"/>
  <c r="V70083" i="1"/>
  <c r="V70084" i="1"/>
  <c r="V70085" i="1"/>
  <c r="V70086" i="1"/>
  <c r="V70087" i="1"/>
  <c r="V70088" i="1"/>
  <c r="V70089" i="1"/>
  <c r="V70090" i="1"/>
  <c r="V70091" i="1"/>
  <c r="V70092" i="1"/>
  <c r="V70093" i="1"/>
  <c r="V70094" i="1"/>
  <c r="V70095" i="1"/>
  <c r="V70096" i="1"/>
  <c r="V70097" i="1"/>
  <c r="V70098" i="1"/>
  <c r="V70099" i="1"/>
  <c r="V70100" i="1"/>
  <c r="V70101" i="1"/>
  <c r="V70102" i="1"/>
  <c r="V70103" i="1"/>
  <c r="V70104" i="1"/>
  <c r="V70105" i="1"/>
  <c r="V70106" i="1"/>
  <c r="V70107" i="1"/>
  <c r="V70108" i="1"/>
  <c r="V70109" i="1"/>
  <c r="V70110" i="1"/>
  <c r="V70111" i="1"/>
  <c r="V70112" i="1"/>
  <c r="V70113" i="1"/>
  <c r="V70114" i="1"/>
  <c r="V70115" i="1"/>
  <c r="V70116" i="1"/>
  <c r="V70117" i="1"/>
  <c r="V70118" i="1"/>
  <c r="V70119" i="1"/>
  <c r="V70120" i="1"/>
  <c r="V70121" i="1"/>
  <c r="V70122" i="1"/>
  <c r="V70123" i="1"/>
  <c r="V70124" i="1"/>
  <c r="V70125" i="1"/>
  <c r="V70126" i="1"/>
  <c r="V70127" i="1"/>
  <c r="V70128" i="1"/>
  <c r="V70129" i="1"/>
  <c r="V70130" i="1"/>
  <c r="V70131" i="1"/>
  <c r="V70132" i="1"/>
  <c r="V70133" i="1"/>
  <c r="V70134" i="1"/>
  <c r="V70135" i="1"/>
  <c r="V70136" i="1"/>
  <c r="V70137" i="1"/>
  <c r="V70138" i="1"/>
  <c r="V70139" i="1"/>
  <c r="V70140" i="1"/>
  <c r="V70141" i="1"/>
  <c r="V70142" i="1"/>
  <c r="V70143" i="1"/>
  <c r="V70144" i="1"/>
  <c r="V70145" i="1"/>
  <c r="V70146" i="1"/>
  <c r="V70147" i="1"/>
  <c r="V70148" i="1"/>
  <c r="V70149" i="1"/>
  <c r="V70150" i="1"/>
  <c r="V70151" i="1"/>
  <c r="V70152" i="1"/>
  <c r="V70153" i="1"/>
  <c r="V70154" i="1"/>
  <c r="V70155" i="1"/>
  <c r="V70156" i="1"/>
  <c r="V70157" i="1"/>
  <c r="V70158" i="1"/>
  <c r="V70159" i="1"/>
  <c r="V70160" i="1"/>
  <c r="V70161" i="1"/>
  <c r="V70162" i="1"/>
  <c r="V70163" i="1"/>
  <c r="V70164" i="1"/>
  <c r="V70165" i="1"/>
  <c r="V70166" i="1"/>
  <c r="V70167" i="1"/>
  <c r="V70168" i="1"/>
  <c r="V70169" i="1"/>
  <c r="V70170" i="1"/>
  <c r="V70171" i="1"/>
  <c r="V70172" i="1"/>
  <c r="V70173" i="1"/>
  <c r="V70174" i="1"/>
  <c r="V70175" i="1"/>
  <c r="V70176" i="1"/>
  <c r="V70177" i="1"/>
  <c r="V70178" i="1"/>
  <c r="V70179" i="1"/>
  <c r="V70180" i="1"/>
  <c r="V70181" i="1"/>
  <c r="V70182" i="1"/>
  <c r="V70183" i="1"/>
  <c r="V70184" i="1"/>
  <c r="V70185" i="1"/>
  <c r="V70186" i="1"/>
  <c r="V70187" i="1"/>
  <c r="V70188" i="1"/>
  <c r="V70189" i="1"/>
  <c r="V70190" i="1"/>
  <c r="V70191" i="1"/>
  <c r="V70192" i="1"/>
  <c r="V70193" i="1"/>
  <c r="V70194" i="1"/>
  <c r="V70195" i="1"/>
  <c r="V70196" i="1"/>
  <c r="V70197" i="1"/>
  <c r="V70198" i="1"/>
  <c r="V70199" i="1"/>
  <c r="V70200" i="1"/>
  <c r="V70201" i="1"/>
  <c r="V70202" i="1"/>
  <c r="V70203" i="1"/>
  <c r="V70204" i="1"/>
  <c r="V70205" i="1"/>
  <c r="V70206" i="1"/>
  <c r="V70207" i="1"/>
  <c r="V70208" i="1"/>
  <c r="V70209" i="1"/>
  <c r="V70210" i="1"/>
  <c r="V70211" i="1"/>
  <c r="V70212" i="1"/>
  <c r="V70213" i="1"/>
  <c r="V70214" i="1"/>
  <c r="V70215" i="1"/>
  <c r="V70216" i="1"/>
  <c r="V70217" i="1"/>
  <c r="V70218" i="1"/>
  <c r="V70219" i="1"/>
  <c r="V70220" i="1"/>
  <c r="V70221" i="1"/>
  <c r="V70222" i="1"/>
  <c r="V70223" i="1"/>
  <c r="V70224" i="1"/>
  <c r="V70225" i="1"/>
  <c r="V70226" i="1"/>
  <c r="V70227" i="1"/>
  <c r="V70228" i="1"/>
  <c r="V70229" i="1"/>
  <c r="V70230" i="1"/>
  <c r="V70231" i="1"/>
  <c r="V70232" i="1"/>
  <c r="V70233" i="1"/>
  <c r="V70234" i="1"/>
  <c r="V70235" i="1"/>
  <c r="V70236" i="1"/>
  <c r="V70237" i="1"/>
  <c r="V70238" i="1"/>
  <c r="V70239" i="1"/>
  <c r="V70240" i="1"/>
  <c r="V70241" i="1"/>
  <c r="V70242" i="1"/>
  <c r="V70243" i="1"/>
  <c r="V70244" i="1"/>
  <c r="V70245" i="1"/>
  <c r="V70246" i="1"/>
  <c r="V70247" i="1"/>
  <c r="V70248" i="1"/>
  <c r="V70249" i="1"/>
  <c r="V70250" i="1"/>
  <c r="V70251" i="1"/>
  <c r="V70252" i="1"/>
  <c r="V70253" i="1"/>
  <c r="V70254" i="1"/>
  <c r="V70255" i="1"/>
  <c r="V70256" i="1"/>
  <c r="V70257" i="1"/>
  <c r="V70258" i="1"/>
  <c r="V70259" i="1"/>
  <c r="V70260" i="1"/>
  <c r="V70261" i="1"/>
  <c r="V70262" i="1"/>
  <c r="V70263" i="1"/>
  <c r="V70264" i="1"/>
  <c r="V70265" i="1"/>
  <c r="V70266" i="1"/>
  <c r="V70267" i="1"/>
  <c r="V70268" i="1"/>
  <c r="V70269" i="1"/>
  <c r="V70270" i="1"/>
  <c r="V70271" i="1"/>
  <c r="V70272" i="1"/>
  <c r="V70273" i="1"/>
  <c r="V70274" i="1"/>
  <c r="V70275" i="1"/>
  <c r="V70276" i="1"/>
  <c r="V70277" i="1"/>
  <c r="V70278" i="1"/>
  <c r="V70279" i="1"/>
  <c r="V70280" i="1"/>
  <c r="V70281" i="1"/>
  <c r="V70282" i="1"/>
  <c r="V70283" i="1"/>
  <c r="V70284" i="1"/>
  <c r="V70285" i="1"/>
  <c r="V70286" i="1"/>
  <c r="V70287" i="1"/>
  <c r="V70288" i="1"/>
  <c r="V70289" i="1"/>
  <c r="V70290" i="1"/>
  <c r="V70291" i="1"/>
  <c r="V70292" i="1"/>
  <c r="V70293" i="1"/>
  <c r="V70294" i="1"/>
  <c r="V70295" i="1"/>
  <c r="V70296" i="1"/>
  <c r="V70297" i="1"/>
  <c r="V70298" i="1"/>
  <c r="V70299" i="1"/>
  <c r="V70300" i="1"/>
  <c r="V70301" i="1"/>
  <c r="V70302" i="1"/>
  <c r="V70303" i="1"/>
  <c r="V70304" i="1"/>
  <c r="V70305" i="1"/>
  <c r="V70306" i="1"/>
  <c r="V70307" i="1"/>
  <c r="V70308" i="1"/>
  <c r="V70309" i="1"/>
  <c r="V70310" i="1"/>
  <c r="V70311" i="1"/>
  <c r="V70312" i="1"/>
  <c r="V70313" i="1"/>
  <c r="V70314" i="1"/>
  <c r="V70315" i="1"/>
  <c r="V70316" i="1"/>
  <c r="V70317" i="1"/>
  <c r="V70318" i="1"/>
  <c r="V70319" i="1"/>
  <c r="V70320" i="1"/>
  <c r="V70321" i="1"/>
  <c r="V70322" i="1"/>
  <c r="V70323" i="1"/>
  <c r="V70324" i="1"/>
  <c r="V70325" i="1"/>
  <c r="V70326" i="1"/>
  <c r="V70327" i="1"/>
  <c r="V70328" i="1"/>
  <c r="V70329" i="1"/>
  <c r="V70330" i="1"/>
  <c r="V70331" i="1"/>
  <c r="V70332" i="1"/>
  <c r="V70333" i="1"/>
  <c r="V70334" i="1"/>
  <c r="V70335" i="1"/>
  <c r="V70336" i="1"/>
  <c r="V70337" i="1"/>
  <c r="V70338" i="1"/>
  <c r="V70339" i="1"/>
  <c r="V70340" i="1"/>
  <c r="V70341" i="1"/>
  <c r="V70342" i="1"/>
  <c r="V70343" i="1"/>
  <c r="V70344" i="1"/>
  <c r="V70345" i="1"/>
  <c r="V70346" i="1"/>
  <c r="V70347" i="1"/>
  <c r="V70348" i="1"/>
  <c r="V70349" i="1"/>
  <c r="V70350" i="1"/>
  <c r="V70351" i="1"/>
  <c r="V70352" i="1"/>
  <c r="V70353" i="1"/>
  <c r="V70354" i="1"/>
  <c r="V70355" i="1"/>
  <c r="V70356" i="1"/>
  <c r="V70357" i="1"/>
  <c r="V70358" i="1"/>
  <c r="V70359" i="1"/>
  <c r="V70360" i="1"/>
  <c r="V70361" i="1"/>
  <c r="V70362" i="1"/>
  <c r="V70363" i="1"/>
  <c r="V70364" i="1"/>
  <c r="V70365" i="1"/>
  <c r="V70366" i="1"/>
  <c r="V70367" i="1"/>
  <c r="V70368" i="1"/>
  <c r="V70369" i="1"/>
  <c r="V70370" i="1"/>
  <c r="V70371" i="1"/>
  <c r="V70372" i="1"/>
  <c r="V70373" i="1"/>
  <c r="V70374" i="1"/>
  <c r="V70375" i="1"/>
  <c r="V70376" i="1"/>
  <c r="V70377" i="1"/>
  <c r="V70378" i="1"/>
  <c r="V70379" i="1"/>
  <c r="V70380" i="1"/>
  <c r="V70381" i="1"/>
  <c r="V70382" i="1"/>
  <c r="V70383" i="1"/>
  <c r="V70384" i="1"/>
  <c r="V70385" i="1"/>
  <c r="V70386" i="1"/>
  <c r="V70387" i="1"/>
  <c r="V70388" i="1"/>
  <c r="V70389" i="1"/>
  <c r="V70390" i="1"/>
  <c r="V70391" i="1"/>
  <c r="V70392" i="1"/>
  <c r="V70393" i="1"/>
  <c r="V70394" i="1"/>
  <c r="V70395" i="1"/>
  <c r="V70396" i="1"/>
  <c r="V70397" i="1"/>
  <c r="V70398" i="1"/>
  <c r="V70399" i="1"/>
  <c r="V70400" i="1"/>
  <c r="V70401" i="1"/>
  <c r="V70402" i="1"/>
  <c r="V70403" i="1"/>
  <c r="V70404" i="1"/>
  <c r="V70405" i="1"/>
  <c r="V70406" i="1"/>
  <c r="V70407" i="1"/>
  <c r="V70408" i="1"/>
  <c r="V70409" i="1"/>
  <c r="V70410" i="1"/>
  <c r="V70411" i="1"/>
  <c r="V70412" i="1"/>
  <c r="V70413" i="1"/>
  <c r="V70414" i="1"/>
  <c r="V70415" i="1"/>
  <c r="V70416" i="1"/>
  <c r="V70417" i="1"/>
  <c r="V70418" i="1"/>
  <c r="V70419" i="1"/>
  <c r="V70420" i="1"/>
  <c r="V70421" i="1"/>
  <c r="V70422" i="1"/>
  <c r="V70423" i="1"/>
  <c r="V70424" i="1"/>
  <c r="V70425" i="1"/>
  <c r="V70426" i="1"/>
  <c r="V70427" i="1"/>
  <c r="V70428" i="1"/>
  <c r="V70429" i="1"/>
  <c r="V70430" i="1"/>
  <c r="V70431" i="1"/>
  <c r="V70432" i="1"/>
  <c r="V70433" i="1"/>
  <c r="V70434" i="1"/>
  <c r="V70435" i="1"/>
  <c r="V70436" i="1"/>
  <c r="V70437" i="1"/>
  <c r="V70438" i="1"/>
  <c r="V70439" i="1"/>
  <c r="V70440" i="1"/>
  <c r="V70441" i="1"/>
  <c r="V70442" i="1"/>
  <c r="V70443" i="1"/>
  <c r="V70444" i="1"/>
  <c r="V70445" i="1"/>
  <c r="V70446" i="1"/>
  <c r="V70447" i="1"/>
  <c r="V70448" i="1"/>
  <c r="V70449" i="1"/>
  <c r="V70450" i="1"/>
  <c r="V70451" i="1"/>
  <c r="V70452" i="1"/>
  <c r="V70453" i="1"/>
  <c r="V70454" i="1"/>
  <c r="V70455" i="1"/>
  <c r="V70456" i="1"/>
  <c r="V70457" i="1"/>
  <c r="V70458" i="1"/>
  <c r="V70459" i="1"/>
  <c r="V70460" i="1"/>
  <c r="V70461" i="1"/>
  <c r="V70462" i="1"/>
  <c r="V70463" i="1"/>
  <c r="V70464" i="1"/>
  <c r="V70465" i="1"/>
  <c r="V70466" i="1"/>
  <c r="V70467" i="1"/>
  <c r="V70468" i="1"/>
  <c r="V70469" i="1"/>
  <c r="V70470" i="1"/>
  <c r="V70471" i="1"/>
  <c r="V70472" i="1"/>
  <c r="V70473" i="1"/>
  <c r="V70474" i="1"/>
  <c r="V70475" i="1"/>
  <c r="V70476" i="1"/>
  <c r="V70477" i="1"/>
  <c r="V70478" i="1"/>
  <c r="V70479" i="1"/>
  <c r="V70480" i="1"/>
  <c r="V70481" i="1"/>
  <c r="V70482" i="1"/>
  <c r="V70483" i="1"/>
  <c r="V70484" i="1"/>
  <c r="V70485" i="1"/>
  <c r="V70486" i="1"/>
  <c r="V70487" i="1"/>
  <c r="V70488" i="1"/>
  <c r="V70489" i="1"/>
  <c r="V70490" i="1"/>
  <c r="V70491" i="1"/>
  <c r="V70492" i="1"/>
  <c r="V70493" i="1"/>
  <c r="V70494" i="1"/>
  <c r="V70495" i="1"/>
  <c r="V70496" i="1"/>
  <c r="V70497" i="1"/>
  <c r="V70498" i="1"/>
  <c r="V70499" i="1"/>
  <c r="V70500" i="1"/>
  <c r="V70501" i="1"/>
  <c r="V70502" i="1"/>
  <c r="V70503" i="1"/>
  <c r="V70504" i="1"/>
  <c r="V70505" i="1"/>
  <c r="V70506" i="1"/>
  <c r="V70507" i="1"/>
  <c r="V70508" i="1"/>
  <c r="V70509" i="1"/>
  <c r="V70510" i="1"/>
  <c r="V70511" i="1"/>
  <c r="V70512" i="1"/>
  <c r="V70513" i="1"/>
  <c r="V70514" i="1"/>
  <c r="V70515" i="1"/>
  <c r="V70516" i="1"/>
  <c r="V70517" i="1"/>
  <c r="V70518" i="1"/>
  <c r="V70519" i="1"/>
  <c r="V70520" i="1"/>
  <c r="V70521" i="1"/>
  <c r="V70522" i="1"/>
  <c r="V70523" i="1"/>
  <c r="V70524" i="1"/>
  <c r="V70525" i="1"/>
  <c r="V70526" i="1"/>
  <c r="V70527" i="1"/>
  <c r="V70528" i="1"/>
  <c r="V70529" i="1"/>
  <c r="V70530" i="1"/>
  <c r="V70531" i="1"/>
  <c r="V70532" i="1"/>
  <c r="V70533" i="1"/>
  <c r="V70534" i="1"/>
  <c r="V70535" i="1"/>
  <c r="V70536" i="1"/>
  <c r="V70537" i="1"/>
  <c r="V70538" i="1"/>
  <c r="V70539" i="1"/>
  <c r="V70540" i="1"/>
  <c r="V70541" i="1"/>
  <c r="V70542" i="1"/>
  <c r="V70543" i="1"/>
  <c r="V70544" i="1"/>
  <c r="V70545" i="1"/>
  <c r="V70546" i="1"/>
  <c r="V70547" i="1"/>
  <c r="V70548" i="1"/>
  <c r="V70549" i="1"/>
  <c r="V70550" i="1"/>
  <c r="V70551" i="1"/>
  <c r="V70552" i="1"/>
  <c r="V70553" i="1"/>
  <c r="V70554" i="1"/>
  <c r="V70555" i="1"/>
  <c r="V70556" i="1"/>
  <c r="V70557" i="1"/>
  <c r="V70558" i="1"/>
  <c r="V70559" i="1"/>
  <c r="V70560" i="1"/>
  <c r="V70561" i="1"/>
  <c r="V70562" i="1"/>
  <c r="V70563" i="1"/>
  <c r="V70564" i="1"/>
  <c r="V70565" i="1"/>
  <c r="V70566" i="1"/>
  <c r="V70567" i="1"/>
  <c r="V70568" i="1"/>
  <c r="V70569" i="1"/>
  <c r="V70570" i="1"/>
  <c r="V70571" i="1"/>
  <c r="V70572" i="1"/>
  <c r="V70573" i="1"/>
  <c r="V70574" i="1"/>
  <c r="V70575" i="1"/>
  <c r="V70576" i="1"/>
  <c r="V70577" i="1"/>
  <c r="V70578" i="1"/>
  <c r="V70579" i="1"/>
  <c r="V70580" i="1"/>
  <c r="V70581" i="1"/>
  <c r="V70582" i="1"/>
  <c r="V70583" i="1"/>
  <c r="V70584" i="1"/>
  <c r="V70585" i="1"/>
  <c r="V70586" i="1"/>
  <c r="V70587" i="1"/>
  <c r="V70588" i="1"/>
  <c r="V70589" i="1"/>
  <c r="V70590" i="1"/>
  <c r="V70591" i="1"/>
  <c r="V70592" i="1"/>
  <c r="V70593" i="1"/>
  <c r="V70594" i="1"/>
  <c r="V70595" i="1"/>
  <c r="V70596" i="1"/>
  <c r="V70597" i="1"/>
  <c r="V70598" i="1"/>
  <c r="V70599" i="1"/>
  <c r="V70600" i="1"/>
  <c r="V70601" i="1"/>
  <c r="V70602" i="1"/>
  <c r="V70603" i="1"/>
  <c r="V70604" i="1"/>
  <c r="V70605" i="1"/>
  <c r="V70606" i="1"/>
  <c r="V70607" i="1"/>
  <c r="V70608" i="1"/>
  <c r="V70609" i="1"/>
  <c r="V70610" i="1"/>
  <c r="V70611" i="1"/>
  <c r="V70612" i="1"/>
  <c r="V70613" i="1"/>
  <c r="V70614" i="1"/>
  <c r="V70615" i="1"/>
  <c r="V70616" i="1"/>
  <c r="V70617" i="1"/>
  <c r="V70618" i="1"/>
  <c r="V70619" i="1"/>
  <c r="V70620" i="1"/>
  <c r="V70621" i="1"/>
  <c r="V70622" i="1"/>
  <c r="V70623" i="1"/>
  <c r="V70624" i="1"/>
  <c r="V70625" i="1"/>
  <c r="V70626" i="1"/>
  <c r="V70627" i="1"/>
  <c r="V70628" i="1"/>
  <c r="V70629" i="1"/>
  <c r="V70630" i="1"/>
  <c r="V70631" i="1"/>
  <c r="V70632" i="1"/>
  <c r="V70633" i="1"/>
  <c r="V70634" i="1"/>
  <c r="V70635" i="1"/>
  <c r="V70636" i="1"/>
  <c r="V70637" i="1"/>
  <c r="V70638" i="1"/>
  <c r="V70639" i="1"/>
  <c r="V70640" i="1"/>
  <c r="V70641" i="1"/>
  <c r="V70642" i="1"/>
  <c r="V70643" i="1"/>
  <c r="V70644" i="1"/>
  <c r="V70645" i="1"/>
  <c r="V70646" i="1"/>
  <c r="V70647" i="1"/>
  <c r="V70648" i="1"/>
  <c r="V70649" i="1"/>
  <c r="V70650" i="1"/>
  <c r="V70651" i="1"/>
  <c r="V70652" i="1"/>
  <c r="V70653" i="1"/>
  <c r="V70654" i="1"/>
  <c r="V70655" i="1"/>
  <c r="V70656" i="1"/>
  <c r="V70657" i="1"/>
  <c r="V70658" i="1"/>
  <c r="V70659" i="1"/>
  <c r="V70660" i="1"/>
  <c r="V70661" i="1"/>
  <c r="V70662" i="1"/>
  <c r="V70663" i="1"/>
  <c r="V70664" i="1"/>
  <c r="V70665" i="1"/>
  <c r="V70666" i="1"/>
  <c r="V70667" i="1"/>
  <c r="V70668" i="1"/>
  <c r="V70669" i="1"/>
  <c r="V70670" i="1"/>
  <c r="V70671" i="1"/>
  <c r="V70672" i="1"/>
  <c r="V70673" i="1"/>
  <c r="V70674" i="1"/>
  <c r="V70675" i="1"/>
  <c r="V70676" i="1"/>
  <c r="V70677" i="1"/>
  <c r="V70678" i="1"/>
  <c r="V70679" i="1"/>
  <c r="V70680" i="1"/>
  <c r="V70681" i="1"/>
  <c r="V70682" i="1"/>
  <c r="V70683" i="1"/>
  <c r="V70684" i="1"/>
  <c r="V70685" i="1"/>
  <c r="V70686" i="1"/>
  <c r="V70687" i="1"/>
  <c r="V70688" i="1"/>
  <c r="V70689" i="1"/>
  <c r="V70690" i="1"/>
  <c r="V70691" i="1"/>
  <c r="V70692" i="1"/>
  <c r="V70693" i="1"/>
  <c r="V70694" i="1"/>
  <c r="V70695" i="1"/>
  <c r="V70696" i="1"/>
  <c r="V70697" i="1"/>
  <c r="V70698" i="1"/>
  <c r="V70699" i="1"/>
  <c r="V70700" i="1"/>
  <c r="V70701" i="1"/>
  <c r="V70702" i="1"/>
  <c r="V70703" i="1"/>
  <c r="V70704" i="1"/>
  <c r="V70705" i="1"/>
  <c r="V70706" i="1"/>
  <c r="V70707" i="1"/>
  <c r="V70708" i="1"/>
  <c r="V70709" i="1"/>
  <c r="V70710" i="1"/>
  <c r="V70711" i="1"/>
  <c r="V70712" i="1"/>
  <c r="V70713" i="1"/>
  <c r="V70714" i="1"/>
  <c r="V70715" i="1"/>
  <c r="V70716" i="1"/>
  <c r="V70717" i="1"/>
  <c r="V70718" i="1"/>
  <c r="V70719" i="1"/>
  <c r="V70720" i="1"/>
  <c r="V70721" i="1"/>
  <c r="V70722" i="1"/>
  <c r="V70723" i="1"/>
  <c r="V70724" i="1"/>
  <c r="V70725" i="1"/>
  <c r="V70726" i="1"/>
  <c r="V70727" i="1"/>
  <c r="V70728" i="1"/>
  <c r="V70729" i="1"/>
  <c r="V70730" i="1"/>
  <c r="V70731" i="1"/>
  <c r="V70732" i="1"/>
  <c r="V70733" i="1"/>
  <c r="V70734" i="1"/>
  <c r="V70735" i="1"/>
  <c r="V70736" i="1"/>
  <c r="V70737" i="1"/>
  <c r="V70738" i="1"/>
  <c r="V70739" i="1"/>
  <c r="V70740" i="1"/>
  <c r="V70741" i="1"/>
  <c r="V70742" i="1"/>
  <c r="V70743" i="1"/>
  <c r="V70744" i="1"/>
  <c r="V70745" i="1"/>
  <c r="V70746" i="1"/>
  <c r="V70747" i="1"/>
  <c r="V70748" i="1"/>
  <c r="V70749" i="1"/>
  <c r="V70750" i="1"/>
  <c r="V70751" i="1"/>
  <c r="V70752" i="1"/>
  <c r="V70753" i="1"/>
  <c r="V70754" i="1"/>
  <c r="V70755" i="1"/>
  <c r="V70756" i="1"/>
  <c r="V70757" i="1"/>
  <c r="V70758" i="1"/>
  <c r="V70759" i="1"/>
  <c r="V70760" i="1"/>
  <c r="V70761" i="1"/>
  <c r="V70762" i="1"/>
  <c r="V70763" i="1"/>
  <c r="V70764" i="1"/>
  <c r="V70765" i="1"/>
  <c r="V70766" i="1"/>
  <c r="V70767" i="1"/>
  <c r="V70768" i="1"/>
  <c r="V70769" i="1"/>
  <c r="V70770" i="1"/>
  <c r="V70771" i="1"/>
  <c r="V70772" i="1"/>
  <c r="V70773" i="1"/>
  <c r="V70774" i="1"/>
  <c r="V70775" i="1"/>
  <c r="V70776" i="1"/>
  <c r="V70777" i="1"/>
  <c r="V70778" i="1"/>
  <c r="V70779" i="1"/>
  <c r="V70780" i="1"/>
  <c r="V70781" i="1"/>
  <c r="V70782" i="1"/>
  <c r="V70783" i="1"/>
  <c r="V70784" i="1"/>
  <c r="V70785" i="1"/>
  <c r="V70786" i="1"/>
  <c r="V70787" i="1"/>
  <c r="V70788" i="1"/>
  <c r="V70789" i="1"/>
  <c r="V70790" i="1"/>
  <c r="V70791" i="1"/>
  <c r="V70792" i="1"/>
  <c r="V70793" i="1"/>
  <c r="V70794" i="1"/>
  <c r="V70795" i="1"/>
  <c r="V70796" i="1"/>
  <c r="V70797" i="1"/>
  <c r="V70798" i="1"/>
  <c r="V70799" i="1"/>
  <c r="V70800" i="1"/>
  <c r="V70801" i="1"/>
  <c r="V70802" i="1"/>
  <c r="V70803" i="1"/>
  <c r="V70804" i="1"/>
  <c r="V70805" i="1"/>
  <c r="V70806" i="1"/>
  <c r="V70807" i="1"/>
  <c r="V70808" i="1"/>
  <c r="V70809" i="1"/>
  <c r="V70810" i="1"/>
  <c r="V70811" i="1"/>
  <c r="V70812" i="1"/>
  <c r="V70813" i="1"/>
  <c r="V70814" i="1"/>
  <c r="V70815" i="1"/>
  <c r="V70816" i="1"/>
  <c r="V70817" i="1"/>
  <c r="V70818" i="1"/>
  <c r="V70819" i="1"/>
  <c r="V70820" i="1"/>
  <c r="V70821" i="1"/>
  <c r="V70822" i="1"/>
  <c r="V70823" i="1"/>
  <c r="V70824" i="1"/>
  <c r="V70825" i="1"/>
  <c r="V70826" i="1"/>
  <c r="V70827" i="1"/>
  <c r="V70828" i="1"/>
  <c r="V70829" i="1"/>
  <c r="V70830" i="1"/>
  <c r="V70831" i="1"/>
  <c r="V70832" i="1"/>
  <c r="V70833" i="1"/>
  <c r="V70834" i="1"/>
  <c r="V70835" i="1"/>
  <c r="V70836" i="1"/>
  <c r="V70837" i="1"/>
  <c r="V70838" i="1"/>
  <c r="V70839" i="1"/>
  <c r="V70840" i="1"/>
  <c r="V70841" i="1"/>
  <c r="V70842" i="1"/>
  <c r="V70843" i="1"/>
  <c r="V70844" i="1"/>
  <c r="V70845" i="1"/>
  <c r="V70846" i="1"/>
  <c r="V70847" i="1"/>
  <c r="V70848" i="1"/>
  <c r="V70849" i="1"/>
  <c r="V70850" i="1"/>
  <c r="V70851" i="1"/>
  <c r="V70852" i="1"/>
  <c r="V70853" i="1"/>
  <c r="V70854" i="1"/>
  <c r="V70855" i="1"/>
  <c r="V70856" i="1"/>
  <c r="V70857" i="1"/>
  <c r="V70858" i="1"/>
  <c r="V70859" i="1"/>
  <c r="V70860" i="1"/>
  <c r="V70861" i="1"/>
  <c r="V70862" i="1"/>
  <c r="V70863" i="1"/>
  <c r="V70864" i="1"/>
  <c r="V70865" i="1"/>
  <c r="V70866" i="1"/>
  <c r="V70867" i="1"/>
  <c r="V70868" i="1"/>
  <c r="V70869" i="1"/>
  <c r="V70870" i="1"/>
  <c r="V70871" i="1"/>
  <c r="V70872" i="1"/>
  <c r="V70873" i="1"/>
  <c r="V70874" i="1"/>
  <c r="V70875" i="1"/>
  <c r="V70876" i="1"/>
  <c r="V70877" i="1"/>
  <c r="V70878" i="1"/>
  <c r="V70879" i="1"/>
  <c r="V70880" i="1"/>
  <c r="V70881" i="1"/>
  <c r="V70882" i="1"/>
  <c r="V70883" i="1"/>
  <c r="V70884" i="1"/>
  <c r="V70885" i="1"/>
  <c r="V70886" i="1"/>
  <c r="V70887" i="1"/>
  <c r="V70888" i="1"/>
  <c r="V70889" i="1"/>
  <c r="V70890" i="1"/>
  <c r="V70891" i="1"/>
  <c r="V70892" i="1"/>
  <c r="V70893" i="1"/>
  <c r="V70894" i="1"/>
  <c r="V70895" i="1"/>
  <c r="V70896" i="1"/>
  <c r="V70897" i="1"/>
  <c r="V70898" i="1"/>
  <c r="V70899" i="1"/>
  <c r="V70900" i="1"/>
  <c r="V70901" i="1"/>
  <c r="V70902" i="1"/>
  <c r="V70903" i="1"/>
  <c r="V70904" i="1"/>
  <c r="V70905" i="1"/>
  <c r="V70906" i="1"/>
  <c r="V70907" i="1"/>
  <c r="V70908" i="1"/>
  <c r="V70909" i="1"/>
  <c r="V70910" i="1"/>
  <c r="V70911" i="1"/>
  <c r="V70912" i="1"/>
  <c r="V70913" i="1"/>
  <c r="V70914" i="1"/>
  <c r="V70915" i="1"/>
  <c r="V70916" i="1"/>
  <c r="V70917" i="1"/>
  <c r="V70918" i="1"/>
  <c r="V70919" i="1"/>
  <c r="V70920" i="1"/>
  <c r="V70921" i="1"/>
  <c r="V70922" i="1"/>
  <c r="V70923" i="1"/>
  <c r="V70924" i="1"/>
  <c r="V70925" i="1"/>
  <c r="V70926" i="1"/>
  <c r="V70927" i="1"/>
  <c r="V70928" i="1"/>
  <c r="V70929" i="1"/>
  <c r="V70930" i="1"/>
  <c r="V70931" i="1"/>
  <c r="V70932" i="1"/>
  <c r="V70933" i="1"/>
  <c r="V70934" i="1"/>
  <c r="V70935" i="1"/>
  <c r="V70936" i="1"/>
  <c r="V70937" i="1"/>
  <c r="V70938" i="1"/>
  <c r="V70939" i="1"/>
  <c r="V70940" i="1"/>
  <c r="V70941" i="1"/>
  <c r="V70942" i="1"/>
  <c r="V70943" i="1"/>
  <c r="V70944" i="1"/>
  <c r="V70945" i="1"/>
  <c r="V70946" i="1"/>
  <c r="V70947" i="1"/>
  <c r="V70948" i="1"/>
  <c r="V70949" i="1"/>
  <c r="V70950" i="1"/>
  <c r="V70951" i="1"/>
  <c r="V70952" i="1"/>
  <c r="V70953" i="1"/>
  <c r="V70954" i="1"/>
  <c r="V70955" i="1"/>
  <c r="V70956" i="1"/>
  <c r="V70957" i="1"/>
  <c r="V70958" i="1"/>
  <c r="V70959" i="1"/>
  <c r="V70960" i="1"/>
  <c r="V70961" i="1"/>
  <c r="V70962" i="1"/>
  <c r="V70963" i="1"/>
  <c r="V70964" i="1"/>
  <c r="V70965" i="1"/>
  <c r="V70966" i="1"/>
  <c r="V70967" i="1"/>
  <c r="V70968" i="1"/>
  <c r="V70969" i="1"/>
  <c r="V70970" i="1"/>
  <c r="V70971" i="1"/>
  <c r="V70972" i="1"/>
  <c r="V70973" i="1"/>
  <c r="V70974" i="1"/>
  <c r="V70975" i="1"/>
  <c r="V70976" i="1"/>
  <c r="V70977" i="1"/>
  <c r="V70978" i="1"/>
  <c r="V70979" i="1"/>
  <c r="V70980" i="1"/>
  <c r="V70981" i="1"/>
  <c r="V70982" i="1"/>
  <c r="V70983" i="1"/>
  <c r="V70984" i="1"/>
  <c r="V70985" i="1"/>
  <c r="V70986" i="1"/>
  <c r="V70987" i="1"/>
  <c r="V70988" i="1"/>
  <c r="V70989" i="1"/>
  <c r="V70990" i="1"/>
  <c r="V70991" i="1"/>
  <c r="V70992" i="1"/>
  <c r="V70993" i="1"/>
  <c r="V70994" i="1"/>
  <c r="V70995" i="1"/>
  <c r="V70996" i="1"/>
  <c r="V70997" i="1"/>
  <c r="V70998" i="1"/>
  <c r="V70999" i="1"/>
  <c r="V71000" i="1"/>
  <c r="V71001" i="1"/>
  <c r="V71002" i="1"/>
  <c r="V71003" i="1"/>
  <c r="V71004" i="1"/>
  <c r="V71005" i="1"/>
  <c r="V71006" i="1"/>
  <c r="V71007" i="1"/>
  <c r="V71008" i="1"/>
  <c r="V71009" i="1"/>
  <c r="V71010" i="1"/>
  <c r="V71011" i="1"/>
  <c r="V71012" i="1"/>
  <c r="V71013" i="1"/>
  <c r="V71014" i="1"/>
  <c r="V71015" i="1"/>
  <c r="V71016" i="1"/>
  <c r="V71017" i="1"/>
  <c r="V71018" i="1"/>
  <c r="V71019" i="1"/>
  <c r="V71020" i="1"/>
  <c r="V71021" i="1"/>
  <c r="V71022" i="1"/>
  <c r="V71023" i="1"/>
  <c r="V71024" i="1"/>
  <c r="V71025" i="1"/>
  <c r="V71026" i="1"/>
  <c r="V71027" i="1"/>
  <c r="V71028" i="1"/>
  <c r="V71029" i="1"/>
  <c r="V71030" i="1"/>
  <c r="V71031" i="1"/>
  <c r="V71032" i="1"/>
  <c r="V71033" i="1"/>
  <c r="V71034" i="1"/>
  <c r="V71035" i="1"/>
  <c r="V71036" i="1"/>
  <c r="V71037" i="1"/>
  <c r="V71038" i="1"/>
  <c r="V71039" i="1"/>
  <c r="V71040" i="1"/>
  <c r="V71041" i="1"/>
  <c r="V71042" i="1"/>
  <c r="V71043" i="1"/>
  <c r="V71044" i="1"/>
  <c r="V71045" i="1"/>
  <c r="V71046" i="1"/>
  <c r="V71047" i="1"/>
  <c r="V71048" i="1"/>
  <c r="V71049" i="1"/>
  <c r="V71050" i="1"/>
  <c r="V71051" i="1"/>
  <c r="V71052" i="1"/>
  <c r="V71053" i="1"/>
  <c r="V71054" i="1"/>
  <c r="V71055" i="1"/>
  <c r="V71056" i="1"/>
  <c r="V71057" i="1"/>
  <c r="V71058" i="1"/>
  <c r="V71059" i="1"/>
  <c r="V71060" i="1"/>
  <c r="V71061" i="1"/>
  <c r="V71062" i="1"/>
  <c r="V71063" i="1"/>
  <c r="V71064" i="1"/>
  <c r="V71065" i="1"/>
  <c r="V71066" i="1"/>
  <c r="V71067" i="1"/>
  <c r="V71068" i="1"/>
  <c r="V71069" i="1"/>
  <c r="V71070" i="1"/>
  <c r="V71071" i="1"/>
  <c r="V71072" i="1"/>
  <c r="V71073" i="1"/>
  <c r="V71074" i="1"/>
  <c r="V71075" i="1"/>
  <c r="V71076" i="1"/>
  <c r="V71077" i="1"/>
  <c r="V71078" i="1"/>
  <c r="V71079" i="1"/>
  <c r="V71080" i="1"/>
  <c r="V71081" i="1"/>
  <c r="V71082" i="1"/>
  <c r="V71083" i="1"/>
  <c r="V71084" i="1"/>
  <c r="V71085" i="1"/>
  <c r="V71086" i="1"/>
  <c r="V71087" i="1"/>
  <c r="V71088" i="1"/>
  <c r="V71089" i="1"/>
  <c r="V71090" i="1"/>
  <c r="V71091" i="1"/>
  <c r="V71092" i="1"/>
  <c r="V71093" i="1"/>
  <c r="V71094" i="1"/>
  <c r="V71095" i="1"/>
  <c r="V71096" i="1"/>
  <c r="V71097" i="1"/>
  <c r="V71098" i="1"/>
  <c r="V71099" i="1"/>
  <c r="V71100" i="1"/>
  <c r="V71101" i="1"/>
  <c r="V71102" i="1"/>
  <c r="V71103" i="1"/>
  <c r="V71104" i="1"/>
  <c r="V71105" i="1"/>
  <c r="V71106" i="1"/>
  <c r="V71107" i="1"/>
  <c r="V71108" i="1"/>
  <c r="V71109" i="1"/>
  <c r="V71110" i="1"/>
  <c r="V71111" i="1"/>
  <c r="V71112" i="1"/>
  <c r="V71113" i="1"/>
  <c r="V71114" i="1"/>
  <c r="V71115" i="1"/>
  <c r="V71116" i="1"/>
  <c r="V71117" i="1"/>
  <c r="V71118" i="1"/>
  <c r="V71119" i="1"/>
  <c r="V71120" i="1"/>
  <c r="V71121" i="1"/>
  <c r="V71122" i="1"/>
  <c r="V71123" i="1"/>
  <c r="V71124" i="1"/>
  <c r="V71125" i="1"/>
  <c r="V71126" i="1"/>
  <c r="V71127" i="1"/>
  <c r="V71128" i="1"/>
  <c r="V71129" i="1"/>
  <c r="V71130" i="1"/>
  <c r="V71131" i="1"/>
  <c r="V71132" i="1"/>
  <c r="V71133" i="1"/>
  <c r="V71134" i="1"/>
  <c r="V71135" i="1"/>
  <c r="V71136" i="1"/>
  <c r="V71137" i="1"/>
  <c r="V71138" i="1"/>
  <c r="V71139" i="1"/>
  <c r="V71140" i="1"/>
  <c r="V71141" i="1"/>
  <c r="V71142" i="1"/>
  <c r="V71143" i="1"/>
  <c r="V71144" i="1"/>
  <c r="V71145" i="1"/>
  <c r="V71146" i="1"/>
  <c r="V71147" i="1"/>
  <c r="V71148" i="1"/>
  <c r="V71149" i="1"/>
  <c r="V71150" i="1"/>
  <c r="V71151" i="1"/>
  <c r="V71152" i="1"/>
  <c r="V71153" i="1"/>
  <c r="V71154" i="1"/>
  <c r="V71155" i="1"/>
  <c r="V71156" i="1"/>
  <c r="V71157" i="1"/>
  <c r="V71158" i="1"/>
  <c r="V71159" i="1"/>
  <c r="V71160" i="1"/>
  <c r="V71161" i="1"/>
  <c r="V71162" i="1"/>
  <c r="V71163" i="1"/>
  <c r="V71164" i="1"/>
  <c r="V71165" i="1"/>
  <c r="V71166" i="1"/>
  <c r="V71167" i="1"/>
  <c r="V71168" i="1"/>
  <c r="V71169" i="1"/>
  <c r="V71170" i="1"/>
  <c r="V71171" i="1"/>
  <c r="V71172" i="1"/>
  <c r="V71173" i="1"/>
  <c r="V71174" i="1"/>
  <c r="V71175" i="1"/>
  <c r="V71176" i="1"/>
  <c r="V71177" i="1"/>
  <c r="V71178" i="1"/>
  <c r="V71179" i="1"/>
  <c r="V71180" i="1"/>
  <c r="V71181" i="1"/>
  <c r="V71182" i="1"/>
  <c r="V71183" i="1"/>
  <c r="V71184" i="1"/>
  <c r="V71185" i="1"/>
  <c r="V71186" i="1"/>
  <c r="V71187" i="1"/>
  <c r="V71188" i="1"/>
  <c r="V71189" i="1"/>
  <c r="V71190" i="1"/>
  <c r="V71191" i="1"/>
  <c r="V71192" i="1"/>
  <c r="V71193" i="1"/>
  <c r="V71194" i="1"/>
  <c r="V71195" i="1"/>
  <c r="V71196" i="1"/>
  <c r="V71197" i="1"/>
  <c r="V71198" i="1"/>
  <c r="V71199" i="1"/>
  <c r="V71200" i="1"/>
  <c r="V71201" i="1"/>
  <c r="V71202" i="1"/>
  <c r="V71203" i="1"/>
  <c r="V71204" i="1"/>
  <c r="V71205" i="1"/>
  <c r="V71206" i="1"/>
  <c r="V71207" i="1"/>
  <c r="V71208" i="1"/>
  <c r="V71209" i="1"/>
  <c r="V71210" i="1"/>
  <c r="V71211" i="1"/>
  <c r="V71212" i="1"/>
  <c r="V71213" i="1"/>
  <c r="V71214" i="1"/>
  <c r="V71215" i="1"/>
  <c r="V71216" i="1"/>
  <c r="V71217" i="1"/>
  <c r="V71218" i="1"/>
  <c r="V71219" i="1"/>
  <c r="V71220" i="1"/>
  <c r="V71221" i="1"/>
  <c r="V71222" i="1"/>
  <c r="V71223" i="1"/>
  <c r="V71224" i="1"/>
  <c r="V71225" i="1"/>
  <c r="V71226" i="1"/>
  <c r="V71227" i="1"/>
  <c r="V71228" i="1"/>
  <c r="V71229" i="1"/>
  <c r="V71230" i="1"/>
  <c r="V71231" i="1"/>
  <c r="V71232" i="1"/>
  <c r="V71233" i="1"/>
  <c r="V71234" i="1"/>
  <c r="V71235" i="1"/>
  <c r="V71236" i="1"/>
  <c r="V71237" i="1"/>
  <c r="V71238" i="1"/>
  <c r="V71239" i="1"/>
  <c r="V71240" i="1"/>
  <c r="V71241" i="1"/>
  <c r="V71242" i="1"/>
  <c r="V71243" i="1"/>
  <c r="V71244" i="1"/>
  <c r="V71245" i="1"/>
  <c r="V71246" i="1"/>
  <c r="V71247" i="1"/>
  <c r="V71248" i="1"/>
  <c r="V71249" i="1"/>
  <c r="V71250" i="1"/>
  <c r="V71251" i="1"/>
  <c r="V71252" i="1"/>
  <c r="V71253" i="1"/>
  <c r="V71254" i="1"/>
  <c r="V71255" i="1"/>
  <c r="V71256" i="1"/>
  <c r="V71257" i="1"/>
  <c r="V71258" i="1"/>
  <c r="V71259" i="1"/>
  <c r="V71260" i="1"/>
  <c r="V71261" i="1"/>
  <c r="V71262" i="1"/>
  <c r="V71263" i="1"/>
  <c r="V71264" i="1"/>
  <c r="V71265" i="1"/>
  <c r="V71266" i="1"/>
  <c r="V71267" i="1"/>
  <c r="V71268" i="1"/>
  <c r="V71269" i="1"/>
  <c r="V71270" i="1"/>
  <c r="V71271" i="1"/>
  <c r="V71272" i="1"/>
  <c r="V71273" i="1"/>
  <c r="V71274" i="1"/>
  <c r="V71275" i="1"/>
  <c r="V71276" i="1"/>
  <c r="V71277" i="1"/>
  <c r="V71278" i="1"/>
  <c r="V71279" i="1"/>
  <c r="V71280" i="1"/>
  <c r="V71281" i="1"/>
  <c r="V71282" i="1"/>
  <c r="V71283" i="1"/>
  <c r="V71284" i="1"/>
  <c r="V71285" i="1"/>
  <c r="V71286" i="1"/>
  <c r="V71287" i="1"/>
  <c r="V71288" i="1"/>
  <c r="V71289" i="1"/>
  <c r="V71290" i="1"/>
  <c r="V71291" i="1"/>
  <c r="V71292" i="1"/>
  <c r="V71293" i="1"/>
  <c r="V71294" i="1"/>
  <c r="V71295" i="1"/>
  <c r="V71296" i="1"/>
  <c r="V71297" i="1"/>
  <c r="V71298" i="1"/>
  <c r="V71299" i="1"/>
  <c r="V71300" i="1"/>
  <c r="V71301" i="1"/>
  <c r="V71302" i="1"/>
  <c r="V71303" i="1"/>
  <c r="V71304" i="1"/>
  <c r="V71305" i="1"/>
  <c r="V71306" i="1"/>
  <c r="V71307" i="1"/>
  <c r="V71308" i="1"/>
  <c r="V71309" i="1"/>
  <c r="V71310" i="1"/>
  <c r="V71311" i="1"/>
  <c r="V71312" i="1"/>
  <c r="V71313" i="1"/>
  <c r="V71314" i="1"/>
  <c r="V71315" i="1"/>
  <c r="V71316" i="1"/>
  <c r="V71317" i="1"/>
  <c r="V71318" i="1"/>
  <c r="V71319" i="1"/>
  <c r="V71320" i="1"/>
  <c r="V71321" i="1"/>
  <c r="V71322" i="1"/>
  <c r="V71323" i="1"/>
  <c r="V71324" i="1"/>
  <c r="V71325" i="1"/>
  <c r="V71326" i="1"/>
  <c r="V71327" i="1"/>
  <c r="V71328" i="1"/>
  <c r="V71329" i="1"/>
  <c r="V71330" i="1"/>
  <c r="V71331" i="1"/>
  <c r="V71332" i="1"/>
  <c r="V71333" i="1"/>
  <c r="V71334" i="1"/>
  <c r="V71335" i="1"/>
  <c r="V71336" i="1"/>
  <c r="V71337" i="1"/>
  <c r="V71338" i="1"/>
  <c r="V71339" i="1"/>
  <c r="V71340" i="1"/>
  <c r="V71341" i="1"/>
  <c r="V71342" i="1"/>
  <c r="V71343" i="1"/>
  <c r="V71344" i="1"/>
  <c r="V71345" i="1"/>
  <c r="V71346" i="1"/>
  <c r="V71347" i="1"/>
  <c r="V71348" i="1"/>
  <c r="V71349" i="1"/>
  <c r="V71350" i="1"/>
  <c r="V71351" i="1"/>
  <c r="V71352" i="1"/>
  <c r="V71353" i="1"/>
  <c r="V71354" i="1"/>
  <c r="V71355" i="1"/>
  <c r="V71356" i="1"/>
  <c r="V71357" i="1"/>
  <c r="V71358" i="1"/>
  <c r="V71359" i="1"/>
  <c r="V71360" i="1"/>
  <c r="V71361" i="1"/>
  <c r="V71362" i="1"/>
  <c r="V71363" i="1"/>
  <c r="V71364" i="1"/>
  <c r="V71365" i="1"/>
  <c r="V71366" i="1"/>
  <c r="V71367" i="1"/>
  <c r="V71368" i="1"/>
  <c r="V71369" i="1"/>
  <c r="V71370" i="1"/>
  <c r="V71371" i="1"/>
  <c r="V71372" i="1"/>
  <c r="V71373" i="1"/>
  <c r="V71374" i="1"/>
  <c r="V71375" i="1"/>
  <c r="V71376" i="1"/>
  <c r="V71377" i="1"/>
  <c r="V71378" i="1"/>
  <c r="V71379" i="1"/>
  <c r="V71380" i="1"/>
  <c r="V71381" i="1"/>
  <c r="V71382" i="1"/>
  <c r="V71383" i="1"/>
  <c r="V71384" i="1"/>
  <c r="V71385" i="1"/>
  <c r="V71386" i="1"/>
  <c r="V71387" i="1"/>
  <c r="V71388" i="1"/>
  <c r="V71389" i="1"/>
  <c r="V71390" i="1"/>
  <c r="V71391" i="1"/>
  <c r="V71392" i="1"/>
  <c r="V71393" i="1"/>
  <c r="V71394" i="1"/>
  <c r="V71395" i="1"/>
  <c r="V71396" i="1"/>
  <c r="V71397" i="1"/>
  <c r="V71398" i="1"/>
  <c r="V71399" i="1"/>
  <c r="V71400" i="1"/>
  <c r="V71401" i="1"/>
  <c r="V71402" i="1"/>
  <c r="V71403" i="1"/>
  <c r="V71404" i="1"/>
  <c r="V71405" i="1"/>
  <c r="V71406" i="1"/>
  <c r="V71407" i="1"/>
  <c r="V71408" i="1"/>
  <c r="V71409" i="1"/>
  <c r="V71410" i="1"/>
  <c r="V71411" i="1"/>
  <c r="V71412" i="1"/>
  <c r="V71413" i="1"/>
  <c r="V71414" i="1"/>
  <c r="V71415" i="1"/>
  <c r="V71416" i="1"/>
  <c r="V71417" i="1"/>
  <c r="V71418" i="1"/>
  <c r="V71419" i="1"/>
  <c r="V71420" i="1"/>
  <c r="V71421" i="1"/>
  <c r="V71422" i="1"/>
  <c r="V71423" i="1"/>
  <c r="V71424" i="1"/>
  <c r="V71425" i="1"/>
  <c r="V71426" i="1"/>
  <c r="V71427" i="1"/>
  <c r="V71428" i="1"/>
  <c r="V71429" i="1"/>
  <c r="V71430" i="1"/>
  <c r="V71431" i="1"/>
  <c r="V71432" i="1"/>
  <c r="V71433" i="1"/>
  <c r="V71434" i="1"/>
  <c r="V71435" i="1"/>
  <c r="V71436" i="1"/>
  <c r="V71437" i="1"/>
  <c r="V71438" i="1"/>
  <c r="V71439" i="1"/>
  <c r="V71440" i="1"/>
  <c r="V71441" i="1"/>
  <c r="V71442" i="1"/>
  <c r="V71443" i="1"/>
  <c r="V71444" i="1"/>
  <c r="V71445" i="1"/>
  <c r="V71446" i="1"/>
  <c r="V71447" i="1"/>
  <c r="V71448" i="1"/>
  <c r="V71449" i="1"/>
  <c r="V71450" i="1"/>
  <c r="V71451" i="1"/>
  <c r="V71452" i="1"/>
  <c r="V71453" i="1"/>
  <c r="V71454" i="1"/>
  <c r="V71455" i="1"/>
  <c r="V71456" i="1"/>
  <c r="V71457" i="1"/>
  <c r="V71458" i="1"/>
  <c r="V71459" i="1"/>
  <c r="V71460" i="1"/>
  <c r="V71461" i="1"/>
  <c r="V71462" i="1"/>
  <c r="V71463" i="1"/>
  <c r="V71464" i="1"/>
  <c r="V71465" i="1"/>
  <c r="V71466" i="1"/>
  <c r="V71467" i="1"/>
  <c r="V71468" i="1"/>
  <c r="V71469" i="1"/>
  <c r="V71470" i="1"/>
  <c r="V71471" i="1"/>
  <c r="V71472" i="1"/>
  <c r="V71473" i="1"/>
  <c r="V71474" i="1"/>
  <c r="V71475" i="1"/>
  <c r="V71476" i="1"/>
  <c r="V71477" i="1"/>
  <c r="V71478" i="1"/>
  <c r="V71479" i="1"/>
  <c r="V71480" i="1"/>
  <c r="V71481" i="1"/>
  <c r="V71482" i="1"/>
  <c r="V71483" i="1"/>
  <c r="V71484" i="1"/>
  <c r="V71485" i="1"/>
  <c r="V71486" i="1"/>
  <c r="V71487" i="1"/>
  <c r="V71488" i="1"/>
  <c r="V71489" i="1"/>
  <c r="V71490" i="1"/>
  <c r="V71491" i="1"/>
  <c r="V71492" i="1"/>
  <c r="V71493" i="1"/>
  <c r="V71494" i="1"/>
  <c r="V71495" i="1"/>
  <c r="V71496" i="1"/>
  <c r="V71497" i="1"/>
  <c r="V71498" i="1"/>
  <c r="V71499" i="1"/>
  <c r="V71500" i="1"/>
  <c r="V71501" i="1"/>
  <c r="V71502" i="1"/>
  <c r="V71503" i="1"/>
  <c r="V71504" i="1"/>
  <c r="V71505" i="1"/>
  <c r="V71506" i="1"/>
  <c r="V71507" i="1"/>
  <c r="V71508" i="1"/>
  <c r="V71509" i="1"/>
  <c r="V71510" i="1"/>
  <c r="V71511" i="1"/>
  <c r="V71512" i="1"/>
  <c r="V71513" i="1"/>
  <c r="V71514" i="1"/>
  <c r="V71515" i="1"/>
  <c r="V71516" i="1"/>
  <c r="V71517" i="1"/>
  <c r="V71518" i="1"/>
  <c r="V71519" i="1"/>
  <c r="V71520" i="1"/>
  <c r="V71521" i="1"/>
  <c r="V71522" i="1"/>
  <c r="V71523" i="1"/>
  <c r="V71524" i="1"/>
  <c r="V71525" i="1"/>
  <c r="V71526" i="1"/>
  <c r="V71527" i="1"/>
  <c r="V71528" i="1"/>
  <c r="V71529" i="1"/>
  <c r="V71530" i="1"/>
  <c r="V71531" i="1"/>
  <c r="V71532" i="1"/>
  <c r="V71533" i="1"/>
  <c r="V71534" i="1"/>
  <c r="V71535" i="1"/>
  <c r="V71536" i="1"/>
  <c r="V71537" i="1"/>
  <c r="V71538" i="1"/>
  <c r="V71539" i="1"/>
  <c r="V71540" i="1"/>
  <c r="V71541" i="1"/>
  <c r="V71542" i="1"/>
  <c r="V71543" i="1"/>
  <c r="V71544" i="1"/>
  <c r="V71545" i="1"/>
  <c r="V71546" i="1"/>
  <c r="V71547" i="1"/>
  <c r="V71548" i="1"/>
  <c r="V71549" i="1"/>
  <c r="V71550" i="1"/>
  <c r="V71551" i="1"/>
  <c r="V71552" i="1"/>
  <c r="V71553" i="1"/>
  <c r="V71554" i="1"/>
  <c r="V71555" i="1"/>
  <c r="V71556" i="1"/>
  <c r="V71557" i="1"/>
  <c r="V71558" i="1"/>
  <c r="V71559" i="1"/>
  <c r="V71560" i="1"/>
  <c r="V71561" i="1"/>
  <c r="V71562" i="1"/>
  <c r="V71563" i="1"/>
  <c r="V71564" i="1"/>
  <c r="V71565" i="1"/>
  <c r="V71566" i="1"/>
  <c r="V71567" i="1"/>
  <c r="V71568" i="1"/>
  <c r="V71569" i="1"/>
  <c r="V71570" i="1"/>
  <c r="V71571" i="1"/>
  <c r="V71572" i="1"/>
  <c r="V71573" i="1"/>
  <c r="V71574" i="1"/>
  <c r="V71575" i="1"/>
  <c r="V71576" i="1"/>
  <c r="V71577" i="1"/>
  <c r="V71578" i="1"/>
  <c r="V71579" i="1"/>
  <c r="V71580" i="1"/>
  <c r="V71581" i="1"/>
  <c r="V71582" i="1"/>
  <c r="V71583" i="1"/>
  <c r="V71584" i="1"/>
  <c r="V71585" i="1"/>
  <c r="V71586" i="1"/>
  <c r="V71587" i="1"/>
  <c r="V71588" i="1"/>
  <c r="V71589" i="1"/>
  <c r="V71590" i="1"/>
  <c r="V71591" i="1"/>
  <c r="V71592" i="1"/>
  <c r="V71593" i="1"/>
  <c r="V71594" i="1"/>
  <c r="V71595" i="1"/>
  <c r="V71596" i="1"/>
  <c r="V71597" i="1"/>
  <c r="V71598" i="1"/>
  <c r="V71599" i="1"/>
  <c r="V71600" i="1"/>
  <c r="V71601" i="1"/>
  <c r="V71602" i="1"/>
  <c r="V71603" i="1"/>
  <c r="V71604" i="1"/>
  <c r="V71605" i="1"/>
  <c r="V71606" i="1"/>
  <c r="V71607" i="1"/>
  <c r="V71608" i="1"/>
  <c r="V71609" i="1"/>
  <c r="V71610" i="1"/>
  <c r="V71611" i="1"/>
  <c r="V71612" i="1"/>
  <c r="V71613" i="1"/>
  <c r="V71614" i="1"/>
  <c r="V71615" i="1"/>
  <c r="V71616" i="1"/>
  <c r="V71617" i="1"/>
  <c r="V71618" i="1"/>
  <c r="V71619" i="1"/>
  <c r="V71620" i="1"/>
  <c r="V71621" i="1"/>
  <c r="V71622" i="1"/>
  <c r="V71623" i="1"/>
  <c r="V71624" i="1"/>
  <c r="V71625" i="1"/>
  <c r="V71626" i="1"/>
  <c r="V71627" i="1"/>
  <c r="V71628" i="1"/>
  <c r="V71629" i="1"/>
  <c r="V71630" i="1"/>
  <c r="V71631" i="1"/>
  <c r="V71632" i="1"/>
  <c r="V71633" i="1"/>
  <c r="V71634" i="1"/>
  <c r="V71635" i="1"/>
  <c r="V71636" i="1"/>
  <c r="V71637" i="1"/>
  <c r="V71638" i="1"/>
  <c r="V71639" i="1"/>
  <c r="V71640" i="1"/>
  <c r="V71641" i="1"/>
  <c r="V71642" i="1"/>
  <c r="V71643" i="1"/>
  <c r="V71644" i="1"/>
  <c r="V71645" i="1"/>
  <c r="V71646" i="1"/>
  <c r="V71647" i="1"/>
  <c r="V71648" i="1"/>
  <c r="V71649" i="1"/>
  <c r="V71650" i="1"/>
  <c r="V71651" i="1"/>
  <c r="V71652" i="1"/>
  <c r="V71653" i="1"/>
  <c r="V71654" i="1"/>
  <c r="V71655" i="1"/>
  <c r="V71656" i="1"/>
  <c r="V71657" i="1"/>
  <c r="V71658" i="1"/>
  <c r="V71659" i="1"/>
  <c r="V71660" i="1"/>
  <c r="V71661" i="1"/>
  <c r="V71662" i="1"/>
  <c r="V71663" i="1"/>
  <c r="V71664" i="1"/>
  <c r="V71665" i="1"/>
  <c r="V71666" i="1"/>
  <c r="V71667" i="1"/>
  <c r="V71668" i="1"/>
  <c r="V71669" i="1"/>
  <c r="V71670" i="1"/>
  <c r="V71671" i="1"/>
  <c r="V71672" i="1"/>
  <c r="V71673" i="1"/>
  <c r="V71674" i="1"/>
  <c r="V71675" i="1"/>
  <c r="V71676" i="1"/>
  <c r="V71677" i="1"/>
  <c r="V71678" i="1"/>
  <c r="V71679" i="1"/>
  <c r="V71680" i="1"/>
  <c r="V71681" i="1"/>
  <c r="V71682" i="1"/>
  <c r="V71683" i="1"/>
  <c r="V71684" i="1"/>
  <c r="V71685" i="1"/>
  <c r="V71686" i="1"/>
  <c r="V71687" i="1"/>
  <c r="V71688" i="1"/>
  <c r="V71689" i="1"/>
  <c r="V71690" i="1"/>
  <c r="V71691" i="1"/>
  <c r="V71692" i="1"/>
  <c r="V71693" i="1"/>
  <c r="V71694" i="1"/>
  <c r="V71695" i="1"/>
  <c r="V71696" i="1"/>
  <c r="V71697" i="1"/>
  <c r="V71698" i="1"/>
  <c r="V71699" i="1"/>
  <c r="V71700" i="1"/>
  <c r="V71701" i="1"/>
  <c r="V71702" i="1"/>
  <c r="V71703" i="1"/>
  <c r="V71704" i="1"/>
  <c r="V71705" i="1"/>
  <c r="V71706" i="1"/>
  <c r="V71707" i="1"/>
  <c r="V71708" i="1"/>
  <c r="V71709" i="1"/>
  <c r="V71710" i="1"/>
  <c r="V71711" i="1"/>
  <c r="V71712" i="1"/>
  <c r="V71713" i="1"/>
  <c r="V71714" i="1"/>
  <c r="V71715" i="1"/>
  <c r="V71716" i="1"/>
  <c r="V71717" i="1"/>
  <c r="V71718" i="1"/>
  <c r="V71719" i="1"/>
  <c r="V71720" i="1"/>
  <c r="V71721" i="1"/>
  <c r="V71722" i="1"/>
  <c r="V71723" i="1"/>
  <c r="V71724" i="1"/>
  <c r="V71725" i="1"/>
  <c r="V71726" i="1"/>
  <c r="V71727" i="1"/>
  <c r="V71728" i="1"/>
  <c r="V71729" i="1"/>
  <c r="V71730" i="1"/>
  <c r="V71731" i="1"/>
  <c r="V71732" i="1"/>
  <c r="V71733" i="1"/>
  <c r="V71734" i="1"/>
  <c r="V71735" i="1"/>
  <c r="V71736" i="1"/>
  <c r="V71737" i="1"/>
  <c r="V71738" i="1"/>
  <c r="V71739" i="1"/>
  <c r="V71740" i="1"/>
  <c r="V71741" i="1"/>
  <c r="V71742" i="1"/>
  <c r="V71743" i="1"/>
  <c r="V71744" i="1"/>
  <c r="V71745" i="1"/>
  <c r="V71746" i="1"/>
  <c r="V71747" i="1"/>
  <c r="V71748" i="1"/>
  <c r="V71749" i="1"/>
  <c r="V71750" i="1"/>
  <c r="V71751" i="1"/>
  <c r="V71752" i="1"/>
  <c r="V71753" i="1"/>
  <c r="V71754" i="1"/>
  <c r="V71755" i="1"/>
  <c r="V71756" i="1"/>
  <c r="V71757" i="1"/>
  <c r="V71758" i="1"/>
  <c r="V71759" i="1"/>
  <c r="V71760" i="1"/>
  <c r="V71761" i="1"/>
  <c r="V71762" i="1"/>
  <c r="V71763" i="1"/>
  <c r="V71764" i="1"/>
  <c r="V71765" i="1"/>
  <c r="V71766" i="1"/>
  <c r="V71767" i="1"/>
  <c r="V71768" i="1"/>
  <c r="V71769" i="1"/>
  <c r="V71770" i="1"/>
  <c r="V71771" i="1"/>
  <c r="V71772" i="1"/>
  <c r="V71773" i="1"/>
  <c r="V71774" i="1"/>
  <c r="V71775" i="1"/>
  <c r="V71776" i="1"/>
  <c r="V71777" i="1"/>
  <c r="V71778" i="1"/>
  <c r="V71779" i="1"/>
  <c r="V71780" i="1"/>
  <c r="V71781" i="1"/>
  <c r="V71782" i="1"/>
  <c r="V71783" i="1"/>
  <c r="V71784" i="1"/>
  <c r="V71785" i="1"/>
  <c r="V71786" i="1"/>
  <c r="V71787" i="1"/>
  <c r="V71788" i="1"/>
  <c r="V71789" i="1"/>
  <c r="V71790" i="1"/>
  <c r="V71791" i="1"/>
  <c r="V71792" i="1"/>
  <c r="V71793" i="1"/>
  <c r="V71794" i="1"/>
  <c r="V71795" i="1"/>
  <c r="V71796" i="1"/>
  <c r="V71797" i="1"/>
  <c r="V71798" i="1"/>
  <c r="V71799" i="1"/>
  <c r="V71800" i="1"/>
  <c r="V71801" i="1"/>
  <c r="V71802" i="1"/>
  <c r="V71803" i="1"/>
  <c r="V71804" i="1"/>
  <c r="V71805" i="1"/>
  <c r="V71806" i="1"/>
  <c r="V71807" i="1"/>
  <c r="V71808" i="1"/>
  <c r="V71809" i="1"/>
  <c r="V71810" i="1"/>
  <c r="V71811" i="1"/>
  <c r="V71812" i="1"/>
  <c r="V71813" i="1"/>
  <c r="V71814" i="1"/>
  <c r="V71815" i="1"/>
  <c r="V71816" i="1"/>
  <c r="V71817" i="1"/>
  <c r="V71818" i="1"/>
  <c r="V71819" i="1"/>
  <c r="V71820" i="1"/>
  <c r="V71821" i="1"/>
  <c r="V71822" i="1"/>
  <c r="V71823" i="1"/>
  <c r="V71824" i="1"/>
  <c r="V71825" i="1"/>
  <c r="V71826" i="1"/>
  <c r="V71827" i="1"/>
  <c r="V71828" i="1"/>
  <c r="V71829" i="1"/>
  <c r="V71830" i="1"/>
  <c r="V71831" i="1"/>
  <c r="V71832" i="1"/>
  <c r="V71833" i="1"/>
  <c r="V71834" i="1"/>
  <c r="V71835" i="1"/>
  <c r="V71836" i="1"/>
  <c r="V71837" i="1"/>
  <c r="V71838" i="1"/>
  <c r="V71839" i="1"/>
  <c r="V71840" i="1"/>
  <c r="V71841" i="1"/>
  <c r="V71842" i="1"/>
  <c r="V71843" i="1"/>
  <c r="V71844" i="1"/>
  <c r="V71845" i="1"/>
  <c r="V71846" i="1"/>
  <c r="V71847" i="1"/>
  <c r="V71848" i="1"/>
  <c r="V71849" i="1"/>
  <c r="V71850" i="1"/>
  <c r="V71851" i="1"/>
  <c r="V71852" i="1"/>
  <c r="V71853" i="1"/>
  <c r="V71854" i="1"/>
  <c r="V71855" i="1"/>
  <c r="V71856" i="1"/>
  <c r="V71857" i="1"/>
  <c r="V71858" i="1"/>
  <c r="V71859" i="1"/>
  <c r="V71860" i="1"/>
  <c r="V71861" i="1"/>
  <c r="V71862" i="1"/>
  <c r="V71863" i="1"/>
  <c r="V71864" i="1"/>
  <c r="V71865" i="1"/>
  <c r="V71866" i="1"/>
  <c r="V71867" i="1"/>
  <c r="V71868" i="1"/>
  <c r="V71869" i="1"/>
  <c r="V71870" i="1"/>
  <c r="V71871" i="1"/>
  <c r="V71872" i="1"/>
  <c r="V71873" i="1"/>
  <c r="V71874" i="1"/>
  <c r="V71875" i="1"/>
  <c r="V71876" i="1"/>
  <c r="V71877" i="1"/>
  <c r="V71878" i="1"/>
  <c r="V71879" i="1"/>
  <c r="V71880" i="1"/>
  <c r="V71881" i="1"/>
  <c r="V71882" i="1"/>
  <c r="V71883" i="1"/>
  <c r="V71884" i="1"/>
  <c r="V71885" i="1"/>
  <c r="V71886" i="1"/>
  <c r="V71887" i="1"/>
  <c r="V71888" i="1"/>
  <c r="V71889" i="1"/>
  <c r="V71890" i="1"/>
  <c r="V71891" i="1"/>
  <c r="V71892" i="1"/>
  <c r="V71893" i="1"/>
  <c r="V71894" i="1"/>
  <c r="V71895" i="1"/>
  <c r="V71896" i="1"/>
  <c r="V71897" i="1"/>
  <c r="V71898" i="1"/>
  <c r="V71899" i="1"/>
  <c r="V71900" i="1"/>
  <c r="V71901" i="1"/>
  <c r="V71902" i="1"/>
  <c r="V71903" i="1"/>
  <c r="V71904" i="1"/>
  <c r="V71905" i="1"/>
  <c r="V71906" i="1"/>
  <c r="V71907" i="1"/>
  <c r="V71908" i="1"/>
  <c r="V71909" i="1"/>
  <c r="V71910" i="1"/>
  <c r="V71911" i="1"/>
  <c r="V71912" i="1"/>
  <c r="V71913" i="1"/>
  <c r="V71914" i="1"/>
  <c r="V71915" i="1"/>
  <c r="V71916" i="1"/>
  <c r="V71917" i="1"/>
  <c r="V71918" i="1"/>
  <c r="V71919" i="1"/>
  <c r="V71920" i="1"/>
  <c r="V71921" i="1"/>
  <c r="V71922" i="1"/>
  <c r="V71923" i="1"/>
  <c r="V71924" i="1"/>
  <c r="V71925" i="1"/>
  <c r="V71926" i="1"/>
  <c r="V71927" i="1"/>
  <c r="V71928" i="1"/>
  <c r="V71929" i="1"/>
  <c r="V71930" i="1"/>
  <c r="V71931" i="1"/>
  <c r="V71932" i="1"/>
  <c r="V71933" i="1"/>
  <c r="V71934" i="1"/>
  <c r="V71935" i="1"/>
  <c r="V71936" i="1"/>
  <c r="V71937" i="1"/>
  <c r="V71938" i="1"/>
  <c r="V71939" i="1"/>
  <c r="V71940" i="1"/>
  <c r="V71941" i="1"/>
  <c r="V71942" i="1"/>
  <c r="V71943" i="1"/>
  <c r="V71944" i="1"/>
  <c r="V71945" i="1"/>
  <c r="V71946" i="1"/>
  <c r="V71947" i="1"/>
  <c r="V71948" i="1"/>
  <c r="V71949" i="1"/>
  <c r="V71950" i="1"/>
  <c r="V71951" i="1"/>
  <c r="V71952" i="1"/>
  <c r="V71953" i="1"/>
  <c r="V71954" i="1"/>
  <c r="V71955" i="1"/>
  <c r="V71956" i="1"/>
  <c r="V71957" i="1"/>
  <c r="V71958" i="1"/>
  <c r="V71959" i="1"/>
  <c r="V71960" i="1"/>
  <c r="V71961" i="1"/>
  <c r="V71962" i="1"/>
  <c r="V71963" i="1"/>
  <c r="V71964" i="1"/>
  <c r="V71965" i="1"/>
  <c r="V71966" i="1"/>
  <c r="V71967" i="1"/>
  <c r="V71968" i="1"/>
  <c r="V71969" i="1"/>
  <c r="V71970" i="1"/>
  <c r="V71971" i="1"/>
  <c r="V71972" i="1"/>
  <c r="V71973" i="1"/>
  <c r="V71974" i="1"/>
  <c r="V71975" i="1"/>
  <c r="V71976" i="1"/>
  <c r="V71977" i="1"/>
  <c r="V71978" i="1"/>
  <c r="V71979" i="1"/>
  <c r="V71980" i="1"/>
  <c r="V71981" i="1"/>
  <c r="V71982" i="1"/>
  <c r="V71983" i="1"/>
  <c r="V71984" i="1"/>
  <c r="V71985" i="1"/>
  <c r="V71986" i="1"/>
  <c r="V71987" i="1"/>
  <c r="V71988" i="1"/>
  <c r="V71989" i="1"/>
  <c r="V71990" i="1"/>
  <c r="V71991" i="1"/>
  <c r="V71992" i="1"/>
  <c r="V71993" i="1"/>
  <c r="V71994" i="1"/>
  <c r="V71995" i="1"/>
  <c r="V71996" i="1"/>
  <c r="V71997" i="1"/>
  <c r="V71998" i="1"/>
  <c r="V71999" i="1"/>
  <c r="V72000" i="1"/>
  <c r="V72001" i="1"/>
  <c r="V72002" i="1"/>
  <c r="V72003" i="1"/>
  <c r="V72004" i="1"/>
  <c r="V72005" i="1"/>
  <c r="V72006" i="1"/>
  <c r="V72007" i="1"/>
  <c r="V72008" i="1"/>
  <c r="V72009" i="1"/>
  <c r="V72010" i="1"/>
  <c r="V72011" i="1"/>
  <c r="V72012" i="1"/>
  <c r="V72013" i="1"/>
  <c r="V72014" i="1"/>
  <c r="V72015" i="1"/>
  <c r="V72016" i="1"/>
  <c r="V72017" i="1"/>
  <c r="V72018" i="1"/>
  <c r="V72019" i="1"/>
  <c r="V72020" i="1"/>
  <c r="V72021" i="1"/>
  <c r="V72022" i="1"/>
  <c r="V72023" i="1"/>
  <c r="V72024" i="1"/>
  <c r="V72025" i="1"/>
  <c r="V72026" i="1"/>
  <c r="V72027" i="1"/>
  <c r="V72028" i="1"/>
  <c r="V72029" i="1"/>
  <c r="V72030" i="1"/>
  <c r="V72031" i="1"/>
  <c r="V72032" i="1"/>
  <c r="V72033" i="1"/>
  <c r="V72034" i="1"/>
  <c r="V72035" i="1"/>
  <c r="V72036" i="1"/>
  <c r="V72037" i="1"/>
  <c r="V72038" i="1"/>
  <c r="V72039" i="1"/>
  <c r="V72040" i="1"/>
  <c r="V72041" i="1"/>
  <c r="V72042" i="1"/>
  <c r="V72043" i="1"/>
  <c r="V72044" i="1"/>
  <c r="V72045" i="1"/>
  <c r="V72046" i="1"/>
  <c r="V72047" i="1"/>
  <c r="V72048" i="1"/>
  <c r="V72049" i="1"/>
  <c r="V72050" i="1"/>
  <c r="V72051" i="1"/>
  <c r="V72052" i="1"/>
  <c r="V72053" i="1"/>
  <c r="V72054" i="1"/>
  <c r="V72055" i="1"/>
  <c r="V72056" i="1"/>
  <c r="V72057" i="1"/>
  <c r="V72058" i="1"/>
  <c r="V72059" i="1"/>
  <c r="V72060" i="1"/>
  <c r="V72061" i="1"/>
  <c r="V72062" i="1"/>
  <c r="V72063" i="1"/>
  <c r="V72064" i="1"/>
  <c r="V72065" i="1"/>
  <c r="V72066" i="1"/>
  <c r="V72067" i="1"/>
  <c r="V72068" i="1"/>
  <c r="V72069" i="1"/>
  <c r="V72070" i="1"/>
  <c r="V72071" i="1"/>
  <c r="V72072" i="1"/>
  <c r="V72073" i="1"/>
  <c r="V72074" i="1"/>
  <c r="V72075" i="1"/>
  <c r="V72076" i="1"/>
  <c r="V72077" i="1"/>
  <c r="V72078" i="1"/>
  <c r="V72079" i="1"/>
  <c r="V72080" i="1"/>
  <c r="V72081" i="1"/>
  <c r="V72082" i="1"/>
  <c r="V72083" i="1"/>
  <c r="V72084" i="1"/>
  <c r="V72085" i="1"/>
  <c r="V72086" i="1"/>
  <c r="V72087" i="1"/>
  <c r="V72088" i="1"/>
  <c r="V72089" i="1"/>
  <c r="V72090" i="1"/>
  <c r="V72091" i="1"/>
  <c r="V72092" i="1"/>
  <c r="V72093" i="1"/>
  <c r="V72094" i="1"/>
  <c r="V72095" i="1"/>
  <c r="V72096" i="1"/>
  <c r="V72097" i="1"/>
  <c r="V72098" i="1"/>
  <c r="V72099" i="1"/>
  <c r="V72100" i="1"/>
  <c r="V72101" i="1"/>
  <c r="V72102" i="1"/>
  <c r="V72103" i="1"/>
  <c r="V72104" i="1"/>
  <c r="V72105" i="1"/>
  <c r="V72106" i="1"/>
  <c r="V72107" i="1"/>
  <c r="V72108" i="1"/>
  <c r="V72109" i="1"/>
  <c r="V72110" i="1"/>
  <c r="V72111" i="1"/>
  <c r="V72112" i="1"/>
  <c r="V72113" i="1"/>
  <c r="V72114" i="1"/>
  <c r="V72115" i="1"/>
  <c r="V72116" i="1"/>
  <c r="V72117" i="1"/>
  <c r="V72118" i="1"/>
  <c r="V72119" i="1"/>
  <c r="V72120" i="1"/>
  <c r="V72121" i="1"/>
  <c r="V72122" i="1"/>
  <c r="V72123" i="1"/>
  <c r="V72124" i="1"/>
  <c r="V72125" i="1"/>
  <c r="V72126" i="1"/>
  <c r="V72127" i="1"/>
  <c r="V72128" i="1"/>
  <c r="V72129" i="1"/>
  <c r="V72130" i="1"/>
  <c r="V72131" i="1"/>
  <c r="V72132" i="1"/>
  <c r="V72133" i="1"/>
  <c r="V72134" i="1"/>
  <c r="V72135" i="1"/>
  <c r="V72136" i="1"/>
  <c r="V72137" i="1"/>
  <c r="V72138" i="1"/>
  <c r="V72139" i="1"/>
  <c r="V72140" i="1"/>
  <c r="V72141" i="1"/>
  <c r="V72142" i="1"/>
  <c r="V72143" i="1"/>
  <c r="V72144" i="1"/>
  <c r="V72145" i="1"/>
  <c r="V72146" i="1"/>
  <c r="V72147" i="1"/>
  <c r="V72148" i="1"/>
  <c r="V72149" i="1"/>
  <c r="V72150" i="1"/>
  <c r="V72151" i="1"/>
  <c r="V72152" i="1"/>
  <c r="V72153" i="1"/>
  <c r="V72154" i="1"/>
  <c r="V72155" i="1"/>
  <c r="V72156" i="1"/>
  <c r="V72157" i="1"/>
  <c r="V72158" i="1"/>
  <c r="V72159" i="1"/>
  <c r="V72160" i="1"/>
  <c r="V72161" i="1"/>
  <c r="V72162" i="1"/>
  <c r="V72163" i="1"/>
  <c r="V72164" i="1"/>
  <c r="V72165" i="1"/>
  <c r="V72166" i="1"/>
  <c r="V72167" i="1"/>
  <c r="V72168" i="1"/>
  <c r="V72169" i="1"/>
  <c r="V72170" i="1"/>
  <c r="V72171" i="1"/>
  <c r="V72172" i="1"/>
  <c r="V72173" i="1"/>
  <c r="V72174" i="1"/>
  <c r="V72175" i="1"/>
  <c r="V72176" i="1"/>
  <c r="V72177" i="1"/>
  <c r="V72178" i="1"/>
  <c r="V72179" i="1"/>
  <c r="V72180" i="1"/>
  <c r="V72181" i="1"/>
  <c r="V72182" i="1"/>
  <c r="V72183" i="1"/>
  <c r="V72184" i="1"/>
  <c r="V72185" i="1"/>
  <c r="V72186" i="1"/>
  <c r="V72187" i="1"/>
  <c r="V72188" i="1"/>
  <c r="V72189" i="1"/>
  <c r="V72190" i="1"/>
  <c r="V72191" i="1"/>
  <c r="V72192" i="1"/>
  <c r="V72193" i="1"/>
  <c r="V72194" i="1"/>
  <c r="V72195" i="1"/>
  <c r="V72196" i="1"/>
  <c r="V72197" i="1"/>
  <c r="V72198" i="1"/>
  <c r="V72199" i="1"/>
  <c r="V72200" i="1"/>
  <c r="V72201" i="1"/>
  <c r="V72202" i="1"/>
  <c r="V72203" i="1"/>
  <c r="V72204" i="1"/>
  <c r="V72205" i="1"/>
  <c r="V72206" i="1"/>
  <c r="V72207" i="1"/>
  <c r="V72208" i="1"/>
  <c r="V72209" i="1"/>
  <c r="V72210" i="1"/>
  <c r="V72211" i="1"/>
  <c r="V72212" i="1"/>
  <c r="V72213" i="1"/>
  <c r="V72214" i="1"/>
  <c r="V72215" i="1"/>
  <c r="V72216" i="1"/>
  <c r="V72217" i="1"/>
  <c r="V72218" i="1"/>
  <c r="V72219" i="1"/>
  <c r="V72220" i="1"/>
  <c r="V72221" i="1"/>
  <c r="V72222" i="1"/>
  <c r="V72223" i="1"/>
  <c r="V72224" i="1"/>
  <c r="V72225" i="1"/>
  <c r="V72226" i="1"/>
  <c r="V72227" i="1"/>
  <c r="V72228" i="1"/>
  <c r="V72229" i="1"/>
  <c r="V72230" i="1"/>
  <c r="V72231" i="1"/>
  <c r="V72232" i="1"/>
  <c r="V72233" i="1"/>
  <c r="V72234" i="1"/>
  <c r="V72235" i="1"/>
  <c r="V72236" i="1"/>
  <c r="V72237" i="1"/>
  <c r="V72238" i="1"/>
  <c r="V72239" i="1"/>
  <c r="V72240" i="1"/>
  <c r="V72241" i="1"/>
  <c r="V72242" i="1"/>
  <c r="V72243" i="1"/>
  <c r="V72244" i="1"/>
  <c r="V72245" i="1"/>
  <c r="V72246" i="1"/>
  <c r="V72247" i="1"/>
  <c r="V72248" i="1"/>
  <c r="V72249" i="1"/>
  <c r="V72250" i="1"/>
  <c r="V72251" i="1"/>
  <c r="V72252" i="1"/>
  <c r="V72253" i="1"/>
  <c r="V72254" i="1"/>
  <c r="V72255" i="1"/>
  <c r="V72256" i="1"/>
  <c r="V72257" i="1"/>
  <c r="V72258" i="1"/>
  <c r="V72259" i="1"/>
  <c r="V72260" i="1"/>
  <c r="V72261" i="1"/>
  <c r="V72262" i="1"/>
  <c r="V72263" i="1"/>
  <c r="V72264" i="1"/>
  <c r="V72265" i="1"/>
  <c r="V72266" i="1"/>
  <c r="V72267" i="1"/>
  <c r="V72268" i="1"/>
  <c r="V72269" i="1"/>
  <c r="V72270" i="1"/>
  <c r="V72271" i="1"/>
  <c r="V72272" i="1"/>
  <c r="V72273" i="1"/>
  <c r="V72274" i="1"/>
  <c r="V72275" i="1"/>
  <c r="V72276" i="1"/>
  <c r="V72277" i="1"/>
  <c r="V72278" i="1"/>
  <c r="V72279" i="1"/>
  <c r="V72280" i="1"/>
  <c r="V72281" i="1"/>
  <c r="V72282" i="1"/>
  <c r="V72283" i="1"/>
  <c r="V72284" i="1"/>
  <c r="V72285" i="1"/>
  <c r="V72286" i="1"/>
  <c r="V72287" i="1"/>
  <c r="V72288" i="1"/>
  <c r="V72289" i="1"/>
  <c r="V72290" i="1"/>
  <c r="V72291" i="1"/>
  <c r="V72292" i="1"/>
  <c r="V72293" i="1"/>
  <c r="V72294" i="1"/>
  <c r="V72295" i="1"/>
  <c r="V72296" i="1"/>
  <c r="V72297" i="1"/>
  <c r="V72298" i="1"/>
  <c r="V72299" i="1"/>
  <c r="V72300" i="1"/>
  <c r="V72301" i="1"/>
  <c r="V72302" i="1"/>
  <c r="V72303" i="1"/>
  <c r="V72304" i="1"/>
  <c r="V72305" i="1"/>
  <c r="V72306" i="1"/>
  <c r="V72307" i="1"/>
  <c r="V72308" i="1"/>
  <c r="V72309" i="1"/>
  <c r="V72310" i="1"/>
  <c r="V72311" i="1"/>
  <c r="V72312" i="1"/>
  <c r="V72313" i="1"/>
  <c r="V72314" i="1"/>
  <c r="V72315" i="1"/>
  <c r="V72316" i="1"/>
  <c r="V72317" i="1"/>
  <c r="V72318" i="1"/>
  <c r="V72319" i="1"/>
  <c r="V72320" i="1"/>
  <c r="V72321" i="1"/>
  <c r="V72322" i="1"/>
  <c r="V72323" i="1"/>
  <c r="V72324" i="1"/>
  <c r="V72325" i="1"/>
  <c r="V72326" i="1"/>
  <c r="V72327" i="1"/>
  <c r="V72328" i="1"/>
  <c r="V72329" i="1"/>
  <c r="V72330" i="1"/>
  <c r="V72331" i="1"/>
  <c r="V72332" i="1"/>
  <c r="V72333" i="1"/>
  <c r="V72334" i="1"/>
  <c r="V72335" i="1"/>
  <c r="V72336" i="1"/>
  <c r="V72337" i="1"/>
  <c r="V72338" i="1"/>
  <c r="V72339" i="1"/>
  <c r="V72340" i="1"/>
  <c r="V72341" i="1"/>
  <c r="V72342" i="1"/>
  <c r="V72343" i="1"/>
  <c r="V72344" i="1"/>
  <c r="V72345" i="1"/>
  <c r="V72346" i="1"/>
  <c r="V72347" i="1"/>
  <c r="V72348" i="1"/>
  <c r="V72349" i="1"/>
  <c r="V72350" i="1"/>
  <c r="V72351" i="1"/>
  <c r="V72352" i="1"/>
  <c r="V72353" i="1"/>
  <c r="V72354" i="1"/>
  <c r="V72355" i="1"/>
  <c r="V72356" i="1"/>
  <c r="V72357" i="1"/>
  <c r="V72358" i="1"/>
  <c r="V72359" i="1"/>
  <c r="V72360" i="1"/>
  <c r="V72361" i="1"/>
  <c r="V72362" i="1"/>
  <c r="V72363" i="1"/>
  <c r="V72364" i="1"/>
  <c r="V72365" i="1"/>
  <c r="V72366" i="1"/>
  <c r="V72367" i="1"/>
  <c r="V72368" i="1"/>
  <c r="V72369" i="1"/>
  <c r="V72370" i="1"/>
  <c r="V72371" i="1"/>
  <c r="V72372" i="1"/>
  <c r="V72373" i="1"/>
  <c r="V72374" i="1"/>
  <c r="V72375" i="1"/>
  <c r="V72376" i="1"/>
  <c r="V72377" i="1"/>
  <c r="V72378" i="1"/>
  <c r="V72379" i="1"/>
  <c r="V72380" i="1"/>
  <c r="V72381" i="1"/>
  <c r="V72382" i="1"/>
  <c r="V72383" i="1"/>
  <c r="V72384" i="1"/>
  <c r="V72385" i="1"/>
  <c r="V72386" i="1"/>
  <c r="V72387" i="1"/>
  <c r="V72388" i="1"/>
  <c r="V72389" i="1"/>
  <c r="V72390" i="1"/>
  <c r="V72391" i="1"/>
  <c r="V72392" i="1"/>
  <c r="V72393" i="1"/>
  <c r="V72394" i="1"/>
  <c r="V72395" i="1"/>
  <c r="V72396" i="1"/>
  <c r="V72397" i="1"/>
  <c r="V72398" i="1"/>
  <c r="V72399" i="1"/>
  <c r="V72400" i="1"/>
  <c r="V72401" i="1"/>
  <c r="V72402" i="1"/>
  <c r="V72403" i="1"/>
  <c r="V72404" i="1"/>
  <c r="V72405" i="1"/>
  <c r="V72406" i="1"/>
  <c r="V72407" i="1"/>
  <c r="V72408" i="1"/>
  <c r="V72409" i="1"/>
  <c r="V72410" i="1"/>
  <c r="V72411" i="1"/>
  <c r="V72412" i="1"/>
  <c r="V72413" i="1"/>
  <c r="V72414" i="1"/>
  <c r="V72415" i="1"/>
  <c r="V72416" i="1"/>
  <c r="V72417" i="1"/>
  <c r="V72418" i="1"/>
  <c r="V72419" i="1"/>
  <c r="V72420" i="1"/>
  <c r="V72421" i="1"/>
  <c r="V72422" i="1"/>
  <c r="V72423" i="1"/>
  <c r="V72424" i="1"/>
  <c r="V72425" i="1"/>
  <c r="V72426" i="1"/>
  <c r="V72427" i="1"/>
  <c r="V72428" i="1"/>
  <c r="V72429" i="1"/>
  <c r="V72430" i="1"/>
  <c r="V72431" i="1"/>
  <c r="V72432" i="1"/>
  <c r="V72433" i="1"/>
  <c r="V72434" i="1"/>
  <c r="V72435" i="1"/>
  <c r="V72436" i="1"/>
  <c r="V72437" i="1"/>
  <c r="V72438" i="1"/>
  <c r="V72439" i="1"/>
  <c r="V72440" i="1"/>
  <c r="V72441" i="1"/>
  <c r="V72442" i="1"/>
  <c r="V72443" i="1"/>
  <c r="V72444" i="1"/>
  <c r="V72445" i="1"/>
  <c r="V72446" i="1"/>
  <c r="V72447" i="1"/>
  <c r="V72448" i="1"/>
  <c r="V72449" i="1"/>
  <c r="V72450" i="1"/>
  <c r="V72451" i="1"/>
  <c r="V72452" i="1"/>
  <c r="V72453" i="1"/>
  <c r="V72454" i="1"/>
  <c r="V72455" i="1"/>
  <c r="V72456" i="1"/>
  <c r="V72457" i="1"/>
  <c r="V72458" i="1"/>
  <c r="V72459" i="1"/>
  <c r="V72460" i="1"/>
  <c r="V72461" i="1"/>
  <c r="V72462" i="1"/>
  <c r="V72463" i="1"/>
  <c r="V72464" i="1"/>
  <c r="V72465" i="1"/>
  <c r="V72466" i="1"/>
  <c r="V72467" i="1"/>
  <c r="V72468" i="1"/>
  <c r="V72469" i="1"/>
  <c r="V72470" i="1"/>
  <c r="V72471" i="1"/>
  <c r="V72472" i="1"/>
  <c r="V72473" i="1"/>
  <c r="V72474" i="1"/>
  <c r="V72475" i="1"/>
  <c r="V72476" i="1"/>
  <c r="V72477" i="1"/>
  <c r="V72478" i="1"/>
  <c r="V72479" i="1"/>
  <c r="V72480" i="1"/>
  <c r="V72481" i="1"/>
  <c r="V72482" i="1"/>
  <c r="V72483" i="1"/>
  <c r="V72484" i="1"/>
  <c r="V72485" i="1"/>
  <c r="V72486" i="1"/>
  <c r="V72487" i="1"/>
  <c r="V72488" i="1"/>
  <c r="V72489" i="1"/>
  <c r="V72490" i="1"/>
  <c r="V72491" i="1"/>
  <c r="V72492" i="1"/>
  <c r="V72493" i="1"/>
  <c r="V72494" i="1"/>
  <c r="V72495" i="1"/>
  <c r="V72496" i="1"/>
  <c r="V72497" i="1"/>
  <c r="V72498" i="1"/>
  <c r="V72499" i="1"/>
  <c r="V72500" i="1"/>
  <c r="V72501" i="1"/>
  <c r="V72502" i="1"/>
  <c r="V72503" i="1"/>
  <c r="V72504" i="1"/>
  <c r="V72505" i="1"/>
  <c r="V72506" i="1"/>
  <c r="V72507" i="1"/>
  <c r="V72508" i="1"/>
  <c r="V72509" i="1"/>
  <c r="V72510" i="1"/>
  <c r="V72511" i="1"/>
  <c r="V72512" i="1"/>
  <c r="V72513" i="1"/>
  <c r="V72514" i="1"/>
  <c r="V72515" i="1"/>
  <c r="V72516" i="1"/>
  <c r="V72517" i="1"/>
  <c r="V72518" i="1"/>
  <c r="V72519" i="1"/>
  <c r="V72520" i="1"/>
  <c r="V72521" i="1"/>
  <c r="V72522" i="1"/>
  <c r="V72523" i="1"/>
  <c r="V72524" i="1"/>
  <c r="V72525" i="1"/>
  <c r="V72526" i="1"/>
  <c r="V72527" i="1"/>
  <c r="V72528" i="1"/>
  <c r="V72529" i="1"/>
  <c r="V72530" i="1"/>
  <c r="V72531" i="1"/>
  <c r="V72532" i="1"/>
  <c r="V72533" i="1"/>
  <c r="V72534" i="1"/>
  <c r="V72535" i="1"/>
  <c r="V72536" i="1"/>
  <c r="V72537" i="1"/>
  <c r="V72538" i="1"/>
  <c r="V72539" i="1"/>
  <c r="V72540" i="1"/>
  <c r="V72541" i="1"/>
  <c r="V72542" i="1"/>
  <c r="V72543" i="1"/>
  <c r="V72544" i="1"/>
  <c r="V72545" i="1"/>
  <c r="V72546" i="1"/>
  <c r="V72547" i="1"/>
  <c r="V72548" i="1"/>
  <c r="V72549" i="1"/>
  <c r="V72550" i="1"/>
  <c r="V72551" i="1"/>
  <c r="V72552" i="1"/>
  <c r="V72553" i="1"/>
  <c r="V72554" i="1"/>
  <c r="V72555" i="1"/>
  <c r="V72556" i="1"/>
  <c r="V72557" i="1"/>
  <c r="V72558" i="1"/>
  <c r="V72559" i="1"/>
  <c r="V72560" i="1"/>
  <c r="V72561" i="1"/>
  <c r="V72562" i="1"/>
  <c r="V72563" i="1"/>
  <c r="V72564" i="1"/>
  <c r="V72565" i="1"/>
  <c r="V72566" i="1"/>
  <c r="V72567" i="1"/>
  <c r="V72568" i="1"/>
  <c r="V72569" i="1"/>
  <c r="V72570" i="1"/>
  <c r="V72571" i="1"/>
  <c r="V72572" i="1"/>
  <c r="V72573" i="1"/>
  <c r="V72574" i="1"/>
  <c r="V72575" i="1"/>
  <c r="V72576" i="1"/>
  <c r="V72577" i="1"/>
  <c r="V72578" i="1"/>
  <c r="V72579" i="1"/>
  <c r="V72580" i="1"/>
  <c r="V72581" i="1"/>
  <c r="V72582" i="1"/>
  <c r="V72583" i="1"/>
  <c r="V72584" i="1"/>
  <c r="V72585" i="1"/>
  <c r="V72586" i="1"/>
  <c r="V72587" i="1"/>
  <c r="V72588" i="1"/>
  <c r="V72589" i="1"/>
  <c r="V72590" i="1"/>
  <c r="V72591" i="1"/>
  <c r="V72592" i="1"/>
  <c r="V72593" i="1"/>
  <c r="V72594" i="1"/>
  <c r="V72595" i="1"/>
  <c r="V72596" i="1"/>
  <c r="V72597" i="1"/>
  <c r="V72598" i="1"/>
  <c r="V72599" i="1"/>
  <c r="V72600" i="1"/>
  <c r="V72601" i="1"/>
  <c r="V72602" i="1"/>
  <c r="V72603" i="1"/>
  <c r="V72604" i="1"/>
  <c r="V72605" i="1"/>
  <c r="V72606" i="1"/>
  <c r="V72607" i="1"/>
  <c r="V72608" i="1"/>
  <c r="V72609" i="1"/>
  <c r="V72610" i="1"/>
  <c r="V72611" i="1"/>
  <c r="V72612" i="1"/>
  <c r="V72613" i="1"/>
  <c r="V72614" i="1"/>
  <c r="V72615" i="1"/>
  <c r="V72616" i="1"/>
  <c r="V72617" i="1"/>
  <c r="V72618" i="1"/>
  <c r="V72619" i="1"/>
  <c r="V72620" i="1"/>
  <c r="V72621" i="1"/>
  <c r="V72622" i="1"/>
  <c r="V72623" i="1"/>
  <c r="V72624" i="1"/>
  <c r="V72625" i="1"/>
  <c r="V72626" i="1"/>
  <c r="V72627" i="1"/>
  <c r="V72628" i="1"/>
  <c r="V72629" i="1"/>
  <c r="V72630" i="1"/>
  <c r="V72631" i="1"/>
  <c r="V72632" i="1"/>
  <c r="V72633" i="1"/>
  <c r="V72634" i="1"/>
  <c r="V72635" i="1"/>
  <c r="V72636" i="1"/>
  <c r="V72637" i="1"/>
  <c r="V72638" i="1"/>
  <c r="V72639" i="1"/>
  <c r="V72640" i="1"/>
  <c r="V72641" i="1"/>
  <c r="V72642" i="1"/>
  <c r="V72643" i="1"/>
  <c r="V72644" i="1"/>
  <c r="V72645" i="1"/>
  <c r="V72646" i="1"/>
  <c r="V72647" i="1"/>
  <c r="V72648" i="1"/>
  <c r="V72649" i="1"/>
  <c r="V72650" i="1"/>
  <c r="V72651" i="1"/>
  <c r="V72652" i="1"/>
  <c r="V72653" i="1"/>
  <c r="V72654" i="1"/>
  <c r="V72655" i="1"/>
  <c r="V72656" i="1"/>
  <c r="V72657" i="1"/>
  <c r="V72658" i="1"/>
  <c r="V72659" i="1"/>
  <c r="V72660" i="1"/>
  <c r="V72661" i="1"/>
  <c r="V72662" i="1"/>
  <c r="V72663" i="1"/>
  <c r="V72664" i="1"/>
  <c r="V72665" i="1"/>
  <c r="V72666" i="1"/>
  <c r="V72667" i="1"/>
  <c r="V72668" i="1"/>
  <c r="V72669" i="1"/>
  <c r="V72670" i="1"/>
  <c r="V72671" i="1"/>
  <c r="V72672" i="1"/>
  <c r="V72673" i="1"/>
  <c r="V72674" i="1"/>
  <c r="V72675" i="1"/>
  <c r="V72676" i="1"/>
  <c r="V72677" i="1"/>
  <c r="V72678" i="1"/>
  <c r="V72679" i="1"/>
  <c r="V72680" i="1"/>
  <c r="V72681" i="1"/>
  <c r="V72682" i="1"/>
  <c r="V72683" i="1"/>
  <c r="V72684" i="1"/>
  <c r="V72685" i="1"/>
  <c r="V72686" i="1"/>
  <c r="V72687" i="1"/>
  <c r="V72688" i="1"/>
  <c r="V72689" i="1"/>
  <c r="V72690" i="1"/>
  <c r="V72691" i="1"/>
  <c r="V72692" i="1"/>
  <c r="V72693" i="1"/>
  <c r="V72694" i="1"/>
  <c r="V72695" i="1"/>
  <c r="V72696" i="1"/>
  <c r="V72697" i="1"/>
  <c r="V72698" i="1"/>
  <c r="V72699" i="1"/>
  <c r="V72700" i="1"/>
  <c r="V72701" i="1"/>
  <c r="V72702" i="1"/>
  <c r="V72703" i="1"/>
  <c r="V72704" i="1"/>
  <c r="V72705" i="1"/>
  <c r="V72706" i="1"/>
  <c r="V72707" i="1"/>
  <c r="V72708" i="1"/>
  <c r="V72709" i="1"/>
  <c r="V72710" i="1"/>
  <c r="V72711" i="1"/>
  <c r="V72712" i="1"/>
  <c r="V72713" i="1"/>
  <c r="V72714" i="1"/>
  <c r="V72715" i="1"/>
  <c r="V72716" i="1"/>
  <c r="V72717" i="1"/>
  <c r="V72718" i="1"/>
  <c r="V72719" i="1"/>
  <c r="V72720" i="1"/>
  <c r="V72721" i="1"/>
  <c r="V72722" i="1"/>
  <c r="V72723" i="1"/>
  <c r="V72724" i="1"/>
  <c r="V72725" i="1"/>
  <c r="V72726" i="1"/>
  <c r="V72727" i="1"/>
  <c r="V72728" i="1"/>
  <c r="V72729" i="1"/>
  <c r="V72730" i="1"/>
  <c r="V72731" i="1"/>
  <c r="V72732" i="1"/>
  <c r="V72733" i="1"/>
  <c r="V72734" i="1"/>
  <c r="V72735" i="1"/>
  <c r="V72736" i="1"/>
  <c r="V72737" i="1"/>
  <c r="V72738" i="1"/>
  <c r="V72739" i="1"/>
  <c r="V72740" i="1"/>
  <c r="V72741" i="1"/>
  <c r="V72742" i="1"/>
  <c r="V72743" i="1"/>
  <c r="V72744" i="1"/>
  <c r="V72745" i="1"/>
  <c r="V72746" i="1"/>
  <c r="V72747" i="1"/>
  <c r="V72748" i="1"/>
  <c r="V72749" i="1"/>
  <c r="V72750" i="1"/>
  <c r="V72751" i="1"/>
  <c r="V72752" i="1"/>
  <c r="V72753" i="1"/>
  <c r="V72754" i="1"/>
  <c r="V72755" i="1"/>
  <c r="V72756" i="1"/>
  <c r="V72757" i="1"/>
  <c r="V72758" i="1"/>
  <c r="V72759" i="1"/>
  <c r="V72760" i="1"/>
  <c r="V72761" i="1"/>
  <c r="V72762" i="1"/>
  <c r="V72763" i="1"/>
  <c r="V72764" i="1"/>
  <c r="V72765" i="1"/>
  <c r="V72766" i="1"/>
  <c r="V72767" i="1"/>
  <c r="V72768" i="1"/>
  <c r="V72769" i="1"/>
  <c r="V72770" i="1"/>
  <c r="V72771" i="1"/>
  <c r="V72772" i="1"/>
  <c r="V72773" i="1"/>
  <c r="V72774" i="1"/>
  <c r="V72775" i="1"/>
  <c r="V72776" i="1"/>
  <c r="V72777" i="1"/>
  <c r="V72778" i="1"/>
  <c r="V72779" i="1"/>
  <c r="V72780" i="1"/>
  <c r="V72781" i="1"/>
  <c r="V72782" i="1"/>
  <c r="V72783" i="1"/>
  <c r="V72784" i="1"/>
  <c r="V72785" i="1"/>
  <c r="V72786" i="1"/>
  <c r="V72787" i="1"/>
  <c r="V72788" i="1"/>
  <c r="V72789" i="1"/>
  <c r="V72790" i="1"/>
  <c r="V72791" i="1"/>
  <c r="V72792" i="1"/>
  <c r="V72793" i="1"/>
  <c r="V72794" i="1"/>
  <c r="V72795" i="1"/>
  <c r="V72796" i="1"/>
  <c r="V72797" i="1"/>
  <c r="V72798" i="1"/>
  <c r="V72799" i="1"/>
  <c r="V72800" i="1"/>
  <c r="V72801" i="1"/>
  <c r="V72802" i="1"/>
  <c r="V72803" i="1"/>
  <c r="V72804" i="1"/>
  <c r="V72805" i="1"/>
  <c r="V72806" i="1"/>
  <c r="V72807" i="1"/>
  <c r="V72808" i="1"/>
  <c r="V72809" i="1"/>
  <c r="V72810" i="1"/>
  <c r="V72811" i="1"/>
  <c r="V72812" i="1"/>
  <c r="V72813" i="1"/>
  <c r="V72814" i="1"/>
  <c r="V72815" i="1"/>
  <c r="V72816" i="1"/>
  <c r="V72817" i="1"/>
  <c r="V72818" i="1"/>
  <c r="V72819" i="1"/>
  <c r="V72820" i="1"/>
  <c r="V72821" i="1"/>
  <c r="V72822" i="1"/>
  <c r="V72823" i="1"/>
  <c r="V72824" i="1"/>
  <c r="V72825" i="1"/>
  <c r="V72826" i="1"/>
  <c r="V72827" i="1"/>
  <c r="V72828" i="1"/>
  <c r="V72829" i="1"/>
  <c r="V72830" i="1"/>
  <c r="V72831" i="1"/>
  <c r="V72832" i="1"/>
  <c r="V72833" i="1"/>
  <c r="V72834" i="1"/>
  <c r="V72835" i="1"/>
  <c r="V72836" i="1"/>
  <c r="V72837" i="1"/>
  <c r="V72838" i="1"/>
  <c r="V72839" i="1"/>
  <c r="V72840" i="1"/>
  <c r="V72841" i="1"/>
  <c r="V72842" i="1"/>
  <c r="V72843" i="1"/>
  <c r="V72844" i="1"/>
  <c r="V72845" i="1"/>
  <c r="V72846" i="1"/>
  <c r="V72847" i="1"/>
  <c r="V72848" i="1"/>
  <c r="V72849" i="1"/>
  <c r="V72850" i="1"/>
  <c r="V72851" i="1"/>
  <c r="V72852" i="1"/>
  <c r="V72853" i="1"/>
  <c r="V72854" i="1"/>
  <c r="V72855" i="1"/>
  <c r="V72856" i="1"/>
  <c r="V72857" i="1"/>
  <c r="V72858" i="1"/>
  <c r="V72859" i="1"/>
  <c r="V72860" i="1"/>
  <c r="V72861" i="1"/>
  <c r="V72862" i="1"/>
  <c r="V72863" i="1"/>
  <c r="V72864" i="1"/>
  <c r="V72865" i="1"/>
  <c r="V72866" i="1"/>
  <c r="V72867" i="1"/>
  <c r="V72868" i="1"/>
  <c r="V72869" i="1"/>
  <c r="V72870" i="1"/>
  <c r="V72871" i="1"/>
  <c r="V72872" i="1"/>
  <c r="V72873" i="1"/>
  <c r="V72874" i="1"/>
  <c r="V72875" i="1"/>
  <c r="V72876" i="1"/>
  <c r="V72877" i="1"/>
  <c r="V72878" i="1"/>
  <c r="V72879" i="1"/>
  <c r="V72880" i="1"/>
  <c r="V72881" i="1"/>
  <c r="V72882" i="1"/>
  <c r="V72883" i="1"/>
  <c r="V72884" i="1"/>
  <c r="V72885" i="1"/>
  <c r="V72886" i="1"/>
  <c r="V72887" i="1"/>
  <c r="V72888" i="1"/>
  <c r="V72889" i="1"/>
  <c r="V72890" i="1"/>
  <c r="V72891" i="1"/>
  <c r="V72892" i="1"/>
  <c r="V72893" i="1"/>
  <c r="V72894" i="1"/>
  <c r="V72895" i="1"/>
  <c r="V72896" i="1"/>
  <c r="V72897" i="1"/>
  <c r="V72898" i="1"/>
  <c r="V72899" i="1"/>
  <c r="V72900" i="1"/>
  <c r="V72901" i="1"/>
  <c r="V72902" i="1"/>
  <c r="V72903" i="1"/>
  <c r="V72904" i="1"/>
  <c r="V72905" i="1"/>
  <c r="V72906" i="1"/>
  <c r="V72907" i="1"/>
  <c r="V72908" i="1"/>
  <c r="V72909" i="1"/>
  <c r="V72910" i="1"/>
  <c r="V72911" i="1"/>
  <c r="V72912" i="1"/>
  <c r="V72913" i="1"/>
  <c r="V72914" i="1"/>
  <c r="V72915" i="1"/>
  <c r="V72916" i="1"/>
  <c r="V72917" i="1"/>
  <c r="V72918" i="1"/>
  <c r="V72919" i="1"/>
  <c r="V72920" i="1"/>
  <c r="V72921" i="1"/>
  <c r="V72922" i="1"/>
  <c r="V72923" i="1"/>
  <c r="V72924" i="1"/>
  <c r="V72925" i="1"/>
  <c r="V72926" i="1"/>
  <c r="V72927" i="1"/>
  <c r="V72928" i="1"/>
  <c r="V72929" i="1"/>
  <c r="V72930" i="1"/>
  <c r="V72931" i="1"/>
  <c r="V72932" i="1"/>
  <c r="V72933" i="1"/>
  <c r="V72934" i="1"/>
  <c r="V72935" i="1"/>
  <c r="V72936" i="1"/>
  <c r="V72937" i="1"/>
  <c r="V72938" i="1"/>
  <c r="V72939" i="1"/>
  <c r="V72940" i="1"/>
  <c r="V72941" i="1"/>
  <c r="V72942" i="1"/>
  <c r="V72943" i="1"/>
  <c r="V72944" i="1"/>
  <c r="V72945" i="1"/>
  <c r="V72946" i="1"/>
  <c r="V72947" i="1"/>
  <c r="V72948" i="1"/>
  <c r="V72949" i="1"/>
  <c r="V72950" i="1"/>
  <c r="V72951" i="1"/>
  <c r="V72952" i="1"/>
  <c r="V72953" i="1"/>
  <c r="V72954" i="1"/>
  <c r="V72955" i="1"/>
  <c r="V72956" i="1"/>
  <c r="V72957" i="1"/>
  <c r="V72958" i="1"/>
  <c r="V72959" i="1"/>
  <c r="V72960" i="1"/>
  <c r="V72961" i="1"/>
  <c r="V72962" i="1"/>
  <c r="V72963" i="1"/>
  <c r="V72964" i="1"/>
  <c r="V72965" i="1"/>
  <c r="V72966" i="1"/>
  <c r="V72967" i="1"/>
  <c r="V72968" i="1"/>
  <c r="V72969" i="1"/>
  <c r="V72970" i="1"/>
  <c r="V72971" i="1"/>
  <c r="V72972" i="1"/>
  <c r="V72973" i="1"/>
  <c r="V72974" i="1"/>
  <c r="V72975" i="1"/>
  <c r="V72976" i="1"/>
  <c r="V72977" i="1"/>
  <c r="V72978" i="1"/>
  <c r="V72979" i="1"/>
  <c r="V72980" i="1"/>
  <c r="V72981" i="1"/>
  <c r="V72982" i="1"/>
  <c r="V72983" i="1"/>
  <c r="V72984" i="1"/>
  <c r="V72985" i="1"/>
  <c r="V72986" i="1"/>
  <c r="V72987" i="1"/>
  <c r="V72988" i="1"/>
  <c r="V72989" i="1"/>
  <c r="V72990" i="1"/>
  <c r="V72991" i="1"/>
  <c r="V72992" i="1"/>
  <c r="V72993" i="1"/>
  <c r="V72994" i="1"/>
  <c r="V72995" i="1"/>
  <c r="V72996" i="1"/>
  <c r="V72997" i="1"/>
  <c r="V72998" i="1"/>
  <c r="V72999" i="1"/>
  <c r="V73000" i="1"/>
  <c r="V73001" i="1"/>
  <c r="V73002" i="1"/>
  <c r="V73003" i="1"/>
  <c r="V73004" i="1"/>
  <c r="V73005" i="1"/>
  <c r="V73006" i="1"/>
  <c r="V73007" i="1"/>
  <c r="V73008" i="1"/>
  <c r="V73009" i="1"/>
  <c r="V73010" i="1"/>
  <c r="V73011" i="1"/>
  <c r="V73012" i="1"/>
  <c r="V73013" i="1"/>
  <c r="V73014" i="1"/>
  <c r="V73015" i="1"/>
  <c r="V73016" i="1"/>
  <c r="V73017" i="1"/>
  <c r="V73018" i="1"/>
  <c r="V73019" i="1"/>
  <c r="V73020" i="1"/>
  <c r="V73021" i="1"/>
  <c r="V73022" i="1"/>
  <c r="V73023" i="1"/>
  <c r="V73024" i="1"/>
  <c r="V73025" i="1"/>
  <c r="V73026" i="1"/>
  <c r="V73027" i="1"/>
  <c r="V73028" i="1"/>
  <c r="V73029" i="1"/>
  <c r="V73030" i="1"/>
  <c r="V73031" i="1"/>
  <c r="V73032" i="1"/>
  <c r="V73033" i="1"/>
  <c r="V73034" i="1"/>
  <c r="V73035" i="1"/>
  <c r="V73036" i="1"/>
  <c r="V73037" i="1"/>
  <c r="V73038" i="1"/>
  <c r="V73039" i="1"/>
  <c r="V73040" i="1"/>
  <c r="V73041" i="1"/>
  <c r="V73042" i="1"/>
  <c r="V73043" i="1"/>
  <c r="V73044" i="1"/>
  <c r="V73045" i="1"/>
  <c r="V73046" i="1"/>
  <c r="V73047" i="1"/>
  <c r="V73048" i="1"/>
  <c r="V73049" i="1"/>
  <c r="V73050" i="1"/>
  <c r="V73051" i="1"/>
  <c r="V73052" i="1"/>
  <c r="V73053" i="1"/>
  <c r="V73054" i="1"/>
  <c r="V73055" i="1"/>
  <c r="V73056" i="1"/>
  <c r="V73057" i="1"/>
  <c r="V73058" i="1"/>
  <c r="V73059" i="1"/>
  <c r="V73060" i="1"/>
  <c r="V73061" i="1"/>
  <c r="V73062" i="1"/>
  <c r="V73063" i="1"/>
  <c r="V73064" i="1"/>
  <c r="V73065" i="1"/>
  <c r="V73066" i="1"/>
  <c r="V73067" i="1"/>
  <c r="V73068" i="1"/>
  <c r="V73069" i="1"/>
  <c r="V73070" i="1"/>
  <c r="V73071" i="1"/>
  <c r="V73072" i="1"/>
  <c r="V73073" i="1"/>
  <c r="V73074" i="1"/>
  <c r="V73075" i="1"/>
  <c r="V73076" i="1"/>
  <c r="V73077" i="1"/>
  <c r="V73078" i="1"/>
  <c r="V73079" i="1"/>
  <c r="V73080" i="1"/>
  <c r="V73081" i="1"/>
  <c r="V73082" i="1"/>
  <c r="V73083" i="1"/>
  <c r="V73084" i="1"/>
  <c r="V73085" i="1"/>
  <c r="V73086" i="1"/>
  <c r="V73087" i="1"/>
  <c r="V73088" i="1"/>
  <c r="V73089" i="1"/>
  <c r="V73090" i="1"/>
  <c r="V73091" i="1"/>
  <c r="V73092" i="1"/>
  <c r="V73093" i="1"/>
  <c r="V73094" i="1"/>
  <c r="V73095" i="1"/>
  <c r="V73096" i="1"/>
  <c r="V73097" i="1"/>
  <c r="V73098" i="1"/>
  <c r="V73099" i="1"/>
  <c r="V73100" i="1"/>
  <c r="V73101" i="1"/>
  <c r="V73102" i="1"/>
  <c r="V73103" i="1"/>
  <c r="V73104" i="1"/>
  <c r="V73105" i="1"/>
  <c r="V73106" i="1"/>
  <c r="V73107" i="1"/>
  <c r="V73108" i="1"/>
  <c r="V73109" i="1"/>
  <c r="V73110" i="1"/>
  <c r="V73111" i="1"/>
  <c r="V73112" i="1"/>
  <c r="V73113" i="1"/>
  <c r="V73114" i="1"/>
  <c r="V73115" i="1"/>
  <c r="V73116" i="1"/>
  <c r="V73117" i="1"/>
  <c r="V73118" i="1"/>
  <c r="V73119" i="1"/>
  <c r="V73120" i="1"/>
  <c r="V73121" i="1"/>
  <c r="V73122" i="1"/>
  <c r="V73123" i="1"/>
  <c r="V73124" i="1"/>
  <c r="V73125" i="1"/>
  <c r="V73126" i="1"/>
  <c r="V73127" i="1"/>
  <c r="V73128" i="1"/>
  <c r="V73129" i="1"/>
  <c r="V73130" i="1"/>
  <c r="V73131" i="1"/>
  <c r="V73132" i="1"/>
  <c r="V73133" i="1"/>
  <c r="V73134" i="1"/>
  <c r="V73135" i="1"/>
  <c r="V73136" i="1"/>
  <c r="V73137" i="1"/>
  <c r="V73138" i="1"/>
  <c r="V73139" i="1"/>
  <c r="V73140" i="1"/>
  <c r="V73141" i="1"/>
  <c r="V73142" i="1"/>
  <c r="V73143" i="1"/>
  <c r="V73144" i="1"/>
  <c r="V73145" i="1"/>
  <c r="V73146" i="1"/>
  <c r="V73147" i="1"/>
  <c r="V73148" i="1"/>
  <c r="V73149" i="1"/>
  <c r="V73150" i="1"/>
  <c r="V73151" i="1"/>
  <c r="V73152" i="1"/>
  <c r="V73153" i="1"/>
  <c r="V73154" i="1"/>
  <c r="V73155" i="1"/>
  <c r="V73156" i="1"/>
  <c r="V73157" i="1"/>
  <c r="V73158" i="1"/>
  <c r="V73159" i="1"/>
  <c r="V73160" i="1"/>
  <c r="V73161" i="1"/>
  <c r="V73162" i="1"/>
  <c r="V73163" i="1"/>
  <c r="V73164" i="1"/>
  <c r="V73165" i="1"/>
  <c r="V73166" i="1"/>
  <c r="V73167" i="1"/>
  <c r="V73168" i="1"/>
  <c r="V73169" i="1"/>
  <c r="V73170" i="1"/>
  <c r="V73171" i="1"/>
  <c r="V73172" i="1"/>
  <c r="V73173" i="1"/>
  <c r="V73174" i="1"/>
  <c r="V73175" i="1"/>
  <c r="V73176" i="1"/>
  <c r="V73177" i="1"/>
  <c r="V73178" i="1"/>
  <c r="V73179" i="1"/>
  <c r="V73180" i="1"/>
  <c r="V73181" i="1"/>
  <c r="V73182" i="1"/>
  <c r="V73183" i="1"/>
  <c r="V73184" i="1"/>
  <c r="V73185" i="1"/>
  <c r="V73186" i="1"/>
  <c r="V73187" i="1"/>
  <c r="V73188" i="1"/>
  <c r="V73189" i="1"/>
  <c r="V73190" i="1"/>
  <c r="V73191" i="1"/>
  <c r="V73192" i="1"/>
  <c r="V73193" i="1"/>
  <c r="V73194" i="1"/>
  <c r="V73195" i="1"/>
  <c r="V73196" i="1"/>
  <c r="V73197" i="1"/>
  <c r="V73198" i="1"/>
  <c r="V73199" i="1"/>
  <c r="V73200" i="1"/>
  <c r="V73201" i="1"/>
  <c r="V73202" i="1"/>
  <c r="V73203" i="1"/>
  <c r="V73204" i="1"/>
  <c r="V73205" i="1"/>
  <c r="V73206" i="1"/>
  <c r="V73207" i="1"/>
  <c r="V73208" i="1"/>
  <c r="V73209" i="1"/>
  <c r="V73210" i="1"/>
  <c r="V73211" i="1"/>
  <c r="V73212" i="1"/>
  <c r="V73213" i="1"/>
  <c r="V73214" i="1"/>
  <c r="V73215" i="1"/>
  <c r="V73216" i="1"/>
  <c r="V73217" i="1"/>
  <c r="V73218" i="1"/>
  <c r="V73219" i="1"/>
  <c r="V73220" i="1"/>
  <c r="V73221" i="1"/>
  <c r="V73222" i="1"/>
  <c r="V73223" i="1"/>
  <c r="V73224" i="1"/>
  <c r="V73225" i="1"/>
  <c r="V73226" i="1"/>
  <c r="V73227" i="1"/>
  <c r="V73228" i="1"/>
  <c r="V73229" i="1"/>
  <c r="V73230" i="1"/>
  <c r="V73231" i="1"/>
  <c r="V73232" i="1"/>
  <c r="V73233" i="1"/>
  <c r="V73234" i="1"/>
  <c r="V73235" i="1"/>
  <c r="V73236" i="1"/>
  <c r="V73237" i="1"/>
  <c r="V73238" i="1"/>
  <c r="V73239" i="1"/>
  <c r="V73240" i="1"/>
  <c r="V73241" i="1"/>
  <c r="V73242" i="1"/>
  <c r="V73243" i="1"/>
  <c r="V73244" i="1"/>
  <c r="V73245" i="1"/>
  <c r="V73246" i="1"/>
  <c r="V73247" i="1"/>
  <c r="V73248" i="1"/>
  <c r="V73249" i="1"/>
  <c r="V73250" i="1"/>
  <c r="V73251" i="1"/>
  <c r="V73252" i="1"/>
  <c r="V73253" i="1"/>
  <c r="V73254" i="1"/>
  <c r="V73255" i="1"/>
  <c r="V73256" i="1"/>
  <c r="V73257" i="1"/>
  <c r="V73258" i="1"/>
  <c r="V73259" i="1"/>
  <c r="V73260" i="1"/>
  <c r="V73261" i="1"/>
  <c r="V73262" i="1"/>
  <c r="V73263" i="1"/>
  <c r="V73264" i="1"/>
  <c r="V73265" i="1"/>
  <c r="V73266" i="1"/>
  <c r="V73267" i="1"/>
  <c r="V73268" i="1"/>
  <c r="V73269" i="1"/>
  <c r="V73270" i="1"/>
  <c r="V73271" i="1"/>
  <c r="V73272" i="1"/>
  <c r="V73273" i="1"/>
  <c r="V73274" i="1"/>
  <c r="V73275" i="1"/>
  <c r="V73276" i="1"/>
  <c r="V73277" i="1"/>
  <c r="V73278" i="1"/>
  <c r="V73279" i="1"/>
  <c r="V73280" i="1"/>
  <c r="V73281" i="1"/>
  <c r="V73282" i="1"/>
  <c r="V73283" i="1"/>
  <c r="V73284" i="1"/>
  <c r="V73285" i="1"/>
  <c r="V73286" i="1"/>
  <c r="V73287" i="1"/>
  <c r="V73288" i="1"/>
  <c r="V73289" i="1"/>
  <c r="V73290" i="1"/>
  <c r="V73291" i="1"/>
  <c r="V73292" i="1"/>
  <c r="V73293" i="1"/>
  <c r="V73294" i="1"/>
  <c r="V73295" i="1"/>
  <c r="V73296" i="1"/>
  <c r="V73297" i="1"/>
  <c r="V73298" i="1"/>
  <c r="V73299" i="1"/>
  <c r="V73300" i="1"/>
  <c r="V73301" i="1"/>
  <c r="V73302" i="1"/>
  <c r="V73303" i="1"/>
  <c r="V73304" i="1"/>
  <c r="V73305" i="1"/>
  <c r="V73306" i="1"/>
  <c r="V73307" i="1"/>
  <c r="V73308" i="1"/>
  <c r="V73309" i="1"/>
  <c r="V73310" i="1"/>
  <c r="V73311" i="1"/>
  <c r="V73312" i="1"/>
  <c r="V73313" i="1"/>
  <c r="V73314" i="1"/>
  <c r="V73315" i="1"/>
  <c r="V73316" i="1"/>
  <c r="V73317" i="1"/>
  <c r="V73318" i="1"/>
  <c r="V73319" i="1"/>
  <c r="V73320" i="1"/>
  <c r="V73321" i="1"/>
  <c r="V73322" i="1"/>
  <c r="V73323" i="1"/>
  <c r="V73324" i="1"/>
  <c r="V73325" i="1"/>
  <c r="V73326" i="1"/>
  <c r="V73327" i="1"/>
  <c r="V73328" i="1"/>
  <c r="V73329" i="1"/>
  <c r="V73330" i="1"/>
  <c r="V73331" i="1"/>
  <c r="V73332" i="1"/>
  <c r="V73333" i="1"/>
  <c r="V73334" i="1"/>
  <c r="V73335" i="1"/>
  <c r="V73336" i="1"/>
  <c r="V73337" i="1"/>
  <c r="V73338" i="1"/>
  <c r="V73339" i="1"/>
  <c r="V73340" i="1"/>
  <c r="V73341" i="1"/>
  <c r="V73342" i="1"/>
  <c r="V73343" i="1"/>
  <c r="V73344" i="1"/>
  <c r="V73345" i="1"/>
  <c r="V73346" i="1"/>
  <c r="V73347" i="1"/>
  <c r="V73348" i="1"/>
  <c r="V73349" i="1"/>
  <c r="V73350" i="1"/>
  <c r="V73351" i="1"/>
  <c r="V73352" i="1"/>
  <c r="V73353" i="1"/>
  <c r="V73354" i="1"/>
  <c r="V73355" i="1"/>
  <c r="V73356" i="1"/>
  <c r="V73357" i="1"/>
  <c r="V73358" i="1"/>
  <c r="V73359" i="1"/>
  <c r="V73360" i="1"/>
  <c r="V73361" i="1"/>
  <c r="V73362" i="1"/>
  <c r="V73363" i="1"/>
  <c r="V73364" i="1"/>
  <c r="V73365" i="1"/>
  <c r="V73366" i="1"/>
  <c r="V73367" i="1"/>
  <c r="V73368" i="1"/>
  <c r="V73369" i="1"/>
  <c r="V73370" i="1"/>
  <c r="V73371" i="1"/>
  <c r="V73372" i="1"/>
  <c r="V73373" i="1"/>
  <c r="V73374" i="1"/>
  <c r="V73375" i="1"/>
  <c r="V73376" i="1"/>
  <c r="V73377" i="1"/>
  <c r="V73378" i="1"/>
  <c r="V73379" i="1"/>
  <c r="V73380" i="1"/>
  <c r="V73381" i="1"/>
  <c r="V73382" i="1"/>
  <c r="V73383" i="1"/>
  <c r="V73384" i="1"/>
  <c r="V73385" i="1"/>
  <c r="V73386" i="1"/>
  <c r="V73387" i="1"/>
  <c r="V73388" i="1"/>
  <c r="V73389" i="1"/>
  <c r="V73390" i="1"/>
  <c r="V73391" i="1"/>
  <c r="V73392" i="1"/>
  <c r="V73393" i="1"/>
  <c r="V73394" i="1"/>
  <c r="V73395" i="1"/>
  <c r="V73396" i="1"/>
  <c r="V73397" i="1"/>
  <c r="V73398" i="1"/>
  <c r="V73399" i="1"/>
  <c r="V73400" i="1"/>
  <c r="V73401" i="1"/>
  <c r="V73402" i="1"/>
  <c r="V73403" i="1"/>
  <c r="V73404" i="1"/>
  <c r="V73405" i="1"/>
  <c r="V73406" i="1"/>
  <c r="V73407" i="1"/>
  <c r="V73408" i="1"/>
  <c r="V73409" i="1"/>
  <c r="V73410" i="1"/>
  <c r="V73411" i="1"/>
  <c r="V73412" i="1"/>
  <c r="V73413" i="1"/>
  <c r="V73414" i="1"/>
  <c r="V73415" i="1"/>
  <c r="V73416" i="1"/>
  <c r="V73417" i="1"/>
  <c r="V73418" i="1"/>
  <c r="V73419" i="1"/>
  <c r="V73420" i="1"/>
  <c r="V73421" i="1"/>
  <c r="V73422" i="1"/>
  <c r="V73423" i="1"/>
  <c r="V73424" i="1"/>
  <c r="V73425" i="1"/>
  <c r="V73426" i="1"/>
  <c r="V73427" i="1"/>
  <c r="V73428" i="1"/>
  <c r="V73429" i="1"/>
  <c r="V73430" i="1"/>
  <c r="V73431" i="1"/>
  <c r="V73432" i="1"/>
  <c r="V73433" i="1"/>
  <c r="V73434" i="1"/>
  <c r="V73435" i="1"/>
  <c r="V73436" i="1"/>
  <c r="V73437" i="1"/>
  <c r="V73438" i="1"/>
  <c r="V73439" i="1"/>
  <c r="V73440" i="1"/>
  <c r="V73441" i="1"/>
  <c r="V73442" i="1"/>
  <c r="V73443" i="1"/>
  <c r="V73444" i="1"/>
  <c r="V73445" i="1"/>
  <c r="V73446" i="1"/>
  <c r="V73447" i="1"/>
  <c r="V73448" i="1"/>
  <c r="V73449" i="1"/>
  <c r="V73450" i="1"/>
  <c r="V73451" i="1"/>
  <c r="V73452" i="1"/>
  <c r="V73453" i="1"/>
  <c r="V73454" i="1"/>
  <c r="V73455" i="1"/>
  <c r="V73456" i="1"/>
  <c r="V73457" i="1"/>
  <c r="V73458" i="1"/>
  <c r="V73459" i="1"/>
  <c r="V73460" i="1"/>
  <c r="V73461" i="1"/>
  <c r="V73462" i="1"/>
  <c r="V73463" i="1"/>
  <c r="V73464" i="1"/>
  <c r="V73465" i="1"/>
  <c r="V73466" i="1"/>
  <c r="V73467" i="1"/>
  <c r="V73468" i="1"/>
  <c r="V73469" i="1"/>
  <c r="V73470" i="1"/>
  <c r="V73471" i="1"/>
  <c r="V73472" i="1"/>
  <c r="V73473" i="1"/>
  <c r="V73474" i="1"/>
  <c r="V73475" i="1"/>
  <c r="V73476" i="1"/>
  <c r="V73477" i="1"/>
  <c r="V73478" i="1"/>
  <c r="V73479" i="1"/>
  <c r="V73480" i="1"/>
  <c r="V73481" i="1"/>
  <c r="V73482" i="1"/>
  <c r="V73483" i="1"/>
  <c r="V73484" i="1"/>
  <c r="V73485" i="1"/>
  <c r="V73486" i="1"/>
  <c r="V73487" i="1"/>
  <c r="V73488" i="1"/>
  <c r="V73489" i="1"/>
  <c r="V73490" i="1"/>
  <c r="V73491" i="1"/>
  <c r="V73492" i="1"/>
  <c r="V73493" i="1"/>
  <c r="V73494" i="1"/>
  <c r="V73495" i="1"/>
  <c r="V73496" i="1"/>
  <c r="V73497" i="1"/>
  <c r="V73498" i="1"/>
  <c r="V73499" i="1"/>
  <c r="V73500" i="1"/>
  <c r="V73501" i="1"/>
  <c r="V73502" i="1"/>
  <c r="V73503" i="1"/>
  <c r="V73504" i="1"/>
  <c r="V73505" i="1"/>
  <c r="V73506" i="1"/>
  <c r="V73507" i="1"/>
  <c r="V73508" i="1"/>
  <c r="V73509" i="1"/>
  <c r="V73510" i="1"/>
  <c r="V73511" i="1"/>
  <c r="V73512" i="1"/>
  <c r="V73513" i="1"/>
  <c r="V73514" i="1"/>
  <c r="V73515" i="1"/>
  <c r="V73516" i="1"/>
  <c r="V73517" i="1"/>
  <c r="V73518" i="1"/>
  <c r="V73519" i="1"/>
  <c r="V73520" i="1"/>
  <c r="V73521" i="1"/>
  <c r="V73522" i="1"/>
  <c r="V73523" i="1"/>
  <c r="V73524" i="1"/>
  <c r="V73525" i="1"/>
  <c r="V73526" i="1"/>
  <c r="V73527" i="1"/>
  <c r="V73528" i="1"/>
  <c r="V73529" i="1"/>
  <c r="V73530" i="1"/>
  <c r="V73531" i="1"/>
  <c r="V73532" i="1"/>
  <c r="V73533" i="1"/>
  <c r="V73534" i="1"/>
  <c r="V73535" i="1"/>
  <c r="V73536" i="1"/>
  <c r="V73537" i="1"/>
  <c r="V73538" i="1"/>
  <c r="V73539" i="1"/>
  <c r="V73540" i="1"/>
  <c r="V73541" i="1"/>
  <c r="V73542" i="1"/>
  <c r="V73543" i="1"/>
  <c r="V73544" i="1"/>
  <c r="V73545" i="1"/>
  <c r="V73546" i="1"/>
  <c r="V73547" i="1"/>
  <c r="V73548" i="1"/>
  <c r="V73549" i="1"/>
  <c r="V73550" i="1"/>
  <c r="V73551" i="1"/>
  <c r="V73552" i="1"/>
  <c r="V73553" i="1"/>
  <c r="V73554" i="1"/>
  <c r="V73555" i="1"/>
  <c r="V73556" i="1"/>
  <c r="V73557" i="1"/>
  <c r="V73558" i="1"/>
  <c r="V73559" i="1"/>
  <c r="V73560" i="1"/>
  <c r="V73561" i="1"/>
  <c r="V73562" i="1"/>
  <c r="V73563" i="1"/>
  <c r="V73564" i="1"/>
  <c r="V73565" i="1"/>
  <c r="V73566" i="1"/>
  <c r="V73567" i="1"/>
  <c r="V73568" i="1"/>
  <c r="V73569" i="1"/>
  <c r="V73570" i="1"/>
  <c r="V73571" i="1"/>
  <c r="V73572" i="1"/>
  <c r="V73573" i="1"/>
  <c r="V73574" i="1"/>
  <c r="V73575" i="1"/>
  <c r="V73576" i="1"/>
  <c r="V73577" i="1"/>
  <c r="V73578" i="1"/>
  <c r="V73579" i="1"/>
  <c r="V73580" i="1"/>
  <c r="V73581" i="1"/>
  <c r="V73582" i="1"/>
  <c r="V73583" i="1"/>
  <c r="V73584" i="1"/>
  <c r="V73585" i="1"/>
  <c r="V73586" i="1"/>
  <c r="V73587" i="1"/>
  <c r="V73588" i="1"/>
  <c r="V73589" i="1"/>
  <c r="V73590" i="1"/>
  <c r="V73591" i="1"/>
  <c r="V73592" i="1"/>
  <c r="V73593" i="1"/>
  <c r="V73594" i="1"/>
  <c r="V73595" i="1"/>
  <c r="V73596" i="1"/>
  <c r="V73597" i="1"/>
  <c r="V73598" i="1"/>
  <c r="V73599" i="1"/>
  <c r="V73600" i="1"/>
  <c r="V73601" i="1"/>
  <c r="V73602" i="1"/>
  <c r="V73603" i="1"/>
  <c r="V73604" i="1"/>
  <c r="V73605" i="1"/>
  <c r="V73606" i="1"/>
  <c r="V73607" i="1"/>
  <c r="V73608" i="1"/>
  <c r="V73609" i="1"/>
  <c r="V73610" i="1"/>
  <c r="V73611" i="1"/>
  <c r="V73612" i="1"/>
  <c r="V73613" i="1"/>
  <c r="V73614" i="1"/>
  <c r="V73615" i="1"/>
  <c r="V73616" i="1"/>
  <c r="V73617" i="1"/>
  <c r="V73618" i="1"/>
  <c r="V73619" i="1"/>
  <c r="V73620" i="1"/>
  <c r="V73621" i="1"/>
  <c r="V73622" i="1"/>
  <c r="V73623" i="1"/>
  <c r="V73624" i="1"/>
  <c r="V73625" i="1"/>
  <c r="V73626" i="1"/>
  <c r="V73627" i="1"/>
  <c r="V73628" i="1"/>
  <c r="V73629" i="1"/>
  <c r="V73630" i="1"/>
  <c r="V73631" i="1"/>
  <c r="V73632" i="1"/>
  <c r="V73633" i="1"/>
  <c r="V73634" i="1"/>
  <c r="V73635" i="1"/>
  <c r="V73636" i="1"/>
  <c r="V73637" i="1"/>
  <c r="V73638" i="1"/>
  <c r="V73639" i="1"/>
  <c r="V73640" i="1"/>
  <c r="V73641" i="1"/>
  <c r="V73642" i="1"/>
  <c r="V73643" i="1"/>
  <c r="V73644" i="1"/>
  <c r="V73645" i="1"/>
  <c r="V73646" i="1"/>
  <c r="V73647" i="1"/>
  <c r="V73648" i="1"/>
  <c r="V73649" i="1"/>
  <c r="V73650" i="1"/>
  <c r="V73651" i="1"/>
  <c r="V73652" i="1"/>
  <c r="V73653" i="1"/>
  <c r="V73654" i="1"/>
  <c r="V73655" i="1"/>
  <c r="V73656" i="1"/>
  <c r="V73657" i="1"/>
  <c r="V73658" i="1"/>
  <c r="V73659" i="1"/>
  <c r="V73660" i="1"/>
  <c r="V73661" i="1"/>
  <c r="V73662" i="1"/>
  <c r="V73663" i="1"/>
  <c r="V73664" i="1"/>
  <c r="V73665" i="1"/>
  <c r="V73666" i="1"/>
  <c r="V73667" i="1"/>
  <c r="V73668" i="1"/>
  <c r="V73669" i="1"/>
  <c r="V73670" i="1"/>
  <c r="V73671" i="1"/>
  <c r="V73672" i="1"/>
  <c r="V73673" i="1"/>
  <c r="V73674" i="1"/>
  <c r="V73675" i="1"/>
  <c r="V73676" i="1"/>
  <c r="V73677" i="1"/>
  <c r="V73678" i="1"/>
  <c r="V73679" i="1"/>
  <c r="V73680" i="1"/>
  <c r="V73681" i="1"/>
  <c r="V73682" i="1"/>
  <c r="V73683" i="1"/>
  <c r="V73684" i="1"/>
  <c r="V73685" i="1"/>
  <c r="V73686" i="1"/>
  <c r="V73687" i="1"/>
  <c r="V73688" i="1"/>
  <c r="V73689" i="1"/>
  <c r="V73690" i="1"/>
  <c r="V73691" i="1"/>
  <c r="V73692" i="1"/>
  <c r="V73693" i="1"/>
  <c r="V73694" i="1"/>
  <c r="V73695" i="1"/>
  <c r="V73696" i="1"/>
  <c r="V73697" i="1"/>
  <c r="V73698" i="1"/>
  <c r="V73699" i="1"/>
  <c r="V73700" i="1"/>
  <c r="V73701" i="1"/>
  <c r="V73702" i="1"/>
  <c r="V73703" i="1"/>
  <c r="V73704" i="1"/>
  <c r="V73705" i="1"/>
  <c r="V73706" i="1"/>
  <c r="V73707" i="1"/>
  <c r="V73708" i="1"/>
  <c r="V73709" i="1"/>
  <c r="V73710" i="1"/>
  <c r="V73711" i="1"/>
  <c r="V73712" i="1"/>
  <c r="V73713" i="1"/>
  <c r="V73714" i="1"/>
  <c r="V73715" i="1"/>
  <c r="V73716" i="1"/>
  <c r="V73717" i="1"/>
  <c r="V73718" i="1"/>
  <c r="V73719" i="1"/>
  <c r="V73720" i="1"/>
  <c r="V73721" i="1"/>
  <c r="V73722" i="1"/>
  <c r="V73723" i="1"/>
  <c r="V73724" i="1"/>
  <c r="V73725" i="1"/>
  <c r="V73726" i="1"/>
  <c r="V73727" i="1"/>
  <c r="V73728" i="1"/>
  <c r="V73729" i="1"/>
  <c r="V73730" i="1"/>
  <c r="V73731" i="1"/>
  <c r="V73732" i="1"/>
  <c r="V73733" i="1"/>
  <c r="V73734" i="1"/>
  <c r="V73735" i="1"/>
  <c r="V73736" i="1"/>
  <c r="V73737" i="1"/>
  <c r="V73738" i="1"/>
  <c r="V73739" i="1"/>
  <c r="V73740" i="1"/>
  <c r="V73741" i="1"/>
  <c r="V73742" i="1"/>
  <c r="V73743" i="1"/>
  <c r="V73744" i="1"/>
  <c r="V73745" i="1"/>
  <c r="V73746" i="1"/>
  <c r="V73747" i="1"/>
  <c r="V73748" i="1"/>
  <c r="V73749" i="1"/>
  <c r="V73750" i="1"/>
  <c r="V73751" i="1"/>
  <c r="V73752" i="1"/>
  <c r="V73753" i="1"/>
  <c r="V73754" i="1"/>
  <c r="V73755" i="1"/>
  <c r="V73756" i="1"/>
  <c r="V73757" i="1"/>
  <c r="V73758" i="1"/>
  <c r="V73759" i="1"/>
  <c r="V73760" i="1"/>
  <c r="V73761" i="1"/>
  <c r="V73762" i="1"/>
  <c r="V73763" i="1"/>
  <c r="V73764" i="1"/>
  <c r="V73765" i="1"/>
  <c r="V73766" i="1"/>
  <c r="V73767" i="1"/>
  <c r="V73768" i="1"/>
  <c r="V73769" i="1"/>
  <c r="V73770" i="1"/>
  <c r="V73771" i="1"/>
  <c r="V73772" i="1"/>
  <c r="V73773" i="1"/>
  <c r="V73774" i="1"/>
  <c r="V73775" i="1"/>
  <c r="V73776" i="1"/>
  <c r="V73777" i="1"/>
  <c r="V73778" i="1"/>
  <c r="V73779" i="1"/>
  <c r="V73780" i="1"/>
  <c r="V73781" i="1"/>
  <c r="V73782" i="1"/>
  <c r="V73783" i="1"/>
  <c r="V73784" i="1"/>
  <c r="V73785" i="1"/>
  <c r="V73786" i="1"/>
  <c r="V73787" i="1"/>
  <c r="V73788" i="1"/>
  <c r="V73789" i="1"/>
  <c r="V73790" i="1"/>
  <c r="V73791" i="1"/>
  <c r="V73792" i="1"/>
  <c r="V73793" i="1"/>
  <c r="V73794" i="1"/>
  <c r="V73795" i="1"/>
  <c r="V73796" i="1"/>
  <c r="V73797" i="1"/>
  <c r="V73798" i="1"/>
  <c r="V73799" i="1"/>
  <c r="V73800" i="1"/>
  <c r="V73801" i="1"/>
  <c r="V73802" i="1"/>
  <c r="V73803" i="1"/>
  <c r="V73804" i="1"/>
  <c r="V73805" i="1"/>
  <c r="V73806" i="1"/>
  <c r="V73807" i="1"/>
  <c r="V73808" i="1"/>
  <c r="V73809" i="1"/>
  <c r="V73810" i="1"/>
  <c r="V73811" i="1"/>
  <c r="V73812" i="1"/>
  <c r="V73813" i="1"/>
  <c r="V73814" i="1"/>
  <c r="V73815" i="1"/>
  <c r="V73816" i="1"/>
  <c r="V73817" i="1"/>
  <c r="V73818" i="1"/>
  <c r="V73819" i="1"/>
  <c r="V73820" i="1"/>
  <c r="V73821" i="1"/>
  <c r="V73822" i="1"/>
  <c r="V73823" i="1"/>
  <c r="V73824" i="1"/>
  <c r="V73825" i="1"/>
  <c r="V73826" i="1"/>
  <c r="V73827" i="1"/>
  <c r="V73828" i="1"/>
  <c r="V73829" i="1"/>
  <c r="V73830" i="1"/>
  <c r="V73831" i="1"/>
  <c r="V73832" i="1"/>
  <c r="V73833" i="1"/>
  <c r="V73834" i="1"/>
  <c r="V73835" i="1"/>
  <c r="V73836" i="1"/>
  <c r="V73837" i="1"/>
  <c r="V73838" i="1"/>
  <c r="V73839" i="1"/>
  <c r="V73840" i="1"/>
  <c r="V73841" i="1"/>
  <c r="V73842" i="1"/>
  <c r="V73843" i="1"/>
  <c r="V73844" i="1"/>
  <c r="V73845" i="1"/>
  <c r="V73846" i="1"/>
  <c r="V73847" i="1"/>
  <c r="V73848" i="1"/>
  <c r="V73849" i="1"/>
  <c r="V73850" i="1"/>
  <c r="V73851" i="1"/>
  <c r="V73852" i="1"/>
  <c r="V73853" i="1"/>
  <c r="V73854" i="1"/>
  <c r="V73855" i="1"/>
  <c r="V73856" i="1"/>
  <c r="V73857" i="1"/>
  <c r="V73858" i="1"/>
  <c r="V73859" i="1"/>
  <c r="V73860" i="1"/>
  <c r="V73861" i="1"/>
  <c r="V73862" i="1"/>
  <c r="V73863" i="1"/>
  <c r="V73864" i="1"/>
  <c r="V73865" i="1"/>
  <c r="V73866" i="1"/>
  <c r="V73867" i="1"/>
  <c r="V73868" i="1"/>
  <c r="V73869" i="1"/>
  <c r="V73870" i="1"/>
  <c r="V73871" i="1"/>
  <c r="V73872" i="1"/>
  <c r="V73873" i="1"/>
  <c r="V73874" i="1"/>
  <c r="V73875" i="1"/>
  <c r="V73876" i="1"/>
  <c r="V73877" i="1"/>
  <c r="V73878" i="1"/>
  <c r="V73879" i="1"/>
  <c r="V73880" i="1"/>
  <c r="V73881" i="1"/>
  <c r="V73882" i="1"/>
  <c r="V73883" i="1"/>
  <c r="V73884" i="1"/>
  <c r="V73885" i="1"/>
  <c r="V73886" i="1"/>
  <c r="V73887" i="1"/>
  <c r="V73888" i="1"/>
  <c r="V73889" i="1"/>
  <c r="V73890" i="1"/>
  <c r="V73891" i="1"/>
  <c r="V73892" i="1"/>
  <c r="V73893" i="1"/>
  <c r="V73894" i="1"/>
  <c r="V73895" i="1"/>
  <c r="V73896" i="1"/>
  <c r="V73897" i="1"/>
  <c r="V73898" i="1"/>
  <c r="V73899" i="1"/>
  <c r="V73900" i="1"/>
  <c r="V73901" i="1"/>
  <c r="V73902" i="1"/>
  <c r="V73903" i="1"/>
  <c r="V73904" i="1"/>
  <c r="V73905" i="1"/>
  <c r="V73906" i="1"/>
  <c r="V73907" i="1"/>
  <c r="V73908" i="1"/>
  <c r="V73909" i="1"/>
  <c r="V73910" i="1"/>
  <c r="V73911" i="1"/>
  <c r="V73912" i="1"/>
  <c r="V73913" i="1"/>
  <c r="V73914" i="1"/>
  <c r="V73915" i="1"/>
  <c r="V73916" i="1"/>
  <c r="V73917" i="1"/>
  <c r="V73918" i="1"/>
  <c r="V73919" i="1"/>
  <c r="V73920" i="1"/>
  <c r="V73921" i="1"/>
  <c r="V73922" i="1"/>
  <c r="V73923" i="1"/>
  <c r="V73924" i="1"/>
  <c r="V73925" i="1"/>
  <c r="V73926" i="1"/>
  <c r="V73927" i="1"/>
  <c r="V73928" i="1"/>
  <c r="V73929" i="1"/>
  <c r="V73930" i="1"/>
  <c r="V73931" i="1"/>
  <c r="V73932" i="1"/>
  <c r="V73933" i="1"/>
  <c r="V73934" i="1"/>
  <c r="V73935" i="1"/>
  <c r="V73936" i="1"/>
  <c r="V73937" i="1"/>
  <c r="V73938" i="1"/>
  <c r="V73939" i="1"/>
  <c r="V73940" i="1"/>
  <c r="V73941" i="1"/>
  <c r="V73942" i="1"/>
  <c r="V73943" i="1"/>
  <c r="V73944" i="1"/>
  <c r="V73945" i="1"/>
  <c r="V73946" i="1"/>
  <c r="V73947" i="1"/>
  <c r="V73948" i="1"/>
  <c r="V73949" i="1"/>
  <c r="V73950" i="1"/>
  <c r="V73951" i="1"/>
  <c r="V73952" i="1"/>
  <c r="V73953" i="1"/>
  <c r="V73954" i="1"/>
  <c r="V73955" i="1"/>
  <c r="V73956" i="1"/>
  <c r="V73957" i="1"/>
  <c r="V73958" i="1"/>
  <c r="V73959" i="1"/>
  <c r="V73960" i="1"/>
  <c r="V73961" i="1"/>
  <c r="V73962" i="1"/>
  <c r="V73963" i="1"/>
  <c r="V73964" i="1"/>
  <c r="V73965" i="1"/>
  <c r="V73966" i="1"/>
  <c r="V73967" i="1"/>
  <c r="V73968" i="1"/>
  <c r="V73969" i="1"/>
  <c r="V73970" i="1"/>
  <c r="V73971" i="1"/>
  <c r="V73972" i="1"/>
  <c r="V73973" i="1"/>
  <c r="V73974" i="1"/>
  <c r="V73975" i="1"/>
  <c r="V73976" i="1"/>
  <c r="V73977" i="1"/>
  <c r="V73978" i="1"/>
  <c r="V73979" i="1"/>
  <c r="V73980" i="1"/>
  <c r="V73981" i="1"/>
  <c r="V73982" i="1"/>
  <c r="V73983" i="1"/>
  <c r="V73984" i="1"/>
  <c r="V73985" i="1"/>
  <c r="V73986" i="1"/>
  <c r="V73987" i="1"/>
  <c r="V73988" i="1"/>
  <c r="V73989" i="1"/>
  <c r="V73990" i="1"/>
  <c r="V73991" i="1"/>
  <c r="V73992" i="1"/>
  <c r="V73993" i="1"/>
  <c r="V73994" i="1"/>
  <c r="V73995" i="1"/>
  <c r="V73996" i="1"/>
  <c r="V73997" i="1"/>
  <c r="V73998" i="1"/>
  <c r="V73999" i="1"/>
  <c r="V74000" i="1"/>
  <c r="V74001" i="1"/>
  <c r="V74002" i="1"/>
  <c r="V74003" i="1"/>
  <c r="V74004" i="1"/>
  <c r="V74005" i="1"/>
  <c r="V74006" i="1"/>
  <c r="V74007" i="1"/>
  <c r="V74008" i="1"/>
  <c r="V74009" i="1"/>
  <c r="V74010" i="1"/>
  <c r="V74011" i="1"/>
  <c r="V74012" i="1"/>
  <c r="V74013" i="1"/>
  <c r="V74014" i="1"/>
  <c r="V74015" i="1"/>
  <c r="V74016" i="1"/>
  <c r="V74017" i="1"/>
  <c r="V74018" i="1"/>
  <c r="V74019" i="1"/>
  <c r="V74020" i="1"/>
  <c r="V74021" i="1"/>
  <c r="V74022" i="1"/>
  <c r="V74023" i="1"/>
  <c r="V74024" i="1"/>
  <c r="V74025" i="1"/>
  <c r="V74026" i="1"/>
  <c r="V74027" i="1"/>
  <c r="V74028" i="1"/>
  <c r="V74029" i="1"/>
  <c r="V74030" i="1"/>
  <c r="V74031" i="1"/>
  <c r="V74032" i="1"/>
  <c r="V74033" i="1"/>
  <c r="V74034" i="1"/>
  <c r="V74035" i="1"/>
  <c r="V74036" i="1"/>
  <c r="V74037" i="1"/>
  <c r="V74038" i="1"/>
  <c r="V74039" i="1"/>
  <c r="V74040" i="1"/>
  <c r="V74041" i="1"/>
  <c r="V74042" i="1"/>
  <c r="V74043" i="1"/>
  <c r="V74044" i="1"/>
  <c r="V74045" i="1"/>
  <c r="V74046" i="1"/>
  <c r="V74047" i="1"/>
  <c r="V74048" i="1"/>
  <c r="V74049" i="1"/>
  <c r="V74050" i="1"/>
  <c r="V74051" i="1"/>
  <c r="V74052" i="1"/>
  <c r="V74053" i="1"/>
  <c r="V74054" i="1"/>
  <c r="V74055" i="1"/>
  <c r="V74056" i="1"/>
  <c r="V74057" i="1"/>
  <c r="V74058" i="1"/>
  <c r="V74059" i="1"/>
  <c r="V74060" i="1"/>
  <c r="V74061" i="1"/>
  <c r="V74062" i="1"/>
  <c r="V74063" i="1"/>
  <c r="V74064" i="1"/>
  <c r="V74065" i="1"/>
  <c r="V74066" i="1"/>
  <c r="V74067" i="1"/>
  <c r="V74068" i="1"/>
  <c r="V74069" i="1"/>
  <c r="V74070" i="1"/>
  <c r="V74071" i="1"/>
  <c r="V74072" i="1"/>
  <c r="V74073" i="1"/>
  <c r="V74074" i="1"/>
  <c r="V74075" i="1"/>
  <c r="V74076" i="1"/>
  <c r="V74077" i="1"/>
  <c r="V74078" i="1"/>
  <c r="V74079" i="1"/>
  <c r="V74080" i="1"/>
  <c r="V74081" i="1"/>
  <c r="V74082" i="1"/>
  <c r="V74083" i="1"/>
  <c r="V74084" i="1"/>
  <c r="V74085" i="1"/>
  <c r="V74086" i="1"/>
  <c r="V74087" i="1"/>
  <c r="V74088" i="1"/>
  <c r="V74089" i="1"/>
  <c r="V74090" i="1"/>
  <c r="V74091" i="1"/>
  <c r="V74092" i="1"/>
  <c r="V74093" i="1"/>
  <c r="V74094" i="1"/>
  <c r="V74095" i="1"/>
  <c r="V74096" i="1"/>
  <c r="V74097" i="1"/>
  <c r="V74098" i="1"/>
  <c r="V74099" i="1"/>
  <c r="V74100" i="1"/>
  <c r="V74101" i="1"/>
  <c r="V74102" i="1"/>
  <c r="V74103" i="1"/>
  <c r="V74104" i="1"/>
  <c r="V74105" i="1"/>
  <c r="V74106" i="1"/>
  <c r="V74107" i="1"/>
  <c r="V74108" i="1"/>
  <c r="V74109" i="1"/>
  <c r="V74110" i="1"/>
  <c r="V74111" i="1"/>
  <c r="V74112" i="1"/>
  <c r="V74113" i="1"/>
  <c r="V74114" i="1"/>
  <c r="V74115" i="1"/>
  <c r="V74116" i="1"/>
  <c r="V74117" i="1"/>
  <c r="V74118" i="1"/>
  <c r="V74119" i="1"/>
  <c r="V74120" i="1"/>
  <c r="V74121" i="1"/>
  <c r="V74122" i="1"/>
  <c r="V74123" i="1"/>
  <c r="V74124" i="1"/>
  <c r="V74125" i="1"/>
  <c r="V74126" i="1"/>
  <c r="V74127" i="1"/>
  <c r="V74128" i="1"/>
  <c r="V74129" i="1"/>
  <c r="V74130" i="1"/>
  <c r="V74131" i="1"/>
  <c r="V74132" i="1"/>
  <c r="V74133" i="1"/>
  <c r="V74134" i="1"/>
  <c r="V74135" i="1"/>
  <c r="V74136" i="1"/>
  <c r="V74137" i="1"/>
  <c r="V74138" i="1"/>
  <c r="V74139" i="1"/>
  <c r="V74140" i="1"/>
  <c r="V74141" i="1"/>
  <c r="V74142" i="1"/>
  <c r="V74143" i="1"/>
  <c r="V74144" i="1"/>
  <c r="V74145" i="1"/>
  <c r="V74146" i="1"/>
  <c r="V74147" i="1"/>
  <c r="V74148" i="1"/>
  <c r="V74149" i="1"/>
  <c r="V74150" i="1"/>
  <c r="V74151" i="1"/>
  <c r="V74152" i="1"/>
  <c r="V74153" i="1"/>
  <c r="V74154" i="1"/>
  <c r="V74155" i="1"/>
  <c r="V74156" i="1"/>
  <c r="V74157" i="1"/>
  <c r="V74158" i="1"/>
  <c r="V74159" i="1"/>
  <c r="V74160" i="1"/>
  <c r="V74161" i="1"/>
  <c r="V74162" i="1"/>
  <c r="V74163" i="1"/>
  <c r="V74164" i="1"/>
  <c r="V74165" i="1"/>
  <c r="V74166" i="1"/>
  <c r="V74167" i="1"/>
  <c r="V74168" i="1"/>
  <c r="V74169" i="1"/>
  <c r="V74170" i="1"/>
  <c r="V74171" i="1"/>
  <c r="V74172" i="1"/>
  <c r="V74173" i="1"/>
  <c r="V74174" i="1"/>
  <c r="V74175" i="1"/>
  <c r="V74176" i="1"/>
  <c r="V74177" i="1"/>
  <c r="V74178" i="1"/>
  <c r="V74179" i="1"/>
  <c r="V74180" i="1"/>
  <c r="V74181" i="1"/>
  <c r="V74182" i="1"/>
  <c r="V74183" i="1"/>
  <c r="V74184" i="1"/>
  <c r="V74185" i="1"/>
  <c r="V74186" i="1"/>
  <c r="V74187" i="1"/>
  <c r="V74188" i="1"/>
  <c r="V74189" i="1"/>
  <c r="V74190" i="1"/>
  <c r="V74191" i="1"/>
  <c r="V74192" i="1"/>
  <c r="V74193" i="1"/>
  <c r="V74194" i="1"/>
  <c r="V74195" i="1"/>
  <c r="V74196" i="1"/>
  <c r="V74197" i="1"/>
  <c r="V74198" i="1"/>
  <c r="V74199" i="1"/>
  <c r="V74200" i="1"/>
  <c r="V74201" i="1"/>
  <c r="V74202" i="1"/>
  <c r="V74203" i="1"/>
  <c r="V74204" i="1"/>
  <c r="V74205" i="1"/>
  <c r="V74206" i="1"/>
  <c r="V74207" i="1"/>
  <c r="V74208" i="1"/>
  <c r="V74209" i="1"/>
  <c r="V74210" i="1"/>
  <c r="V74211" i="1"/>
  <c r="V74212" i="1"/>
  <c r="V74213" i="1"/>
  <c r="V74214" i="1"/>
  <c r="V74215" i="1"/>
  <c r="V74216" i="1"/>
  <c r="V74217" i="1"/>
  <c r="V74218" i="1"/>
  <c r="V74219" i="1"/>
  <c r="V74220" i="1"/>
  <c r="V74221" i="1"/>
  <c r="V74222" i="1"/>
  <c r="V74223" i="1"/>
  <c r="V74224" i="1"/>
  <c r="V74225" i="1"/>
  <c r="V74226" i="1"/>
  <c r="V74227" i="1"/>
  <c r="V74228" i="1"/>
  <c r="V74229" i="1"/>
  <c r="V74230" i="1"/>
  <c r="V74231" i="1"/>
  <c r="V74232" i="1"/>
  <c r="V74233" i="1"/>
  <c r="V74234" i="1"/>
  <c r="V74235" i="1"/>
  <c r="V74236" i="1"/>
  <c r="V74237" i="1"/>
  <c r="V74238" i="1"/>
  <c r="V74239" i="1"/>
  <c r="V74240" i="1"/>
  <c r="V74241" i="1"/>
  <c r="V74242" i="1"/>
  <c r="V74243" i="1"/>
  <c r="V74244" i="1"/>
  <c r="V74245" i="1"/>
  <c r="V74246" i="1"/>
  <c r="V74247" i="1"/>
  <c r="V74248" i="1"/>
  <c r="V74249" i="1"/>
  <c r="V74250" i="1"/>
  <c r="V74251" i="1"/>
  <c r="V74252" i="1"/>
  <c r="V74253" i="1"/>
  <c r="V74254" i="1"/>
  <c r="V74255" i="1"/>
  <c r="V74256" i="1"/>
  <c r="V74257" i="1"/>
  <c r="V74258" i="1"/>
  <c r="V74259" i="1"/>
  <c r="V74260" i="1"/>
  <c r="V74261" i="1"/>
  <c r="V74262" i="1"/>
  <c r="V74263" i="1"/>
  <c r="V74264" i="1"/>
  <c r="V74265" i="1"/>
  <c r="V74266" i="1"/>
  <c r="V74267" i="1"/>
  <c r="V74268" i="1"/>
  <c r="V74269" i="1"/>
  <c r="V74270" i="1"/>
  <c r="V74271" i="1"/>
  <c r="V74272" i="1"/>
  <c r="V74273" i="1"/>
  <c r="V74274" i="1"/>
  <c r="V74275" i="1"/>
  <c r="V74276" i="1"/>
  <c r="V74277" i="1"/>
  <c r="V74278" i="1"/>
  <c r="V74279" i="1"/>
  <c r="V74280" i="1"/>
  <c r="V74281" i="1"/>
  <c r="V74282" i="1"/>
  <c r="V74283" i="1"/>
  <c r="V74284" i="1"/>
  <c r="V74285" i="1"/>
  <c r="V74286" i="1"/>
  <c r="V74287" i="1"/>
  <c r="V74288" i="1"/>
  <c r="V74289" i="1"/>
  <c r="V74290" i="1"/>
  <c r="V74291" i="1"/>
  <c r="V74292" i="1"/>
  <c r="V74293" i="1"/>
  <c r="V74294" i="1"/>
  <c r="V74295" i="1"/>
  <c r="V74296" i="1"/>
  <c r="V74297" i="1"/>
  <c r="V74298" i="1"/>
  <c r="V74299" i="1"/>
  <c r="V74300" i="1"/>
  <c r="V74301" i="1"/>
  <c r="V74302" i="1"/>
  <c r="V74303" i="1"/>
  <c r="V74304" i="1"/>
  <c r="V74305" i="1"/>
  <c r="V74306" i="1"/>
  <c r="V74307" i="1"/>
  <c r="V74308" i="1"/>
  <c r="V74309" i="1"/>
  <c r="V74310" i="1"/>
  <c r="V74311" i="1"/>
  <c r="V74312" i="1"/>
  <c r="V74313" i="1"/>
  <c r="V74314" i="1"/>
  <c r="V74315" i="1"/>
  <c r="V74316" i="1"/>
  <c r="V74317" i="1"/>
  <c r="V74318" i="1"/>
  <c r="V74319" i="1"/>
  <c r="V74320" i="1"/>
  <c r="V74321" i="1"/>
  <c r="V74322" i="1"/>
  <c r="V74323" i="1"/>
  <c r="V74324" i="1"/>
  <c r="V74325" i="1"/>
  <c r="V74326" i="1"/>
  <c r="V74327" i="1"/>
  <c r="V74328" i="1"/>
  <c r="V74329" i="1"/>
  <c r="V74330" i="1"/>
  <c r="V74331" i="1"/>
  <c r="V74332" i="1"/>
  <c r="V74333" i="1"/>
  <c r="V74334" i="1"/>
  <c r="V74335" i="1"/>
  <c r="V74336" i="1"/>
  <c r="V74337" i="1"/>
  <c r="V74338" i="1"/>
  <c r="V74339" i="1"/>
  <c r="V74340" i="1"/>
  <c r="V74341" i="1"/>
  <c r="V74342" i="1"/>
  <c r="V74343" i="1"/>
  <c r="V74344" i="1"/>
  <c r="V74345" i="1"/>
  <c r="V74346" i="1"/>
  <c r="V74347" i="1"/>
  <c r="V74348" i="1"/>
  <c r="V74349" i="1"/>
  <c r="V74350" i="1"/>
  <c r="V74351" i="1"/>
  <c r="V74352" i="1"/>
  <c r="V74353" i="1"/>
  <c r="V74354" i="1"/>
  <c r="V74355" i="1"/>
  <c r="V74356" i="1"/>
  <c r="V74357" i="1"/>
  <c r="V74358" i="1"/>
  <c r="V74359" i="1"/>
  <c r="V74360" i="1"/>
  <c r="V74361" i="1"/>
  <c r="V74362" i="1"/>
  <c r="V74363" i="1"/>
  <c r="V74364" i="1"/>
  <c r="V74365" i="1"/>
  <c r="V74366" i="1"/>
  <c r="V74367" i="1"/>
  <c r="V74368" i="1"/>
  <c r="V74369" i="1"/>
  <c r="V74370" i="1"/>
  <c r="V74371" i="1"/>
  <c r="V74372" i="1"/>
  <c r="V74373" i="1"/>
  <c r="V74374" i="1"/>
  <c r="V74375" i="1"/>
  <c r="V74376" i="1"/>
  <c r="V74377" i="1"/>
  <c r="V74378" i="1"/>
  <c r="V74379" i="1"/>
  <c r="V74380" i="1"/>
  <c r="V74381" i="1"/>
  <c r="V74382" i="1"/>
  <c r="V74383" i="1"/>
  <c r="V74384" i="1"/>
  <c r="V74385" i="1"/>
  <c r="V74386" i="1"/>
  <c r="V74387" i="1"/>
  <c r="V74388" i="1"/>
  <c r="V74389" i="1"/>
  <c r="V74390" i="1"/>
  <c r="V74391" i="1"/>
  <c r="V74392" i="1"/>
  <c r="V74393" i="1"/>
  <c r="V74394" i="1"/>
  <c r="V74395" i="1"/>
  <c r="V74396" i="1"/>
  <c r="V74397" i="1"/>
  <c r="V74398" i="1"/>
  <c r="V74399" i="1"/>
  <c r="V74400" i="1"/>
  <c r="V74401" i="1"/>
  <c r="V74402" i="1"/>
  <c r="V74403" i="1"/>
  <c r="V74404" i="1"/>
  <c r="V74405" i="1"/>
  <c r="V74406" i="1"/>
  <c r="V74407" i="1"/>
  <c r="V74408" i="1"/>
  <c r="V74409" i="1"/>
  <c r="V74410" i="1"/>
  <c r="V74411" i="1"/>
  <c r="V74412" i="1"/>
  <c r="V74413" i="1"/>
  <c r="V74414" i="1"/>
  <c r="V74415" i="1"/>
  <c r="V74416" i="1"/>
  <c r="V74417" i="1"/>
  <c r="V74418" i="1"/>
  <c r="V74419" i="1"/>
  <c r="V74420" i="1"/>
  <c r="V74421" i="1"/>
  <c r="V74422" i="1"/>
  <c r="V74423" i="1"/>
  <c r="V74424" i="1"/>
  <c r="V74425" i="1"/>
  <c r="V74426" i="1"/>
  <c r="V74427" i="1"/>
  <c r="V74428" i="1"/>
  <c r="V74429" i="1"/>
  <c r="V74430" i="1"/>
  <c r="V74431" i="1"/>
  <c r="V74432" i="1"/>
  <c r="V74433" i="1"/>
  <c r="V74434" i="1"/>
  <c r="V74435" i="1"/>
  <c r="V74436" i="1"/>
  <c r="V74437" i="1"/>
  <c r="V74438" i="1"/>
  <c r="V74439" i="1"/>
  <c r="V74440" i="1"/>
  <c r="V74441" i="1"/>
  <c r="V74442" i="1"/>
  <c r="V74443" i="1"/>
  <c r="V74444" i="1"/>
  <c r="V74445" i="1"/>
  <c r="V74446" i="1"/>
  <c r="V74447" i="1"/>
  <c r="V74448" i="1"/>
  <c r="V74449" i="1"/>
  <c r="V74450" i="1"/>
  <c r="V74451" i="1"/>
  <c r="V74452" i="1"/>
  <c r="V74453" i="1"/>
  <c r="V74454" i="1"/>
  <c r="V74455" i="1"/>
  <c r="V74456" i="1"/>
  <c r="V74457" i="1"/>
  <c r="V74458" i="1"/>
  <c r="V74459" i="1"/>
  <c r="V74460" i="1"/>
  <c r="V74461" i="1"/>
  <c r="V74462" i="1"/>
  <c r="V74463" i="1"/>
  <c r="V74464" i="1"/>
  <c r="V74465" i="1"/>
  <c r="V74466" i="1"/>
  <c r="V74467" i="1"/>
  <c r="V74468" i="1"/>
  <c r="V74469" i="1"/>
  <c r="V74470" i="1"/>
  <c r="V74471" i="1"/>
  <c r="V74472" i="1"/>
  <c r="V74473" i="1"/>
  <c r="V74474" i="1"/>
  <c r="V74475" i="1"/>
  <c r="V74476" i="1"/>
  <c r="V74477" i="1"/>
  <c r="V74478" i="1"/>
  <c r="V74479" i="1"/>
  <c r="V74480" i="1"/>
  <c r="V74481" i="1"/>
  <c r="V74482" i="1"/>
  <c r="V74483" i="1"/>
  <c r="V74484" i="1"/>
  <c r="V74485" i="1"/>
  <c r="V74486" i="1"/>
  <c r="V74487" i="1"/>
  <c r="V74488" i="1"/>
  <c r="V74489" i="1"/>
  <c r="V74490" i="1"/>
  <c r="V74491" i="1"/>
  <c r="V74492" i="1"/>
  <c r="V74493" i="1"/>
  <c r="V74494" i="1"/>
  <c r="V74495" i="1"/>
  <c r="V74496" i="1"/>
  <c r="V74497" i="1"/>
  <c r="V74498" i="1"/>
  <c r="V74499" i="1"/>
  <c r="V74500" i="1"/>
  <c r="V74501" i="1"/>
  <c r="V74502" i="1"/>
  <c r="V74503" i="1"/>
  <c r="V74504" i="1"/>
  <c r="V74505" i="1"/>
  <c r="V74506" i="1"/>
  <c r="V74507" i="1"/>
  <c r="V74508" i="1"/>
  <c r="V74509" i="1"/>
  <c r="V74510" i="1"/>
  <c r="V74511" i="1"/>
  <c r="V74512" i="1"/>
  <c r="V74513" i="1"/>
  <c r="V74514" i="1"/>
  <c r="V74515" i="1"/>
  <c r="V74516" i="1"/>
  <c r="V74517" i="1"/>
  <c r="V74518" i="1"/>
  <c r="V74519" i="1"/>
  <c r="V74520" i="1"/>
  <c r="V74521" i="1"/>
  <c r="V74522" i="1"/>
  <c r="V74523" i="1"/>
  <c r="V74524" i="1"/>
  <c r="V74525" i="1"/>
  <c r="V74526" i="1"/>
  <c r="V74527" i="1"/>
  <c r="V74528" i="1"/>
  <c r="V74529" i="1"/>
  <c r="V74530" i="1"/>
  <c r="V74531" i="1"/>
  <c r="V74532" i="1"/>
  <c r="V74533" i="1"/>
  <c r="V74534" i="1"/>
  <c r="V74535" i="1"/>
  <c r="V74536" i="1"/>
  <c r="V74537" i="1"/>
  <c r="V74538" i="1"/>
  <c r="V74539" i="1"/>
  <c r="V74540" i="1"/>
  <c r="V74541" i="1"/>
  <c r="V74542" i="1"/>
  <c r="V74543" i="1"/>
  <c r="V74544" i="1"/>
  <c r="V74545" i="1"/>
  <c r="V74546" i="1"/>
  <c r="V74547" i="1"/>
  <c r="V74548" i="1"/>
  <c r="V74549" i="1"/>
  <c r="V74550" i="1"/>
  <c r="V74551" i="1"/>
  <c r="V74552" i="1"/>
  <c r="V74553" i="1"/>
  <c r="V74554" i="1"/>
  <c r="V74555" i="1"/>
  <c r="V74556" i="1"/>
  <c r="V74557" i="1"/>
  <c r="V74558" i="1"/>
  <c r="V74559" i="1"/>
  <c r="V74560" i="1"/>
  <c r="V74561" i="1"/>
  <c r="V74562" i="1"/>
  <c r="V74563" i="1"/>
  <c r="V74564" i="1"/>
  <c r="V74565" i="1"/>
  <c r="V74566" i="1"/>
  <c r="V74567" i="1"/>
  <c r="V74568" i="1"/>
  <c r="V74569" i="1"/>
  <c r="V74570" i="1"/>
  <c r="V74571" i="1"/>
  <c r="V74572" i="1"/>
  <c r="V74573" i="1"/>
  <c r="V74574" i="1"/>
  <c r="V74575" i="1"/>
  <c r="V74576" i="1"/>
  <c r="V74577" i="1"/>
  <c r="V74578" i="1"/>
  <c r="V74579" i="1"/>
  <c r="V74580" i="1"/>
  <c r="V74581" i="1"/>
  <c r="V74582" i="1"/>
  <c r="V74583" i="1"/>
  <c r="V74584" i="1"/>
  <c r="V74585" i="1"/>
  <c r="V74586" i="1"/>
  <c r="V74587" i="1"/>
  <c r="V74588" i="1"/>
  <c r="V74589" i="1"/>
  <c r="V74590" i="1"/>
  <c r="V74591" i="1"/>
  <c r="V74592" i="1"/>
  <c r="V74593" i="1"/>
  <c r="V74594" i="1"/>
  <c r="V74595" i="1"/>
  <c r="V74596" i="1"/>
  <c r="V74597" i="1"/>
  <c r="V74598" i="1"/>
  <c r="V74599" i="1"/>
  <c r="V74600" i="1"/>
  <c r="V74601" i="1"/>
  <c r="V74602" i="1"/>
  <c r="V74603" i="1"/>
  <c r="V74604" i="1"/>
  <c r="V74605" i="1"/>
  <c r="V74606" i="1"/>
  <c r="V74607" i="1"/>
  <c r="V74608" i="1"/>
  <c r="V74609" i="1"/>
  <c r="V74610" i="1"/>
  <c r="V74611" i="1"/>
  <c r="V74612" i="1"/>
  <c r="V74613" i="1"/>
  <c r="V74614" i="1"/>
  <c r="V74615" i="1"/>
  <c r="V74616" i="1"/>
  <c r="V74617" i="1"/>
  <c r="V74618" i="1"/>
  <c r="V74619" i="1"/>
  <c r="V74620" i="1"/>
  <c r="V74621" i="1"/>
  <c r="V74622" i="1"/>
  <c r="V74623" i="1"/>
  <c r="V74624" i="1"/>
  <c r="V74625" i="1"/>
  <c r="V74626" i="1"/>
  <c r="V74627" i="1"/>
  <c r="V74628" i="1"/>
  <c r="V74629" i="1"/>
  <c r="V74630" i="1"/>
  <c r="V74631" i="1"/>
  <c r="V74632" i="1"/>
  <c r="V74633" i="1"/>
  <c r="V74634" i="1"/>
  <c r="V74635" i="1"/>
  <c r="V74636" i="1"/>
  <c r="V74637" i="1"/>
  <c r="V74638" i="1"/>
  <c r="V74639" i="1"/>
  <c r="V74640" i="1"/>
  <c r="V74641" i="1"/>
  <c r="V74642" i="1"/>
  <c r="V74643" i="1"/>
  <c r="V74644" i="1"/>
  <c r="V74645" i="1"/>
  <c r="V74646" i="1"/>
  <c r="V74647" i="1"/>
  <c r="V74648" i="1"/>
  <c r="V74649" i="1"/>
  <c r="V74650" i="1"/>
  <c r="V74651" i="1"/>
  <c r="V74652" i="1"/>
  <c r="V74653" i="1"/>
  <c r="V74654" i="1"/>
  <c r="V74655" i="1"/>
  <c r="V74656" i="1"/>
  <c r="V74657" i="1"/>
  <c r="V74658" i="1"/>
  <c r="V74659" i="1"/>
  <c r="V74660" i="1"/>
  <c r="V74661" i="1"/>
  <c r="V74662" i="1"/>
  <c r="V74663" i="1"/>
  <c r="V74664" i="1"/>
  <c r="V74665" i="1"/>
  <c r="V74666" i="1"/>
  <c r="V74667" i="1"/>
  <c r="V74668" i="1"/>
  <c r="V74669" i="1"/>
  <c r="V74670" i="1"/>
  <c r="V74671" i="1"/>
  <c r="V74672" i="1"/>
  <c r="V74673" i="1"/>
  <c r="V74674" i="1"/>
  <c r="V74675" i="1"/>
  <c r="V74676" i="1"/>
  <c r="V74677" i="1"/>
  <c r="V74678" i="1"/>
  <c r="V74679" i="1"/>
  <c r="V74680" i="1"/>
  <c r="V74681" i="1"/>
  <c r="V74682" i="1"/>
  <c r="V74683" i="1"/>
  <c r="V74684" i="1"/>
  <c r="V74685" i="1"/>
  <c r="V74686" i="1"/>
  <c r="V74687" i="1"/>
  <c r="V74688" i="1"/>
  <c r="V74689" i="1"/>
  <c r="V74690" i="1"/>
  <c r="V74691" i="1"/>
  <c r="V74692" i="1"/>
  <c r="V74693" i="1"/>
  <c r="V74694" i="1"/>
  <c r="V74695" i="1"/>
  <c r="V74696" i="1"/>
  <c r="V74697" i="1"/>
  <c r="V74698" i="1"/>
  <c r="V74699" i="1"/>
  <c r="V74700" i="1"/>
  <c r="V74701" i="1"/>
  <c r="V74702" i="1"/>
  <c r="V74703" i="1"/>
  <c r="V74704" i="1"/>
  <c r="V74705" i="1"/>
  <c r="V74706" i="1"/>
  <c r="V74707" i="1"/>
  <c r="V74708" i="1"/>
  <c r="V74709" i="1"/>
  <c r="V74710" i="1"/>
  <c r="V74711" i="1"/>
  <c r="V74712" i="1"/>
  <c r="V74713" i="1"/>
  <c r="V74714" i="1"/>
  <c r="V74715" i="1"/>
  <c r="V74716" i="1"/>
  <c r="V74717" i="1"/>
  <c r="V74718" i="1"/>
  <c r="V74719" i="1"/>
  <c r="V74720" i="1"/>
  <c r="V74721" i="1"/>
  <c r="V74722" i="1"/>
  <c r="V74723" i="1"/>
  <c r="V74724" i="1"/>
  <c r="V74725" i="1"/>
  <c r="V74726" i="1"/>
  <c r="V74727" i="1"/>
  <c r="V74728" i="1"/>
  <c r="V74729" i="1"/>
  <c r="V74730" i="1"/>
  <c r="V74731" i="1"/>
  <c r="V74732" i="1"/>
  <c r="V74733" i="1"/>
  <c r="V74734" i="1"/>
  <c r="V74735" i="1"/>
  <c r="V74736" i="1"/>
  <c r="V74737" i="1"/>
  <c r="V74738" i="1"/>
  <c r="V74739" i="1"/>
  <c r="V74740" i="1"/>
  <c r="V74741" i="1"/>
  <c r="V74742" i="1"/>
  <c r="V74743" i="1"/>
  <c r="V74744" i="1"/>
  <c r="V74745" i="1"/>
  <c r="V74746" i="1"/>
  <c r="V74747" i="1"/>
  <c r="V74748" i="1"/>
  <c r="V74749" i="1"/>
  <c r="V74750" i="1"/>
  <c r="V74751" i="1"/>
  <c r="V74752" i="1"/>
  <c r="V74753" i="1"/>
  <c r="V74754" i="1"/>
  <c r="V74755" i="1"/>
  <c r="V74756" i="1"/>
  <c r="V74757" i="1"/>
  <c r="V74758" i="1"/>
  <c r="V74759" i="1"/>
  <c r="V74760" i="1"/>
  <c r="V74761" i="1"/>
  <c r="V74762" i="1"/>
  <c r="V74763" i="1"/>
  <c r="V74764" i="1"/>
  <c r="V74765" i="1"/>
  <c r="V74766" i="1"/>
  <c r="V74767" i="1"/>
  <c r="V74768" i="1"/>
  <c r="V74769" i="1"/>
  <c r="V74770" i="1"/>
  <c r="V74771" i="1"/>
  <c r="V74772" i="1"/>
  <c r="V74773" i="1"/>
  <c r="V74774" i="1"/>
  <c r="V74775" i="1"/>
  <c r="V74776" i="1"/>
  <c r="V74777" i="1"/>
  <c r="V74778" i="1"/>
  <c r="V74779" i="1"/>
  <c r="V74780" i="1"/>
  <c r="V74781" i="1"/>
  <c r="V74782" i="1"/>
  <c r="V74783" i="1"/>
  <c r="V74784" i="1"/>
  <c r="V74785" i="1"/>
  <c r="V74786" i="1"/>
  <c r="V74787" i="1"/>
  <c r="V74788" i="1"/>
  <c r="V74789" i="1"/>
  <c r="V74790" i="1"/>
  <c r="V74791" i="1"/>
  <c r="V74792" i="1"/>
  <c r="V74793" i="1"/>
  <c r="V74794" i="1"/>
  <c r="V74795" i="1"/>
  <c r="V74796" i="1"/>
  <c r="V74797" i="1"/>
  <c r="V74798" i="1"/>
  <c r="V74799" i="1"/>
  <c r="V74800" i="1"/>
  <c r="V74801" i="1"/>
  <c r="V74802" i="1"/>
  <c r="V74803" i="1"/>
  <c r="V74804" i="1"/>
  <c r="V74805" i="1"/>
  <c r="V74806" i="1"/>
  <c r="V74807" i="1"/>
  <c r="V74808" i="1"/>
  <c r="V74809" i="1"/>
  <c r="V74810" i="1"/>
  <c r="V74811" i="1"/>
  <c r="V74812" i="1"/>
  <c r="V74813" i="1"/>
  <c r="V74814" i="1"/>
  <c r="V74815" i="1"/>
  <c r="V74816" i="1"/>
  <c r="V74817" i="1"/>
  <c r="V74818" i="1"/>
  <c r="V74819" i="1"/>
  <c r="V74820" i="1"/>
  <c r="V74821" i="1"/>
  <c r="V74822" i="1"/>
  <c r="V74823" i="1"/>
  <c r="V74824" i="1"/>
  <c r="V74825" i="1"/>
  <c r="V74826" i="1"/>
  <c r="V74827" i="1"/>
  <c r="V74828" i="1"/>
  <c r="V74829" i="1"/>
  <c r="V74830" i="1"/>
  <c r="V74831" i="1"/>
  <c r="V74832" i="1"/>
  <c r="V74833" i="1"/>
  <c r="V74834" i="1"/>
  <c r="V74835" i="1"/>
  <c r="V74836" i="1"/>
  <c r="V74837" i="1"/>
  <c r="V74838" i="1"/>
  <c r="V74839" i="1"/>
  <c r="V74840" i="1"/>
  <c r="V74841" i="1"/>
  <c r="V74842" i="1"/>
  <c r="V74843" i="1"/>
  <c r="V74844" i="1"/>
  <c r="V74845" i="1"/>
  <c r="V74846" i="1"/>
  <c r="V74847" i="1"/>
  <c r="V74848" i="1"/>
  <c r="V74849" i="1"/>
  <c r="V74850" i="1"/>
  <c r="V74851" i="1"/>
  <c r="V74852" i="1"/>
  <c r="V74853" i="1"/>
  <c r="V74854" i="1"/>
  <c r="V74855" i="1"/>
  <c r="V74856" i="1"/>
  <c r="V74857" i="1"/>
  <c r="V74858" i="1"/>
  <c r="V74859" i="1"/>
  <c r="V74860" i="1"/>
  <c r="V74861" i="1"/>
  <c r="V74862" i="1"/>
  <c r="V74863" i="1"/>
  <c r="V74864" i="1"/>
  <c r="V74865" i="1"/>
  <c r="V74866" i="1"/>
  <c r="V74867" i="1"/>
  <c r="V74868" i="1"/>
  <c r="V74869" i="1"/>
  <c r="V74870" i="1"/>
  <c r="V74871" i="1"/>
  <c r="V74872" i="1"/>
  <c r="V74873" i="1"/>
  <c r="V74874" i="1"/>
  <c r="V74875" i="1"/>
  <c r="V74876" i="1"/>
  <c r="V74877" i="1"/>
  <c r="V74878" i="1"/>
  <c r="V74879" i="1"/>
  <c r="V74880" i="1"/>
  <c r="V74881" i="1"/>
  <c r="V74882" i="1"/>
  <c r="V74883" i="1"/>
  <c r="V74884" i="1"/>
  <c r="V74885" i="1"/>
  <c r="V74886" i="1"/>
  <c r="V74887" i="1"/>
  <c r="V74888" i="1"/>
  <c r="V74889" i="1"/>
  <c r="V74890" i="1"/>
  <c r="V74891" i="1"/>
  <c r="V74892" i="1"/>
  <c r="V74893" i="1"/>
  <c r="V74894" i="1"/>
  <c r="V74895" i="1"/>
  <c r="V74896" i="1"/>
  <c r="V74897" i="1"/>
  <c r="V74898" i="1"/>
  <c r="V74899" i="1"/>
  <c r="V74900" i="1"/>
  <c r="V74901" i="1"/>
  <c r="V74902" i="1"/>
  <c r="V74903" i="1"/>
  <c r="V74904" i="1"/>
  <c r="V74905" i="1"/>
  <c r="V74906" i="1"/>
  <c r="V74907" i="1"/>
  <c r="V74908" i="1"/>
  <c r="V74909" i="1"/>
  <c r="V74910" i="1"/>
  <c r="V74911" i="1"/>
  <c r="V74912" i="1"/>
  <c r="V74913" i="1"/>
  <c r="V74914" i="1"/>
  <c r="V74915" i="1"/>
  <c r="V74916" i="1"/>
  <c r="V74917" i="1"/>
  <c r="V74918" i="1"/>
  <c r="V74919" i="1"/>
  <c r="V74920" i="1"/>
  <c r="V74921" i="1"/>
  <c r="V74922" i="1"/>
  <c r="V74923" i="1"/>
  <c r="V74924" i="1"/>
  <c r="V74925" i="1"/>
  <c r="V74926" i="1"/>
  <c r="V74927" i="1"/>
  <c r="V74928" i="1"/>
  <c r="V74929" i="1"/>
  <c r="V74930" i="1"/>
  <c r="V74931" i="1"/>
  <c r="V74932" i="1"/>
  <c r="V74933" i="1"/>
  <c r="V74934" i="1"/>
  <c r="V74935" i="1"/>
  <c r="V74936" i="1"/>
  <c r="V74937" i="1"/>
  <c r="V74938" i="1"/>
  <c r="V74939" i="1"/>
  <c r="V74940" i="1"/>
  <c r="V74941" i="1"/>
  <c r="V74942" i="1"/>
  <c r="V74943" i="1"/>
  <c r="V74944" i="1"/>
  <c r="V74945" i="1"/>
  <c r="V74946" i="1"/>
  <c r="V74947" i="1"/>
  <c r="V74948" i="1"/>
  <c r="V74949" i="1"/>
  <c r="V74950" i="1"/>
  <c r="V74951" i="1"/>
  <c r="V74952" i="1"/>
  <c r="V74953" i="1"/>
  <c r="V74954" i="1"/>
  <c r="V74955" i="1"/>
  <c r="V74956" i="1"/>
  <c r="V74957" i="1"/>
  <c r="V74958" i="1"/>
  <c r="V74959" i="1"/>
  <c r="V74960" i="1"/>
  <c r="V74961" i="1"/>
  <c r="V74962" i="1"/>
  <c r="V74963" i="1"/>
  <c r="V74964" i="1"/>
  <c r="V74965" i="1"/>
  <c r="V74966" i="1"/>
  <c r="V74967" i="1"/>
  <c r="V74968" i="1"/>
  <c r="V74969" i="1"/>
  <c r="V74970" i="1"/>
  <c r="V74971" i="1"/>
  <c r="V74972" i="1"/>
  <c r="V74973" i="1"/>
  <c r="V74974" i="1"/>
  <c r="V74975" i="1"/>
  <c r="V74976" i="1"/>
  <c r="V74977" i="1"/>
  <c r="V74978" i="1"/>
  <c r="V74979" i="1"/>
  <c r="V74980" i="1"/>
  <c r="V74981" i="1"/>
  <c r="V74982" i="1"/>
  <c r="V74983" i="1"/>
  <c r="V74984" i="1"/>
  <c r="V74985" i="1"/>
  <c r="V74986" i="1"/>
  <c r="V74987" i="1"/>
  <c r="V74988" i="1"/>
  <c r="V74989" i="1"/>
  <c r="V74990" i="1"/>
  <c r="V74991" i="1"/>
  <c r="V74992" i="1"/>
  <c r="V74993" i="1"/>
  <c r="V74994" i="1"/>
  <c r="V74995" i="1"/>
  <c r="V74996" i="1"/>
  <c r="V74997" i="1"/>
  <c r="V74998" i="1"/>
  <c r="V74999" i="1"/>
  <c r="V75000" i="1"/>
  <c r="V75001" i="1"/>
  <c r="V75002" i="1"/>
  <c r="V75003" i="1"/>
  <c r="V75004" i="1"/>
  <c r="V75005" i="1"/>
  <c r="V75006" i="1"/>
  <c r="V75007" i="1"/>
  <c r="V75008" i="1"/>
  <c r="V75009" i="1"/>
  <c r="V75010" i="1"/>
  <c r="V75011" i="1"/>
  <c r="V75012" i="1"/>
  <c r="V75013" i="1"/>
  <c r="V75014" i="1"/>
  <c r="V75015" i="1"/>
  <c r="V75016" i="1"/>
  <c r="V75017" i="1"/>
  <c r="V75018" i="1"/>
  <c r="V75019" i="1"/>
  <c r="V75020" i="1"/>
  <c r="V75021" i="1"/>
  <c r="V75022" i="1"/>
  <c r="V75023" i="1"/>
  <c r="V75024" i="1"/>
  <c r="V75025" i="1"/>
  <c r="V75026" i="1"/>
  <c r="V75027" i="1"/>
  <c r="V75028" i="1"/>
  <c r="V75029" i="1"/>
  <c r="V75030" i="1"/>
  <c r="V75031" i="1"/>
  <c r="V75032" i="1"/>
  <c r="V75033" i="1"/>
  <c r="V75034" i="1"/>
  <c r="V75035" i="1"/>
  <c r="V75036" i="1"/>
  <c r="V75037" i="1"/>
  <c r="V75038" i="1"/>
  <c r="V75039" i="1"/>
  <c r="V75040" i="1"/>
  <c r="V75041" i="1"/>
  <c r="V75042" i="1"/>
  <c r="V75043" i="1"/>
  <c r="V75044" i="1"/>
  <c r="V75045" i="1"/>
  <c r="V75046" i="1"/>
  <c r="V75047" i="1"/>
  <c r="V75048" i="1"/>
  <c r="V75049" i="1"/>
  <c r="V75050" i="1"/>
  <c r="V75051" i="1"/>
  <c r="V75052" i="1"/>
  <c r="V75053" i="1"/>
  <c r="V75054" i="1"/>
  <c r="V75055" i="1"/>
  <c r="V75056" i="1"/>
  <c r="V75057" i="1"/>
  <c r="V75058" i="1"/>
  <c r="V75059" i="1"/>
  <c r="V75060" i="1"/>
  <c r="V75061" i="1"/>
  <c r="V75062" i="1"/>
  <c r="V75063" i="1"/>
  <c r="V75064" i="1"/>
  <c r="V75065" i="1"/>
  <c r="V75066" i="1"/>
  <c r="V75067" i="1"/>
  <c r="V75068" i="1"/>
  <c r="V75069" i="1"/>
  <c r="V75070" i="1"/>
  <c r="V75071" i="1"/>
  <c r="V75072" i="1"/>
  <c r="V75073" i="1"/>
  <c r="V75074" i="1"/>
  <c r="V75075" i="1"/>
  <c r="V75076" i="1"/>
  <c r="V75077" i="1"/>
  <c r="V75078" i="1"/>
  <c r="V75079" i="1"/>
  <c r="V75080" i="1"/>
  <c r="V75081" i="1"/>
  <c r="V75082" i="1"/>
  <c r="V75083" i="1"/>
  <c r="V75084" i="1"/>
  <c r="V75085" i="1"/>
  <c r="V75086" i="1"/>
  <c r="V75087" i="1"/>
  <c r="V75088" i="1"/>
  <c r="V75089" i="1"/>
  <c r="V75090" i="1"/>
  <c r="V75091" i="1"/>
  <c r="V75092" i="1"/>
  <c r="V75093" i="1"/>
  <c r="V75094" i="1"/>
  <c r="V75095" i="1"/>
  <c r="V75096" i="1"/>
  <c r="V75097" i="1"/>
  <c r="V75098" i="1"/>
  <c r="V75099" i="1"/>
  <c r="V75100" i="1"/>
  <c r="V75101" i="1"/>
  <c r="V75102" i="1"/>
  <c r="V75103" i="1"/>
  <c r="V75104" i="1"/>
  <c r="V75105" i="1"/>
  <c r="V75106" i="1"/>
  <c r="V75107" i="1"/>
  <c r="V75108" i="1"/>
  <c r="V75109" i="1"/>
  <c r="V75110" i="1"/>
  <c r="V75111" i="1"/>
  <c r="V75112" i="1"/>
  <c r="V75113" i="1"/>
  <c r="V75114" i="1"/>
  <c r="V75115" i="1"/>
  <c r="V75116" i="1"/>
  <c r="V75117" i="1"/>
  <c r="V75118" i="1"/>
  <c r="V75119" i="1"/>
  <c r="V75120" i="1"/>
  <c r="V75121" i="1"/>
  <c r="V75122" i="1"/>
  <c r="V75123" i="1"/>
  <c r="V75124" i="1"/>
  <c r="V75125" i="1"/>
  <c r="V75126" i="1"/>
  <c r="V75127" i="1"/>
  <c r="V75128" i="1"/>
  <c r="V75129" i="1"/>
  <c r="V75130" i="1"/>
  <c r="V75131" i="1"/>
  <c r="V75132" i="1"/>
  <c r="V75133" i="1"/>
  <c r="V75134" i="1"/>
  <c r="V75135" i="1"/>
  <c r="V75136" i="1"/>
  <c r="V75137" i="1"/>
  <c r="V75138" i="1"/>
  <c r="V75139" i="1"/>
  <c r="V75140" i="1"/>
  <c r="V75141" i="1"/>
  <c r="V75142" i="1"/>
  <c r="V75143" i="1"/>
  <c r="V75144" i="1"/>
  <c r="V75145" i="1"/>
  <c r="V75146" i="1"/>
  <c r="V75147" i="1"/>
  <c r="V75148" i="1"/>
  <c r="V75149" i="1"/>
  <c r="V75150" i="1"/>
  <c r="V75151" i="1"/>
  <c r="V75152" i="1"/>
  <c r="V75153" i="1"/>
  <c r="V75154" i="1"/>
  <c r="V75155" i="1"/>
  <c r="V75156" i="1"/>
  <c r="V75157" i="1"/>
  <c r="V75158" i="1"/>
  <c r="V75159" i="1"/>
  <c r="V75160" i="1"/>
  <c r="V75161" i="1"/>
  <c r="V75162" i="1"/>
  <c r="V75163" i="1"/>
  <c r="V75164" i="1"/>
  <c r="V75165" i="1"/>
  <c r="V75166" i="1"/>
  <c r="V75167" i="1"/>
  <c r="V75168" i="1"/>
  <c r="V75169" i="1"/>
  <c r="V75170" i="1"/>
  <c r="V75171" i="1"/>
  <c r="V75172" i="1"/>
  <c r="V75173" i="1"/>
  <c r="V75174" i="1"/>
  <c r="V75175" i="1"/>
  <c r="V75176" i="1"/>
  <c r="V75177" i="1"/>
  <c r="V75178" i="1"/>
  <c r="V75179" i="1"/>
  <c r="V75180" i="1"/>
  <c r="V75181" i="1"/>
  <c r="V75182" i="1"/>
  <c r="V75183" i="1"/>
  <c r="V75184" i="1"/>
  <c r="V75185" i="1"/>
  <c r="V75186" i="1"/>
  <c r="V75187" i="1"/>
  <c r="V75188" i="1"/>
  <c r="V75189" i="1"/>
  <c r="V75190" i="1"/>
  <c r="V75191" i="1"/>
  <c r="V75192" i="1"/>
  <c r="V75193" i="1"/>
  <c r="V75194" i="1"/>
  <c r="V75195" i="1"/>
  <c r="V75196" i="1"/>
  <c r="V75197" i="1"/>
  <c r="V75198" i="1"/>
  <c r="V75199" i="1"/>
  <c r="V75200" i="1"/>
  <c r="V75201" i="1"/>
  <c r="V75202" i="1"/>
  <c r="V75203" i="1"/>
  <c r="V75204" i="1"/>
  <c r="V75205" i="1"/>
  <c r="V75206" i="1"/>
  <c r="V75207" i="1"/>
  <c r="V75208" i="1"/>
  <c r="V75209" i="1"/>
  <c r="V75210" i="1"/>
  <c r="V75211" i="1"/>
  <c r="V75212" i="1"/>
  <c r="V75213" i="1"/>
  <c r="V75214" i="1"/>
  <c r="V75215" i="1"/>
  <c r="V75216" i="1"/>
  <c r="V75217" i="1"/>
  <c r="V75218" i="1"/>
  <c r="V75219" i="1"/>
  <c r="V75220" i="1"/>
  <c r="V75221" i="1"/>
  <c r="V75222" i="1"/>
  <c r="V75223" i="1"/>
  <c r="V75224" i="1"/>
  <c r="V75225" i="1"/>
  <c r="V75226" i="1"/>
  <c r="V75227" i="1"/>
  <c r="V75228" i="1"/>
  <c r="V75229" i="1"/>
  <c r="V75230" i="1"/>
  <c r="V75231" i="1"/>
  <c r="V75232" i="1"/>
  <c r="V75233" i="1"/>
  <c r="V75234" i="1"/>
  <c r="V75235" i="1"/>
  <c r="V75236" i="1"/>
  <c r="V75237" i="1"/>
  <c r="V75238" i="1"/>
  <c r="V75239" i="1"/>
  <c r="V75240" i="1"/>
  <c r="V75241" i="1"/>
  <c r="V75242" i="1"/>
  <c r="V75243" i="1"/>
  <c r="V75244" i="1"/>
  <c r="V75245" i="1"/>
  <c r="V75246" i="1"/>
  <c r="V75247" i="1"/>
  <c r="V75248" i="1"/>
  <c r="V75249" i="1"/>
  <c r="V75250" i="1"/>
  <c r="V75251" i="1"/>
  <c r="V75252" i="1"/>
  <c r="V75253" i="1"/>
  <c r="V75254" i="1"/>
  <c r="V75255" i="1"/>
  <c r="V75256" i="1"/>
  <c r="V75257" i="1"/>
  <c r="V75258" i="1"/>
  <c r="V75259" i="1"/>
  <c r="V75260" i="1"/>
  <c r="V75261" i="1"/>
  <c r="V75262" i="1"/>
  <c r="V75263" i="1"/>
  <c r="V75264" i="1"/>
  <c r="V75265" i="1"/>
  <c r="V75266" i="1"/>
  <c r="V75267" i="1"/>
  <c r="V75268" i="1"/>
  <c r="V75269" i="1"/>
  <c r="V75270" i="1"/>
  <c r="V75271" i="1"/>
  <c r="V75272" i="1"/>
  <c r="V75273" i="1"/>
  <c r="V75274" i="1"/>
  <c r="V75275" i="1"/>
  <c r="V75276" i="1"/>
  <c r="V75277" i="1"/>
  <c r="V75278" i="1"/>
  <c r="V75279" i="1"/>
  <c r="V75280" i="1"/>
  <c r="V75281" i="1"/>
  <c r="V75282" i="1"/>
  <c r="V75283" i="1"/>
  <c r="V75284" i="1"/>
  <c r="V75285" i="1"/>
  <c r="V75286" i="1"/>
  <c r="V75287" i="1"/>
  <c r="V75288" i="1"/>
  <c r="V75289" i="1"/>
  <c r="V75290" i="1"/>
  <c r="V75291" i="1"/>
  <c r="V75292" i="1"/>
  <c r="V75293" i="1"/>
  <c r="V75294" i="1"/>
  <c r="V75295" i="1"/>
  <c r="V75296" i="1"/>
  <c r="V75297" i="1"/>
  <c r="V75298" i="1"/>
  <c r="V75299" i="1"/>
  <c r="V75300" i="1"/>
  <c r="V75301" i="1"/>
  <c r="V75302" i="1"/>
  <c r="V75303" i="1"/>
  <c r="V75304" i="1"/>
  <c r="V75305" i="1"/>
  <c r="V75306" i="1"/>
  <c r="V75307" i="1"/>
  <c r="V75308" i="1"/>
  <c r="V75309" i="1"/>
  <c r="V75310" i="1"/>
  <c r="V75311" i="1"/>
  <c r="V75312" i="1"/>
  <c r="V75313" i="1"/>
  <c r="V75314" i="1"/>
  <c r="V75315" i="1"/>
  <c r="V75316" i="1"/>
  <c r="V75317" i="1"/>
  <c r="V75318" i="1"/>
  <c r="V75319" i="1"/>
  <c r="V75320" i="1"/>
  <c r="V75321" i="1"/>
  <c r="V75322" i="1"/>
  <c r="V75323" i="1"/>
  <c r="V75324" i="1"/>
  <c r="V75325" i="1"/>
  <c r="V75326" i="1"/>
  <c r="V75327" i="1"/>
  <c r="V75328" i="1"/>
  <c r="V75329" i="1"/>
  <c r="V75330" i="1"/>
  <c r="V75331" i="1"/>
  <c r="V75332" i="1"/>
  <c r="V75333" i="1"/>
  <c r="V75334" i="1"/>
  <c r="V75335" i="1"/>
  <c r="V75336" i="1"/>
  <c r="V75337" i="1"/>
  <c r="V75338" i="1"/>
  <c r="V75339" i="1"/>
  <c r="V75340" i="1"/>
  <c r="V75341" i="1"/>
  <c r="V75342" i="1"/>
  <c r="V75343" i="1"/>
  <c r="V75344" i="1"/>
  <c r="V75345" i="1"/>
  <c r="V75346" i="1"/>
  <c r="V75347" i="1"/>
  <c r="V75348" i="1"/>
  <c r="V75349" i="1"/>
  <c r="V75350" i="1"/>
  <c r="V75351" i="1"/>
  <c r="V75352" i="1"/>
  <c r="V75353" i="1"/>
  <c r="V75354" i="1"/>
  <c r="V75355" i="1"/>
  <c r="V75356" i="1"/>
  <c r="V75357" i="1"/>
  <c r="V75358" i="1"/>
  <c r="V75359" i="1"/>
  <c r="V75360" i="1"/>
  <c r="V75361" i="1"/>
  <c r="V75362" i="1"/>
  <c r="V75363" i="1"/>
  <c r="V75364" i="1"/>
  <c r="V75365" i="1"/>
  <c r="V75366" i="1"/>
  <c r="V75367" i="1"/>
  <c r="V75368" i="1"/>
  <c r="V75369" i="1"/>
  <c r="V75370" i="1"/>
  <c r="V75371" i="1"/>
  <c r="V75372" i="1"/>
  <c r="V75373" i="1"/>
  <c r="V75374" i="1"/>
  <c r="V75375" i="1"/>
  <c r="V75376" i="1"/>
  <c r="V75377" i="1"/>
  <c r="V75378" i="1"/>
  <c r="V75379" i="1"/>
  <c r="V75380" i="1"/>
  <c r="V75381" i="1"/>
  <c r="V75382" i="1"/>
  <c r="V75383" i="1"/>
  <c r="V75384" i="1"/>
  <c r="V75385" i="1"/>
  <c r="V75386" i="1"/>
  <c r="V75387" i="1"/>
  <c r="V75388" i="1"/>
  <c r="V75389" i="1"/>
  <c r="V75390" i="1"/>
  <c r="V75391" i="1"/>
  <c r="V75392" i="1"/>
  <c r="V75393" i="1"/>
  <c r="V75394" i="1"/>
  <c r="V75395" i="1"/>
  <c r="V75396" i="1"/>
  <c r="V75397" i="1"/>
  <c r="V75398" i="1"/>
  <c r="V75399" i="1"/>
  <c r="V75400" i="1"/>
  <c r="V75401" i="1"/>
  <c r="V75402" i="1"/>
  <c r="V75403" i="1"/>
  <c r="V75404" i="1"/>
  <c r="V75405" i="1"/>
  <c r="V75406" i="1"/>
  <c r="V75407" i="1"/>
  <c r="V75408" i="1"/>
  <c r="V75409" i="1"/>
  <c r="V75410" i="1"/>
  <c r="V75411" i="1"/>
  <c r="V75412" i="1"/>
  <c r="V75413" i="1"/>
  <c r="V75414" i="1"/>
  <c r="V75415" i="1"/>
  <c r="V75416" i="1"/>
  <c r="V75417" i="1"/>
  <c r="V75418" i="1"/>
  <c r="V75419" i="1"/>
  <c r="V75420" i="1"/>
  <c r="V75421" i="1"/>
  <c r="V75422" i="1"/>
  <c r="V75423" i="1"/>
  <c r="V75424" i="1"/>
  <c r="V75425" i="1"/>
  <c r="V75426" i="1"/>
  <c r="V75427" i="1"/>
  <c r="V75428" i="1"/>
  <c r="V75429" i="1"/>
  <c r="V75430" i="1"/>
  <c r="V75431" i="1"/>
  <c r="V75432" i="1"/>
  <c r="V75433" i="1"/>
  <c r="V75434" i="1"/>
  <c r="V75435" i="1"/>
  <c r="V75436" i="1"/>
  <c r="V75437" i="1"/>
  <c r="V75438" i="1"/>
  <c r="V75439" i="1"/>
  <c r="V75440" i="1"/>
  <c r="V75441" i="1"/>
  <c r="V75442" i="1"/>
  <c r="V75443" i="1"/>
  <c r="V75444" i="1"/>
  <c r="V75445" i="1"/>
  <c r="V75446" i="1"/>
  <c r="V75447" i="1"/>
  <c r="V75448" i="1"/>
  <c r="V75449" i="1"/>
  <c r="V75450" i="1"/>
  <c r="V75451" i="1"/>
  <c r="V75452" i="1"/>
  <c r="V75453" i="1"/>
  <c r="V75454" i="1"/>
  <c r="V75455" i="1"/>
  <c r="V75456" i="1"/>
  <c r="V75457" i="1"/>
  <c r="V75458" i="1"/>
  <c r="V75459" i="1"/>
  <c r="V75460" i="1"/>
  <c r="V75461" i="1"/>
  <c r="V75462" i="1"/>
  <c r="V75463" i="1"/>
  <c r="V75464" i="1"/>
  <c r="V75465" i="1"/>
  <c r="V75466" i="1"/>
  <c r="V75467" i="1"/>
  <c r="V75468" i="1"/>
  <c r="V75469" i="1"/>
  <c r="V75470" i="1"/>
  <c r="V75471" i="1"/>
  <c r="V75472" i="1"/>
  <c r="V75473" i="1"/>
  <c r="V75474" i="1"/>
  <c r="V75475" i="1"/>
  <c r="V75476" i="1"/>
  <c r="V75477" i="1"/>
  <c r="V75478" i="1"/>
  <c r="V75479" i="1"/>
  <c r="V75480" i="1"/>
  <c r="V75481" i="1"/>
  <c r="V75482" i="1"/>
  <c r="V75483" i="1"/>
  <c r="V75484" i="1"/>
  <c r="V75485" i="1"/>
  <c r="V75486" i="1"/>
  <c r="V75487" i="1"/>
  <c r="V75488" i="1"/>
  <c r="V75489" i="1"/>
  <c r="V75490" i="1"/>
  <c r="V75491" i="1"/>
  <c r="V75492" i="1"/>
  <c r="V75493" i="1"/>
  <c r="V75494" i="1"/>
  <c r="V75495" i="1"/>
  <c r="V75496" i="1"/>
  <c r="V75497" i="1"/>
  <c r="V75498" i="1"/>
  <c r="V75499" i="1"/>
  <c r="V75500" i="1"/>
  <c r="V75501" i="1"/>
  <c r="V75502" i="1"/>
  <c r="V75503" i="1"/>
  <c r="V75504" i="1"/>
  <c r="V75505" i="1"/>
  <c r="V75506" i="1"/>
  <c r="V75507" i="1"/>
  <c r="V75508" i="1"/>
  <c r="V75509" i="1"/>
  <c r="V75510" i="1"/>
  <c r="V75511" i="1"/>
  <c r="V75512" i="1"/>
  <c r="V75513" i="1"/>
  <c r="V75514" i="1"/>
  <c r="V75515" i="1"/>
  <c r="V75516" i="1"/>
  <c r="V75517" i="1"/>
  <c r="V75518" i="1"/>
  <c r="V75519" i="1"/>
  <c r="V75520" i="1"/>
  <c r="V75521" i="1"/>
  <c r="V75522" i="1"/>
  <c r="V75523" i="1"/>
  <c r="V75524" i="1"/>
  <c r="V75525" i="1"/>
  <c r="V75526" i="1"/>
  <c r="V75527" i="1"/>
  <c r="V75528" i="1"/>
  <c r="V75529" i="1"/>
  <c r="V75530" i="1"/>
  <c r="V75531" i="1"/>
  <c r="V75532" i="1"/>
  <c r="V75533" i="1"/>
  <c r="V75534" i="1"/>
  <c r="V75535" i="1"/>
  <c r="V75536" i="1"/>
  <c r="V75537" i="1"/>
  <c r="V75538" i="1"/>
  <c r="V75539" i="1"/>
  <c r="V75540" i="1"/>
  <c r="V75541" i="1"/>
  <c r="V75542" i="1"/>
  <c r="V75543" i="1"/>
  <c r="V75544" i="1"/>
  <c r="V75545" i="1"/>
  <c r="V75546" i="1"/>
  <c r="V75547" i="1"/>
  <c r="V75548" i="1"/>
  <c r="V75549" i="1"/>
  <c r="V75550" i="1"/>
  <c r="V75551" i="1"/>
  <c r="V75552" i="1"/>
  <c r="V75553" i="1"/>
  <c r="V75554" i="1"/>
  <c r="V75555" i="1"/>
  <c r="V75556" i="1"/>
  <c r="V75557" i="1"/>
  <c r="V75558" i="1"/>
  <c r="V75559" i="1"/>
  <c r="V75560" i="1"/>
  <c r="V75561" i="1"/>
  <c r="V75562" i="1"/>
  <c r="V75563" i="1"/>
  <c r="V75564" i="1"/>
  <c r="V75565" i="1"/>
  <c r="V75566" i="1"/>
  <c r="V75567" i="1"/>
  <c r="V75568" i="1"/>
  <c r="V75569" i="1"/>
  <c r="V75570" i="1"/>
  <c r="V75571" i="1"/>
  <c r="V75572" i="1"/>
  <c r="V75573" i="1"/>
  <c r="V75574" i="1"/>
  <c r="V75575" i="1"/>
  <c r="V75576" i="1"/>
  <c r="V75577" i="1"/>
  <c r="V75578" i="1"/>
  <c r="V75579" i="1"/>
  <c r="V75580" i="1"/>
  <c r="V75581" i="1"/>
  <c r="V75582" i="1"/>
  <c r="V75583" i="1"/>
  <c r="V75584" i="1"/>
  <c r="V75585" i="1"/>
  <c r="V75586" i="1"/>
  <c r="V75587" i="1"/>
  <c r="V75588" i="1"/>
  <c r="V75589" i="1"/>
  <c r="V75590" i="1"/>
  <c r="V75591" i="1"/>
  <c r="V75592" i="1"/>
  <c r="V75593" i="1"/>
  <c r="V75594" i="1"/>
  <c r="V75595" i="1"/>
  <c r="V75596" i="1"/>
  <c r="V75597" i="1"/>
  <c r="V75598" i="1"/>
  <c r="V75599" i="1"/>
  <c r="V75600" i="1"/>
  <c r="V75601" i="1"/>
  <c r="V75602" i="1"/>
  <c r="V75603" i="1"/>
  <c r="V75604" i="1"/>
  <c r="V75605" i="1"/>
  <c r="V75606" i="1"/>
  <c r="V75607" i="1"/>
  <c r="V75608" i="1"/>
  <c r="V75609" i="1"/>
  <c r="V75610" i="1"/>
  <c r="V75611" i="1"/>
  <c r="V75612" i="1"/>
  <c r="V75613" i="1"/>
  <c r="V75614" i="1"/>
  <c r="V75615" i="1"/>
  <c r="V75616" i="1"/>
  <c r="V75617" i="1"/>
  <c r="V75618" i="1"/>
  <c r="V75619" i="1"/>
  <c r="V75620" i="1"/>
  <c r="V75621" i="1"/>
  <c r="V75622" i="1"/>
  <c r="V75623" i="1"/>
  <c r="V75624" i="1"/>
  <c r="V75625" i="1"/>
  <c r="V75626" i="1"/>
  <c r="V75627" i="1"/>
  <c r="V75628" i="1"/>
  <c r="V75629" i="1"/>
  <c r="V75630" i="1"/>
  <c r="V75631" i="1"/>
  <c r="V75632" i="1"/>
  <c r="V75633" i="1"/>
  <c r="V75634" i="1"/>
  <c r="V75635" i="1"/>
  <c r="V75636" i="1"/>
  <c r="V75637" i="1"/>
  <c r="V75638" i="1"/>
  <c r="V75639" i="1"/>
  <c r="V75640" i="1"/>
  <c r="V75641" i="1"/>
  <c r="V75642" i="1"/>
  <c r="V75643" i="1"/>
  <c r="V75644" i="1"/>
  <c r="V75645" i="1"/>
  <c r="V75646" i="1"/>
  <c r="V75647" i="1"/>
  <c r="V75648" i="1"/>
  <c r="V75649" i="1"/>
  <c r="V75650" i="1"/>
  <c r="V75651" i="1"/>
  <c r="V75652" i="1"/>
  <c r="V75653" i="1"/>
  <c r="V75654" i="1"/>
  <c r="V75655" i="1"/>
  <c r="V75656" i="1"/>
  <c r="V75657" i="1"/>
  <c r="V75658" i="1"/>
  <c r="V75659" i="1"/>
  <c r="V75660" i="1"/>
  <c r="V75661" i="1"/>
  <c r="V75662" i="1"/>
  <c r="V75663" i="1"/>
  <c r="V75664" i="1"/>
  <c r="V75665" i="1"/>
  <c r="V75666" i="1"/>
  <c r="V75667" i="1"/>
  <c r="V75668" i="1"/>
  <c r="V75669" i="1"/>
  <c r="V75670" i="1"/>
  <c r="V75671" i="1"/>
  <c r="V75672" i="1"/>
  <c r="V75673" i="1"/>
  <c r="V75674" i="1"/>
  <c r="V75675" i="1"/>
  <c r="V75676" i="1"/>
  <c r="V75677" i="1"/>
  <c r="V75678" i="1"/>
  <c r="V75679" i="1"/>
  <c r="V75680" i="1"/>
  <c r="V75681" i="1"/>
  <c r="V75682" i="1"/>
  <c r="V75683" i="1"/>
  <c r="V75684" i="1"/>
  <c r="V75685" i="1"/>
  <c r="V75686" i="1"/>
  <c r="V75687" i="1"/>
  <c r="V75688" i="1"/>
  <c r="V75689" i="1"/>
  <c r="V75690" i="1"/>
  <c r="V75691" i="1"/>
  <c r="V75692" i="1"/>
  <c r="V75693" i="1"/>
  <c r="V75694" i="1"/>
  <c r="V75695" i="1"/>
  <c r="V75696" i="1"/>
  <c r="V75697" i="1"/>
  <c r="V75698" i="1"/>
  <c r="V75699" i="1"/>
  <c r="V75700" i="1"/>
  <c r="V75701" i="1"/>
  <c r="V75702" i="1"/>
  <c r="V75703" i="1"/>
  <c r="V75704" i="1"/>
  <c r="V75705" i="1"/>
  <c r="V75706" i="1"/>
  <c r="V75707" i="1"/>
  <c r="V75708" i="1"/>
  <c r="V75709" i="1"/>
  <c r="V75710" i="1"/>
  <c r="V75711" i="1"/>
  <c r="V75712" i="1"/>
  <c r="V75713" i="1"/>
  <c r="V75714" i="1"/>
  <c r="V75715" i="1"/>
  <c r="V75716" i="1"/>
  <c r="V75717" i="1"/>
  <c r="V75718" i="1"/>
  <c r="V75719" i="1"/>
  <c r="V75720" i="1"/>
  <c r="V75721" i="1"/>
  <c r="V75722" i="1"/>
  <c r="V75723" i="1"/>
  <c r="V75724" i="1"/>
  <c r="V75725" i="1"/>
  <c r="V75726" i="1"/>
  <c r="V75727" i="1"/>
  <c r="V75728" i="1"/>
  <c r="V75729" i="1"/>
  <c r="V75730" i="1"/>
  <c r="V75731" i="1"/>
  <c r="V75732" i="1"/>
  <c r="V75733" i="1"/>
  <c r="V75734" i="1"/>
  <c r="V75735" i="1"/>
  <c r="V75736" i="1"/>
  <c r="V75737" i="1"/>
  <c r="V75738" i="1"/>
  <c r="V75739" i="1"/>
  <c r="V75740" i="1"/>
  <c r="V75741" i="1"/>
  <c r="V75742" i="1"/>
  <c r="V75743" i="1"/>
  <c r="V75744" i="1"/>
  <c r="V75745" i="1"/>
  <c r="V75746" i="1"/>
  <c r="V75747" i="1"/>
  <c r="V75748" i="1"/>
  <c r="V75749" i="1"/>
  <c r="V75750" i="1"/>
  <c r="V75751" i="1"/>
  <c r="V75752" i="1"/>
  <c r="V75753" i="1"/>
  <c r="V75754" i="1"/>
  <c r="V75755" i="1"/>
  <c r="V75756" i="1"/>
  <c r="V75757" i="1"/>
  <c r="V75758" i="1"/>
  <c r="V75759" i="1"/>
  <c r="V75760" i="1"/>
  <c r="V75761" i="1"/>
  <c r="V75762" i="1"/>
  <c r="V75763" i="1"/>
  <c r="V75764" i="1"/>
  <c r="V75765" i="1"/>
  <c r="V75766" i="1"/>
  <c r="V75767" i="1"/>
  <c r="V75768" i="1"/>
  <c r="V75769" i="1"/>
  <c r="V75770" i="1"/>
  <c r="V75771" i="1"/>
  <c r="V75772" i="1"/>
  <c r="V75773" i="1"/>
  <c r="V75774" i="1"/>
  <c r="V75775" i="1"/>
  <c r="V75776" i="1"/>
  <c r="V75777" i="1"/>
  <c r="V75778" i="1"/>
  <c r="V75779" i="1"/>
  <c r="V75780" i="1"/>
  <c r="V75781" i="1"/>
  <c r="V75782" i="1"/>
  <c r="V75783" i="1"/>
  <c r="V75784" i="1"/>
  <c r="V75785" i="1"/>
  <c r="V75786" i="1"/>
  <c r="V75787" i="1"/>
  <c r="V75788" i="1"/>
  <c r="V75789" i="1"/>
  <c r="V75790" i="1"/>
  <c r="V75791" i="1"/>
  <c r="V75792" i="1"/>
  <c r="V75793" i="1"/>
  <c r="V75794" i="1"/>
  <c r="V75795" i="1"/>
  <c r="V75796" i="1"/>
  <c r="V75797" i="1"/>
  <c r="V75798" i="1"/>
  <c r="V75799" i="1"/>
  <c r="V75800" i="1"/>
  <c r="V75801" i="1"/>
  <c r="V75802" i="1"/>
  <c r="V75803" i="1"/>
  <c r="V75804" i="1"/>
  <c r="V75805" i="1"/>
  <c r="V75806" i="1"/>
  <c r="V75807" i="1"/>
  <c r="V75808" i="1"/>
  <c r="V75809" i="1"/>
  <c r="V75810" i="1"/>
  <c r="V75811" i="1"/>
  <c r="V75812" i="1"/>
  <c r="V75813" i="1"/>
  <c r="V75814" i="1"/>
  <c r="V75815" i="1"/>
  <c r="V75816" i="1"/>
  <c r="V75817" i="1"/>
  <c r="V75818" i="1"/>
  <c r="V75819" i="1"/>
  <c r="V75820" i="1"/>
  <c r="V75821" i="1"/>
  <c r="V75822" i="1"/>
  <c r="V75823" i="1"/>
  <c r="V75824" i="1"/>
  <c r="V75825" i="1"/>
  <c r="V75826" i="1"/>
  <c r="V75827" i="1"/>
  <c r="V75828" i="1"/>
  <c r="V75829" i="1"/>
  <c r="V75830" i="1"/>
  <c r="V75831" i="1"/>
  <c r="V75832" i="1"/>
  <c r="V75833" i="1"/>
  <c r="V75834" i="1"/>
  <c r="V75835" i="1"/>
  <c r="V75836" i="1"/>
  <c r="V75837" i="1"/>
  <c r="V75838" i="1"/>
  <c r="V75839" i="1"/>
  <c r="V75840" i="1"/>
  <c r="V75841" i="1"/>
  <c r="V75842" i="1"/>
  <c r="V75843" i="1"/>
  <c r="V75844" i="1"/>
  <c r="V75845" i="1"/>
  <c r="V75846" i="1"/>
  <c r="V75847" i="1"/>
  <c r="V75848" i="1"/>
  <c r="V75849" i="1"/>
  <c r="V75850" i="1"/>
  <c r="V75851" i="1"/>
  <c r="V75852" i="1"/>
  <c r="V75853" i="1"/>
  <c r="V75854" i="1"/>
  <c r="V75855" i="1"/>
  <c r="V75856" i="1"/>
  <c r="V75857" i="1"/>
  <c r="V75858" i="1"/>
  <c r="V75859" i="1"/>
  <c r="V75860" i="1"/>
  <c r="V75861" i="1"/>
  <c r="V75862" i="1"/>
  <c r="V75863" i="1"/>
  <c r="V75864" i="1"/>
  <c r="V75865" i="1"/>
  <c r="V75866" i="1"/>
  <c r="V75867" i="1"/>
  <c r="V75868" i="1"/>
  <c r="V75869" i="1"/>
  <c r="V75870" i="1"/>
  <c r="V75871" i="1"/>
  <c r="V75872" i="1"/>
  <c r="V75873" i="1"/>
  <c r="V75874" i="1"/>
  <c r="V75875" i="1"/>
  <c r="V75876" i="1"/>
  <c r="V75877" i="1"/>
  <c r="V75878" i="1"/>
  <c r="V75879" i="1"/>
  <c r="V75880" i="1"/>
  <c r="V75881" i="1"/>
  <c r="V75882" i="1"/>
  <c r="V75883" i="1"/>
  <c r="V75884" i="1"/>
  <c r="V75885" i="1"/>
  <c r="V75886" i="1"/>
  <c r="V75887" i="1"/>
  <c r="V75888" i="1"/>
  <c r="V75889" i="1"/>
  <c r="V75890" i="1"/>
  <c r="V75891" i="1"/>
  <c r="V75892" i="1"/>
  <c r="V75893" i="1"/>
  <c r="V75894" i="1"/>
  <c r="V75895" i="1"/>
  <c r="V75896" i="1"/>
  <c r="V75897" i="1"/>
  <c r="V75898" i="1"/>
  <c r="V75899" i="1"/>
  <c r="V75900" i="1"/>
  <c r="V75901" i="1"/>
  <c r="V75902" i="1"/>
  <c r="V75903" i="1"/>
  <c r="V75904" i="1"/>
  <c r="V75905" i="1"/>
  <c r="V75906" i="1"/>
  <c r="V75907" i="1"/>
  <c r="V75908" i="1"/>
  <c r="V75909" i="1"/>
  <c r="V75910" i="1"/>
  <c r="V75911" i="1"/>
  <c r="V75912" i="1"/>
  <c r="V75913" i="1"/>
  <c r="V75914" i="1"/>
  <c r="V75915" i="1"/>
  <c r="V75916" i="1"/>
  <c r="V75917" i="1"/>
  <c r="V75918" i="1"/>
  <c r="V75919" i="1"/>
  <c r="V75920" i="1"/>
  <c r="V75921" i="1"/>
  <c r="V75922" i="1"/>
  <c r="V75923" i="1"/>
  <c r="V75924" i="1"/>
  <c r="V75925" i="1"/>
  <c r="V75926" i="1"/>
  <c r="V75927" i="1"/>
  <c r="V75928" i="1"/>
  <c r="V75929" i="1"/>
  <c r="V75930" i="1"/>
  <c r="V75931" i="1"/>
  <c r="V75932" i="1"/>
  <c r="V75933" i="1"/>
  <c r="V75934" i="1"/>
  <c r="V75935" i="1"/>
  <c r="V75936" i="1"/>
  <c r="V75937" i="1"/>
  <c r="V75938" i="1"/>
  <c r="V75939" i="1"/>
  <c r="V75940" i="1"/>
  <c r="V75941" i="1"/>
  <c r="V75942" i="1"/>
  <c r="V75943" i="1"/>
  <c r="V75944" i="1"/>
  <c r="V75945" i="1"/>
  <c r="V75946" i="1"/>
  <c r="V75947" i="1"/>
  <c r="V75948" i="1"/>
  <c r="V75949" i="1"/>
  <c r="V75950" i="1"/>
  <c r="V75951" i="1"/>
  <c r="V75952" i="1"/>
  <c r="V75953" i="1"/>
  <c r="V75954" i="1"/>
  <c r="V75955" i="1"/>
  <c r="V75956" i="1"/>
  <c r="V75957" i="1"/>
  <c r="V75958" i="1"/>
  <c r="V75959" i="1"/>
  <c r="V75960" i="1"/>
  <c r="V75961" i="1"/>
  <c r="V75962" i="1"/>
  <c r="V75963" i="1"/>
  <c r="V75964" i="1"/>
  <c r="V75965" i="1"/>
  <c r="V75966" i="1"/>
  <c r="V75967" i="1"/>
  <c r="V75968" i="1"/>
  <c r="V75969" i="1"/>
  <c r="V75970" i="1"/>
  <c r="V75971" i="1"/>
  <c r="V75972" i="1"/>
  <c r="V75973" i="1"/>
  <c r="V75974" i="1"/>
  <c r="V75975" i="1"/>
  <c r="V75976" i="1"/>
  <c r="V75977" i="1"/>
  <c r="V75978" i="1"/>
  <c r="V75979" i="1"/>
  <c r="V75980" i="1"/>
  <c r="V75981" i="1"/>
  <c r="V75982" i="1"/>
  <c r="V75983" i="1"/>
  <c r="V75984" i="1"/>
  <c r="V75985" i="1"/>
  <c r="V75986" i="1"/>
  <c r="V75987" i="1"/>
  <c r="V75988" i="1"/>
  <c r="V75989" i="1"/>
  <c r="V75990" i="1"/>
  <c r="V75991" i="1"/>
  <c r="V75992" i="1"/>
  <c r="V75993" i="1"/>
  <c r="V75994" i="1"/>
  <c r="V75995" i="1"/>
  <c r="V75996" i="1"/>
  <c r="V75997" i="1"/>
  <c r="V75998" i="1"/>
  <c r="V75999" i="1"/>
  <c r="V76000" i="1"/>
  <c r="V76001" i="1"/>
  <c r="V76002" i="1"/>
  <c r="V76003" i="1"/>
  <c r="V76004" i="1"/>
  <c r="V76005" i="1"/>
  <c r="V76006" i="1"/>
  <c r="V76007" i="1"/>
  <c r="V76008" i="1"/>
  <c r="V76009" i="1"/>
  <c r="V76010" i="1"/>
  <c r="V76011" i="1"/>
  <c r="V76012" i="1"/>
  <c r="V76013" i="1"/>
  <c r="V76014" i="1"/>
  <c r="V76015" i="1"/>
  <c r="V76016" i="1"/>
  <c r="V76017" i="1"/>
  <c r="V76018" i="1"/>
  <c r="V76019" i="1"/>
  <c r="V76020" i="1"/>
  <c r="V76021" i="1"/>
  <c r="V76022" i="1"/>
  <c r="V76023" i="1"/>
  <c r="V76024" i="1"/>
  <c r="V76025" i="1"/>
  <c r="V76026" i="1"/>
  <c r="V76027" i="1"/>
  <c r="V76028" i="1"/>
  <c r="V76029" i="1"/>
  <c r="V76030" i="1"/>
  <c r="V76031" i="1"/>
  <c r="V76032" i="1"/>
  <c r="V76033" i="1"/>
  <c r="V76034" i="1"/>
  <c r="V76035" i="1"/>
  <c r="V76036" i="1"/>
  <c r="V76037" i="1"/>
  <c r="V76038" i="1"/>
  <c r="V76039" i="1"/>
  <c r="V76040" i="1"/>
  <c r="V76041" i="1"/>
  <c r="V76042" i="1"/>
  <c r="V76043" i="1"/>
  <c r="V76044" i="1"/>
  <c r="V76045" i="1"/>
  <c r="V76046" i="1"/>
  <c r="V76047" i="1"/>
  <c r="V76048" i="1"/>
  <c r="V76049" i="1"/>
  <c r="V76050" i="1"/>
  <c r="V76051" i="1"/>
  <c r="V76052" i="1"/>
  <c r="V76053" i="1"/>
  <c r="V76054" i="1"/>
  <c r="V76055" i="1"/>
  <c r="V76056" i="1"/>
  <c r="V76057" i="1"/>
  <c r="V76058" i="1"/>
  <c r="V76059" i="1"/>
  <c r="V76060" i="1"/>
  <c r="V76061" i="1"/>
  <c r="V76062" i="1"/>
  <c r="V76063" i="1"/>
  <c r="V76064" i="1"/>
  <c r="V76065" i="1"/>
  <c r="V76066" i="1"/>
  <c r="V76067" i="1"/>
  <c r="V76068" i="1"/>
  <c r="V76069" i="1"/>
  <c r="V76070" i="1"/>
  <c r="V76071" i="1"/>
  <c r="V76072" i="1"/>
  <c r="V76073" i="1"/>
  <c r="V76074" i="1"/>
  <c r="V76075" i="1"/>
  <c r="V76076" i="1"/>
  <c r="V76077" i="1"/>
  <c r="V76078" i="1"/>
  <c r="V76079" i="1"/>
  <c r="V76080" i="1"/>
  <c r="V76081" i="1"/>
  <c r="V76082" i="1"/>
  <c r="V76083" i="1"/>
  <c r="V76084" i="1"/>
  <c r="V76085" i="1"/>
  <c r="V76086" i="1"/>
  <c r="V76087" i="1"/>
  <c r="V76088" i="1"/>
  <c r="V76089" i="1"/>
  <c r="V76090" i="1"/>
  <c r="V76091" i="1"/>
  <c r="V76092" i="1"/>
  <c r="V76093" i="1"/>
  <c r="V76094" i="1"/>
  <c r="V76095" i="1"/>
  <c r="V76096" i="1"/>
  <c r="V76097" i="1"/>
  <c r="V76098" i="1"/>
  <c r="V76099" i="1"/>
  <c r="V76100" i="1"/>
  <c r="V76101" i="1"/>
  <c r="V76102" i="1"/>
  <c r="V76103" i="1"/>
  <c r="V76104" i="1"/>
  <c r="V76105" i="1"/>
  <c r="V76106" i="1"/>
  <c r="V76107" i="1"/>
  <c r="V76108" i="1"/>
  <c r="V76109" i="1"/>
  <c r="V76110" i="1"/>
  <c r="V76111" i="1"/>
  <c r="V76112" i="1"/>
  <c r="V76113" i="1"/>
  <c r="V76114" i="1"/>
  <c r="V76115" i="1"/>
  <c r="V76116" i="1"/>
  <c r="V76117" i="1"/>
  <c r="V76118" i="1"/>
  <c r="V76119" i="1"/>
  <c r="V76120" i="1"/>
  <c r="V76121" i="1"/>
  <c r="V76122" i="1"/>
  <c r="V76123" i="1"/>
  <c r="V76124" i="1"/>
  <c r="V76125" i="1"/>
  <c r="V76126" i="1"/>
  <c r="V76127" i="1"/>
  <c r="V76128" i="1"/>
  <c r="V76129" i="1"/>
  <c r="V76130" i="1"/>
  <c r="V76131" i="1"/>
  <c r="V76132" i="1"/>
  <c r="V76133" i="1"/>
  <c r="V76134" i="1"/>
  <c r="V76135" i="1"/>
  <c r="V76136" i="1"/>
  <c r="V76137" i="1"/>
  <c r="V76138" i="1"/>
  <c r="V76139" i="1"/>
  <c r="V76140" i="1"/>
  <c r="V76141" i="1"/>
  <c r="V76142" i="1"/>
  <c r="V76143" i="1"/>
  <c r="V76144" i="1"/>
  <c r="V76145" i="1"/>
  <c r="V76146" i="1"/>
  <c r="V76147" i="1"/>
  <c r="V76148" i="1"/>
  <c r="V76149" i="1"/>
  <c r="V76150" i="1"/>
  <c r="V76151" i="1"/>
  <c r="V76152" i="1"/>
  <c r="V76153" i="1"/>
  <c r="V76154" i="1"/>
  <c r="V76155" i="1"/>
  <c r="V76156" i="1"/>
  <c r="V76157" i="1"/>
  <c r="V76158" i="1"/>
  <c r="V76159" i="1"/>
  <c r="V76160" i="1"/>
  <c r="V76161" i="1"/>
  <c r="V76162" i="1"/>
  <c r="V76163" i="1"/>
  <c r="V76164" i="1"/>
  <c r="V76165" i="1"/>
  <c r="V76166" i="1"/>
  <c r="V76167" i="1"/>
  <c r="V76168" i="1"/>
  <c r="V76169" i="1"/>
  <c r="V76170" i="1"/>
  <c r="V76171" i="1"/>
  <c r="V76172" i="1"/>
  <c r="V76173" i="1"/>
  <c r="V76174" i="1"/>
  <c r="V76175" i="1"/>
  <c r="V76176" i="1"/>
  <c r="V76177" i="1"/>
  <c r="V76178" i="1"/>
  <c r="V76179" i="1"/>
  <c r="V76180" i="1"/>
  <c r="V76181" i="1"/>
  <c r="V76182" i="1"/>
  <c r="V76183" i="1"/>
  <c r="V76184" i="1"/>
  <c r="V76185" i="1"/>
  <c r="V76186" i="1"/>
  <c r="V76187" i="1"/>
  <c r="V76188" i="1"/>
  <c r="V76189" i="1"/>
  <c r="V76190" i="1"/>
  <c r="V76191" i="1"/>
  <c r="V76192" i="1"/>
  <c r="V76193" i="1"/>
  <c r="V76194" i="1"/>
  <c r="V76195" i="1"/>
  <c r="V76196" i="1"/>
  <c r="V76197" i="1"/>
  <c r="V76198" i="1"/>
  <c r="V76199" i="1"/>
  <c r="V76200" i="1"/>
  <c r="V76201" i="1"/>
  <c r="V76202" i="1"/>
  <c r="V76203" i="1"/>
  <c r="V76204" i="1"/>
  <c r="V76205" i="1"/>
  <c r="V76206" i="1"/>
  <c r="V76207" i="1"/>
  <c r="V76208" i="1"/>
  <c r="V76209" i="1"/>
  <c r="V76210" i="1"/>
  <c r="V76211" i="1"/>
  <c r="V76212" i="1"/>
  <c r="V76213" i="1"/>
  <c r="V76214" i="1"/>
  <c r="V76215" i="1"/>
  <c r="V76216" i="1"/>
  <c r="V76217" i="1"/>
  <c r="V76218" i="1"/>
  <c r="V76219" i="1"/>
  <c r="V76220" i="1"/>
  <c r="V76221" i="1"/>
  <c r="V76222" i="1"/>
  <c r="V76223" i="1"/>
  <c r="V76224" i="1"/>
  <c r="V76225" i="1"/>
  <c r="V76226" i="1"/>
  <c r="V76227" i="1"/>
  <c r="V76228" i="1"/>
  <c r="V76229" i="1"/>
  <c r="V76230" i="1"/>
  <c r="V76231" i="1"/>
  <c r="V76232" i="1"/>
  <c r="V76233" i="1"/>
  <c r="V76234" i="1"/>
  <c r="V76235" i="1"/>
  <c r="V76236" i="1"/>
  <c r="V76237" i="1"/>
  <c r="V76238" i="1"/>
  <c r="V76239" i="1"/>
  <c r="V76240" i="1"/>
  <c r="V76241" i="1"/>
  <c r="V76242" i="1"/>
  <c r="V76243" i="1"/>
  <c r="V76244" i="1"/>
  <c r="V76245" i="1"/>
  <c r="V76246" i="1"/>
  <c r="V76247" i="1"/>
  <c r="V76248" i="1"/>
  <c r="V76249" i="1"/>
  <c r="V76250" i="1"/>
  <c r="V76251" i="1"/>
  <c r="V76252" i="1"/>
  <c r="V76253" i="1"/>
  <c r="V76254" i="1"/>
  <c r="V76255" i="1"/>
  <c r="V76256" i="1"/>
  <c r="V76257" i="1"/>
  <c r="V76258" i="1"/>
  <c r="V76259" i="1"/>
  <c r="V76260" i="1"/>
  <c r="V76261" i="1"/>
  <c r="V76262" i="1"/>
  <c r="V76263" i="1"/>
  <c r="V76264" i="1"/>
  <c r="V76265" i="1"/>
  <c r="V76266" i="1"/>
  <c r="V76267" i="1"/>
  <c r="V76268" i="1"/>
  <c r="V76269" i="1"/>
  <c r="V76270" i="1"/>
  <c r="V76271" i="1"/>
  <c r="V76272" i="1"/>
  <c r="V76273" i="1"/>
  <c r="V76274" i="1"/>
  <c r="V76275" i="1"/>
  <c r="V76276" i="1"/>
  <c r="V76277" i="1"/>
  <c r="V76278" i="1"/>
  <c r="V76279" i="1"/>
  <c r="V76280" i="1"/>
  <c r="V76281" i="1"/>
  <c r="V76282" i="1"/>
  <c r="V76283" i="1"/>
  <c r="V76284" i="1"/>
  <c r="V76285" i="1"/>
  <c r="V76286" i="1"/>
  <c r="V76287" i="1"/>
  <c r="V76288" i="1"/>
  <c r="V76289" i="1"/>
  <c r="V76290" i="1"/>
  <c r="V76291" i="1"/>
  <c r="V76292" i="1"/>
  <c r="V76293" i="1"/>
  <c r="V76294" i="1"/>
  <c r="V76295" i="1"/>
  <c r="V76296" i="1"/>
  <c r="V76297" i="1"/>
  <c r="V76298" i="1"/>
  <c r="V76299" i="1"/>
  <c r="V76300" i="1"/>
  <c r="V76301" i="1"/>
  <c r="V76302" i="1"/>
  <c r="V76303" i="1"/>
  <c r="V76304" i="1"/>
  <c r="V76305" i="1"/>
  <c r="V76306" i="1"/>
  <c r="V76307" i="1"/>
  <c r="V76308" i="1"/>
  <c r="V76309" i="1"/>
  <c r="V76310" i="1"/>
  <c r="V76311" i="1"/>
  <c r="V76312" i="1"/>
  <c r="V76313" i="1"/>
  <c r="V76314" i="1"/>
  <c r="V76315" i="1"/>
  <c r="V76316" i="1"/>
  <c r="V76317" i="1"/>
  <c r="V76318" i="1"/>
  <c r="V76319" i="1"/>
  <c r="V76320" i="1"/>
  <c r="V76321" i="1"/>
  <c r="V76322" i="1"/>
  <c r="V76323" i="1"/>
  <c r="V76324" i="1"/>
  <c r="V76325" i="1"/>
  <c r="V76326" i="1"/>
  <c r="V76327" i="1"/>
  <c r="V76328" i="1"/>
  <c r="V76329" i="1"/>
  <c r="V76330" i="1"/>
  <c r="V76331" i="1"/>
  <c r="V76332" i="1"/>
  <c r="V76333" i="1"/>
  <c r="V76334" i="1"/>
  <c r="V76335" i="1"/>
  <c r="V76336" i="1"/>
  <c r="V76337" i="1"/>
  <c r="V76338" i="1"/>
  <c r="V76339" i="1"/>
  <c r="V76340" i="1"/>
  <c r="V76341" i="1"/>
  <c r="V76342" i="1"/>
  <c r="V76343" i="1"/>
  <c r="V76344" i="1"/>
  <c r="V76345" i="1"/>
  <c r="V76346" i="1"/>
  <c r="V76347" i="1"/>
  <c r="V76348" i="1"/>
  <c r="V76349" i="1"/>
  <c r="V76350" i="1"/>
  <c r="V76351" i="1"/>
  <c r="V76352" i="1"/>
  <c r="V76353" i="1"/>
  <c r="V76354" i="1"/>
  <c r="V76355" i="1"/>
  <c r="V76356" i="1"/>
  <c r="V76357" i="1"/>
  <c r="V76358" i="1"/>
  <c r="V76359" i="1"/>
  <c r="V76360" i="1"/>
  <c r="V76361" i="1"/>
  <c r="V76362" i="1"/>
  <c r="V76363" i="1"/>
  <c r="V76364" i="1"/>
  <c r="V76365" i="1"/>
  <c r="V76366" i="1"/>
  <c r="V76367" i="1"/>
  <c r="V76368" i="1"/>
  <c r="V76369" i="1"/>
  <c r="V76370" i="1"/>
  <c r="V76371" i="1"/>
  <c r="V76372" i="1"/>
  <c r="V76373" i="1"/>
  <c r="V76374" i="1"/>
  <c r="V76375" i="1"/>
  <c r="V76376" i="1"/>
  <c r="V76377" i="1"/>
  <c r="V76378" i="1"/>
  <c r="V76379" i="1"/>
  <c r="V76380" i="1"/>
  <c r="V76381" i="1"/>
  <c r="V76382" i="1"/>
  <c r="V76383" i="1"/>
  <c r="V76384" i="1"/>
  <c r="V76385" i="1"/>
  <c r="V76386" i="1"/>
  <c r="V76387" i="1"/>
  <c r="V76388" i="1"/>
  <c r="V76389" i="1"/>
  <c r="V76390" i="1"/>
  <c r="V76391" i="1"/>
  <c r="V76392" i="1"/>
  <c r="V76393" i="1"/>
  <c r="V76394" i="1"/>
  <c r="V76395" i="1"/>
  <c r="V76396" i="1"/>
  <c r="V76397" i="1"/>
  <c r="V76398" i="1"/>
  <c r="V76399" i="1"/>
  <c r="V76400" i="1"/>
  <c r="V76401" i="1"/>
  <c r="V76402" i="1"/>
  <c r="V76403" i="1"/>
  <c r="V76404" i="1"/>
  <c r="V76405" i="1"/>
  <c r="V76406" i="1"/>
  <c r="V76407" i="1"/>
  <c r="V76408" i="1"/>
  <c r="V76409" i="1"/>
  <c r="V76410" i="1"/>
  <c r="V76411" i="1"/>
  <c r="V76412" i="1"/>
  <c r="V76413" i="1"/>
  <c r="V76414" i="1"/>
  <c r="V76415" i="1"/>
  <c r="V76416" i="1"/>
  <c r="V76417" i="1"/>
  <c r="V76418" i="1"/>
  <c r="V76419" i="1"/>
  <c r="V76420" i="1"/>
  <c r="V76421" i="1"/>
  <c r="V76422" i="1"/>
  <c r="V76423" i="1"/>
  <c r="V76424" i="1"/>
  <c r="V76425" i="1"/>
  <c r="V76426" i="1"/>
  <c r="V76427" i="1"/>
  <c r="V76428" i="1"/>
  <c r="V76429" i="1"/>
  <c r="V76430" i="1"/>
  <c r="V76431" i="1"/>
  <c r="V76432" i="1"/>
  <c r="V76433" i="1"/>
  <c r="V76434" i="1"/>
  <c r="V76435" i="1"/>
  <c r="V76436" i="1"/>
  <c r="V76437" i="1"/>
  <c r="V76438" i="1"/>
  <c r="V76439" i="1"/>
  <c r="V76440" i="1"/>
  <c r="V76441" i="1"/>
  <c r="V76442" i="1"/>
  <c r="V76443" i="1"/>
  <c r="V76444" i="1"/>
  <c r="V76445" i="1"/>
  <c r="V76446" i="1"/>
  <c r="V76447" i="1"/>
  <c r="V76448" i="1"/>
  <c r="V76449" i="1"/>
  <c r="V76450" i="1"/>
  <c r="V76451" i="1"/>
  <c r="V76452" i="1"/>
  <c r="V76453" i="1"/>
  <c r="V76454" i="1"/>
  <c r="V76455" i="1"/>
  <c r="V76456" i="1"/>
  <c r="V76457" i="1"/>
  <c r="V76458" i="1"/>
  <c r="V76459" i="1"/>
  <c r="V76460" i="1"/>
  <c r="V76461" i="1"/>
  <c r="V76462" i="1"/>
  <c r="V76463" i="1"/>
  <c r="V76464" i="1"/>
  <c r="V76465" i="1"/>
  <c r="V76466" i="1"/>
  <c r="V76467" i="1"/>
  <c r="V76468" i="1"/>
  <c r="V76469" i="1"/>
  <c r="V76470" i="1"/>
  <c r="V76471" i="1"/>
  <c r="V76472" i="1"/>
  <c r="V76473" i="1"/>
  <c r="V76474" i="1"/>
  <c r="V76475" i="1"/>
  <c r="V76476" i="1"/>
  <c r="V76477" i="1"/>
  <c r="V76478" i="1"/>
  <c r="V76479" i="1"/>
  <c r="V76480" i="1"/>
  <c r="V76481" i="1"/>
  <c r="V76482" i="1"/>
  <c r="V76483" i="1"/>
  <c r="V76484" i="1"/>
  <c r="V76485" i="1"/>
  <c r="V76486" i="1"/>
  <c r="V76487" i="1"/>
  <c r="V76488" i="1"/>
  <c r="V76489" i="1"/>
  <c r="V76490" i="1"/>
  <c r="V76491" i="1"/>
  <c r="V76492" i="1"/>
  <c r="V76493" i="1"/>
  <c r="V76494" i="1"/>
  <c r="V76495" i="1"/>
  <c r="V76496" i="1"/>
  <c r="V76497" i="1"/>
  <c r="V76498" i="1"/>
  <c r="V76499" i="1"/>
  <c r="V76500" i="1"/>
  <c r="V76501" i="1"/>
  <c r="V76502" i="1"/>
  <c r="V76503" i="1"/>
  <c r="V76504" i="1"/>
  <c r="V76505" i="1"/>
  <c r="V76506" i="1"/>
  <c r="V76507" i="1"/>
  <c r="V76508" i="1"/>
  <c r="V76509" i="1"/>
  <c r="V76510" i="1"/>
  <c r="V76511" i="1"/>
  <c r="V76512" i="1"/>
  <c r="V76513" i="1"/>
  <c r="V76514" i="1"/>
  <c r="V76515" i="1"/>
  <c r="V76516" i="1"/>
  <c r="V76517" i="1"/>
  <c r="V76518" i="1"/>
  <c r="V76519" i="1"/>
  <c r="V76520" i="1"/>
  <c r="V76521" i="1"/>
  <c r="V76522" i="1"/>
  <c r="V76523" i="1"/>
  <c r="V76524" i="1"/>
  <c r="V76525" i="1"/>
  <c r="V76526" i="1"/>
  <c r="V76527" i="1"/>
  <c r="V76528" i="1"/>
  <c r="V76529" i="1"/>
  <c r="V76530" i="1"/>
  <c r="V76531" i="1"/>
  <c r="V76532" i="1"/>
  <c r="V76533" i="1"/>
  <c r="V76534" i="1"/>
  <c r="V76535" i="1"/>
  <c r="V76536" i="1"/>
  <c r="V76537" i="1"/>
  <c r="V76538" i="1"/>
  <c r="V76539" i="1"/>
  <c r="V76540" i="1"/>
  <c r="V76541" i="1"/>
  <c r="V76542" i="1"/>
  <c r="V76543" i="1"/>
  <c r="V76544" i="1"/>
  <c r="V76545" i="1"/>
  <c r="V76546" i="1"/>
  <c r="V76547" i="1"/>
  <c r="V76548" i="1"/>
  <c r="V76549" i="1"/>
  <c r="V76550" i="1"/>
  <c r="V76551" i="1"/>
  <c r="V76552" i="1"/>
  <c r="V76553" i="1"/>
  <c r="V76554" i="1"/>
  <c r="V76555" i="1"/>
  <c r="V76556" i="1"/>
  <c r="V76557" i="1"/>
  <c r="V76558" i="1"/>
  <c r="V76559" i="1"/>
  <c r="V76560" i="1"/>
  <c r="V76561" i="1"/>
  <c r="V76562" i="1"/>
  <c r="V76563" i="1"/>
  <c r="V76564" i="1"/>
  <c r="V76565" i="1"/>
  <c r="V76566" i="1"/>
  <c r="V76567" i="1"/>
  <c r="V76568" i="1"/>
  <c r="V76569" i="1"/>
  <c r="V76570" i="1"/>
  <c r="V76571" i="1"/>
  <c r="V76572" i="1"/>
  <c r="V76573" i="1"/>
  <c r="V76574" i="1"/>
  <c r="V76575" i="1"/>
  <c r="V76576" i="1"/>
  <c r="V76577" i="1"/>
  <c r="V76578" i="1"/>
  <c r="V76579" i="1"/>
  <c r="V76580" i="1"/>
  <c r="V76581" i="1"/>
  <c r="V76582" i="1"/>
  <c r="V76583" i="1"/>
  <c r="V76584" i="1"/>
  <c r="V76585" i="1"/>
  <c r="V76586" i="1"/>
  <c r="V76587" i="1"/>
  <c r="V76588" i="1"/>
  <c r="V76589" i="1"/>
  <c r="V76590" i="1"/>
  <c r="V76591" i="1"/>
  <c r="V76592" i="1"/>
  <c r="V76593" i="1"/>
  <c r="V76594" i="1"/>
  <c r="V76595" i="1"/>
  <c r="V76596" i="1"/>
  <c r="V76597" i="1"/>
  <c r="V76598" i="1"/>
  <c r="V76599" i="1"/>
  <c r="V76600" i="1"/>
  <c r="V76601" i="1"/>
  <c r="V76602" i="1"/>
  <c r="V76603" i="1"/>
  <c r="V76604" i="1"/>
  <c r="V76605" i="1"/>
  <c r="V76606" i="1"/>
  <c r="V76607" i="1"/>
  <c r="V76608" i="1"/>
  <c r="V76609" i="1"/>
  <c r="V76610" i="1"/>
  <c r="V76611" i="1"/>
  <c r="V76612" i="1"/>
  <c r="V76613" i="1"/>
  <c r="V76614" i="1"/>
  <c r="V76615" i="1"/>
  <c r="V76616" i="1"/>
  <c r="V76617" i="1"/>
  <c r="V76618" i="1"/>
  <c r="V76619" i="1"/>
  <c r="V76620" i="1"/>
  <c r="V76621" i="1"/>
  <c r="V76622" i="1"/>
  <c r="V76623" i="1"/>
  <c r="V76624" i="1"/>
  <c r="V76625" i="1"/>
  <c r="V76626" i="1"/>
  <c r="V76627" i="1"/>
  <c r="V76628" i="1"/>
  <c r="V76629" i="1"/>
  <c r="V76630" i="1"/>
  <c r="V76631" i="1"/>
  <c r="V76632" i="1"/>
  <c r="V76633" i="1"/>
  <c r="V76634" i="1"/>
  <c r="V76635" i="1"/>
  <c r="V76636" i="1"/>
  <c r="V76637" i="1"/>
  <c r="V76638" i="1"/>
  <c r="V76639" i="1"/>
  <c r="V76640" i="1"/>
  <c r="V76641" i="1"/>
  <c r="V76642" i="1"/>
  <c r="V76643" i="1"/>
  <c r="V76644" i="1"/>
  <c r="V76645" i="1"/>
  <c r="V76646" i="1"/>
  <c r="V76647" i="1"/>
  <c r="V76648" i="1"/>
  <c r="V76649" i="1"/>
  <c r="V76650" i="1"/>
  <c r="V76651" i="1"/>
  <c r="V76652" i="1"/>
  <c r="V76653" i="1"/>
  <c r="V76654" i="1"/>
  <c r="V76655" i="1"/>
  <c r="V76656" i="1"/>
  <c r="V76657" i="1"/>
  <c r="V76658" i="1"/>
  <c r="V76659" i="1"/>
  <c r="V76660" i="1"/>
  <c r="V76661" i="1"/>
  <c r="V76662" i="1"/>
  <c r="V76663" i="1"/>
  <c r="V76664" i="1"/>
  <c r="V76665" i="1"/>
  <c r="V76666" i="1"/>
  <c r="V76667" i="1"/>
  <c r="V76668" i="1"/>
  <c r="V76669" i="1"/>
  <c r="V76670" i="1"/>
  <c r="V76671" i="1"/>
  <c r="V76672" i="1"/>
  <c r="V76673" i="1"/>
  <c r="V76674" i="1"/>
  <c r="V76675" i="1"/>
  <c r="V76676" i="1"/>
  <c r="V76677" i="1"/>
  <c r="V76678" i="1"/>
  <c r="V76679" i="1"/>
  <c r="V76680" i="1"/>
  <c r="V76681" i="1"/>
  <c r="V76682" i="1"/>
  <c r="V76683" i="1"/>
  <c r="V76684" i="1"/>
  <c r="V76685" i="1"/>
  <c r="V76686" i="1"/>
  <c r="V76687" i="1"/>
  <c r="V76688" i="1"/>
  <c r="V76689" i="1"/>
  <c r="V76690" i="1"/>
  <c r="V76691" i="1"/>
  <c r="V76692" i="1"/>
  <c r="V76693" i="1"/>
  <c r="V76694" i="1"/>
  <c r="V76695" i="1"/>
  <c r="V76696" i="1"/>
  <c r="V76697" i="1"/>
  <c r="V76698" i="1"/>
  <c r="V76699" i="1"/>
  <c r="V76700" i="1"/>
  <c r="V76701" i="1"/>
  <c r="V76702" i="1"/>
  <c r="V76703" i="1"/>
  <c r="V76704" i="1"/>
  <c r="V76705" i="1"/>
  <c r="V76706" i="1"/>
  <c r="V76707" i="1"/>
  <c r="V76708" i="1"/>
  <c r="V76709" i="1"/>
  <c r="V76710" i="1"/>
  <c r="V76711" i="1"/>
  <c r="V76712" i="1"/>
  <c r="V76713" i="1"/>
  <c r="V76714" i="1"/>
  <c r="V76715" i="1"/>
  <c r="V76716" i="1"/>
  <c r="V76717" i="1"/>
  <c r="V76718" i="1"/>
  <c r="V76719" i="1"/>
  <c r="V76720" i="1"/>
  <c r="V76721" i="1"/>
  <c r="V76722" i="1"/>
  <c r="V76723" i="1"/>
  <c r="V76724" i="1"/>
  <c r="V76725" i="1"/>
  <c r="V76726" i="1"/>
  <c r="V76727" i="1"/>
  <c r="V76728" i="1"/>
  <c r="V76729" i="1"/>
  <c r="V76730" i="1"/>
  <c r="V76731" i="1"/>
  <c r="V76732" i="1"/>
  <c r="V76733" i="1"/>
  <c r="V76734" i="1"/>
  <c r="V76735" i="1"/>
  <c r="V76736" i="1"/>
  <c r="V76737" i="1"/>
  <c r="V76738" i="1"/>
  <c r="V76739" i="1"/>
  <c r="V76740" i="1"/>
  <c r="V76741" i="1"/>
  <c r="V76742" i="1"/>
  <c r="V76743" i="1"/>
  <c r="V76744" i="1"/>
  <c r="V76745" i="1"/>
  <c r="V76746" i="1"/>
  <c r="V76747" i="1"/>
  <c r="V76748" i="1"/>
  <c r="V76749" i="1"/>
  <c r="V76750" i="1"/>
  <c r="V76751" i="1"/>
  <c r="V76752" i="1"/>
  <c r="V76753" i="1"/>
  <c r="V76754" i="1"/>
  <c r="V76755" i="1"/>
  <c r="V76756" i="1"/>
  <c r="V76757" i="1"/>
  <c r="V76758" i="1"/>
  <c r="V76759" i="1"/>
  <c r="V76760" i="1"/>
  <c r="V76761" i="1"/>
  <c r="V76762" i="1"/>
  <c r="V76763" i="1"/>
  <c r="V76764" i="1"/>
  <c r="V76765" i="1"/>
  <c r="V76766" i="1"/>
  <c r="V76767" i="1"/>
  <c r="V76768" i="1"/>
  <c r="V76769" i="1"/>
  <c r="V76770" i="1"/>
  <c r="V76771" i="1"/>
  <c r="V76772" i="1"/>
  <c r="V76773" i="1"/>
  <c r="V76774" i="1"/>
  <c r="V76775" i="1"/>
  <c r="V76776" i="1"/>
  <c r="V76777" i="1"/>
  <c r="V76778" i="1"/>
  <c r="V76779" i="1"/>
  <c r="V76780" i="1"/>
  <c r="V76781" i="1"/>
  <c r="V76782" i="1"/>
  <c r="V76783" i="1"/>
  <c r="V76784" i="1"/>
  <c r="V76785" i="1"/>
  <c r="V76786" i="1"/>
  <c r="V76787" i="1"/>
  <c r="V76788" i="1"/>
  <c r="V76789" i="1"/>
  <c r="V76790" i="1"/>
  <c r="V76791" i="1"/>
  <c r="V76792" i="1"/>
  <c r="V76793" i="1"/>
  <c r="V76794" i="1"/>
  <c r="V76795" i="1"/>
  <c r="V76796" i="1"/>
  <c r="V76797" i="1"/>
  <c r="V76798" i="1"/>
  <c r="V76799" i="1"/>
  <c r="V76800" i="1"/>
  <c r="V76801" i="1"/>
  <c r="V76802" i="1"/>
  <c r="V76803" i="1"/>
  <c r="V76804" i="1"/>
  <c r="V76805" i="1"/>
  <c r="V76806" i="1"/>
  <c r="V76807" i="1"/>
  <c r="V76808" i="1"/>
  <c r="V76809" i="1"/>
  <c r="V76810" i="1"/>
  <c r="V76811" i="1"/>
  <c r="V76812" i="1"/>
  <c r="V76813" i="1"/>
  <c r="V76814" i="1"/>
  <c r="V76815" i="1"/>
  <c r="V76816" i="1"/>
  <c r="V76817" i="1"/>
  <c r="V76818" i="1"/>
  <c r="V76819" i="1"/>
  <c r="V76820" i="1"/>
  <c r="V76821" i="1"/>
  <c r="V76822" i="1"/>
  <c r="V76823" i="1"/>
  <c r="V76824" i="1"/>
  <c r="V76825" i="1"/>
  <c r="V76826" i="1"/>
  <c r="V76827" i="1"/>
  <c r="V76828" i="1"/>
  <c r="V76829" i="1"/>
  <c r="V76830" i="1"/>
  <c r="V76831" i="1"/>
  <c r="V76832" i="1"/>
  <c r="V76833" i="1"/>
  <c r="V76834" i="1"/>
  <c r="V76835" i="1"/>
  <c r="V76836" i="1"/>
  <c r="V76837" i="1"/>
  <c r="V76838" i="1"/>
  <c r="V76839" i="1"/>
  <c r="V76840" i="1"/>
  <c r="V76841" i="1"/>
  <c r="V76842" i="1"/>
  <c r="V76843" i="1"/>
  <c r="V76844" i="1"/>
  <c r="V76845" i="1"/>
  <c r="V76846" i="1"/>
  <c r="V76847" i="1"/>
  <c r="V76848" i="1"/>
  <c r="V76849" i="1"/>
  <c r="V76850" i="1"/>
  <c r="V76851" i="1"/>
  <c r="V76852" i="1"/>
  <c r="V76853" i="1"/>
  <c r="V76854" i="1"/>
  <c r="V76855" i="1"/>
  <c r="V76856" i="1"/>
  <c r="V76857" i="1"/>
  <c r="V76858" i="1"/>
  <c r="V76859" i="1"/>
  <c r="V76860" i="1"/>
  <c r="V76861" i="1"/>
  <c r="V76862" i="1"/>
  <c r="V76863" i="1"/>
  <c r="V76864" i="1"/>
  <c r="V76865" i="1"/>
  <c r="V76866" i="1"/>
  <c r="V76867" i="1"/>
  <c r="V76868" i="1"/>
  <c r="V76869" i="1"/>
  <c r="V76870" i="1"/>
  <c r="V76871" i="1"/>
  <c r="V76872" i="1"/>
  <c r="V76873" i="1"/>
  <c r="V76874" i="1"/>
  <c r="V76875" i="1"/>
  <c r="V76876" i="1"/>
  <c r="V76877" i="1"/>
  <c r="V76878" i="1"/>
  <c r="V76879" i="1"/>
  <c r="V76880" i="1"/>
  <c r="V76881" i="1"/>
  <c r="V76882" i="1"/>
  <c r="V76883" i="1"/>
  <c r="V76884" i="1"/>
  <c r="V76885" i="1"/>
  <c r="V76886" i="1"/>
  <c r="V76887" i="1"/>
  <c r="V76888" i="1"/>
  <c r="V76889" i="1"/>
  <c r="V76890" i="1"/>
  <c r="V76891" i="1"/>
  <c r="V76892" i="1"/>
  <c r="V76893" i="1"/>
  <c r="V76894" i="1"/>
  <c r="V76895" i="1"/>
  <c r="V76896" i="1"/>
  <c r="V76897" i="1"/>
  <c r="V76898" i="1"/>
  <c r="V76899" i="1"/>
  <c r="V76900" i="1"/>
  <c r="V76901" i="1"/>
  <c r="V76902" i="1"/>
  <c r="V76903" i="1"/>
  <c r="V76904" i="1"/>
  <c r="V76905" i="1"/>
  <c r="V76906" i="1"/>
  <c r="V76907" i="1"/>
  <c r="V76908" i="1"/>
  <c r="V76909" i="1"/>
  <c r="V76910" i="1"/>
  <c r="V76911" i="1"/>
  <c r="V76912" i="1"/>
  <c r="V76913" i="1"/>
  <c r="V76914" i="1"/>
  <c r="V76915" i="1"/>
  <c r="V76916" i="1"/>
  <c r="V76917" i="1"/>
  <c r="V76918" i="1"/>
  <c r="V76919" i="1"/>
  <c r="V76920" i="1"/>
  <c r="V76921" i="1"/>
  <c r="V76922" i="1"/>
  <c r="V76923" i="1"/>
  <c r="V76924" i="1"/>
  <c r="V76925" i="1"/>
  <c r="V76926" i="1"/>
  <c r="V76927" i="1"/>
  <c r="V76928" i="1"/>
  <c r="V76929" i="1"/>
  <c r="V76930" i="1"/>
  <c r="V76931" i="1"/>
  <c r="V76932" i="1"/>
  <c r="V76933" i="1"/>
  <c r="V76934" i="1"/>
  <c r="V76935" i="1"/>
  <c r="V76936" i="1"/>
  <c r="V76937" i="1"/>
  <c r="V76938" i="1"/>
  <c r="V76939" i="1"/>
  <c r="V76940" i="1"/>
  <c r="V76941" i="1"/>
  <c r="V76942" i="1"/>
  <c r="V76943" i="1"/>
  <c r="V76944" i="1"/>
  <c r="V76945" i="1"/>
  <c r="V76946" i="1"/>
  <c r="V76947" i="1"/>
  <c r="V76948" i="1"/>
  <c r="V76949" i="1"/>
  <c r="V76950" i="1"/>
  <c r="V76951" i="1"/>
  <c r="V76952" i="1"/>
  <c r="V76953" i="1"/>
  <c r="V76954" i="1"/>
  <c r="V76955" i="1"/>
  <c r="V76956" i="1"/>
  <c r="V76957" i="1"/>
  <c r="V76958" i="1"/>
  <c r="V76959" i="1"/>
  <c r="V76960" i="1"/>
  <c r="V76961" i="1"/>
  <c r="V76962" i="1"/>
  <c r="V76963" i="1"/>
  <c r="V76964" i="1"/>
  <c r="V76965" i="1"/>
  <c r="V76966" i="1"/>
  <c r="V76967" i="1"/>
  <c r="V76968" i="1"/>
  <c r="V76969" i="1"/>
  <c r="V76970" i="1"/>
  <c r="V76971" i="1"/>
  <c r="V76972" i="1"/>
  <c r="V76973" i="1"/>
  <c r="V76974" i="1"/>
  <c r="V76975" i="1"/>
  <c r="V76976" i="1"/>
  <c r="V76977" i="1"/>
  <c r="V76978" i="1"/>
  <c r="V76979" i="1"/>
  <c r="V76980" i="1"/>
  <c r="V76981" i="1"/>
  <c r="V76982" i="1"/>
  <c r="V76983" i="1"/>
  <c r="V76984" i="1"/>
  <c r="V76985" i="1"/>
  <c r="V76986" i="1"/>
  <c r="V76987" i="1"/>
  <c r="V76988" i="1"/>
  <c r="V76989" i="1"/>
  <c r="V76990" i="1"/>
  <c r="V76991" i="1"/>
  <c r="V76992" i="1"/>
  <c r="V76993" i="1"/>
  <c r="V76994" i="1"/>
  <c r="V76995" i="1"/>
  <c r="V76996" i="1"/>
  <c r="V76997" i="1"/>
  <c r="V76998" i="1"/>
  <c r="V76999" i="1"/>
  <c r="V77000" i="1"/>
  <c r="V77001" i="1"/>
  <c r="V77002" i="1"/>
  <c r="V77003" i="1"/>
  <c r="V77004" i="1"/>
  <c r="V77005" i="1"/>
  <c r="V77006" i="1"/>
  <c r="V77007" i="1"/>
  <c r="V77008" i="1"/>
  <c r="V77009" i="1"/>
  <c r="V77010" i="1"/>
  <c r="V77011" i="1"/>
  <c r="V77012" i="1"/>
  <c r="V77013" i="1"/>
  <c r="V77014" i="1"/>
  <c r="V77015" i="1"/>
  <c r="V77016" i="1"/>
  <c r="V77017" i="1"/>
  <c r="V77018" i="1"/>
  <c r="V77019" i="1"/>
  <c r="V77020" i="1"/>
  <c r="V77021" i="1"/>
  <c r="V77022" i="1"/>
  <c r="V77023" i="1"/>
  <c r="V77024" i="1"/>
  <c r="V77025" i="1"/>
  <c r="V77026" i="1"/>
  <c r="V77027" i="1"/>
  <c r="V77028" i="1"/>
  <c r="V77029" i="1"/>
  <c r="V77030" i="1"/>
  <c r="V77031" i="1"/>
  <c r="V77032" i="1"/>
  <c r="V77033" i="1"/>
  <c r="V77034" i="1"/>
  <c r="V77035" i="1"/>
  <c r="V77036" i="1"/>
  <c r="V77037" i="1"/>
  <c r="V77038" i="1"/>
  <c r="V77039" i="1"/>
  <c r="V77040" i="1"/>
  <c r="V77041" i="1"/>
  <c r="V77042" i="1"/>
  <c r="V77043" i="1"/>
  <c r="V77044" i="1"/>
  <c r="V77045" i="1"/>
  <c r="V77046" i="1"/>
  <c r="V77047" i="1"/>
  <c r="V77048" i="1"/>
  <c r="V77049" i="1"/>
  <c r="V77050" i="1"/>
  <c r="V77051" i="1"/>
  <c r="V77052" i="1"/>
  <c r="V77053" i="1"/>
  <c r="V77054" i="1"/>
  <c r="V77055" i="1"/>
  <c r="V77056" i="1"/>
  <c r="V77057" i="1"/>
  <c r="V77058" i="1"/>
  <c r="V77059" i="1"/>
  <c r="V77060" i="1"/>
  <c r="V77061" i="1"/>
  <c r="V77062" i="1"/>
  <c r="V77063" i="1"/>
  <c r="V77064" i="1"/>
  <c r="V77065" i="1"/>
  <c r="V77066" i="1"/>
  <c r="V77067" i="1"/>
  <c r="V77068" i="1"/>
  <c r="V77069" i="1"/>
  <c r="V77070" i="1"/>
  <c r="V77071" i="1"/>
  <c r="V77072" i="1"/>
  <c r="V77073" i="1"/>
  <c r="V77074" i="1"/>
  <c r="V77075" i="1"/>
  <c r="V77076" i="1"/>
  <c r="V77077" i="1"/>
  <c r="V77078" i="1"/>
  <c r="V77079" i="1"/>
  <c r="V77080" i="1"/>
  <c r="V77081" i="1"/>
  <c r="V77082" i="1"/>
  <c r="V77083" i="1"/>
  <c r="V77084" i="1"/>
  <c r="V77085" i="1"/>
  <c r="V77086" i="1"/>
  <c r="V77087" i="1"/>
  <c r="V77088" i="1"/>
  <c r="V77089" i="1"/>
  <c r="V77090" i="1"/>
  <c r="V77091" i="1"/>
  <c r="V77092" i="1"/>
  <c r="V77093" i="1"/>
  <c r="V77094" i="1"/>
  <c r="V77095" i="1"/>
  <c r="V77096" i="1"/>
  <c r="V77097" i="1"/>
  <c r="V77098" i="1"/>
  <c r="V77099" i="1"/>
  <c r="V77100" i="1"/>
  <c r="V77101" i="1"/>
  <c r="V77102" i="1"/>
  <c r="V77103" i="1"/>
  <c r="V77104" i="1"/>
  <c r="V77105" i="1"/>
  <c r="V77106" i="1"/>
  <c r="V77107" i="1"/>
  <c r="V77108" i="1"/>
  <c r="V77109" i="1"/>
  <c r="V77110" i="1"/>
  <c r="V77111" i="1"/>
  <c r="V77112" i="1"/>
  <c r="V77113" i="1"/>
  <c r="V77114" i="1"/>
  <c r="V77115" i="1"/>
  <c r="V77116" i="1"/>
  <c r="V77117" i="1"/>
  <c r="V77118" i="1"/>
  <c r="V77119" i="1"/>
  <c r="V77120" i="1"/>
  <c r="V77121" i="1"/>
  <c r="V77122" i="1"/>
  <c r="V77123" i="1"/>
  <c r="V77124" i="1"/>
  <c r="V77125" i="1"/>
  <c r="V77126" i="1"/>
  <c r="V77127" i="1"/>
  <c r="V77128" i="1"/>
  <c r="V77129" i="1"/>
  <c r="V77130" i="1"/>
  <c r="V77131" i="1"/>
  <c r="V77132" i="1"/>
  <c r="V77133" i="1"/>
  <c r="V77134" i="1"/>
  <c r="V77135" i="1"/>
  <c r="V77136" i="1"/>
  <c r="V77137" i="1"/>
  <c r="V77138" i="1"/>
  <c r="V77139" i="1"/>
  <c r="V77140" i="1"/>
  <c r="V77141" i="1"/>
  <c r="V77142" i="1"/>
  <c r="V77143" i="1"/>
  <c r="V77144" i="1"/>
  <c r="V77145" i="1"/>
  <c r="V77146" i="1"/>
  <c r="V77147" i="1"/>
  <c r="V77148" i="1"/>
  <c r="V77149" i="1"/>
  <c r="V77150" i="1"/>
  <c r="V77151" i="1"/>
  <c r="V77152" i="1"/>
  <c r="V77153" i="1"/>
  <c r="V77154" i="1"/>
  <c r="V77155" i="1"/>
  <c r="V77156" i="1"/>
  <c r="V77157" i="1"/>
  <c r="V77158" i="1"/>
  <c r="V77159" i="1"/>
  <c r="V77160" i="1"/>
  <c r="V77161" i="1"/>
  <c r="V77162" i="1"/>
  <c r="V77163" i="1"/>
  <c r="V77164" i="1"/>
  <c r="V77165" i="1"/>
  <c r="V77166" i="1"/>
  <c r="V77167" i="1"/>
  <c r="V77168" i="1"/>
  <c r="V77169" i="1"/>
  <c r="V77170" i="1"/>
  <c r="V77171" i="1"/>
  <c r="V77172" i="1"/>
  <c r="V77173" i="1"/>
  <c r="V77174" i="1"/>
  <c r="V77175" i="1"/>
  <c r="V77176" i="1"/>
  <c r="V77177" i="1"/>
  <c r="V77178" i="1"/>
  <c r="V77179" i="1"/>
  <c r="V77180" i="1"/>
  <c r="V77181" i="1"/>
  <c r="V77182" i="1"/>
  <c r="V77183" i="1"/>
  <c r="V77184" i="1"/>
  <c r="V77185" i="1"/>
  <c r="V77186" i="1"/>
  <c r="V77187" i="1"/>
  <c r="V77188" i="1"/>
  <c r="V77189" i="1"/>
  <c r="V77190" i="1"/>
  <c r="V77191" i="1"/>
  <c r="V77192" i="1"/>
  <c r="V77193" i="1"/>
  <c r="V77194" i="1"/>
  <c r="V77195" i="1"/>
  <c r="V77196" i="1"/>
  <c r="V77197" i="1"/>
  <c r="V77198" i="1"/>
  <c r="V77199" i="1"/>
  <c r="V77200" i="1"/>
  <c r="V77201" i="1"/>
  <c r="V77202" i="1"/>
  <c r="V77203" i="1"/>
  <c r="V77204" i="1"/>
  <c r="V77205" i="1"/>
  <c r="V77206" i="1"/>
  <c r="V77207" i="1"/>
  <c r="V77208" i="1"/>
  <c r="V77209" i="1"/>
  <c r="V77210" i="1"/>
  <c r="V77211" i="1"/>
  <c r="V77212" i="1"/>
  <c r="V77213" i="1"/>
  <c r="V77214" i="1"/>
  <c r="V77215" i="1"/>
  <c r="V77216" i="1"/>
  <c r="V77217" i="1"/>
  <c r="V77218" i="1"/>
  <c r="V77219" i="1"/>
  <c r="V77220" i="1"/>
  <c r="V77221" i="1"/>
  <c r="V77222" i="1"/>
  <c r="V77223" i="1"/>
  <c r="V77224" i="1"/>
  <c r="V77225" i="1"/>
  <c r="V77226" i="1"/>
  <c r="V77227" i="1"/>
  <c r="V77228" i="1"/>
  <c r="V77229" i="1"/>
  <c r="V77230" i="1"/>
  <c r="V77231" i="1"/>
  <c r="V77232" i="1"/>
  <c r="V77233" i="1"/>
  <c r="V77234" i="1"/>
  <c r="V77235" i="1"/>
  <c r="V77236" i="1"/>
  <c r="V77237" i="1"/>
  <c r="V77238" i="1"/>
  <c r="V77239" i="1"/>
  <c r="V77240" i="1"/>
  <c r="V77241" i="1"/>
  <c r="V77242" i="1"/>
  <c r="V77243" i="1"/>
  <c r="V77244" i="1"/>
  <c r="V77245" i="1"/>
  <c r="V77246" i="1"/>
  <c r="V77247" i="1"/>
  <c r="V77248" i="1"/>
  <c r="V77249" i="1"/>
  <c r="V77250" i="1"/>
  <c r="V77251" i="1"/>
  <c r="V77252" i="1"/>
  <c r="V77253" i="1"/>
  <c r="V77254" i="1"/>
  <c r="V77255" i="1"/>
  <c r="V77256" i="1"/>
  <c r="V77257" i="1"/>
  <c r="V77258" i="1"/>
  <c r="V77259" i="1"/>
  <c r="V77260" i="1"/>
  <c r="V77261" i="1"/>
  <c r="V77262" i="1"/>
  <c r="V77263" i="1"/>
  <c r="V77264" i="1"/>
  <c r="V77265" i="1"/>
  <c r="V77266" i="1"/>
  <c r="V77267" i="1"/>
  <c r="V77268" i="1"/>
  <c r="V77269" i="1"/>
  <c r="V77270" i="1"/>
  <c r="V77271" i="1"/>
  <c r="V77272" i="1"/>
  <c r="V77273" i="1"/>
  <c r="V77274" i="1"/>
  <c r="V77275" i="1"/>
  <c r="V77276" i="1"/>
  <c r="V77277" i="1"/>
  <c r="V77278" i="1"/>
  <c r="V77279" i="1"/>
  <c r="V77280" i="1"/>
  <c r="V77281" i="1"/>
  <c r="V77282" i="1"/>
  <c r="V77283" i="1"/>
  <c r="V77284" i="1"/>
  <c r="V77285" i="1"/>
  <c r="V77286" i="1"/>
  <c r="V77287" i="1"/>
  <c r="V77288" i="1"/>
  <c r="V77289" i="1"/>
  <c r="V77290" i="1"/>
  <c r="V77291" i="1"/>
  <c r="V77292" i="1"/>
  <c r="V77293" i="1"/>
  <c r="V77294" i="1"/>
  <c r="V77295" i="1"/>
  <c r="V77296" i="1"/>
  <c r="V77297" i="1"/>
  <c r="V77298" i="1"/>
  <c r="V77299" i="1"/>
  <c r="V77300" i="1"/>
  <c r="V77301" i="1"/>
  <c r="V77302" i="1"/>
  <c r="V77303" i="1"/>
  <c r="V77304" i="1"/>
  <c r="V77305" i="1"/>
  <c r="V77306" i="1"/>
  <c r="V77307" i="1"/>
  <c r="V77308" i="1"/>
  <c r="V77309" i="1"/>
  <c r="V77310" i="1"/>
  <c r="V77311" i="1"/>
  <c r="V77312" i="1"/>
  <c r="V77313" i="1"/>
  <c r="V77314" i="1"/>
  <c r="V77315" i="1"/>
  <c r="V77316" i="1"/>
  <c r="V77317" i="1"/>
  <c r="V77318" i="1"/>
  <c r="V77319" i="1"/>
  <c r="V77320" i="1"/>
  <c r="V77321" i="1"/>
  <c r="V77322" i="1"/>
  <c r="V77323" i="1"/>
  <c r="V77324" i="1"/>
  <c r="V77325" i="1"/>
  <c r="V77326" i="1"/>
  <c r="V77327" i="1"/>
  <c r="V77328" i="1"/>
  <c r="V77329" i="1"/>
  <c r="V77330" i="1"/>
  <c r="V77331" i="1"/>
  <c r="V77332" i="1"/>
  <c r="V77333" i="1"/>
  <c r="V77334" i="1"/>
  <c r="V77335" i="1"/>
  <c r="V77336" i="1"/>
  <c r="V77337" i="1"/>
  <c r="V77338" i="1"/>
  <c r="V77339" i="1"/>
  <c r="V77340" i="1"/>
  <c r="V77341" i="1"/>
  <c r="V77342" i="1"/>
  <c r="V77343" i="1"/>
  <c r="V77344" i="1"/>
  <c r="V77345" i="1"/>
  <c r="V77346" i="1"/>
  <c r="V77347" i="1"/>
  <c r="V77348" i="1"/>
  <c r="V77349" i="1"/>
  <c r="V77350" i="1"/>
  <c r="V77351" i="1"/>
  <c r="V77352" i="1"/>
  <c r="V77353" i="1"/>
  <c r="V77354" i="1"/>
  <c r="V77355" i="1"/>
  <c r="V77356" i="1"/>
  <c r="V77357" i="1"/>
  <c r="V77358" i="1"/>
  <c r="V77359" i="1"/>
  <c r="V77360" i="1"/>
  <c r="V77361" i="1"/>
  <c r="V77362" i="1"/>
  <c r="V77363" i="1"/>
  <c r="V77364" i="1"/>
  <c r="V77365" i="1"/>
  <c r="V77366" i="1"/>
  <c r="V77367" i="1"/>
  <c r="V77368" i="1"/>
  <c r="V77369" i="1"/>
  <c r="V77370" i="1"/>
  <c r="V77371" i="1"/>
  <c r="V77372" i="1"/>
  <c r="V77373" i="1"/>
  <c r="V77374" i="1"/>
  <c r="V77375" i="1"/>
  <c r="V77376" i="1"/>
  <c r="V77377" i="1"/>
  <c r="V77378" i="1"/>
  <c r="V77379" i="1"/>
  <c r="V77380" i="1"/>
  <c r="V77381" i="1"/>
  <c r="V77382" i="1"/>
  <c r="V77383" i="1"/>
  <c r="V77384" i="1"/>
  <c r="V77385" i="1"/>
  <c r="V77386" i="1"/>
  <c r="V77387" i="1"/>
  <c r="V77388" i="1"/>
  <c r="V77389" i="1"/>
  <c r="V77390" i="1"/>
  <c r="V77391" i="1"/>
  <c r="V77392" i="1"/>
  <c r="V77393" i="1"/>
  <c r="V77394" i="1"/>
  <c r="V77395" i="1"/>
  <c r="V77396" i="1"/>
  <c r="V77397" i="1"/>
  <c r="V77398" i="1"/>
  <c r="V77399" i="1"/>
  <c r="V77400" i="1"/>
  <c r="V77401" i="1"/>
  <c r="V77402" i="1"/>
  <c r="V77403" i="1"/>
  <c r="V77404" i="1"/>
  <c r="V77405" i="1"/>
  <c r="V77406" i="1"/>
  <c r="V77407" i="1"/>
  <c r="V77408" i="1"/>
  <c r="V77409" i="1"/>
  <c r="V77410" i="1"/>
  <c r="V77411" i="1"/>
  <c r="V77412" i="1"/>
  <c r="V77413" i="1"/>
  <c r="V77414" i="1"/>
  <c r="V77415" i="1"/>
  <c r="V77416" i="1"/>
  <c r="V77417" i="1"/>
  <c r="V77418" i="1"/>
  <c r="V77419" i="1"/>
  <c r="V77420" i="1"/>
  <c r="V77421" i="1"/>
  <c r="V77422" i="1"/>
  <c r="V77423" i="1"/>
  <c r="V77424" i="1"/>
  <c r="V77425" i="1"/>
  <c r="V77426" i="1"/>
  <c r="V77427" i="1"/>
  <c r="V77428" i="1"/>
  <c r="V77429" i="1"/>
  <c r="V77430" i="1"/>
  <c r="V77431" i="1"/>
  <c r="V77432" i="1"/>
  <c r="V77433" i="1"/>
  <c r="V77434" i="1"/>
  <c r="V77435" i="1"/>
  <c r="V77436" i="1"/>
  <c r="V77437" i="1"/>
  <c r="V77438" i="1"/>
  <c r="V77439" i="1"/>
  <c r="V77440" i="1"/>
  <c r="V77441" i="1"/>
  <c r="V77442" i="1"/>
  <c r="V77443" i="1"/>
  <c r="V77444" i="1"/>
  <c r="V77445" i="1"/>
  <c r="V77446" i="1"/>
  <c r="V77447" i="1"/>
  <c r="V77448" i="1"/>
  <c r="V77449" i="1"/>
  <c r="V77450" i="1"/>
  <c r="V77451" i="1"/>
  <c r="V77452" i="1"/>
  <c r="V77453" i="1"/>
  <c r="V77454" i="1"/>
  <c r="V77455" i="1"/>
  <c r="V77456" i="1"/>
  <c r="V77457" i="1"/>
  <c r="V77458" i="1"/>
  <c r="V77459" i="1"/>
  <c r="V77460" i="1"/>
  <c r="V77461" i="1"/>
  <c r="V77462" i="1"/>
  <c r="V77463" i="1"/>
  <c r="V77464" i="1"/>
  <c r="V77465" i="1"/>
  <c r="V77466" i="1"/>
  <c r="V77467" i="1"/>
  <c r="V77468" i="1"/>
  <c r="V77469" i="1"/>
  <c r="V77470" i="1"/>
  <c r="V77471" i="1"/>
  <c r="V77472" i="1"/>
  <c r="V77473" i="1"/>
  <c r="V77474" i="1"/>
  <c r="V77475" i="1"/>
  <c r="V77476" i="1"/>
  <c r="V77477" i="1"/>
  <c r="V77478" i="1"/>
  <c r="V77479" i="1"/>
  <c r="V77480" i="1"/>
  <c r="V77481" i="1"/>
  <c r="V77482" i="1"/>
  <c r="V77483" i="1"/>
  <c r="V77484" i="1"/>
  <c r="V77485" i="1"/>
  <c r="V77486" i="1"/>
  <c r="V77487" i="1"/>
  <c r="V77488" i="1"/>
  <c r="V77489" i="1"/>
  <c r="V77490" i="1"/>
  <c r="V77491" i="1"/>
  <c r="V77492" i="1"/>
  <c r="V77493" i="1"/>
  <c r="V77494" i="1"/>
  <c r="V77495" i="1"/>
  <c r="V77496" i="1"/>
  <c r="V77497" i="1"/>
  <c r="V77498" i="1"/>
  <c r="V77499" i="1"/>
  <c r="V77500" i="1"/>
  <c r="V77501" i="1"/>
  <c r="V77502" i="1"/>
  <c r="V77503" i="1"/>
  <c r="V77504" i="1"/>
  <c r="V77505" i="1"/>
  <c r="V77506" i="1"/>
  <c r="V77507" i="1"/>
  <c r="V77508" i="1"/>
  <c r="V77509" i="1"/>
  <c r="V77510" i="1"/>
  <c r="V77511" i="1"/>
  <c r="V77512" i="1"/>
  <c r="V77513" i="1"/>
  <c r="V77514" i="1"/>
  <c r="V77515" i="1"/>
  <c r="V77516" i="1"/>
  <c r="V77517" i="1"/>
  <c r="V77518" i="1"/>
  <c r="V77519" i="1"/>
  <c r="V77520" i="1"/>
  <c r="V77521" i="1"/>
  <c r="V77522" i="1"/>
  <c r="V77523" i="1"/>
  <c r="V77524" i="1"/>
  <c r="V77525" i="1"/>
  <c r="V77526" i="1"/>
  <c r="V77527" i="1"/>
  <c r="V77528" i="1"/>
  <c r="V77529" i="1"/>
  <c r="V77530" i="1"/>
  <c r="V77531" i="1"/>
  <c r="V77532" i="1"/>
  <c r="V77533" i="1"/>
  <c r="V77534" i="1"/>
  <c r="V77535" i="1"/>
  <c r="V77536" i="1"/>
  <c r="V77537" i="1"/>
  <c r="V77538" i="1"/>
  <c r="V77539" i="1"/>
  <c r="V77540" i="1"/>
  <c r="V77541" i="1"/>
  <c r="V77542" i="1"/>
  <c r="V77543" i="1"/>
  <c r="V77544" i="1"/>
  <c r="V77545" i="1"/>
  <c r="V77546" i="1"/>
  <c r="V77547" i="1"/>
  <c r="V77548" i="1"/>
  <c r="V77549" i="1"/>
  <c r="V77550" i="1"/>
  <c r="V77551" i="1"/>
  <c r="V77552" i="1"/>
  <c r="V77553" i="1"/>
  <c r="V77554" i="1"/>
  <c r="V77555" i="1"/>
  <c r="V77556" i="1"/>
  <c r="V77557" i="1"/>
  <c r="V77558" i="1"/>
  <c r="V77559" i="1"/>
  <c r="V77560" i="1"/>
  <c r="V77561" i="1"/>
  <c r="V77562" i="1"/>
  <c r="V77563" i="1"/>
  <c r="V77564" i="1"/>
  <c r="V77565" i="1"/>
  <c r="V77566" i="1"/>
  <c r="V77567" i="1"/>
  <c r="V77568" i="1"/>
  <c r="V77569" i="1"/>
  <c r="V77570" i="1"/>
  <c r="V77571" i="1"/>
  <c r="V77572" i="1"/>
  <c r="V77573" i="1"/>
  <c r="V77574" i="1"/>
  <c r="V77575" i="1"/>
  <c r="V77576" i="1"/>
  <c r="V77577" i="1"/>
  <c r="V77578" i="1"/>
  <c r="V77579" i="1"/>
  <c r="V77580" i="1"/>
  <c r="V77581" i="1"/>
  <c r="V77582" i="1"/>
  <c r="V77583" i="1"/>
  <c r="V77584" i="1"/>
  <c r="V77585" i="1"/>
  <c r="V77586" i="1"/>
  <c r="V77587" i="1"/>
  <c r="V77588" i="1"/>
  <c r="V77589" i="1"/>
  <c r="V77590" i="1"/>
  <c r="V77591" i="1"/>
  <c r="V77592" i="1"/>
  <c r="V77593" i="1"/>
  <c r="V77594" i="1"/>
  <c r="V77595" i="1"/>
  <c r="V77596" i="1"/>
  <c r="V77597" i="1"/>
  <c r="V77598" i="1"/>
  <c r="V77599" i="1"/>
  <c r="V77600" i="1"/>
  <c r="V77601" i="1"/>
  <c r="V77602" i="1"/>
  <c r="V77603" i="1"/>
  <c r="V77604" i="1"/>
  <c r="V77605" i="1"/>
  <c r="V77606" i="1"/>
  <c r="V77607" i="1"/>
  <c r="V77608" i="1"/>
  <c r="V77609" i="1"/>
  <c r="V77610" i="1"/>
  <c r="V77611" i="1"/>
  <c r="V77612" i="1"/>
  <c r="V77613" i="1"/>
  <c r="V77614" i="1"/>
  <c r="V77615" i="1"/>
  <c r="V77616" i="1"/>
  <c r="V77617" i="1"/>
  <c r="V77618" i="1"/>
  <c r="V77619" i="1"/>
  <c r="V77620" i="1"/>
  <c r="V77621" i="1"/>
  <c r="V77622" i="1"/>
  <c r="V77623" i="1"/>
  <c r="V77624" i="1"/>
  <c r="V77625" i="1"/>
  <c r="V77626" i="1"/>
  <c r="V77627" i="1"/>
  <c r="V77628" i="1"/>
  <c r="V77629" i="1"/>
  <c r="V77630" i="1"/>
  <c r="V77631" i="1"/>
  <c r="V77632" i="1"/>
  <c r="V77633" i="1"/>
  <c r="V77634" i="1"/>
  <c r="V77635" i="1"/>
  <c r="V77636" i="1"/>
  <c r="V77637" i="1"/>
  <c r="V77638" i="1"/>
  <c r="V77639" i="1"/>
  <c r="V77640" i="1"/>
  <c r="V77641" i="1"/>
  <c r="V77642" i="1"/>
  <c r="V77643" i="1"/>
  <c r="V77644" i="1"/>
  <c r="V77645" i="1"/>
  <c r="V77646" i="1"/>
  <c r="V77647" i="1"/>
  <c r="V77648" i="1"/>
  <c r="V77649" i="1"/>
  <c r="V77650" i="1"/>
  <c r="V77651" i="1"/>
  <c r="V77652" i="1"/>
  <c r="V77653" i="1"/>
  <c r="V77654" i="1"/>
  <c r="V77655" i="1"/>
  <c r="V77656" i="1"/>
  <c r="V77657" i="1"/>
  <c r="V77658" i="1"/>
  <c r="V77659" i="1"/>
  <c r="V77660" i="1"/>
  <c r="V77661" i="1"/>
  <c r="V77662" i="1"/>
  <c r="V77663" i="1"/>
  <c r="V77664" i="1"/>
  <c r="V77665" i="1"/>
  <c r="V77666" i="1"/>
  <c r="V77667" i="1"/>
  <c r="V77668" i="1"/>
  <c r="V77669" i="1"/>
  <c r="V77670" i="1"/>
  <c r="V77671" i="1"/>
  <c r="V77672" i="1"/>
  <c r="V77673" i="1"/>
  <c r="V77674" i="1"/>
  <c r="V77675" i="1"/>
  <c r="V77676" i="1"/>
  <c r="V77677" i="1"/>
  <c r="V77678" i="1"/>
  <c r="V77679" i="1"/>
  <c r="V77680" i="1"/>
  <c r="V77681" i="1"/>
  <c r="V77682" i="1"/>
  <c r="V77683" i="1"/>
  <c r="V77684" i="1"/>
  <c r="V77685" i="1"/>
  <c r="V77686" i="1"/>
  <c r="V77687" i="1"/>
  <c r="V77688" i="1"/>
  <c r="V77689" i="1"/>
  <c r="V77690" i="1"/>
  <c r="V77691" i="1"/>
  <c r="V77692" i="1"/>
  <c r="V77693" i="1"/>
  <c r="V77694" i="1"/>
  <c r="V77695" i="1"/>
  <c r="V77696" i="1"/>
  <c r="V77697" i="1"/>
  <c r="V77698" i="1"/>
  <c r="V77699" i="1"/>
  <c r="V77700" i="1"/>
  <c r="V77701" i="1"/>
  <c r="V77702" i="1"/>
  <c r="V77703" i="1"/>
  <c r="V77704" i="1"/>
  <c r="V77705" i="1"/>
  <c r="V77706" i="1"/>
  <c r="V77707" i="1"/>
  <c r="V77708" i="1"/>
  <c r="V77709" i="1"/>
  <c r="V77710" i="1"/>
  <c r="V77711" i="1"/>
  <c r="V77712" i="1"/>
  <c r="V77713" i="1"/>
  <c r="V77714" i="1"/>
  <c r="V77715" i="1"/>
  <c r="V77716" i="1"/>
  <c r="V77717" i="1"/>
  <c r="V77718" i="1"/>
  <c r="V77719" i="1"/>
  <c r="V77720" i="1"/>
  <c r="V77721" i="1"/>
  <c r="V77722" i="1"/>
  <c r="V77723" i="1"/>
  <c r="V77724" i="1"/>
  <c r="V77725" i="1"/>
  <c r="V77726" i="1"/>
  <c r="V77727" i="1"/>
  <c r="V77728" i="1"/>
  <c r="V77729" i="1"/>
  <c r="V77730" i="1"/>
  <c r="V77731" i="1"/>
  <c r="V77732" i="1"/>
  <c r="V77733" i="1"/>
  <c r="V77734" i="1"/>
  <c r="V77735" i="1"/>
  <c r="V77736" i="1"/>
  <c r="V77737" i="1"/>
  <c r="V77738" i="1"/>
  <c r="V77739" i="1"/>
  <c r="V77740" i="1"/>
  <c r="V77741" i="1"/>
  <c r="V77742" i="1"/>
  <c r="V77743" i="1"/>
  <c r="V77744" i="1"/>
  <c r="V77745" i="1"/>
  <c r="V77746" i="1"/>
  <c r="V77747" i="1"/>
  <c r="V77748" i="1"/>
  <c r="V77749" i="1"/>
  <c r="V77750" i="1"/>
  <c r="V77751" i="1"/>
  <c r="V77752" i="1"/>
  <c r="V77753" i="1"/>
  <c r="V77754" i="1"/>
  <c r="V77755" i="1"/>
  <c r="V77756" i="1"/>
  <c r="V77757" i="1"/>
  <c r="V77758" i="1"/>
  <c r="V77759" i="1"/>
  <c r="V77760" i="1"/>
  <c r="V77761" i="1"/>
  <c r="V77762" i="1"/>
  <c r="V77763" i="1"/>
  <c r="V77764" i="1"/>
  <c r="V77765" i="1"/>
  <c r="V77766" i="1"/>
  <c r="V77767" i="1"/>
  <c r="V77768" i="1"/>
  <c r="V77769" i="1"/>
  <c r="V77770" i="1"/>
  <c r="V77771" i="1"/>
  <c r="V77772" i="1"/>
  <c r="V77773" i="1"/>
  <c r="V77774" i="1"/>
  <c r="V77775" i="1"/>
  <c r="V77776" i="1"/>
  <c r="V77777" i="1"/>
  <c r="V77778" i="1"/>
  <c r="V77779" i="1"/>
  <c r="V77780" i="1"/>
  <c r="V77781" i="1"/>
  <c r="V77782" i="1"/>
  <c r="V77783" i="1"/>
  <c r="V77784" i="1"/>
  <c r="V77785" i="1"/>
  <c r="V77786" i="1"/>
  <c r="V77787" i="1"/>
  <c r="V77788" i="1"/>
  <c r="V77789" i="1"/>
  <c r="V77790" i="1"/>
  <c r="V77791" i="1"/>
  <c r="V77792" i="1"/>
  <c r="V77793" i="1"/>
  <c r="V77794" i="1"/>
  <c r="V77795" i="1"/>
  <c r="V77796" i="1"/>
  <c r="V77797" i="1"/>
  <c r="V77798" i="1"/>
  <c r="V77799" i="1"/>
  <c r="V77800" i="1"/>
  <c r="V77801" i="1"/>
  <c r="V77802" i="1"/>
  <c r="V77803" i="1"/>
  <c r="V77804" i="1"/>
  <c r="V77805" i="1"/>
  <c r="V77806" i="1"/>
  <c r="V77807" i="1"/>
  <c r="V77808" i="1"/>
  <c r="V77809" i="1"/>
  <c r="V77810" i="1"/>
  <c r="V77811" i="1"/>
  <c r="V77812" i="1"/>
  <c r="V77813" i="1"/>
  <c r="V77814" i="1"/>
  <c r="V77815" i="1"/>
  <c r="V77816" i="1"/>
  <c r="V77817" i="1"/>
  <c r="V77818" i="1"/>
  <c r="V77819" i="1"/>
  <c r="V77820" i="1"/>
  <c r="V77821" i="1"/>
  <c r="V77822" i="1"/>
  <c r="V77823" i="1"/>
  <c r="V77824" i="1"/>
  <c r="V77825" i="1"/>
  <c r="V77826" i="1"/>
  <c r="V77827" i="1"/>
  <c r="V77828" i="1"/>
  <c r="V77829" i="1"/>
  <c r="V77830" i="1"/>
  <c r="V77831" i="1"/>
  <c r="V77832" i="1"/>
  <c r="V77833" i="1"/>
  <c r="V77834" i="1"/>
  <c r="V77835" i="1"/>
  <c r="V77836" i="1"/>
  <c r="V77837" i="1"/>
  <c r="V77838" i="1"/>
  <c r="V77839" i="1"/>
  <c r="V77840" i="1"/>
  <c r="V77841" i="1"/>
  <c r="V77842" i="1"/>
  <c r="V77843" i="1"/>
  <c r="V77844" i="1"/>
  <c r="V77845" i="1"/>
  <c r="V77846" i="1"/>
  <c r="V77847" i="1"/>
  <c r="V77848" i="1"/>
  <c r="V77849" i="1"/>
  <c r="V77850" i="1"/>
  <c r="V77851" i="1"/>
  <c r="V77852" i="1"/>
  <c r="V77853" i="1"/>
  <c r="V77854" i="1"/>
  <c r="V77855" i="1"/>
  <c r="V77856" i="1"/>
  <c r="V77857" i="1"/>
  <c r="V77858" i="1"/>
  <c r="V77859" i="1"/>
  <c r="V77860" i="1"/>
  <c r="V77861" i="1"/>
  <c r="V77862" i="1"/>
  <c r="V77863" i="1"/>
  <c r="V77864" i="1"/>
  <c r="V77865" i="1"/>
  <c r="V77866" i="1"/>
  <c r="V77867" i="1"/>
  <c r="V77868" i="1"/>
  <c r="V77869" i="1"/>
  <c r="V77870" i="1"/>
  <c r="V77871" i="1"/>
  <c r="V77872" i="1"/>
  <c r="V77873" i="1"/>
  <c r="V77874" i="1"/>
  <c r="V77875" i="1"/>
  <c r="V77876" i="1"/>
  <c r="V77877" i="1"/>
  <c r="V77878" i="1"/>
  <c r="V77879" i="1"/>
  <c r="V77880" i="1"/>
  <c r="V77881" i="1"/>
  <c r="V77882" i="1"/>
  <c r="V77883" i="1"/>
  <c r="V77884" i="1"/>
  <c r="V77885" i="1"/>
  <c r="V77886" i="1"/>
  <c r="V77887" i="1"/>
  <c r="V77888" i="1"/>
  <c r="V77889" i="1"/>
  <c r="V77890" i="1"/>
  <c r="V77891" i="1"/>
  <c r="V77892" i="1"/>
  <c r="V77893" i="1"/>
  <c r="V77894" i="1"/>
  <c r="V77895" i="1"/>
  <c r="V77896" i="1"/>
  <c r="V77897" i="1"/>
  <c r="V77898" i="1"/>
  <c r="V77899" i="1"/>
  <c r="V77900" i="1"/>
  <c r="V77901" i="1"/>
  <c r="V77902" i="1"/>
  <c r="V77903" i="1"/>
  <c r="V77904" i="1"/>
  <c r="V77905" i="1"/>
  <c r="V77906" i="1"/>
  <c r="V77907" i="1"/>
  <c r="V77908" i="1"/>
  <c r="V77909" i="1"/>
  <c r="V77910" i="1"/>
  <c r="V77911" i="1"/>
  <c r="V77912" i="1"/>
  <c r="V77913" i="1"/>
  <c r="V77914" i="1"/>
  <c r="V77915" i="1"/>
  <c r="V77916" i="1"/>
  <c r="V77917" i="1"/>
  <c r="V77918" i="1"/>
  <c r="V77919" i="1"/>
  <c r="V77920" i="1"/>
  <c r="V77921" i="1"/>
  <c r="V77922" i="1"/>
  <c r="V77923" i="1"/>
  <c r="V77924" i="1"/>
  <c r="V77925" i="1"/>
  <c r="V77926" i="1"/>
  <c r="V77927" i="1"/>
  <c r="V77928" i="1"/>
  <c r="V77929" i="1"/>
  <c r="V77930" i="1"/>
  <c r="V77931" i="1"/>
  <c r="V77932" i="1"/>
  <c r="V77933" i="1"/>
  <c r="V77934" i="1"/>
  <c r="V77935" i="1"/>
  <c r="V77936" i="1"/>
  <c r="V77937" i="1"/>
  <c r="V77938" i="1"/>
  <c r="V77939" i="1"/>
  <c r="V77940" i="1"/>
  <c r="V77941" i="1"/>
  <c r="V77942" i="1"/>
  <c r="V77943" i="1"/>
  <c r="V77944" i="1"/>
  <c r="V77945" i="1"/>
  <c r="V77946" i="1"/>
  <c r="V77947" i="1"/>
  <c r="V77948" i="1"/>
  <c r="V77949" i="1"/>
  <c r="V77950" i="1"/>
  <c r="V77951" i="1"/>
  <c r="V77952" i="1"/>
  <c r="V77953" i="1"/>
  <c r="V77954" i="1"/>
  <c r="V77955" i="1"/>
  <c r="V77956" i="1"/>
  <c r="V77957" i="1"/>
  <c r="V77958" i="1"/>
  <c r="V77959" i="1"/>
  <c r="V77960" i="1"/>
  <c r="V77961" i="1"/>
  <c r="V77962" i="1"/>
  <c r="V77963" i="1"/>
  <c r="V77964" i="1"/>
  <c r="V77965" i="1"/>
  <c r="V77966" i="1"/>
  <c r="V77967" i="1"/>
  <c r="V77968" i="1"/>
  <c r="V77969" i="1"/>
  <c r="V77970" i="1"/>
  <c r="V77971" i="1"/>
  <c r="V77972" i="1"/>
  <c r="V77973" i="1"/>
  <c r="V77974" i="1"/>
  <c r="V77975" i="1"/>
  <c r="V77976" i="1"/>
  <c r="V77977" i="1"/>
  <c r="V77978" i="1"/>
  <c r="V77979" i="1"/>
  <c r="V77980" i="1"/>
  <c r="V77981" i="1"/>
  <c r="V77982" i="1"/>
  <c r="V77983" i="1"/>
  <c r="V77984" i="1"/>
  <c r="V77985" i="1"/>
  <c r="V77986" i="1"/>
  <c r="V77987" i="1"/>
  <c r="V77988" i="1"/>
  <c r="V77989" i="1"/>
  <c r="V77990" i="1"/>
  <c r="V77991" i="1"/>
  <c r="V77992" i="1"/>
  <c r="V77993" i="1"/>
  <c r="V77994" i="1"/>
  <c r="V77995" i="1"/>
  <c r="V77996" i="1"/>
  <c r="V77997" i="1"/>
  <c r="V77998" i="1"/>
  <c r="V77999" i="1"/>
  <c r="V78000" i="1"/>
  <c r="V78001" i="1"/>
  <c r="V78002" i="1"/>
  <c r="V78003" i="1"/>
  <c r="V78004" i="1"/>
  <c r="V78005" i="1"/>
  <c r="V78006" i="1"/>
  <c r="V78007" i="1"/>
  <c r="V78008" i="1"/>
  <c r="V78009" i="1"/>
  <c r="V78010" i="1"/>
  <c r="V78011" i="1"/>
  <c r="V78012" i="1"/>
  <c r="V78013" i="1"/>
  <c r="V78014" i="1"/>
  <c r="V78015" i="1"/>
  <c r="V78016" i="1"/>
  <c r="V78017" i="1"/>
  <c r="V78018" i="1"/>
  <c r="V78019" i="1"/>
  <c r="V78020" i="1"/>
  <c r="V78021" i="1"/>
  <c r="V78022" i="1"/>
  <c r="V78023" i="1"/>
  <c r="V78024" i="1"/>
  <c r="V78025" i="1"/>
  <c r="V78026" i="1"/>
  <c r="V78027" i="1"/>
  <c r="V78028" i="1"/>
  <c r="V78029" i="1"/>
  <c r="V78030" i="1"/>
  <c r="V78031" i="1"/>
  <c r="V78032" i="1"/>
  <c r="V78033" i="1"/>
  <c r="V78034" i="1"/>
  <c r="V78035" i="1"/>
  <c r="V78036" i="1"/>
  <c r="V78037" i="1"/>
  <c r="V78038" i="1"/>
  <c r="V78039" i="1"/>
  <c r="V78040" i="1"/>
  <c r="V78041" i="1"/>
  <c r="V78042" i="1"/>
  <c r="V78043" i="1"/>
  <c r="V78044" i="1"/>
  <c r="V78045" i="1"/>
  <c r="V78046" i="1"/>
  <c r="V78047" i="1"/>
  <c r="V78048" i="1"/>
  <c r="V78049" i="1"/>
  <c r="V78050" i="1"/>
  <c r="V78051" i="1"/>
  <c r="V78052" i="1"/>
  <c r="V78053" i="1"/>
  <c r="V78054" i="1"/>
  <c r="V78055" i="1"/>
  <c r="V78056" i="1"/>
  <c r="V78057" i="1"/>
  <c r="V78058" i="1"/>
  <c r="V78059" i="1"/>
  <c r="V78060" i="1"/>
  <c r="V78061" i="1"/>
  <c r="V78062" i="1"/>
  <c r="V78063" i="1"/>
  <c r="V78064" i="1"/>
  <c r="V78065" i="1"/>
  <c r="V78066" i="1"/>
  <c r="V78067" i="1"/>
  <c r="V78068" i="1"/>
  <c r="V78069" i="1"/>
  <c r="V78070" i="1"/>
  <c r="V78071" i="1"/>
  <c r="V78072" i="1"/>
  <c r="V78073" i="1"/>
  <c r="V78074" i="1"/>
  <c r="V78075" i="1"/>
  <c r="V78076" i="1"/>
  <c r="V78077" i="1"/>
  <c r="V78078" i="1"/>
  <c r="V78079" i="1"/>
  <c r="V78080" i="1"/>
  <c r="V78081" i="1"/>
  <c r="V78082" i="1"/>
  <c r="V78083" i="1"/>
  <c r="V78084" i="1"/>
  <c r="V78085" i="1"/>
  <c r="V78086" i="1"/>
  <c r="V78087" i="1"/>
  <c r="V78088" i="1"/>
  <c r="V78089" i="1"/>
  <c r="V78090" i="1"/>
  <c r="V78091" i="1"/>
  <c r="V78092" i="1"/>
  <c r="V78093" i="1"/>
  <c r="V78094" i="1"/>
  <c r="V78095" i="1"/>
  <c r="V78096" i="1"/>
  <c r="V78097" i="1"/>
  <c r="V78098" i="1"/>
  <c r="V78099" i="1"/>
  <c r="V78100" i="1"/>
  <c r="V78101" i="1"/>
  <c r="V78102" i="1"/>
  <c r="V78103" i="1"/>
  <c r="V78104" i="1"/>
  <c r="V78105" i="1"/>
  <c r="V78106" i="1"/>
  <c r="V78107" i="1"/>
  <c r="V78108" i="1"/>
  <c r="V78109" i="1"/>
  <c r="V78110" i="1"/>
  <c r="V78111" i="1"/>
  <c r="V78112" i="1"/>
  <c r="V78113" i="1"/>
  <c r="V78114" i="1"/>
  <c r="V78115" i="1"/>
  <c r="V78116" i="1"/>
  <c r="V78117" i="1"/>
  <c r="V78118" i="1"/>
  <c r="V78119" i="1"/>
  <c r="V78120" i="1"/>
  <c r="V78121" i="1"/>
  <c r="V78122" i="1"/>
  <c r="V78123" i="1"/>
  <c r="V78124" i="1"/>
  <c r="V78125" i="1"/>
  <c r="V78126" i="1"/>
  <c r="V78127" i="1"/>
  <c r="V78128" i="1"/>
  <c r="V78129" i="1"/>
  <c r="V78130" i="1"/>
  <c r="V78131" i="1"/>
  <c r="V78132" i="1"/>
  <c r="V78133" i="1"/>
  <c r="V78134" i="1"/>
  <c r="V78135" i="1"/>
  <c r="V78136" i="1"/>
  <c r="V78137" i="1"/>
  <c r="V78138" i="1"/>
  <c r="V78139" i="1"/>
  <c r="V78140" i="1"/>
  <c r="V78141" i="1"/>
  <c r="V78142" i="1"/>
  <c r="V78143" i="1"/>
  <c r="V78144" i="1"/>
  <c r="V78145" i="1"/>
  <c r="V78146" i="1"/>
  <c r="V78147" i="1"/>
  <c r="V78148" i="1"/>
  <c r="V78149" i="1"/>
  <c r="V78150" i="1"/>
  <c r="V78151" i="1"/>
  <c r="V78152" i="1"/>
  <c r="V78153" i="1"/>
  <c r="V78154" i="1"/>
  <c r="V78155" i="1"/>
  <c r="V78156" i="1"/>
  <c r="V78157" i="1"/>
  <c r="V78158" i="1"/>
  <c r="V78159" i="1"/>
  <c r="V78160" i="1"/>
  <c r="V78161" i="1"/>
  <c r="V78162" i="1"/>
  <c r="V78163" i="1"/>
  <c r="V78164" i="1"/>
  <c r="V78165" i="1"/>
  <c r="V78166" i="1"/>
  <c r="V78167" i="1"/>
  <c r="V78168" i="1"/>
  <c r="V78169" i="1"/>
  <c r="V78170" i="1"/>
  <c r="V78171" i="1"/>
  <c r="V78172" i="1"/>
  <c r="V78173" i="1"/>
  <c r="V78174" i="1"/>
  <c r="V78175" i="1"/>
  <c r="V78176" i="1"/>
  <c r="V78177" i="1"/>
  <c r="V78178" i="1"/>
  <c r="V78179" i="1"/>
  <c r="V78180" i="1"/>
  <c r="V78181" i="1"/>
  <c r="V78182" i="1"/>
  <c r="V78183" i="1"/>
  <c r="V78184" i="1"/>
  <c r="V78185" i="1"/>
  <c r="V78186" i="1"/>
  <c r="V78187" i="1"/>
  <c r="V78188" i="1"/>
  <c r="V78189" i="1"/>
  <c r="V78190" i="1"/>
  <c r="V78191" i="1"/>
  <c r="V78192" i="1"/>
  <c r="V78193" i="1"/>
  <c r="V78194" i="1"/>
  <c r="V78195" i="1"/>
  <c r="V78196" i="1"/>
  <c r="V78197" i="1"/>
  <c r="V78198" i="1"/>
  <c r="V78199" i="1"/>
  <c r="V78200" i="1"/>
  <c r="V78201" i="1"/>
  <c r="V78202" i="1"/>
  <c r="V78203" i="1"/>
  <c r="V78204" i="1"/>
  <c r="V78205" i="1"/>
  <c r="V78206" i="1"/>
  <c r="V78207" i="1"/>
  <c r="V78208" i="1"/>
  <c r="V78209" i="1"/>
  <c r="V78210" i="1"/>
  <c r="V78211" i="1"/>
  <c r="V78212" i="1"/>
  <c r="V78213" i="1"/>
  <c r="V78214" i="1"/>
  <c r="V78215" i="1"/>
  <c r="V78216" i="1"/>
  <c r="V78217" i="1"/>
  <c r="V78218" i="1"/>
  <c r="V78219" i="1"/>
  <c r="V78220" i="1"/>
  <c r="V78221" i="1"/>
  <c r="V78222" i="1"/>
  <c r="V78223" i="1"/>
  <c r="V78224" i="1"/>
  <c r="V78225" i="1"/>
  <c r="V78226" i="1"/>
  <c r="V78227" i="1"/>
  <c r="V78228" i="1"/>
  <c r="V78229" i="1"/>
  <c r="V78230" i="1"/>
  <c r="V78231" i="1"/>
  <c r="V78232" i="1"/>
  <c r="V78233" i="1"/>
  <c r="V78234" i="1"/>
  <c r="V78235" i="1"/>
  <c r="V78236" i="1"/>
  <c r="V78237" i="1"/>
  <c r="V78238" i="1"/>
  <c r="V78239" i="1"/>
  <c r="V78240" i="1"/>
  <c r="V78241" i="1"/>
  <c r="V78242" i="1"/>
  <c r="V78243" i="1"/>
  <c r="V78244" i="1"/>
  <c r="V78245" i="1"/>
  <c r="V78246" i="1"/>
  <c r="V78247" i="1"/>
  <c r="V78248" i="1"/>
  <c r="V78249" i="1"/>
  <c r="V78250" i="1"/>
  <c r="V78251" i="1"/>
  <c r="V78252" i="1"/>
  <c r="V78253" i="1"/>
  <c r="V78254" i="1"/>
  <c r="V78255" i="1"/>
  <c r="V78256" i="1"/>
  <c r="V78257" i="1"/>
  <c r="V78258" i="1"/>
  <c r="V78259" i="1"/>
  <c r="V78260" i="1"/>
  <c r="V78261" i="1"/>
  <c r="V78262" i="1"/>
  <c r="V78263" i="1"/>
  <c r="V78264" i="1"/>
  <c r="V78265" i="1"/>
  <c r="V78266" i="1"/>
  <c r="V78267" i="1"/>
  <c r="V78268" i="1"/>
  <c r="V78269" i="1"/>
  <c r="V78270" i="1"/>
  <c r="V78271" i="1"/>
  <c r="V78272" i="1"/>
  <c r="V78273" i="1"/>
  <c r="V78274" i="1"/>
  <c r="V78275" i="1"/>
  <c r="V78276" i="1"/>
  <c r="V78277" i="1"/>
  <c r="V78278" i="1"/>
  <c r="V78279" i="1"/>
  <c r="V78280" i="1"/>
  <c r="V78281" i="1"/>
  <c r="V78282" i="1"/>
  <c r="V78283" i="1"/>
  <c r="V78284" i="1"/>
  <c r="V78285" i="1"/>
  <c r="V78286" i="1"/>
  <c r="V78287" i="1"/>
  <c r="V78288" i="1"/>
  <c r="V78289" i="1"/>
  <c r="V78290" i="1"/>
  <c r="V78291" i="1"/>
  <c r="V78292" i="1"/>
  <c r="V78293" i="1"/>
  <c r="V78294" i="1"/>
  <c r="V78295" i="1"/>
  <c r="V78296" i="1"/>
  <c r="V78297" i="1"/>
  <c r="V78298" i="1"/>
  <c r="V78299" i="1"/>
  <c r="V78300" i="1"/>
  <c r="V78301" i="1"/>
  <c r="V78302" i="1"/>
  <c r="V78303" i="1"/>
  <c r="V78304" i="1"/>
  <c r="V78305" i="1"/>
  <c r="V78306" i="1"/>
  <c r="V78307" i="1"/>
  <c r="V78308" i="1"/>
  <c r="V78309" i="1"/>
  <c r="V78310" i="1"/>
  <c r="V78311" i="1"/>
  <c r="V78312" i="1"/>
  <c r="V78313" i="1"/>
  <c r="V78314" i="1"/>
  <c r="V78315" i="1"/>
  <c r="V78316" i="1"/>
  <c r="V78317" i="1"/>
  <c r="V78318" i="1"/>
  <c r="V78319" i="1"/>
  <c r="V78320" i="1"/>
  <c r="V78321" i="1"/>
  <c r="V78322" i="1"/>
  <c r="V78323" i="1"/>
  <c r="V78324" i="1"/>
  <c r="V78325" i="1"/>
  <c r="V78326" i="1"/>
  <c r="V78327" i="1"/>
  <c r="V78328" i="1"/>
  <c r="V78329" i="1"/>
  <c r="V78330" i="1"/>
  <c r="V78331" i="1"/>
  <c r="V78332" i="1"/>
  <c r="V78333" i="1"/>
  <c r="V78334" i="1"/>
  <c r="V78335" i="1"/>
  <c r="V78336" i="1"/>
  <c r="V78337" i="1"/>
  <c r="V78338" i="1"/>
  <c r="V78339" i="1"/>
  <c r="V78340" i="1"/>
  <c r="V78341" i="1"/>
  <c r="V78342" i="1"/>
  <c r="V78343" i="1"/>
  <c r="V78344" i="1"/>
  <c r="V78345" i="1"/>
  <c r="V78346" i="1"/>
  <c r="V78347" i="1"/>
  <c r="V78348" i="1"/>
  <c r="V78349" i="1"/>
  <c r="V78350" i="1"/>
  <c r="V78351" i="1"/>
  <c r="V78352" i="1"/>
  <c r="V78353" i="1"/>
  <c r="V78354" i="1"/>
  <c r="V78355" i="1"/>
  <c r="V78356" i="1"/>
  <c r="V78357" i="1"/>
  <c r="V78358" i="1"/>
  <c r="V78359" i="1"/>
  <c r="V78360" i="1"/>
  <c r="V78361" i="1"/>
  <c r="V78362" i="1"/>
  <c r="V78363" i="1"/>
  <c r="V78364" i="1"/>
  <c r="V78365" i="1"/>
  <c r="V78366" i="1"/>
  <c r="V78367" i="1"/>
  <c r="V78368" i="1"/>
  <c r="V78369" i="1"/>
  <c r="V78370" i="1"/>
  <c r="V78371" i="1"/>
  <c r="V78372" i="1"/>
  <c r="V78373" i="1"/>
  <c r="V78374" i="1"/>
  <c r="V78375" i="1"/>
  <c r="V78376" i="1"/>
  <c r="V78377" i="1"/>
  <c r="V78378" i="1"/>
  <c r="V78379" i="1"/>
  <c r="V78380" i="1"/>
  <c r="V78381" i="1"/>
  <c r="V78382" i="1"/>
  <c r="V78383" i="1"/>
  <c r="V78384" i="1"/>
  <c r="V78385" i="1"/>
  <c r="V78386" i="1"/>
  <c r="V78387" i="1"/>
  <c r="V78388" i="1"/>
  <c r="V78389" i="1"/>
  <c r="V78390" i="1"/>
  <c r="V78391" i="1"/>
  <c r="V78392" i="1"/>
  <c r="V78393" i="1"/>
  <c r="V78394" i="1"/>
  <c r="V78395" i="1"/>
  <c r="V78396" i="1"/>
  <c r="V78397" i="1"/>
  <c r="V78398" i="1"/>
  <c r="V78399" i="1"/>
  <c r="V78400" i="1"/>
  <c r="V78401" i="1"/>
  <c r="V78402" i="1"/>
  <c r="V78403" i="1"/>
  <c r="V78404" i="1"/>
  <c r="V78405" i="1"/>
  <c r="V78406" i="1"/>
  <c r="V78407" i="1"/>
  <c r="V78408" i="1"/>
  <c r="V78409" i="1"/>
  <c r="V78410" i="1"/>
  <c r="V78411" i="1"/>
  <c r="V78412" i="1"/>
  <c r="V78413" i="1"/>
  <c r="V78414" i="1"/>
  <c r="V78415" i="1"/>
  <c r="V78416" i="1"/>
  <c r="V78417" i="1"/>
  <c r="V78418" i="1"/>
  <c r="V78419" i="1"/>
  <c r="V78420" i="1"/>
  <c r="V78421" i="1"/>
  <c r="V78422" i="1"/>
  <c r="V78423" i="1"/>
  <c r="V78424" i="1"/>
  <c r="V78425" i="1"/>
  <c r="V78426" i="1"/>
  <c r="V78427" i="1"/>
  <c r="V78428" i="1"/>
  <c r="V78429" i="1"/>
  <c r="V78430" i="1"/>
  <c r="V78431" i="1"/>
  <c r="V78432" i="1"/>
  <c r="V78433" i="1"/>
  <c r="V78434" i="1"/>
  <c r="V78435" i="1"/>
  <c r="V78436" i="1"/>
  <c r="V78437" i="1"/>
  <c r="V78438" i="1"/>
  <c r="V78439" i="1"/>
  <c r="V78440" i="1"/>
  <c r="V78441" i="1"/>
  <c r="V78442" i="1"/>
  <c r="V78443" i="1"/>
  <c r="V78444" i="1"/>
  <c r="V78445" i="1"/>
  <c r="V78446" i="1"/>
  <c r="V78447" i="1"/>
  <c r="V78448" i="1"/>
  <c r="V78449" i="1"/>
  <c r="V78450" i="1"/>
  <c r="V78451" i="1"/>
  <c r="V78452" i="1"/>
  <c r="V78453" i="1"/>
  <c r="V78454" i="1"/>
  <c r="V78455" i="1"/>
  <c r="V78456" i="1"/>
  <c r="V78457" i="1"/>
  <c r="V78458" i="1"/>
  <c r="V78459" i="1"/>
  <c r="V78460" i="1"/>
  <c r="V78461" i="1"/>
  <c r="V78462" i="1"/>
  <c r="V78463" i="1"/>
  <c r="V78464" i="1"/>
  <c r="V78465" i="1"/>
  <c r="V78466" i="1"/>
  <c r="V78467" i="1"/>
  <c r="V78468" i="1"/>
  <c r="V78469" i="1"/>
  <c r="V78470" i="1"/>
  <c r="V78471" i="1"/>
  <c r="V78472" i="1"/>
  <c r="V78473" i="1"/>
  <c r="V78474" i="1"/>
  <c r="V78475" i="1"/>
  <c r="V78476" i="1"/>
  <c r="V78477" i="1"/>
  <c r="V78478" i="1"/>
  <c r="V78479" i="1"/>
  <c r="V78480" i="1"/>
  <c r="V78481" i="1"/>
  <c r="V78482" i="1"/>
  <c r="V78483" i="1"/>
  <c r="V78484" i="1"/>
  <c r="V78485" i="1"/>
  <c r="V78486" i="1"/>
  <c r="V78487" i="1"/>
  <c r="V78488" i="1"/>
  <c r="V78489" i="1"/>
  <c r="V78490" i="1"/>
  <c r="V78491" i="1"/>
  <c r="V78492" i="1"/>
  <c r="V78493" i="1"/>
  <c r="V78494" i="1"/>
  <c r="V78495" i="1"/>
  <c r="V78496" i="1"/>
  <c r="V78497" i="1"/>
  <c r="V78498" i="1"/>
  <c r="V78499" i="1"/>
  <c r="V78500" i="1"/>
  <c r="V78501" i="1"/>
  <c r="V78502" i="1"/>
  <c r="V78503" i="1"/>
  <c r="V78504" i="1"/>
  <c r="V78505" i="1"/>
  <c r="V78506" i="1"/>
  <c r="V78507" i="1"/>
  <c r="V78508" i="1"/>
  <c r="V78509" i="1"/>
  <c r="V78510" i="1"/>
  <c r="V78511" i="1"/>
  <c r="V78512" i="1"/>
  <c r="V78513" i="1"/>
  <c r="V78514" i="1"/>
  <c r="V78515" i="1"/>
  <c r="V78516" i="1"/>
  <c r="V78517" i="1"/>
  <c r="V78518" i="1"/>
  <c r="V78519" i="1"/>
  <c r="V78520" i="1"/>
  <c r="V78521" i="1"/>
  <c r="V78522" i="1"/>
  <c r="V78523" i="1"/>
  <c r="V78524" i="1"/>
  <c r="V78525" i="1"/>
  <c r="V78526" i="1"/>
  <c r="V78527" i="1"/>
  <c r="V78528" i="1"/>
  <c r="V78529" i="1"/>
  <c r="V78530" i="1"/>
  <c r="V78531" i="1"/>
  <c r="V78532" i="1"/>
  <c r="V78533" i="1"/>
  <c r="V78534" i="1"/>
  <c r="V78535" i="1"/>
  <c r="V78536" i="1"/>
  <c r="V78537" i="1"/>
  <c r="V78538" i="1"/>
  <c r="V78539" i="1"/>
  <c r="V78540" i="1"/>
  <c r="V78541" i="1"/>
  <c r="V78542" i="1"/>
  <c r="V78543" i="1"/>
  <c r="V78544" i="1"/>
  <c r="V78545" i="1"/>
  <c r="V78546" i="1"/>
  <c r="V78547" i="1"/>
  <c r="V78548" i="1"/>
  <c r="V78549" i="1"/>
  <c r="V78550" i="1"/>
  <c r="V78551" i="1"/>
  <c r="V78552" i="1"/>
  <c r="V78553" i="1"/>
  <c r="V78554" i="1"/>
  <c r="V78555" i="1"/>
  <c r="V78556" i="1"/>
  <c r="V78557" i="1"/>
  <c r="V78558" i="1"/>
  <c r="V78559" i="1"/>
  <c r="V78560" i="1"/>
  <c r="V78561" i="1"/>
  <c r="V78562" i="1"/>
  <c r="V78563" i="1"/>
  <c r="V78564" i="1"/>
  <c r="V78565" i="1"/>
  <c r="V78566" i="1"/>
  <c r="V78567" i="1"/>
  <c r="V78568" i="1"/>
  <c r="V78569" i="1"/>
  <c r="V78570" i="1"/>
  <c r="V78571" i="1"/>
  <c r="V78572" i="1"/>
  <c r="V78573" i="1"/>
  <c r="V78574" i="1"/>
  <c r="V78575" i="1"/>
  <c r="V78576" i="1"/>
  <c r="V78577" i="1"/>
  <c r="V78578" i="1"/>
  <c r="V78579" i="1"/>
  <c r="V78580" i="1"/>
  <c r="V78581" i="1"/>
  <c r="V78582" i="1"/>
  <c r="V78583" i="1"/>
  <c r="V78584" i="1"/>
  <c r="V78585" i="1"/>
  <c r="V78586" i="1"/>
  <c r="V78587" i="1"/>
  <c r="V78588" i="1"/>
  <c r="V78589" i="1"/>
  <c r="V78590" i="1"/>
  <c r="V78591" i="1"/>
  <c r="V78592" i="1"/>
  <c r="V78593" i="1"/>
  <c r="V78594" i="1"/>
  <c r="V78595" i="1"/>
  <c r="V78596" i="1"/>
  <c r="V78597" i="1"/>
  <c r="V78598" i="1"/>
  <c r="V78599" i="1"/>
  <c r="V78600" i="1"/>
  <c r="V78601" i="1"/>
  <c r="V78602" i="1"/>
  <c r="V78603" i="1"/>
  <c r="V78604" i="1"/>
  <c r="V78605" i="1"/>
  <c r="V78606" i="1"/>
  <c r="V78607" i="1"/>
  <c r="V78608" i="1"/>
  <c r="V78609" i="1"/>
  <c r="V78610" i="1"/>
  <c r="V78611" i="1"/>
  <c r="V78612" i="1"/>
  <c r="V78613" i="1"/>
  <c r="V78614" i="1"/>
  <c r="V78615" i="1"/>
  <c r="V78616" i="1"/>
  <c r="V78617" i="1"/>
  <c r="V78618" i="1"/>
  <c r="V78619" i="1"/>
  <c r="V78620" i="1"/>
  <c r="V78621" i="1"/>
  <c r="V78622" i="1"/>
  <c r="V78623" i="1"/>
  <c r="V78624" i="1"/>
  <c r="V78625" i="1"/>
  <c r="V78626" i="1"/>
  <c r="V78627" i="1"/>
  <c r="V78628" i="1"/>
  <c r="V78629" i="1"/>
  <c r="V78630" i="1"/>
  <c r="V78631" i="1"/>
  <c r="V78632" i="1"/>
  <c r="V78633" i="1"/>
  <c r="V78634" i="1"/>
  <c r="V78635" i="1"/>
  <c r="V78636" i="1"/>
  <c r="V78637" i="1"/>
  <c r="V78638" i="1"/>
  <c r="V78639" i="1"/>
  <c r="V78640" i="1"/>
  <c r="V78641" i="1"/>
  <c r="V78642" i="1"/>
  <c r="V78643" i="1"/>
  <c r="V78644" i="1"/>
  <c r="V78645" i="1"/>
  <c r="V78646" i="1"/>
  <c r="V78647" i="1"/>
  <c r="V78648" i="1"/>
  <c r="V78649" i="1"/>
  <c r="V78650" i="1"/>
  <c r="V78651" i="1"/>
  <c r="V78652" i="1"/>
  <c r="V78653" i="1"/>
  <c r="V78654" i="1"/>
  <c r="V78655" i="1"/>
  <c r="V78656" i="1"/>
  <c r="V78657" i="1"/>
  <c r="V78658" i="1"/>
  <c r="V78659" i="1"/>
  <c r="V78660" i="1"/>
  <c r="V78661" i="1"/>
  <c r="V78662" i="1"/>
  <c r="V78663" i="1"/>
  <c r="V78664" i="1"/>
  <c r="V78665" i="1"/>
  <c r="V78666" i="1"/>
  <c r="V78667" i="1"/>
  <c r="V78668" i="1"/>
  <c r="V78669" i="1"/>
  <c r="V78670" i="1"/>
  <c r="V78671" i="1"/>
  <c r="V78672" i="1"/>
  <c r="V78673" i="1"/>
  <c r="V78674" i="1"/>
  <c r="V78675" i="1"/>
  <c r="V78676" i="1"/>
  <c r="V78677" i="1"/>
  <c r="V78678" i="1"/>
  <c r="V78679" i="1"/>
  <c r="V78680" i="1"/>
  <c r="V78681" i="1"/>
  <c r="V78682" i="1"/>
  <c r="V78683" i="1"/>
  <c r="V78684" i="1"/>
  <c r="V78685" i="1"/>
  <c r="V78686" i="1"/>
  <c r="V78687" i="1"/>
  <c r="V78688" i="1"/>
  <c r="V78689" i="1"/>
  <c r="V78690" i="1"/>
  <c r="V78691" i="1"/>
  <c r="V78692" i="1"/>
  <c r="V78693" i="1"/>
  <c r="V78694" i="1"/>
  <c r="V78695" i="1"/>
  <c r="V78696" i="1"/>
  <c r="V78697" i="1"/>
  <c r="V78698" i="1"/>
  <c r="V78699" i="1"/>
  <c r="V78700" i="1"/>
  <c r="V78701" i="1"/>
  <c r="V78702" i="1"/>
  <c r="V78703" i="1"/>
  <c r="V78704" i="1"/>
  <c r="V78705" i="1"/>
  <c r="V78706" i="1"/>
  <c r="V78707" i="1"/>
  <c r="V78708" i="1"/>
  <c r="V78709" i="1"/>
  <c r="V78710" i="1"/>
  <c r="V78711" i="1"/>
  <c r="V78712" i="1"/>
  <c r="V78713" i="1"/>
  <c r="V78714" i="1"/>
  <c r="V78715" i="1"/>
  <c r="V78716" i="1"/>
  <c r="V78717" i="1"/>
  <c r="V78718" i="1"/>
  <c r="V78719" i="1"/>
  <c r="V78720" i="1"/>
  <c r="V78721" i="1"/>
  <c r="V78722" i="1"/>
  <c r="V78723" i="1"/>
  <c r="V78724" i="1"/>
  <c r="V78725" i="1"/>
  <c r="V78726" i="1"/>
  <c r="V78727" i="1"/>
  <c r="V78728" i="1"/>
  <c r="V78729" i="1"/>
  <c r="V78730" i="1"/>
  <c r="V78731" i="1"/>
  <c r="V78732" i="1"/>
  <c r="V78733" i="1"/>
  <c r="V78734" i="1"/>
  <c r="V78735" i="1"/>
  <c r="V78736" i="1"/>
  <c r="V78737" i="1"/>
  <c r="V78738" i="1"/>
  <c r="V78739" i="1"/>
  <c r="V78740" i="1"/>
  <c r="V78741" i="1"/>
  <c r="V78742" i="1"/>
  <c r="V78743" i="1"/>
  <c r="V78744" i="1"/>
  <c r="V78745" i="1"/>
  <c r="V78746" i="1"/>
  <c r="V78747" i="1"/>
  <c r="V78748" i="1"/>
  <c r="V78749" i="1"/>
  <c r="V78750" i="1"/>
  <c r="V78751" i="1"/>
  <c r="V78752" i="1"/>
  <c r="V78753" i="1"/>
  <c r="V78754" i="1"/>
  <c r="V78755" i="1"/>
  <c r="V78756" i="1"/>
  <c r="V78757" i="1"/>
  <c r="V78758" i="1"/>
  <c r="V78759" i="1"/>
  <c r="V78760" i="1"/>
  <c r="V78761" i="1"/>
  <c r="V78762" i="1"/>
  <c r="V78763" i="1"/>
  <c r="V78764" i="1"/>
  <c r="V78765" i="1"/>
  <c r="V78766" i="1"/>
  <c r="V78767" i="1"/>
  <c r="V78768" i="1"/>
  <c r="V78769" i="1"/>
  <c r="V78770" i="1"/>
  <c r="V78771" i="1"/>
  <c r="V78772" i="1"/>
  <c r="V78773" i="1"/>
  <c r="V78774" i="1"/>
  <c r="V78775" i="1"/>
  <c r="V78776" i="1"/>
  <c r="V78777" i="1"/>
  <c r="V78778" i="1"/>
  <c r="V78779" i="1"/>
  <c r="V78780" i="1"/>
  <c r="V78781" i="1"/>
  <c r="V78782" i="1"/>
  <c r="V78783" i="1"/>
  <c r="V78784" i="1"/>
  <c r="V78785" i="1"/>
  <c r="V78786" i="1"/>
  <c r="V78787" i="1"/>
  <c r="V78788" i="1"/>
  <c r="V78789" i="1"/>
  <c r="V78790" i="1"/>
  <c r="V78791" i="1"/>
  <c r="V78792" i="1"/>
  <c r="V78793" i="1"/>
  <c r="V78794" i="1"/>
  <c r="V78795" i="1"/>
  <c r="V78796" i="1"/>
  <c r="V78797" i="1"/>
  <c r="V78798" i="1"/>
  <c r="V78799" i="1"/>
  <c r="V78800" i="1"/>
  <c r="V78801" i="1"/>
  <c r="V78802" i="1"/>
  <c r="V78803" i="1"/>
  <c r="V78804" i="1"/>
  <c r="V78805" i="1"/>
  <c r="V78806" i="1"/>
  <c r="V78807" i="1"/>
  <c r="V78808" i="1"/>
  <c r="V78809" i="1"/>
  <c r="V78810" i="1"/>
  <c r="V78811" i="1"/>
  <c r="V78812" i="1"/>
  <c r="V78813" i="1"/>
  <c r="V78814" i="1"/>
  <c r="V78815" i="1"/>
  <c r="V78816" i="1"/>
  <c r="V78817" i="1"/>
  <c r="V78818" i="1"/>
  <c r="V78819" i="1"/>
  <c r="V78820" i="1"/>
  <c r="V78821" i="1"/>
  <c r="V78822" i="1"/>
  <c r="V78823" i="1"/>
  <c r="V78824" i="1"/>
  <c r="V78825" i="1"/>
  <c r="V78826" i="1"/>
  <c r="V78827" i="1"/>
  <c r="V78828" i="1"/>
  <c r="V78829" i="1"/>
  <c r="V78830" i="1"/>
  <c r="V78831" i="1"/>
  <c r="V78832" i="1"/>
  <c r="V78833" i="1"/>
  <c r="V78834" i="1"/>
  <c r="V78835" i="1"/>
  <c r="V78836" i="1"/>
  <c r="V78837" i="1"/>
  <c r="V78838" i="1"/>
  <c r="V78839" i="1"/>
  <c r="V78840" i="1"/>
  <c r="V78841" i="1"/>
  <c r="V78842" i="1"/>
  <c r="V78843" i="1"/>
  <c r="V78844" i="1"/>
  <c r="V78845" i="1"/>
  <c r="V78846" i="1"/>
  <c r="V78847" i="1"/>
  <c r="V78848" i="1"/>
  <c r="V78849" i="1"/>
  <c r="V78850" i="1"/>
  <c r="V78851" i="1"/>
  <c r="V78852" i="1"/>
  <c r="V78853" i="1"/>
  <c r="V78854" i="1"/>
  <c r="V78855" i="1"/>
  <c r="V78856" i="1"/>
  <c r="V78857" i="1"/>
  <c r="V78858" i="1"/>
  <c r="V78859" i="1"/>
  <c r="V78860" i="1"/>
  <c r="V78861" i="1"/>
  <c r="V78862" i="1"/>
  <c r="V78863" i="1"/>
  <c r="V78864" i="1"/>
  <c r="V78865" i="1"/>
  <c r="V78866" i="1"/>
  <c r="V78867" i="1"/>
  <c r="V78868" i="1"/>
  <c r="V78869" i="1"/>
  <c r="V78870" i="1"/>
  <c r="V78871" i="1"/>
  <c r="V78872" i="1"/>
  <c r="V78873" i="1"/>
  <c r="V78874" i="1"/>
  <c r="V78875" i="1"/>
  <c r="V78876" i="1"/>
  <c r="V78877" i="1"/>
  <c r="V78878" i="1"/>
  <c r="V78879" i="1"/>
  <c r="V78880" i="1"/>
  <c r="V78881" i="1"/>
  <c r="V78882" i="1"/>
  <c r="V78883" i="1"/>
  <c r="V78884" i="1"/>
  <c r="V78885" i="1"/>
  <c r="V78886" i="1"/>
  <c r="V78887" i="1"/>
  <c r="V78888" i="1"/>
  <c r="V78889" i="1"/>
  <c r="V78890" i="1"/>
  <c r="V78891" i="1"/>
  <c r="V78892" i="1"/>
  <c r="V78893" i="1"/>
  <c r="V78894" i="1"/>
  <c r="V78895" i="1"/>
  <c r="V78896" i="1"/>
  <c r="V78897" i="1"/>
  <c r="V78898" i="1"/>
  <c r="V78899" i="1"/>
  <c r="V78900" i="1"/>
  <c r="V78901" i="1"/>
  <c r="V78902" i="1"/>
  <c r="V78903" i="1"/>
  <c r="V78904" i="1"/>
  <c r="V78905" i="1"/>
  <c r="V78906" i="1"/>
  <c r="V78907" i="1"/>
  <c r="V78908" i="1"/>
  <c r="V78909" i="1"/>
  <c r="V78910" i="1"/>
  <c r="V78911" i="1"/>
  <c r="V78912" i="1"/>
  <c r="V78913" i="1"/>
  <c r="V78914" i="1"/>
  <c r="V78915" i="1"/>
  <c r="V78916" i="1"/>
  <c r="V78917" i="1"/>
  <c r="V78918" i="1"/>
  <c r="V78919" i="1"/>
  <c r="V78920" i="1"/>
  <c r="V78921" i="1"/>
  <c r="V78922" i="1"/>
  <c r="V78923" i="1"/>
  <c r="V78924" i="1"/>
  <c r="V78925" i="1"/>
  <c r="V78926" i="1"/>
  <c r="V78927" i="1"/>
  <c r="V78928" i="1"/>
  <c r="V78929" i="1"/>
  <c r="V78930" i="1"/>
  <c r="V78931" i="1"/>
  <c r="V78932" i="1"/>
  <c r="V78933" i="1"/>
  <c r="V78934" i="1"/>
  <c r="V78935" i="1"/>
  <c r="V78936" i="1"/>
  <c r="V78937" i="1"/>
  <c r="V78938" i="1"/>
  <c r="V78939" i="1"/>
  <c r="V78940" i="1"/>
  <c r="V78941" i="1"/>
  <c r="V78942" i="1"/>
  <c r="V78943" i="1"/>
  <c r="V78944" i="1"/>
  <c r="V78945" i="1"/>
  <c r="V78946" i="1"/>
  <c r="V78947" i="1"/>
  <c r="V78948" i="1"/>
  <c r="V78949" i="1"/>
  <c r="V78950" i="1"/>
  <c r="V78951" i="1"/>
  <c r="V78952" i="1"/>
  <c r="V78953" i="1"/>
  <c r="V78954" i="1"/>
  <c r="V78955" i="1"/>
  <c r="V78956" i="1"/>
  <c r="V78957" i="1"/>
  <c r="V78958" i="1"/>
  <c r="V78959" i="1"/>
  <c r="V78960" i="1"/>
  <c r="V78961" i="1"/>
  <c r="V78962" i="1"/>
  <c r="V78963" i="1"/>
  <c r="V78964" i="1"/>
  <c r="V78965" i="1"/>
  <c r="V78966" i="1"/>
  <c r="V78967" i="1"/>
  <c r="V78968" i="1"/>
  <c r="V78969" i="1"/>
  <c r="V78970" i="1"/>
  <c r="V78971" i="1"/>
  <c r="V78972" i="1"/>
  <c r="V78973" i="1"/>
  <c r="V78974" i="1"/>
  <c r="V78975" i="1"/>
  <c r="V78976" i="1"/>
  <c r="V78977" i="1"/>
  <c r="V78978" i="1"/>
  <c r="V78979" i="1"/>
  <c r="V78980" i="1"/>
  <c r="V78981" i="1"/>
  <c r="V78982" i="1"/>
  <c r="V78983" i="1"/>
  <c r="V78984" i="1"/>
  <c r="V78985" i="1"/>
  <c r="V78986" i="1"/>
  <c r="V78987" i="1"/>
  <c r="V78988" i="1"/>
  <c r="V78989" i="1"/>
  <c r="V78990" i="1"/>
  <c r="V78991" i="1"/>
  <c r="V78992" i="1"/>
  <c r="V78993" i="1"/>
  <c r="V78994" i="1"/>
  <c r="V78995" i="1"/>
  <c r="V78996" i="1"/>
  <c r="V78997" i="1"/>
  <c r="V78998" i="1"/>
  <c r="V78999" i="1"/>
  <c r="V79000" i="1"/>
  <c r="V79001" i="1"/>
  <c r="V79002" i="1"/>
  <c r="V79003" i="1"/>
  <c r="V79004" i="1"/>
  <c r="V79005" i="1"/>
  <c r="V79006" i="1"/>
  <c r="V79007" i="1"/>
  <c r="V79008" i="1"/>
  <c r="V79009" i="1"/>
  <c r="V79010" i="1"/>
  <c r="V79011" i="1"/>
  <c r="V79012" i="1"/>
  <c r="V79013" i="1"/>
  <c r="V79014" i="1"/>
  <c r="V79015" i="1"/>
  <c r="V79016" i="1"/>
  <c r="V79017" i="1"/>
  <c r="V79018" i="1"/>
  <c r="V79019" i="1"/>
  <c r="V79020" i="1"/>
  <c r="V79021" i="1"/>
  <c r="V79022" i="1"/>
  <c r="V79023" i="1"/>
  <c r="V79024" i="1"/>
  <c r="V79025" i="1"/>
  <c r="V79026" i="1"/>
  <c r="V79027" i="1"/>
  <c r="V79028" i="1"/>
  <c r="V79029" i="1"/>
  <c r="V79030" i="1"/>
  <c r="V79031" i="1"/>
  <c r="V79032" i="1"/>
  <c r="V79033" i="1"/>
  <c r="V79034" i="1"/>
  <c r="V79035" i="1"/>
  <c r="V79036" i="1"/>
  <c r="V79037" i="1"/>
  <c r="V79038" i="1"/>
  <c r="V79039" i="1"/>
  <c r="V79040" i="1"/>
  <c r="V79041" i="1"/>
  <c r="V79042" i="1"/>
  <c r="V79043" i="1"/>
  <c r="V79044" i="1"/>
  <c r="V79045" i="1"/>
  <c r="V79046" i="1"/>
  <c r="V79047" i="1"/>
  <c r="V79048" i="1"/>
  <c r="V79049" i="1"/>
  <c r="V79050" i="1"/>
  <c r="V79051" i="1"/>
  <c r="V79052" i="1"/>
  <c r="V79053" i="1"/>
  <c r="V79054" i="1"/>
  <c r="V79055" i="1"/>
  <c r="V79056" i="1"/>
  <c r="V79057" i="1"/>
  <c r="V79058" i="1"/>
  <c r="V79059" i="1"/>
  <c r="V79060" i="1"/>
  <c r="V79061" i="1"/>
  <c r="V79062" i="1"/>
  <c r="V79063" i="1"/>
  <c r="V79064" i="1"/>
  <c r="V79065" i="1"/>
  <c r="V79066" i="1"/>
  <c r="V79067" i="1"/>
  <c r="V79068" i="1"/>
  <c r="V79069" i="1"/>
  <c r="V79070" i="1"/>
  <c r="V79071" i="1"/>
  <c r="V79072" i="1"/>
  <c r="V79073" i="1"/>
  <c r="V79074" i="1"/>
  <c r="V79075" i="1"/>
  <c r="V79076" i="1"/>
  <c r="V79077" i="1"/>
  <c r="V79078" i="1"/>
  <c r="V79079" i="1"/>
  <c r="V79080" i="1"/>
  <c r="V79081" i="1"/>
  <c r="V79082" i="1"/>
  <c r="V79083" i="1"/>
  <c r="V79084" i="1"/>
  <c r="V79085" i="1"/>
  <c r="V79086" i="1"/>
  <c r="V79087" i="1"/>
  <c r="V79088" i="1"/>
  <c r="V79089" i="1"/>
  <c r="V79090" i="1"/>
  <c r="V79091" i="1"/>
  <c r="V79092" i="1"/>
  <c r="V79093" i="1"/>
  <c r="V79094" i="1"/>
  <c r="V79095" i="1"/>
  <c r="V79096" i="1"/>
  <c r="V79097" i="1"/>
  <c r="V79098" i="1"/>
  <c r="V79099" i="1"/>
  <c r="V79100" i="1"/>
  <c r="V79101" i="1"/>
  <c r="V79102" i="1"/>
  <c r="V79103" i="1"/>
  <c r="V79104" i="1"/>
  <c r="V79105" i="1"/>
  <c r="V79106" i="1"/>
  <c r="V79107" i="1"/>
  <c r="V79108" i="1"/>
  <c r="V79109" i="1"/>
  <c r="V79110" i="1"/>
  <c r="V79111" i="1"/>
  <c r="V79112" i="1"/>
  <c r="V79113" i="1"/>
  <c r="V79114" i="1"/>
  <c r="V79115" i="1"/>
  <c r="V79116" i="1"/>
  <c r="V79117" i="1"/>
  <c r="V79118" i="1"/>
  <c r="V79119" i="1"/>
  <c r="V79120" i="1"/>
  <c r="V79121" i="1"/>
  <c r="V79122" i="1"/>
  <c r="V79123" i="1"/>
  <c r="V79124" i="1"/>
  <c r="V79125" i="1"/>
  <c r="V79126" i="1"/>
  <c r="V79127" i="1"/>
  <c r="V79128" i="1"/>
  <c r="V79129" i="1"/>
  <c r="V79130" i="1"/>
  <c r="V79131" i="1"/>
  <c r="V79132" i="1"/>
  <c r="V79133" i="1"/>
  <c r="V79134" i="1"/>
  <c r="V79135" i="1"/>
  <c r="V79136" i="1"/>
  <c r="V79137" i="1"/>
  <c r="V79138" i="1"/>
  <c r="V79139" i="1"/>
  <c r="V79140" i="1"/>
  <c r="V79141" i="1"/>
  <c r="V79142" i="1"/>
  <c r="V79143" i="1"/>
  <c r="V79144" i="1"/>
  <c r="V79145" i="1"/>
  <c r="V79146" i="1"/>
  <c r="V79147" i="1"/>
  <c r="V79148" i="1"/>
  <c r="V79149" i="1"/>
  <c r="V79150" i="1"/>
  <c r="V79151" i="1"/>
  <c r="V79152" i="1"/>
  <c r="V79153" i="1"/>
  <c r="V79154" i="1"/>
  <c r="V79155" i="1"/>
  <c r="V79156" i="1"/>
  <c r="V79157" i="1"/>
  <c r="V79158" i="1"/>
  <c r="V79159" i="1"/>
  <c r="V79160" i="1"/>
  <c r="V79161" i="1"/>
  <c r="V79162" i="1"/>
  <c r="V79163" i="1"/>
  <c r="V79164" i="1"/>
  <c r="V79165" i="1"/>
  <c r="V79166" i="1"/>
  <c r="V79167" i="1"/>
  <c r="V79168" i="1"/>
  <c r="V79169" i="1"/>
  <c r="V79170" i="1"/>
  <c r="V79171" i="1"/>
  <c r="V79172" i="1"/>
  <c r="V79173" i="1"/>
  <c r="V79174" i="1"/>
  <c r="V79175" i="1"/>
  <c r="V79176" i="1"/>
  <c r="V79177" i="1"/>
  <c r="V79178" i="1"/>
  <c r="V79179" i="1"/>
  <c r="V79180" i="1"/>
  <c r="V79181" i="1"/>
  <c r="V79182" i="1"/>
  <c r="V79183" i="1"/>
  <c r="V79184" i="1"/>
  <c r="V79185" i="1"/>
  <c r="V79186" i="1"/>
  <c r="V79187" i="1"/>
  <c r="V79188" i="1"/>
  <c r="V79189" i="1"/>
  <c r="V79190" i="1"/>
  <c r="V79191" i="1"/>
  <c r="V79192" i="1"/>
  <c r="V79193" i="1"/>
  <c r="V79194" i="1"/>
  <c r="V79195" i="1"/>
  <c r="V79196" i="1"/>
  <c r="V79197" i="1"/>
  <c r="V79198" i="1"/>
  <c r="V79199" i="1"/>
  <c r="V79200" i="1"/>
  <c r="V79201" i="1"/>
  <c r="V79202" i="1"/>
  <c r="V79203" i="1"/>
  <c r="V79204" i="1"/>
  <c r="V79205" i="1"/>
  <c r="V79206" i="1"/>
  <c r="V79207" i="1"/>
  <c r="V79208" i="1"/>
  <c r="V79209" i="1"/>
  <c r="V79210" i="1"/>
  <c r="V79211" i="1"/>
  <c r="V79212" i="1"/>
  <c r="V79213" i="1"/>
  <c r="V79214" i="1"/>
  <c r="V79215" i="1"/>
  <c r="V79216" i="1"/>
  <c r="V79217" i="1"/>
  <c r="V79218" i="1"/>
  <c r="V79219" i="1"/>
  <c r="V79220" i="1"/>
  <c r="V79221" i="1"/>
  <c r="V79222" i="1"/>
  <c r="V79223" i="1"/>
  <c r="V79224" i="1"/>
  <c r="V79225" i="1"/>
  <c r="V79226" i="1"/>
  <c r="V79227" i="1"/>
  <c r="V79228" i="1"/>
  <c r="V79229" i="1"/>
  <c r="V79230" i="1"/>
  <c r="V79231" i="1"/>
  <c r="V79232" i="1"/>
  <c r="V79233" i="1"/>
  <c r="V79234" i="1"/>
  <c r="V79235" i="1"/>
  <c r="V79236" i="1"/>
  <c r="V79237" i="1"/>
  <c r="V79238" i="1"/>
  <c r="V79239" i="1"/>
  <c r="V79240" i="1"/>
  <c r="V79241" i="1"/>
  <c r="V79242" i="1"/>
  <c r="V79243" i="1"/>
  <c r="V79244" i="1"/>
  <c r="V79245" i="1"/>
  <c r="V79246" i="1"/>
  <c r="V79247" i="1"/>
  <c r="V79248" i="1"/>
  <c r="V79249" i="1"/>
  <c r="V79250" i="1"/>
  <c r="V79251" i="1"/>
  <c r="V79252" i="1"/>
  <c r="V79253" i="1"/>
  <c r="V79254" i="1"/>
  <c r="V79255" i="1"/>
  <c r="V79256" i="1"/>
  <c r="V79257" i="1"/>
  <c r="V79258" i="1"/>
  <c r="V79259" i="1"/>
  <c r="V79260" i="1"/>
  <c r="V79261" i="1"/>
  <c r="V79262" i="1"/>
  <c r="V79263" i="1"/>
  <c r="V79264" i="1"/>
  <c r="V79265" i="1"/>
  <c r="V79266" i="1"/>
  <c r="V79267" i="1"/>
  <c r="V79268" i="1"/>
  <c r="V79269" i="1"/>
  <c r="V79270" i="1"/>
  <c r="V79271" i="1"/>
  <c r="V79272" i="1"/>
  <c r="V79273" i="1"/>
  <c r="V79274" i="1"/>
  <c r="V79275" i="1"/>
  <c r="V79276" i="1"/>
  <c r="V79277" i="1"/>
  <c r="V79278" i="1"/>
  <c r="V79279" i="1"/>
  <c r="V79280" i="1"/>
  <c r="V79281" i="1"/>
  <c r="V79282" i="1"/>
  <c r="V79283" i="1"/>
  <c r="V79284" i="1"/>
  <c r="V79285" i="1"/>
  <c r="V79286" i="1"/>
  <c r="V79287" i="1"/>
  <c r="V79288" i="1"/>
  <c r="V79289" i="1"/>
  <c r="V79290" i="1"/>
  <c r="V79291" i="1"/>
  <c r="V79292" i="1"/>
  <c r="V79293" i="1"/>
  <c r="V79294" i="1"/>
  <c r="V79295" i="1"/>
  <c r="V79296" i="1"/>
  <c r="V79297" i="1"/>
  <c r="V79298" i="1"/>
  <c r="V79299" i="1"/>
  <c r="V79300" i="1"/>
  <c r="V79301" i="1"/>
  <c r="V79302" i="1"/>
  <c r="V79303" i="1"/>
  <c r="V79304" i="1"/>
  <c r="V79305" i="1"/>
  <c r="V79306" i="1"/>
  <c r="V79307" i="1"/>
  <c r="V79308" i="1"/>
  <c r="V79309" i="1"/>
  <c r="V79310" i="1"/>
  <c r="V79311" i="1"/>
  <c r="V79312" i="1"/>
  <c r="V79313" i="1"/>
  <c r="V79314" i="1"/>
  <c r="V79315" i="1"/>
  <c r="V79316" i="1"/>
  <c r="V79317" i="1"/>
  <c r="V79318" i="1"/>
  <c r="V79319" i="1"/>
  <c r="V79320" i="1"/>
  <c r="V79321" i="1"/>
  <c r="V79322" i="1"/>
  <c r="V79323" i="1"/>
  <c r="V79324" i="1"/>
  <c r="V79325" i="1"/>
  <c r="V79326" i="1"/>
  <c r="V79327" i="1"/>
  <c r="V79328" i="1"/>
  <c r="V79329" i="1"/>
  <c r="V79330" i="1"/>
  <c r="V79331" i="1"/>
  <c r="V79332" i="1"/>
  <c r="V79333" i="1"/>
  <c r="V79334" i="1"/>
  <c r="V79335" i="1"/>
  <c r="V79336" i="1"/>
  <c r="V79337" i="1"/>
  <c r="V79338" i="1"/>
  <c r="V79339" i="1"/>
  <c r="V79340" i="1"/>
  <c r="V79341" i="1"/>
  <c r="V79342" i="1"/>
  <c r="V79343" i="1"/>
  <c r="V79344" i="1"/>
  <c r="V79345" i="1"/>
  <c r="V79346" i="1"/>
  <c r="V79347" i="1"/>
  <c r="V79348" i="1"/>
  <c r="V79349" i="1"/>
  <c r="V79350" i="1"/>
  <c r="V79351" i="1"/>
  <c r="V79352" i="1"/>
  <c r="V79353" i="1"/>
  <c r="V79354" i="1"/>
  <c r="V79355" i="1"/>
  <c r="V79356" i="1"/>
  <c r="V79357" i="1"/>
  <c r="V79358" i="1"/>
  <c r="V79359" i="1"/>
  <c r="V79360" i="1"/>
  <c r="V79361" i="1"/>
  <c r="V79362" i="1"/>
  <c r="V79363" i="1"/>
  <c r="V79364" i="1"/>
  <c r="V79365" i="1"/>
  <c r="V79366" i="1"/>
  <c r="V79367" i="1"/>
  <c r="V79368" i="1"/>
  <c r="V79369" i="1"/>
  <c r="V79370" i="1"/>
  <c r="V79371" i="1"/>
  <c r="V79372" i="1"/>
  <c r="V79373" i="1"/>
  <c r="V79374" i="1"/>
  <c r="V79375" i="1"/>
  <c r="V79376" i="1"/>
  <c r="V79377" i="1"/>
  <c r="V79378" i="1"/>
  <c r="V79379" i="1"/>
  <c r="V79380" i="1"/>
  <c r="V79381" i="1"/>
  <c r="V79382" i="1"/>
  <c r="V79383" i="1"/>
  <c r="V79384" i="1"/>
  <c r="V79385" i="1"/>
  <c r="V79386" i="1"/>
  <c r="V79387" i="1"/>
  <c r="V79388" i="1"/>
  <c r="V79389" i="1"/>
  <c r="V79390" i="1"/>
  <c r="V79391" i="1"/>
  <c r="V79392" i="1"/>
  <c r="V79393" i="1"/>
  <c r="V79394" i="1"/>
  <c r="V79395" i="1"/>
  <c r="V79396" i="1"/>
  <c r="V79397" i="1"/>
  <c r="V79398" i="1"/>
  <c r="V79399" i="1"/>
  <c r="V79400" i="1"/>
  <c r="V79401" i="1"/>
  <c r="V79402" i="1"/>
  <c r="V79403" i="1"/>
  <c r="V79404" i="1"/>
  <c r="V79405" i="1"/>
  <c r="V79406" i="1"/>
  <c r="V79407" i="1"/>
  <c r="V79408" i="1"/>
  <c r="V79409" i="1"/>
  <c r="V79410" i="1"/>
  <c r="V79411" i="1"/>
  <c r="V79412" i="1"/>
  <c r="V79413" i="1"/>
  <c r="V79414" i="1"/>
  <c r="V79415" i="1"/>
  <c r="V79416" i="1"/>
  <c r="V79417" i="1"/>
  <c r="V79418" i="1"/>
  <c r="V79419" i="1"/>
  <c r="V79420" i="1"/>
  <c r="V79421" i="1"/>
  <c r="V79422" i="1"/>
  <c r="V79423" i="1"/>
  <c r="V79424" i="1"/>
  <c r="V79425" i="1"/>
  <c r="V79426" i="1"/>
  <c r="V79427" i="1"/>
  <c r="V79428" i="1"/>
  <c r="V79429" i="1"/>
  <c r="V79430" i="1"/>
  <c r="V79431" i="1"/>
  <c r="V79432" i="1"/>
  <c r="V79433" i="1"/>
  <c r="V79434" i="1"/>
  <c r="V79435" i="1"/>
  <c r="V79436" i="1"/>
  <c r="V79437" i="1"/>
  <c r="V79438" i="1"/>
  <c r="V79439" i="1"/>
  <c r="V79440" i="1"/>
  <c r="V79441" i="1"/>
  <c r="V79442" i="1"/>
  <c r="V79443" i="1"/>
  <c r="V79444" i="1"/>
  <c r="V79445" i="1"/>
  <c r="V79446" i="1"/>
  <c r="V79447" i="1"/>
  <c r="V79448" i="1"/>
  <c r="V79449" i="1"/>
  <c r="V79450" i="1"/>
  <c r="V79451" i="1"/>
  <c r="V79452" i="1"/>
  <c r="V79453" i="1"/>
  <c r="V79454" i="1"/>
  <c r="V79455" i="1"/>
  <c r="V79456" i="1"/>
  <c r="V79457" i="1"/>
  <c r="V79458" i="1"/>
  <c r="V79459" i="1"/>
  <c r="V79460" i="1"/>
  <c r="V79461" i="1"/>
  <c r="V79462" i="1"/>
  <c r="V79463" i="1"/>
  <c r="V79464" i="1"/>
  <c r="V79465" i="1"/>
  <c r="V79466" i="1"/>
  <c r="V79467" i="1"/>
  <c r="V79468" i="1"/>
  <c r="V79469" i="1"/>
  <c r="V79470" i="1"/>
  <c r="V79471" i="1"/>
  <c r="V79472" i="1"/>
  <c r="V79473" i="1"/>
  <c r="V79474" i="1"/>
  <c r="V79475" i="1"/>
  <c r="V79476" i="1"/>
  <c r="V79477" i="1"/>
  <c r="V79478" i="1"/>
  <c r="V79479" i="1"/>
  <c r="V79480" i="1"/>
  <c r="V79481" i="1"/>
  <c r="V79482" i="1"/>
  <c r="V79483" i="1"/>
  <c r="V79484" i="1"/>
  <c r="V79485" i="1"/>
  <c r="V79486" i="1"/>
  <c r="V79487" i="1"/>
  <c r="V79488" i="1"/>
  <c r="V79489" i="1"/>
  <c r="V79490" i="1"/>
  <c r="V79491" i="1"/>
  <c r="V79492" i="1"/>
  <c r="V79493" i="1"/>
  <c r="V79494" i="1"/>
  <c r="V79495" i="1"/>
  <c r="V79496" i="1"/>
  <c r="V79497" i="1"/>
  <c r="V79498" i="1"/>
  <c r="V79499" i="1"/>
  <c r="V79500" i="1"/>
  <c r="V79501" i="1"/>
  <c r="V79502" i="1"/>
  <c r="V79503" i="1"/>
  <c r="V79504" i="1"/>
  <c r="V79505" i="1"/>
  <c r="V79506" i="1"/>
  <c r="V79507" i="1"/>
  <c r="V79508" i="1"/>
  <c r="V79509" i="1"/>
  <c r="V79510" i="1"/>
  <c r="V79511" i="1"/>
  <c r="V79512" i="1"/>
  <c r="V79513" i="1"/>
  <c r="V79514" i="1"/>
  <c r="V79515" i="1"/>
  <c r="V79516" i="1"/>
  <c r="V79517" i="1"/>
  <c r="V79518" i="1"/>
  <c r="V79519" i="1"/>
  <c r="V79520" i="1"/>
  <c r="V79521" i="1"/>
  <c r="V79522" i="1"/>
  <c r="V79523" i="1"/>
  <c r="V79524" i="1"/>
  <c r="V79525" i="1"/>
  <c r="V79526" i="1"/>
  <c r="V79527" i="1"/>
  <c r="V79528" i="1"/>
  <c r="V79529" i="1"/>
  <c r="V79530" i="1"/>
  <c r="V79531" i="1"/>
  <c r="V79532" i="1"/>
  <c r="V79533" i="1"/>
  <c r="V79534" i="1"/>
  <c r="V79535" i="1"/>
  <c r="V79536" i="1"/>
  <c r="V79537" i="1"/>
  <c r="V79538" i="1"/>
  <c r="V79539" i="1"/>
  <c r="V79540" i="1"/>
  <c r="V79541" i="1"/>
  <c r="V79542" i="1"/>
  <c r="V79543" i="1"/>
  <c r="V79544" i="1"/>
  <c r="V79545" i="1"/>
  <c r="V79546" i="1"/>
  <c r="V79547" i="1"/>
  <c r="V79548" i="1"/>
  <c r="V79549" i="1"/>
  <c r="V79550" i="1"/>
  <c r="V79551" i="1"/>
  <c r="V79552" i="1"/>
  <c r="V79553" i="1"/>
  <c r="V79554" i="1"/>
  <c r="V79555" i="1"/>
  <c r="V79556" i="1"/>
  <c r="V79557" i="1"/>
  <c r="V79558" i="1"/>
  <c r="V79559" i="1"/>
  <c r="V79560" i="1"/>
  <c r="V79561" i="1"/>
  <c r="V79562" i="1"/>
  <c r="V79563" i="1"/>
  <c r="V79564" i="1"/>
  <c r="V79565" i="1"/>
  <c r="V79566" i="1"/>
  <c r="V79567" i="1"/>
  <c r="V79568" i="1"/>
  <c r="V79569" i="1"/>
  <c r="V79570" i="1"/>
  <c r="V79571" i="1"/>
  <c r="V79572" i="1"/>
  <c r="V79573" i="1"/>
  <c r="V79574" i="1"/>
  <c r="V79575" i="1"/>
  <c r="V79576" i="1"/>
  <c r="V79577" i="1"/>
  <c r="V79578" i="1"/>
  <c r="V79579" i="1"/>
  <c r="V79580" i="1"/>
  <c r="V79581" i="1"/>
  <c r="V79582" i="1"/>
  <c r="V79583" i="1"/>
  <c r="V79584" i="1"/>
  <c r="V79585" i="1"/>
  <c r="V79586" i="1"/>
  <c r="V79587" i="1"/>
  <c r="V79588" i="1"/>
  <c r="V79589" i="1"/>
  <c r="V79590" i="1"/>
  <c r="V79591" i="1"/>
  <c r="V79592" i="1"/>
  <c r="V79593" i="1"/>
  <c r="V79594" i="1"/>
  <c r="V79595" i="1"/>
  <c r="V79596" i="1"/>
  <c r="V79597" i="1"/>
  <c r="V79598" i="1"/>
  <c r="V79599" i="1"/>
  <c r="V79600" i="1"/>
  <c r="V79601" i="1"/>
  <c r="V79602" i="1"/>
  <c r="V79603" i="1"/>
  <c r="V79604" i="1"/>
  <c r="V79605" i="1"/>
  <c r="V79606" i="1"/>
  <c r="V79607" i="1"/>
  <c r="V79608" i="1"/>
  <c r="V79609" i="1"/>
  <c r="V79610" i="1"/>
  <c r="V79611" i="1"/>
  <c r="V79612" i="1"/>
  <c r="V79613" i="1"/>
  <c r="V79614" i="1"/>
  <c r="V79615" i="1"/>
  <c r="V79616" i="1"/>
  <c r="V79617" i="1"/>
  <c r="V79618" i="1"/>
  <c r="V79619" i="1"/>
  <c r="V79620" i="1"/>
  <c r="V79621" i="1"/>
  <c r="V79622" i="1"/>
  <c r="V79623" i="1"/>
  <c r="V79624" i="1"/>
  <c r="V79625" i="1"/>
  <c r="V79626" i="1"/>
  <c r="V79627" i="1"/>
  <c r="V79628" i="1"/>
  <c r="V79629" i="1"/>
  <c r="V79630" i="1"/>
  <c r="V79631" i="1"/>
  <c r="V79632" i="1"/>
  <c r="V79633" i="1"/>
  <c r="V79634" i="1"/>
  <c r="V79635" i="1"/>
  <c r="V79636" i="1"/>
  <c r="V79637" i="1"/>
  <c r="V79638" i="1"/>
  <c r="V79639" i="1"/>
  <c r="V79640" i="1"/>
  <c r="V79641" i="1"/>
  <c r="V79642" i="1"/>
  <c r="V79643" i="1"/>
  <c r="V79644" i="1"/>
  <c r="V79645" i="1"/>
  <c r="V79646" i="1"/>
  <c r="V79647" i="1"/>
  <c r="V79648" i="1"/>
  <c r="V79649" i="1"/>
  <c r="V79650" i="1"/>
  <c r="V79651" i="1"/>
  <c r="V79652" i="1"/>
  <c r="V79653" i="1"/>
  <c r="V79654" i="1"/>
  <c r="V79655" i="1"/>
  <c r="V79656" i="1"/>
  <c r="V79657" i="1"/>
  <c r="V79658" i="1"/>
  <c r="V79659" i="1"/>
  <c r="V79660" i="1"/>
  <c r="V79661" i="1"/>
  <c r="V79662" i="1"/>
  <c r="V79663" i="1"/>
  <c r="V79664" i="1"/>
  <c r="V79665" i="1"/>
  <c r="V79666" i="1"/>
  <c r="V79667" i="1"/>
  <c r="V79668" i="1"/>
  <c r="V79669" i="1"/>
  <c r="V79670" i="1"/>
  <c r="V79671" i="1"/>
  <c r="V79672" i="1"/>
  <c r="V79673" i="1"/>
  <c r="V79674" i="1"/>
  <c r="V79675" i="1"/>
  <c r="V79676" i="1"/>
  <c r="V79677" i="1"/>
  <c r="V79678" i="1"/>
  <c r="V79679" i="1"/>
  <c r="V79680" i="1"/>
  <c r="V79681" i="1"/>
  <c r="V79682" i="1"/>
  <c r="V79683" i="1"/>
  <c r="V79684" i="1"/>
  <c r="V79685" i="1"/>
  <c r="V79686" i="1"/>
  <c r="V79687" i="1"/>
  <c r="V79688" i="1"/>
  <c r="V79689" i="1"/>
  <c r="V79690" i="1"/>
  <c r="V79691" i="1"/>
  <c r="V79692" i="1"/>
  <c r="V79693" i="1"/>
  <c r="V79694" i="1"/>
  <c r="V79695" i="1"/>
  <c r="V79696" i="1"/>
  <c r="V79697" i="1"/>
  <c r="V79698" i="1"/>
  <c r="V79699" i="1"/>
  <c r="V79700" i="1"/>
  <c r="V79701" i="1"/>
  <c r="V79702" i="1"/>
  <c r="V79703" i="1"/>
  <c r="V79704" i="1"/>
  <c r="V79705" i="1"/>
  <c r="V79706" i="1"/>
  <c r="V79707" i="1"/>
  <c r="V79708" i="1"/>
  <c r="V79709" i="1"/>
  <c r="V79710" i="1"/>
  <c r="V79711" i="1"/>
  <c r="V79712" i="1"/>
  <c r="V79713" i="1"/>
  <c r="V79714" i="1"/>
  <c r="V79715" i="1"/>
  <c r="V79716" i="1"/>
  <c r="V79717" i="1"/>
  <c r="V79718" i="1"/>
  <c r="V79719" i="1"/>
  <c r="V79720" i="1"/>
  <c r="V79721" i="1"/>
  <c r="V79722" i="1"/>
  <c r="V79723" i="1"/>
  <c r="V79724" i="1"/>
  <c r="V79725" i="1"/>
  <c r="V79726" i="1"/>
  <c r="V79727" i="1"/>
  <c r="V79728" i="1"/>
  <c r="V79729" i="1"/>
  <c r="V79730" i="1"/>
  <c r="V79731" i="1"/>
  <c r="V79732" i="1"/>
  <c r="V79733" i="1"/>
  <c r="V79734" i="1"/>
  <c r="V79735" i="1"/>
  <c r="V79736" i="1"/>
  <c r="V79737" i="1"/>
  <c r="V79738" i="1"/>
  <c r="V79739" i="1"/>
  <c r="V79740" i="1"/>
  <c r="V79741" i="1"/>
  <c r="V79742" i="1"/>
  <c r="V79743" i="1"/>
  <c r="V79744" i="1"/>
  <c r="V79745" i="1"/>
  <c r="V79746" i="1"/>
  <c r="V79747" i="1"/>
  <c r="V79748" i="1"/>
  <c r="V79749" i="1"/>
  <c r="V79750" i="1"/>
  <c r="V79751" i="1"/>
  <c r="V79752" i="1"/>
  <c r="V79753" i="1"/>
  <c r="V79754" i="1"/>
  <c r="V79755" i="1"/>
  <c r="V79756" i="1"/>
  <c r="V79757" i="1"/>
  <c r="V79758" i="1"/>
  <c r="V79759" i="1"/>
  <c r="V79760" i="1"/>
  <c r="V79761" i="1"/>
  <c r="V79762" i="1"/>
  <c r="V79763" i="1"/>
  <c r="V79764" i="1"/>
  <c r="V79765" i="1"/>
  <c r="V79766" i="1"/>
  <c r="V79767" i="1"/>
  <c r="V79768" i="1"/>
  <c r="V79769" i="1"/>
  <c r="V79770" i="1"/>
  <c r="V79771" i="1"/>
  <c r="V79772" i="1"/>
  <c r="V79773" i="1"/>
  <c r="V79774" i="1"/>
  <c r="V79775" i="1"/>
  <c r="V79776" i="1"/>
  <c r="V79777" i="1"/>
  <c r="V79778" i="1"/>
  <c r="V79779" i="1"/>
  <c r="V79780" i="1"/>
  <c r="V79781" i="1"/>
  <c r="V79782" i="1"/>
  <c r="V79783" i="1"/>
  <c r="V79784" i="1"/>
  <c r="V79785" i="1"/>
  <c r="V79786" i="1"/>
  <c r="V79787" i="1"/>
  <c r="V79788" i="1"/>
  <c r="V79789" i="1"/>
  <c r="V79790" i="1"/>
  <c r="V79791" i="1"/>
  <c r="V79792" i="1"/>
  <c r="V79793" i="1"/>
  <c r="V79794" i="1"/>
  <c r="V79795" i="1"/>
  <c r="V79796" i="1"/>
  <c r="V79797" i="1"/>
  <c r="V79798" i="1"/>
  <c r="V79799" i="1"/>
  <c r="V79800" i="1"/>
  <c r="V79801" i="1"/>
  <c r="V79802" i="1"/>
  <c r="V79803" i="1"/>
  <c r="V79804" i="1"/>
  <c r="V79805" i="1"/>
  <c r="V79806" i="1"/>
  <c r="V79807" i="1"/>
  <c r="V79808" i="1"/>
  <c r="V79809" i="1"/>
  <c r="V79810" i="1"/>
  <c r="V79811" i="1"/>
  <c r="V79812" i="1"/>
  <c r="V79813" i="1"/>
  <c r="V79814" i="1"/>
  <c r="V79815" i="1"/>
  <c r="V79816" i="1"/>
  <c r="V79817" i="1"/>
  <c r="V79818" i="1"/>
  <c r="V79819" i="1"/>
  <c r="V79820" i="1"/>
  <c r="V79821" i="1"/>
  <c r="V79822" i="1"/>
  <c r="V79823" i="1"/>
  <c r="V79824" i="1"/>
  <c r="V79825" i="1"/>
  <c r="V79826" i="1"/>
  <c r="V79827" i="1"/>
  <c r="V79828" i="1"/>
  <c r="V79829" i="1"/>
  <c r="V79830" i="1"/>
  <c r="V79831" i="1"/>
  <c r="V79832" i="1"/>
  <c r="V79833" i="1"/>
  <c r="V79834" i="1"/>
  <c r="V79835" i="1"/>
  <c r="V79836" i="1"/>
  <c r="V79837" i="1"/>
  <c r="V79838" i="1"/>
  <c r="V79839" i="1"/>
  <c r="V79840" i="1"/>
  <c r="V79841" i="1"/>
  <c r="V79842" i="1"/>
  <c r="V79843" i="1"/>
  <c r="V79844" i="1"/>
  <c r="V79845" i="1"/>
  <c r="V79846" i="1"/>
  <c r="V79847" i="1"/>
  <c r="V79848" i="1"/>
  <c r="V79849" i="1"/>
  <c r="V79850" i="1"/>
  <c r="V79851" i="1"/>
  <c r="V79852" i="1"/>
  <c r="V79853" i="1"/>
  <c r="V79854" i="1"/>
  <c r="V79855" i="1"/>
  <c r="V79856" i="1"/>
  <c r="V79857" i="1"/>
  <c r="V79858" i="1"/>
  <c r="V79859" i="1"/>
  <c r="V79860" i="1"/>
  <c r="V79861" i="1"/>
  <c r="V79862" i="1"/>
  <c r="V79863" i="1"/>
  <c r="V79864" i="1"/>
  <c r="V79865" i="1"/>
  <c r="V79866" i="1"/>
  <c r="V79867" i="1"/>
  <c r="V79868" i="1"/>
  <c r="V79869" i="1"/>
  <c r="V79870" i="1"/>
  <c r="V79871" i="1"/>
  <c r="V79872" i="1"/>
  <c r="V79873" i="1"/>
  <c r="V79874" i="1"/>
  <c r="V79875" i="1"/>
  <c r="V79876" i="1"/>
  <c r="V79877" i="1"/>
  <c r="V79878" i="1"/>
  <c r="V79879" i="1"/>
  <c r="V79880" i="1"/>
  <c r="V79881" i="1"/>
  <c r="V79882" i="1"/>
  <c r="V79883" i="1"/>
  <c r="V79884" i="1"/>
  <c r="V79885" i="1"/>
  <c r="V79886" i="1"/>
  <c r="V79887" i="1"/>
  <c r="V79888" i="1"/>
  <c r="V79889" i="1"/>
  <c r="V79890" i="1"/>
  <c r="V79891" i="1"/>
  <c r="V79892" i="1"/>
  <c r="V79893" i="1"/>
  <c r="V79894" i="1"/>
  <c r="V79895" i="1"/>
  <c r="V79896" i="1"/>
  <c r="V79897" i="1"/>
  <c r="V79898" i="1"/>
  <c r="V79899" i="1"/>
  <c r="V79900" i="1"/>
  <c r="V79901" i="1"/>
  <c r="V79902" i="1"/>
  <c r="V79903" i="1"/>
  <c r="V79904" i="1"/>
  <c r="V79905" i="1"/>
  <c r="V79906" i="1"/>
  <c r="V79907" i="1"/>
  <c r="V79908" i="1"/>
  <c r="V79909" i="1"/>
  <c r="V79910" i="1"/>
  <c r="V79911" i="1"/>
  <c r="V79912" i="1"/>
  <c r="V79913" i="1"/>
  <c r="V79914" i="1"/>
  <c r="V79915" i="1"/>
  <c r="V79916" i="1"/>
  <c r="V79917" i="1"/>
  <c r="V79918" i="1"/>
  <c r="V79919" i="1"/>
  <c r="V79920" i="1"/>
  <c r="V79921" i="1"/>
  <c r="V79922" i="1"/>
  <c r="V79923" i="1"/>
  <c r="V79924" i="1"/>
  <c r="V79925" i="1"/>
  <c r="V79926" i="1"/>
  <c r="V79927" i="1"/>
  <c r="V79928" i="1"/>
  <c r="V79929" i="1"/>
  <c r="V79930" i="1"/>
  <c r="V79931" i="1"/>
  <c r="V79932" i="1"/>
  <c r="V79933" i="1"/>
  <c r="V79934" i="1"/>
  <c r="V79935" i="1"/>
  <c r="V79936" i="1"/>
  <c r="V79937" i="1"/>
  <c r="V79938" i="1"/>
  <c r="V79939" i="1"/>
  <c r="V79940" i="1"/>
  <c r="V79941" i="1"/>
  <c r="V79942" i="1"/>
  <c r="V79943" i="1"/>
  <c r="V79944" i="1"/>
  <c r="V79945" i="1"/>
  <c r="V79946" i="1"/>
  <c r="V79947" i="1"/>
  <c r="V79948" i="1"/>
  <c r="V79949" i="1"/>
  <c r="V79950" i="1"/>
  <c r="V79951" i="1"/>
  <c r="V79952" i="1"/>
  <c r="V79953" i="1"/>
  <c r="V79954" i="1"/>
  <c r="V79955" i="1"/>
  <c r="V79956" i="1"/>
  <c r="V79957" i="1"/>
  <c r="V79958" i="1"/>
  <c r="V79959" i="1"/>
  <c r="V79960" i="1"/>
  <c r="V79961" i="1"/>
  <c r="V79962" i="1"/>
  <c r="V79963" i="1"/>
  <c r="V79964" i="1"/>
  <c r="V79965" i="1"/>
  <c r="V79966" i="1"/>
  <c r="V79967" i="1"/>
  <c r="V79968" i="1"/>
  <c r="V79969" i="1"/>
  <c r="V79970" i="1"/>
  <c r="V79971" i="1"/>
  <c r="V79972" i="1"/>
  <c r="V79973" i="1"/>
  <c r="V79974" i="1"/>
  <c r="V79975" i="1"/>
  <c r="V79976" i="1"/>
  <c r="V79977" i="1"/>
  <c r="V79978" i="1"/>
  <c r="V79979" i="1"/>
  <c r="V79980" i="1"/>
  <c r="V79981" i="1"/>
  <c r="V79982" i="1"/>
  <c r="V79983" i="1"/>
  <c r="V79984" i="1"/>
  <c r="V79985" i="1"/>
  <c r="V79986" i="1"/>
  <c r="V79987" i="1"/>
  <c r="V79988" i="1"/>
  <c r="V79989" i="1"/>
  <c r="V79990" i="1"/>
  <c r="V79991" i="1"/>
  <c r="V79992" i="1"/>
  <c r="V79993" i="1"/>
  <c r="V79994" i="1"/>
  <c r="V79995" i="1"/>
  <c r="V79996" i="1"/>
  <c r="V79997" i="1"/>
  <c r="V79998" i="1"/>
  <c r="V79999" i="1"/>
  <c r="V80000" i="1"/>
  <c r="V80001" i="1"/>
  <c r="V80002" i="1"/>
  <c r="V80003" i="1"/>
  <c r="V80004" i="1"/>
  <c r="V80005" i="1"/>
  <c r="V80006" i="1"/>
  <c r="V80007" i="1"/>
  <c r="V80008" i="1"/>
  <c r="V80009" i="1"/>
  <c r="V80010" i="1"/>
  <c r="V80011" i="1"/>
  <c r="V80012" i="1"/>
  <c r="V80013" i="1"/>
  <c r="V80014" i="1"/>
  <c r="V80015" i="1"/>
  <c r="V80016" i="1"/>
  <c r="V80017" i="1"/>
  <c r="V80018" i="1"/>
  <c r="V80019" i="1"/>
  <c r="V80020" i="1"/>
  <c r="V80021" i="1"/>
  <c r="V80022" i="1"/>
  <c r="V80023" i="1"/>
  <c r="V80024" i="1"/>
  <c r="V80025" i="1"/>
  <c r="V80026" i="1"/>
  <c r="V80027" i="1"/>
  <c r="V80028" i="1"/>
  <c r="V80029" i="1"/>
  <c r="V80030" i="1"/>
  <c r="V80031" i="1"/>
  <c r="V80032" i="1"/>
  <c r="V80033" i="1"/>
  <c r="V80034" i="1"/>
  <c r="V80035" i="1"/>
  <c r="V80036" i="1"/>
  <c r="V80037" i="1"/>
  <c r="V80038" i="1"/>
  <c r="V80039" i="1"/>
  <c r="V80040" i="1"/>
  <c r="V80041" i="1"/>
  <c r="V80042" i="1"/>
  <c r="V80043" i="1"/>
  <c r="V80044" i="1"/>
  <c r="V80045" i="1"/>
  <c r="V80046" i="1"/>
  <c r="V80047" i="1"/>
  <c r="V80048" i="1"/>
  <c r="V80049" i="1"/>
  <c r="V80050" i="1"/>
  <c r="V80051" i="1"/>
  <c r="V80052" i="1"/>
  <c r="V80053" i="1"/>
  <c r="V80054" i="1"/>
  <c r="V80055" i="1"/>
  <c r="V80056" i="1"/>
  <c r="V80057" i="1"/>
  <c r="V80058" i="1"/>
  <c r="V80059" i="1"/>
  <c r="V80060" i="1"/>
  <c r="V80061" i="1"/>
  <c r="V80062" i="1"/>
  <c r="V80063" i="1"/>
  <c r="V80064" i="1"/>
  <c r="V80065" i="1"/>
  <c r="V80066" i="1"/>
  <c r="V80067" i="1"/>
  <c r="V80068" i="1"/>
  <c r="V80069" i="1"/>
  <c r="V80070" i="1"/>
  <c r="V80071" i="1"/>
  <c r="V80072" i="1"/>
  <c r="V80073" i="1"/>
  <c r="V80074" i="1"/>
  <c r="V80075" i="1"/>
  <c r="V80076" i="1"/>
  <c r="V80077" i="1"/>
  <c r="V80078" i="1"/>
  <c r="V80079" i="1"/>
  <c r="V80080" i="1"/>
  <c r="V80081" i="1"/>
  <c r="V80082" i="1"/>
  <c r="V80083" i="1"/>
  <c r="V80084" i="1"/>
  <c r="V80085" i="1"/>
  <c r="V80086" i="1"/>
  <c r="V80087" i="1"/>
  <c r="V80088" i="1"/>
  <c r="V80089" i="1"/>
  <c r="V80090" i="1"/>
  <c r="V80091" i="1"/>
  <c r="V80092" i="1"/>
  <c r="V80093" i="1"/>
  <c r="V80094" i="1"/>
  <c r="V80095" i="1"/>
  <c r="V80096" i="1"/>
  <c r="V80097" i="1"/>
  <c r="V80098" i="1"/>
  <c r="V80099" i="1"/>
  <c r="V80100" i="1"/>
  <c r="V80101" i="1"/>
  <c r="V80102" i="1"/>
  <c r="V80103" i="1"/>
  <c r="V80104" i="1"/>
  <c r="V80105" i="1"/>
  <c r="V80106" i="1"/>
  <c r="V80107" i="1"/>
  <c r="V80108" i="1"/>
  <c r="V80109" i="1"/>
  <c r="V80110" i="1"/>
  <c r="V80111" i="1"/>
  <c r="V80112" i="1"/>
  <c r="V80113" i="1"/>
  <c r="V80114" i="1"/>
  <c r="V80115" i="1"/>
  <c r="V80116" i="1"/>
  <c r="V80117" i="1"/>
  <c r="V80118" i="1"/>
  <c r="V80119" i="1"/>
  <c r="V80120" i="1"/>
  <c r="V80121" i="1"/>
  <c r="V80122" i="1"/>
  <c r="V80123" i="1"/>
  <c r="V80124" i="1"/>
  <c r="V80125" i="1"/>
  <c r="V80126" i="1"/>
  <c r="V80127" i="1"/>
  <c r="V80128" i="1"/>
  <c r="V80129" i="1"/>
  <c r="V80130" i="1"/>
  <c r="V80131" i="1"/>
  <c r="V80132" i="1"/>
  <c r="V80133" i="1"/>
  <c r="V80134" i="1"/>
  <c r="V80135" i="1"/>
  <c r="V80136" i="1"/>
  <c r="V80137" i="1"/>
  <c r="V80138" i="1"/>
  <c r="V80139" i="1"/>
  <c r="V80140" i="1"/>
  <c r="V80141" i="1"/>
  <c r="V80142" i="1"/>
  <c r="V80143" i="1"/>
  <c r="V80144" i="1"/>
  <c r="V80145" i="1"/>
  <c r="V80146" i="1"/>
  <c r="V80147" i="1"/>
  <c r="V80148" i="1"/>
  <c r="V80149" i="1"/>
  <c r="V80150" i="1"/>
  <c r="V80151" i="1"/>
  <c r="V80152" i="1"/>
  <c r="V80153" i="1"/>
  <c r="V80154" i="1"/>
  <c r="V80155" i="1"/>
  <c r="V80156" i="1"/>
  <c r="V80157" i="1"/>
  <c r="V80158" i="1"/>
  <c r="V80159" i="1"/>
  <c r="V80160" i="1"/>
  <c r="V80161" i="1"/>
  <c r="V80162" i="1"/>
  <c r="V80163" i="1"/>
  <c r="V80164" i="1"/>
  <c r="V80165" i="1"/>
  <c r="V80166" i="1"/>
  <c r="V80167" i="1"/>
  <c r="V80168" i="1"/>
  <c r="V80169" i="1"/>
  <c r="V80170" i="1"/>
  <c r="V80171" i="1"/>
  <c r="V80172" i="1"/>
  <c r="V80173" i="1"/>
  <c r="V80174" i="1"/>
  <c r="V80175" i="1"/>
  <c r="V80176" i="1"/>
  <c r="V80177" i="1"/>
  <c r="V80178" i="1"/>
  <c r="V80179" i="1"/>
  <c r="V80180" i="1"/>
  <c r="V80181" i="1"/>
  <c r="V80182" i="1"/>
  <c r="V80183" i="1"/>
  <c r="V80184" i="1"/>
  <c r="V80185" i="1"/>
  <c r="V80186" i="1"/>
  <c r="V80187" i="1"/>
  <c r="V80188" i="1"/>
  <c r="V80189" i="1"/>
  <c r="V80190" i="1"/>
  <c r="V80191" i="1"/>
  <c r="V80192" i="1"/>
  <c r="V80193" i="1"/>
  <c r="V80194" i="1"/>
  <c r="V80195" i="1"/>
  <c r="V80196" i="1"/>
  <c r="V80197" i="1"/>
  <c r="V80198" i="1"/>
  <c r="V80199" i="1"/>
  <c r="V80200" i="1"/>
  <c r="V80201" i="1"/>
  <c r="V80202" i="1"/>
  <c r="V80203" i="1"/>
  <c r="V80204" i="1"/>
  <c r="V80205" i="1"/>
  <c r="V80206" i="1"/>
  <c r="V80207" i="1"/>
  <c r="V80208" i="1"/>
  <c r="V80209" i="1"/>
  <c r="V80210" i="1"/>
  <c r="V80211" i="1"/>
  <c r="V80212" i="1"/>
  <c r="V80213" i="1"/>
  <c r="V80214" i="1"/>
  <c r="V80215" i="1"/>
  <c r="V80216" i="1"/>
  <c r="V80217" i="1"/>
  <c r="V80218" i="1"/>
  <c r="V80219" i="1"/>
  <c r="V80220" i="1"/>
  <c r="V80221" i="1"/>
  <c r="V80222" i="1"/>
  <c r="V80223" i="1"/>
  <c r="V80224" i="1"/>
  <c r="V80225" i="1"/>
  <c r="V80226" i="1"/>
  <c r="V80227" i="1"/>
  <c r="V80228" i="1"/>
  <c r="V80229" i="1"/>
  <c r="V80230" i="1"/>
  <c r="V80231" i="1"/>
  <c r="V80232" i="1"/>
  <c r="V80233" i="1"/>
  <c r="V80234" i="1"/>
  <c r="V80235" i="1"/>
  <c r="V80236" i="1"/>
  <c r="V80237" i="1"/>
  <c r="V80238" i="1"/>
  <c r="V80239" i="1"/>
  <c r="V80240" i="1"/>
  <c r="V80241" i="1"/>
  <c r="V80242" i="1"/>
  <c r="V80243" i="1"/>
  <c r="V80244" i="1"/>
  <c r="V80245" i="1"/>
  <c r="V80246" i="1"/>
  <c r="V80247" i="1"/>
  <c r="V80248" i="1"/>
  <c r="V80249" i="1"/>
  <c r="V80250" i="1"/>
  <c r="V80251" i="1"/>
  <c r="V80252" i="1"/>
  <c r="V80253" i="1"/>
  <c r="V80254" i="1"/>
  <c r="V80255" i="1"/>
  <c r="V80256" i="1"/>
  <c r="V80257" i="1"/>
  <c r="V80258" i="1"/>
  <c r="V80259" i="1"/>
  <c r="V80260" i="1"/>
  <c r="V80261" i="1"/>
  <c r="V80262" i="1"/>
  <c r="V80263" i="1"/>
  <c r="V80264" i="1"/>
  <c r="V80265" i="1"/>
  <c r="V80266" i="1"/>
  <c r="V80267" i="1"/>
  <c r="V80268" i="1"/>
  <c r="V80269" i="1"/>
  <c r="V80270" i="1"/>
  <c r="V80271" i="1"/>
  <c r="V80272" i="1"/>
  <c r="V80273" i="1"/>
  <c r="V80274" i="1"/>
  <c r="V80275" i="1"/>
  <c r="V80276" i="1"/>
  <c r="V80277" i="1"/>
  <c r="V80278" i="1"/>
  <c r="V80279" i="1"/>
  <c r="V80280" i="1"/>
  <c r="V80281" i="1"/>
  <c r="V80282" i="1"/>
  <c r="V80283" i="1"/>
  <c r="V80284" i="1"/>
  <c r="V80285" i="1"/>
  <c r="V80286" i="1"/>
  <c r="V80287" i="1"/>
  <c r="V80288" i="1"/>
  <c r="V80289" i="1"/>
  <c r="V80290" i="1"/>
  <c r="V80291" i="1"/>
  <c r="V80292" i="1"/>
  <c r="V80293" i="1"/>
  <c r="V80294" i="1"/>
  <c r="V80295" i="1"/>
  <c r="V80296" i="1"/>
  <c r="V80297" i="1"/>
  <c r="V80298" i="1"/>
  <c r="V80299" i="1"/>
  <c r="V80300" i="1"/>
  <c r="V80301" i="1"/>
  <c r="V80302" i="1"/>
  <c r="V80303" i="1"/>
  <c r="V80304" i="1"/>
  <c r="V80305" i="1"/>
  <c r="V80306" i="1"/>
  <c r="V80307" i="1"/>
  <c r="V80308" i="1"/>
  <c r="V80309" i="1"/>
  <c r="V80310" i="1"/>
  <c r="V80311" i="1"/>
  <c r="V80312" i="1"/>
  <c r="V80313" i="1"/>
  <c r="V80314" i="1"/>
  <c r="V80315" i="1"/>
  <c r="V80316" i="1"/>
  <c r="V80317" i="1"/>
  <c r="V80318" i="1"/>
  <c r="V80319" i="1"/>
  <c r="V80320" i="1"/>
  <c r="V80321" i="1"/>
  <c r="V80322" i="1"/>
  <c r="V80323" i="1"/>
  <c r="V80324" i="1"/>
  <c r="V80325" i="1"/>
  <c r="V80326" i="1"/>
  <c r="V80327" i="1"/>
  <c r="V80328" i="1"/>
  <c r="V80329" i="1"/>
  <c r="V80330" i="1"/>
  <c r="V80331" i="1"/>
  <c r="V80332" i="1"/>
  <c r="V80333" i="1"/>
  <c r="V80334" i="1"/>
  <c r="V80335" i="1"/>
  <c r="V80336" i="1"/>
  <c r="V80337" i="1"/>
  <c r="V80338" i="1"/>
  <c r="V80339" i="1"/>
  <c r="V80340" i="1"/>
  <c r="V80341" i="1"/>
  <c r="V80342" i="1"/>
  <c r="V80343" i="1"/>
  <c r="V80344" i="1"/>
  <c r="V80345" i="1"/>
  <c r="V80346" i="1"/>
  <c r="V80347" i="1"/>
  <c r="V80348" i="1"/>
  <c r="V80349" i="1"/>
  <c r="V80350" i="1"/>
  <c r="V80351" i="1"/>
  <c r="V80352" i="1"/>
  <c r="V80353" i="1"/>
  <c r="V80354" i="1"/>
  <c r="V80355" i="1"/>
  <c r="V80356" i="1"/>
  <c r="V80357" i="1"/>
  <c r="V80358" i="1"/>
  <c r="V80359" i="1"/>
  <c r="V80360" i="1"/>
  <c r="V80361" i="1"/>
  <c r="V80362" i="1"/>
  <c r="V80363" i="1"/>
  <c r="V80364" i="1"/>
  <c r="V80365" i="1"/>
  <c r="V80366" i="1"/>
  <c r="V80367" i="1"/>
  <c r="V80368" i="1"/>
  <c r="V80369" i="1"/>
  <c r="V80370" i="1"/>
  <c r="V80371" i="1"/>
  <c r="V80372" i="1"/>
  <c r="V80373" i="1"/>
  <c r="V80374" i="1"/>
  <c r="V80375" i="1"/>
  <c r="V80376" i="1"/>
  <c r="V80377" i="1"/>
  <c r="V80378" i="1"/>
  <c r="V80379" i="1"/>
  <c r="V80380" i="1"/>
  <c r="V80381" i="1"/>
  <c r="V80382" i="1"/>
  <c r="V80383" i="1"/>
  <c r="V80384" i="1"/>
  <c r="V80385" i="1"/>
  <c r="V80386" i="1"/>
  <c r="V80387" i="1"/>
  <c r="V80388" i="1"/>
  <c r="V80389" i="1"/>
  <c r="V80390" i="1"/>
  <c r="V80391" i="1"/>
  <c r="V80392" i="1"/>
  <c r="V80393" i="1"/>
  <c r="V80394" i="1"/>
  <c r="V80395" i="1"/>
  <c r="V80396" i="1"/>
  <c r="V80397" i="1"/>
  <c r="V80398" i="1"/>
  <c r="V80399" i="1"/>
  <c r="V80400" i="1"/>
  <c r="V80401" i="1"/>
  <c r="V80402" i="1"/>
  <c r="V80403" i="1"/>
  <c r="V80404" i="1"/>
  <c r="V80405" i="1"/>
  <c r="V80406" i="1"/>
  <c r="V80407" i="1"/>
  <c r="V80408" i="1"/>
  <c r="V80409" i="1"/>
  <c r="V80410" i="1"/>
  <c r="V80411" i="1"/>
  <c r="V80412" i="1"/>
  <c r="V80413" i="1"/>
  <c r="V80414" i="1"/>
  <c r="V80415" i="1"/>
  <c r="V80416" i="1"/>
  <c r="V80417" i="1"/>
  <c r="V80418" i="1"/>
  <c r="V80419" i="1"/>
  <c r="V80420" i="1"/>
  <c r="V80421" i="1"/>
  <c r="V80422" i="1"/>
  <c r="V80423" i="1"/>
  <c r="V80424" i="1"/>
  <c r="V80425" i="1"/>
  <c r="V80426" i="1"/>
  <c r="V80427" i="1"/>
  <c r="V80428" i="1"/>
  <c r="V80429" i="1"/>
  <c r="V80430" i="1"/>
  <c r="V80431" i="1"/>
  <c r="V80432" i="1"/>
  <c r="V80433" i="1"/>
  <c r="V80434" i="1"/>
  <c r="V80435" i="1"/>
  <c r="V80436" i="1"/>
  <c r="V80437" i="1"/>
  <c r="V80438" i="1"/>
  <c r="V80439" i="1"/>
  <c r="V80440" i="1"/>
  <c r="V80441" i="1"/>
  <c r="V80442" i="1"/>
  <c r="V80443" i="1"/>
  <c r="V80444" i="1"/>
  <c r="V80445" i="1"/>
  <c r="V80446" i="1"/>
  <c r="V80447" i="1"/>
  <c r="V80448" i="1"/>
  <c r="V80449" i="1"/>
  <c r="V80450" i="1"/>
  <c r="V80451" i="1"/>
  <c r="V80452" i="1"/>
  <c r="V80453" i="1"/>
  <c r="V80454" i="1"/>
  <c r="V80455" i="1"/>
  <c r="V80456" i="1"/>
  <c r="V80457" i="1"/>
  <c r="V80458" i="1"/>
  <c r="V80459" i="1"/>
  <c r="V80460" i="1"/>
  <c r="V80461" i="1"/>
  <c r="V80462" i="1"/>
  <c r="V80463" i="1"/>
  <c r="V80464" i="1"/>
  <c r="V80465" i="1"/>
  <c r="V80466" i="1"/>
  <c r="V80467" i="1"/>
  <c r="V80468" i="1"/>
  <c r="V80469" i="1"/>
  <c r="V80470" i="1"/>
  <c r="V80471" i="1"/>
  <c r="V80472" i="1"/>
  <c r="V80473" i="1"/>
  <c r="V80474" i="1"/>
  <c r="V80475" i="1"/>
  <c r="V80476" i="1"/>
  <c r="V80477" i="1"/>
  <c r="V80478" i="1"/>
  <c r="V80479" i="1"/>
  <c r="V80480" i="1"/>
  <c r="V80481" i="1"/>
  <c r="V80482" i="1"/>
  <c r="V80483" i="1"/>
  <c r="V80484" i="1"/>
  <c r="V80485" i="1"/>
  <c r="V80486" i="1"/>
  <c r="V80487" i="1"/>
  <c r="V80488" i="1"/>
  <c r="V80489" i="1"/>
  <c r="V80490" i="1"/>
  <c r="V80491" i="1"/>
  <c r="V80492" i="1"/>
  <c r="V80493" i="1"/>
  <c r="V80494" i="1"/>
  <c r="V80495" i="1"/>
  <c r="V80496" i="1"/>
  <c r="V80497" i="1"/>
  <c r="V80498" i="1"/>
  <c r="V80499" i="1"/>
  <c r="V80500" i="1"/>
  <c r="V80501" i="1"/>
  <c r="V80502" i="1"/>
  <c r="V80503" i="1"/>
  <c r="V80504" i="1"/>
  <c r="V80505" i="1"/>
  <c r="V80506" i="1"/>
  <c r="V80507" i="1"/>
  <c r="V80508" i="1"/>
  <c r="V80509" i="1"/>
  <c r="V80510" i="1"/>
  <c r="V80511" i="1"/>
  <c r="V80512" i="1"/>
  <c r="V80513" i="1"/>
  <c r="V80514" i="1"/>
  <c r="V80515" i="1"/>
  <c r="V80516" i="1"/>
  <c r="V80517" i="1"/>
  <c r="V80518" i="1"/>
  <c r="V80519" i="1"/>
  <c r="V80520" i="1"/>
  <c r="V80521" i="1"/>
  <c r="V80522" i="1"/>
  <c r="V80523" i="1"/>
  <c r="V80524" i="1"/>
  <c r="V80525" i="1"/>
  <c r="V80526" i="1"/>
  <c r="V80527" i="1"/>
  <c r="V80528" i="1"/>
  <c r="V80529" i="1"/>
  <c r="V80530" i="1"/>
  <c r="V80531" i="1"/>
  <c r="V80532" i="1"/>
  <c r="V80533" i="1"/>
  <c r="V80534" i="1"/>
  <c r="V80535" i="1"/>
  <c r="V80536" i="1"/>
  <c r="V80537" i="1"/>
  <c r="V80538" i="1"/>
  <c r="V80539" i="1"/>
  <c r="V80540" i="1"/>
  <c r="V80541" i="1"/>
  <c r="V80542" i="1"/>
  <c r="V80543" i="1"/>
  <c r="V80544" i="1"/>
  <c r="V80545" i="1"/>
  <c r="V80546" i="1"/>
  <c r="V80547" i="1"/>
  <c r="V80548" i="1"/>
  <c r="V80549" i="1"/>
  <c r="V80550" i="1"/>
  <c r="V80551" i="1"/>
  <c r="V80552" i="1"/>
  <c r="V80553" i="1"/>
  <c r="V80554" i="1"/>
  <c r="V80555" i="1"/>
  <c r="V80556" i="1"/>
  <c r="V80557" i="1"/>
  <c r="V80558" i="1"/>
  <c r="V80559" i="1"/>
  <c r="V80560" i="1"/>
  <c r="V80561" i="1"/>
  <c r="V80562" i="1"/>
  <c r="V80563" i="1"/>
  <c r="V80564" i="1"/>
  <c r="V80565" i="1"/>
  <c r="V80566" i="1"/>
  <c r="V80567" i="1"/>
  <c r="V80568" i="1"/>
  <c r="V80569" i="1"/>
  <c r="V80570" i="1"/>
  <c r="V80571" i="1"/>
  <c r="V80572" i="1"/>
  <c r="V80573" i="1"/>
  <c r="V80574" i="1"/>
  <c r="V80575" i="1"/>
  <c r="V80576" i="1"/>
  <c r="V80577" i="1"/>
  <c r="V80578" i="1"/>
  <c r="V80579" i="1"/>
  <c r="V80580" i="1"/>
  <c r="V80581" i="1"/>
  <c r="V80582" i="1"/>
  <c r="V80583" i="1"/>
  <c r="V80584" i="1"/>
  <c r="V80585" i="1"/>
  <c r="V80586" i="1"/>
  <c r="V80587" i="1"/>
  <c r="V80588" i="1"/>
  <c r="V80589" i="1"/>
  <c r="V80590" i="1"/>
  <c r="V80591" i="1"/>
  <c r="V80592" i="1"/>
  <c r="V80593" i="1"/>
  <c r="V80594" i="1"/>
  <c r="V80595" i="1"/>
  <c r="V80596" i="1"/>
  <c r="V80597" i="1"/>
  <c r="V80598" i="1"/>
  <c r="V80599" i="1"/>
  <c r="V80600" i="1"/>
  <c r="V80601" i="1"/>
  <c r="V80602" i="1"/>
  <c r="V80603" i="1"/>
  <c r="V80604" i="1"/>
  <c r="V80605" i="1"/>
  <c r="V80606" i="1"/>
  <c r="V80607" i="1"/>
  <c r="V80608" i="1"/>
  <c r="V80609" i="1"/>
  <c r="V80610" i="1"/>
  <c r="V80611" i="1"/>
  <c r="V80612" i="1"/>
  <c r="V80613" i="1"/>
  <c r="V80614" i="1"/>
  <c r="V80615" i="1"/>
  <c r="V80616" i="1"/>
  <c r="V80617" i="1"/>
  <c r="V80618" i="1"/>
  <c r="V80619" i="1"/>
  <c r="V80620" i="1"/>
  <c r="V80621" i="1"/>
  <c r="V80622" i="1"/>
  <c r="V80623" i="1"/>
  <c r="V80624" i="1"/>
  <c r="V80625" i="1"/>
  <c r="V80626" i="1"/>
  <c r="V80627" i="1"/>
  <c r="V80628" i="1"/>
  <c r="V80629" i="1"/>
  <c r="V80630" i="1"/>
  <c r="V80631" i="1"/>
  <c r="V80632" i="1"/>
  <c r="V80633" i="1"/>
  <c r="V80634" i="1"/>
  <c r="V80635" i="1"/>
  <c r="V80636" i="1"/>
  <c r="V80637" i="1"/>
  <c r="V80638" i="1"/>
  <c r="V80639" i="1"/>
  <c r="V80640" i="1"/>
  <c r="V80641" i="1"/>
  <c r="V80642" i="1"/>
  <c r="V80643" i="1"/>
  <c r="V80644" i="1"/>
  <c r="V80645" i="1"/>
  <c r="V80646" i="1"/>
  <c r="V80647" i="1"/>
  <c r="V80648" i="1"/>
  <c r="V80649" i="1"/>
  <c r="V80650" i="1"/>
  <c r="V80651" i="1"/>
  <c r="V80652" i="1"/>
  <c r="V80653" i="1"/>
  <c r="V80654" i="1"/>
  <c r="V80655" i="1"/>
  <c r="V80656" i="1"/>
  <c r="V80657" i="1"/>
  <c r="V80658" i="1"/>
  <c r="V80659" i="1"/>
  <c r="V80660" i="1"/>
  <c r="V80661" i="1"/>
  <c r="V80662" i="1"/>
  <c r="V80663" i="1"/>
  <c r="V80664" i="1"/>
  <c r="V80665" i="1"/>
  <c r="V80666" i="1"/>
  <c r="V80667" i="1"/>
  <c r="V80668" i="1"/>
  <c r="V80669" i="1"/>
  <c r="V80670" i="1"/>
  <c r="V80671" i="1"/>
  <c r="V80672" i="1"/>
  <c r="V80673" i="1"/>
  <c r="V80674" i="1"/>
  <c r="V80675" i="1"/>
  <c r="V80676" i="1"/>
  <c r="V80677" i="1"/>
  <c r="V80678" i="1"/>
  <c r="V80679" i="1"/>
  <c r="V80680" i="1"/>
  <c r="V80681" i="1"/>
  <c r="V80682" i="1"/>
  <c r="V80683" i="1"/>
  <c r="V80684" i="1"/>
  <c r="V80685" i="1"/>
  <c r="V80686" i="1"/>
  <c r="V80687" i="1"/>
  <c r="V80688" i="1"/>
  <c r="V80689" i="1"/>
  <c r="V80690" i="1"/>
  <c r="V80691" i="1"/>
  <c r="V80692" i="1"/>
  <c r="V80693" i="1"/>
  <c r="V80694" i="1"/>
  <c r="V80695" i="1"/>
  <c r="V80696" i="1"/>
  <c r="V80697" i="1"/>
  <c r="V80698" i="1"/>
  <c r="V80699" i="1"/>
  <c r="V80700" i="1"/>
  <c r="V80701" i="1"/>
  <c r="V80702" i="1"/>
  <c r="V80703" i="1"/>
  <c r="V80704" i="1"/>
  <c r="V80705" i="1"/>
  <c r="V80706" i="1"/>
  <c r="V80707" i="1"/>
  <c r="V80708" i="1"/>
  <c r="V80709" i="1"/>
  <c r="V80710" i="1"/>
  <c r="V80711" i="1"/>
  <c r="V80712" i="1"/>
  <c r="V80713" i="1"/>
  <c r="V80714" i="1"/>
  <c r="V80715" i="1"/>
  <c r="V80716" i="1"/>
  <c r="V80717" i="1"/>
  <c r="V80718" i="1"/>
  <c r="V80719" i="1"/>
  <c r="V80720" i="1"/>
  <c r="V80721" i="1"/>
  <c r="V80722" i="1"/>
  <c r="V80723" i="1"/>
  <c r="V80724" i="1"/>
  <c r="V80725" i="1"/>
  <c r="V80726" i="1"/>
  <c r="V80727" i="1"/>
  <c r="V80728" i="1"/>
  <c r="V80729" i="1"/>
  <c r="V80730" i="1"/>
  <c r="V80731" i="1"/>
  <c r="V80732" i="1"/>
  <c r="V80733" i="1"/>
  <c r="V80734" i="1"/>
  <c r="V80735" i="1"/>
  <c r="V80736" i="1"/>
  <c r="V80737" i="1"/>
  <c r="V80738" i="1"/>
  <c r="V80739" i="1"/>
  <c r="V80740" i="1"/>
  <c r="V80741" i="1"/>
  <c r="V80742" i="1"/>
  <c r="V80743" i="1"/>
  <c r="V80744" i="1"/>
  <c r="V80745" i="1"/>
  <c r="V80746" i="1"/>
  <c r="V80747" i="1"/>
  <c r="V80748" i="1"/>
  <c r="V80749" i="1"/>
  <c r="V80750" i="1"/>
  <c r="V80751" i="1"/>
  <c r="V80752" i="1"/>
  <c r="V80753" i="1"/>
  <c r="V80754" i="1"/>
  <c r="V80755" i="1"/>
  <c r="V80756" i="1"/>
  <c r="V80757" i="1"/>
  <c r="V80758" i="1"/>
  <c r="V80759" i="1"/>
  <c r="V80760" i="1"/>
  <c r="V80761" i="1"/>
  <c r="V80762" i="1"/>
  <c r="V80763" i="1"/>
  <c r="V80764" i="1"/>
  <c r="V80765" i="1"/>
  <c r="V80766" i="1"/>
  <c r="V80767" i="1"/>
  <c r="V80768" i="1"/>
  <c r="V80769" i="1"/>
  <c r="V80770" i="1"/>
  <c r="V80771" i="1"/>
  <c r="V80772" i="1"/>
  <c r="V80773" i="1"/>
  <c r="V80774" i="1"/>
  <c r="V80775" i="1"/>
  <c r="V80776" i="1"/>
  <c r="V80777" i="1"/>
  <c r="V80778" i="1"/>
  <c r="V80779" i="1"/>
  <c r="V80780" i="1"/>
  <c r="V80781" i="1"/>
  <c r="V80782" i="1"/>
  <c r="V80783" i="1"/>
  <c r="V80784" i="1"/>
  <c r="V80785" i="1"/>
  <c r="V80786" i="1"/>
  <c r="V80787" i="1"/>
  <c r="V80788" i="1"/>
  <c r="V80789" i="1"/>
  <c r="V80790" i="1"/>
  <c r="V80791" i="1"/>
  <c r="V80792" i="1"/>
  <c r="V80793" i="1"/>
  <c r="V80794" i="1"/>
  <c r="V80795" i="1"/>
  <c r="V80796" i="1"/>
  <c r="V80797" i="1"/>
  <c r="V80798" i="1"/>
  <c r="V80799" i="1"/>
  <c r="V80800" i="1"/>
  <c r="V80801" i="1"/>
  <c r="V80802" i="1"/>
  <c r="V80803" i="1"/>
  <c r="V80804" i="1"/>
  <c r="V80805" i="1"/>
  <c r="V80806" i="1"/>
  <c r="V80807" i="1"/>
  <c r="V80808" i="1"/>
  <c r="V80809" i="1"/>
  <c r="V80810" i="1"/>
  <c r="V80811" i="1"/>
  <c r="V80812" i="1"/>
  <c r="V80813" i="1"/>
  <c r="V80814" i="1"/>
  <c r="V80815" i="1"/>
  <c r="V80816" i="1"/>
  <c r="V80817" i="1"/>
  <c r="V80818" i="1"/>
  <c r="V80819" i="1"/>
  <c r="V80820" i="1"/>
  <c r="V80821" i="1"/>
  <c r="V80822" i="1"/>
  <c r="V80823" i="1"/>
  <c r="V80824" i="1"/>
  <c r="V80825" i="1"/>
  <c r="V80826" i="1"/>
  <c r="V80827" i="1"/>
  <c r="V80828" i="1"/>
  <c r="V80829" i="1"/>
  <c r="V80830" i="1"/>
  <c r="V80831" i="1"/>
  <c r="V80832" i="1"/>
  <c r="V80833" i="1"/>
  <c r="V80834" i="1"/>
  <c r="V80835" i="1"/>
  <c r="V80836" i="1"/>
  <c r="V80837" i="1"/>
  <c r="V80838" i="1"/>
  <c r="V80839" i="1"/>
  <c r="V80840" i="1"/>
  <c r="V80841" i="1"/>
  <c r="V80842" i="1"/>
  <c r="V80843" i="1"/>
  <c r="V80844" i="1"/>
  <c r="V80845" i="1"/>
  <c r="V80846" i="1"/>
  <c r="V80847" i="1"/>
  <c r="V80848" i="1"/>
  <c r="V80849" i="1"/>
  <c r="V80850" i="1"/>
  <c r="V80851" i="1"/>
  <c r="V80852" i="1"/>
  <c r="V80853" i="1"/>
  <c r="V80854" i="1"/>
  <c r="V80855" i="1"/>
  <c r="V80856" i="1"/>
  <c r="V80857" i="1"/>
  <c r="V80858" i="1"/>
  <c r="V80859" i="1"/>
  <c r="V80860" i="1"/>
  <c r="V80861" i="1"/>
  <c r="V80862" i="1"/>
  <c r="V80863" i="1"/>
  <c r="V80864" i="1"/>
  <c r="V80865" i="1"/>
  <c r="V80866" i="1"/>
  <c r="V80867" i="1"/>
  <c r="V80868" i="1"/>
  <c r="V80869" i="1"/>
  <c r="V80870" i="1"/>
  <c r="V80871" i="1"/>
  <c r="V80872" i="1"/>
  <c r="V80873" i="1"/>
  <c r="V80874" i="1"/>
  <c r="V80875" i="1"/>
  <c r="V80876" i="1"/>
  <c r="V80877" i="1"/>
  <c r="V80878" i="1"/>
  <c r="V80879" i="1"/>
  <c r="V80880" i="1"/>
  <c r="V80881" i="1"/>
  <c r="V80882" i="1"/>
  <c r="V80883" i="1"/>
  <c r="V80884" i="1"/>
  <c r="V80885" i="1"/>
  <c r="V80886" i="1"/>
  <c r="V80887" i="1"/>
  <c r="V80888" i="1"/>
  <c r="V80889" i="1"/>
  <c r="V80890" i="1"/>
  <c r="V80891" i="1"/>
  <c r="V80892" i="1"/>
  <c r="V80893" i="1"/>
  <c r="V80894" i="1"/>
  <c r="V80895" i="1"/>
  <c r="V80896" i="1"/>
  <c r="V80897" i="1"/>
  <c r="V80898" i="1"/>
  <c r="V80899" i="1"/>
  <c r="V80900" i="1"/>
  <c r="V80901" i="1"/>
  <c r="V80902" i="1"/>
  <c r="V80903" i="1"/>
  <c r="V80904" i="1"/>
  <c r="V80905" i="1"/>
  <c r="V80906" i="1"/>
  <c r="V80907" i="1"/>
  <c r="V80908" i="1"/>
  <c r="V80909" i="1"/>
  <c r="V80910" i="1"/>
  <c r="V80911" i="1"/>
  <c r="V80912" i="1"/>
  <c r="V80913" i="1"/>
  <c r="V80914" i="1"/>
  <c r="V80915" i="1"/>
  <c r="V80916" i="1"/>
  <c r="V80917" i="1"/>
  <c r="V80918" i="1"/>
  <c r="V80919" i="1"/>
  <c r="V80920" i="1"/>
  <c r="V80921" i="1"/>
  <c r="V80922" i="1"/>
  <c r="V80923" i="1"/>
  <c r="V80924" i="1"/>
  <c r="V80925" i="1"/>
  <c r="V80926" i="1"/>
  <c r="V80927" i="1"/>
  <c r="V80928" i="1"/>
  <c r="V80929" i="1"/>
  <c r="V80930" i="1"/>
  <c r="V80931" i="1"/>
  <c r="V80932" i="1"/>
  <c r="V80933" i="1"/>
  <c r="V80934" i="1"/>
  <c r="V80935" i="1"/>
  <c r="V80936" i="1"/>
  <c r="V80937" i="1"/>
  <c r="V80938" i="1"/>
  <c r="V80939" i="1"/>
  <c r="V80940" i="1"/>
  <c r="V80941" i="1"/>
  <c r="V80942" i="1"/>
  <c r="V80943" i="1"/>
  <c r="V80944" i="1"/>
  <c r="V80945" i="1"/>
  <c r="V80946" i="1"/>
  <c r="V80947" i="1"/>
  <c r="V80948" i="1"/>
  <c r="V80949" i="1"/>
  <c r="V80950" i="1"/>
  <c r="V80951" i="1"/>
  <c r="V80952" i="1"/>
  <c r="V80953" i="1"/>
  <c r="V80954" i="1"/>
  <c r="V80955" i="1"/>
  <c r="V80956" i="1"/>
  <c r="V80957" i="1"/>
  <c r="V80958" i="1"/>
  <c r="V80959" i="1"/>
  <c r="V80960" i="1"/>
  <c r="V80961" i="1"/>
  <c r="V80962" i="1"/>
  <c r="V80963" i="1"/>
  <c r="V80964" i="1"/>
  <c r="V80965" i="1"/>
  <c r="V80966" i="1"/>
  <c r="V80967" i="1"/>
  <c r="V80968" i="1"/>
  <c r="V80969" i="1"/>
  <c r="V80970" i="1"/>
  <c r="V80971" i="1"/>
  <c r="V80972" i="1"/>
  <c r="V80973" i="1"/>
  <c r="V80974" i="1"/>
  <c r="V80975" i="1"/>
  <c r="V80976" i="1"/>
  <c r="V80977" i="1"/>
  <c r="V80978" i="1"/>
  <c r="V80979" i="1"/>
  <c r="V80980" i="1"/>
  <c r="V80981" i="1"/>
  <c r="V80982" i="1"/>
  <c r="V80983" i="1"/>
  <c r="V80984" i="1"/>
  <c r="V80985" i="1"/>
  <c r="V80986" i="1"/>
  <c r="V80987" i="1"/>
  <c r="V80988" i="1"/>
  <c r="V80989" i="1"/>
  <c r="V80990" i="1"/>
  <c r="V80991" i="1"/>
  <c r="V80992" i="1"/>
  <c r="V80993" i="1"/>
  <c r="V80994" i="1"/>
  <c r="V80995" i="1"/>
  <c r="V80996" i="1"/>
  <c r="V80997" i="1"/>
  <c r="V80998" i="1"/>
  <c r="V80999" i="1"/>
  <c r="V81000" i="1"/>
  <c r="V81001" i="1"/>
  <c r="V81002" i="1"/>
  <c r="V81003" i="1"/>
  <c r="V81004" i="1"/>
  <c r="V81005" i="1"/>
  <c r="V81006" i="1"/>
  <c r="V81007" i="1"/>
  <c r="V81008" i="1"/>
  <c r="V81009" i="1"/>
  <c r="V81010" i="1"/>
  <c r="V81011" i="1"/>
  <c r="V81012" i="1"/>
  <c r="V81013" i="1"/>
  <c r="V81014" i="1"/>
  <c r="V81015" i="1"/>
  <c r="V81016" i="1"/>
  <c r="V81017" i="1"/>
  <c r="V81018" i="1"/>
  <c r="V81019" i="1"/>
  <c r="V81020" i="1"/>
  <c r="V81021" i="1"/>
  <c r="V81022" i="1"/>
  <c r="V81023" i="1"/>
  <c r="V81024" i="1"/>
  <c r="V81025" i="1"/>
  <c r="V81026" i="1"/>
  <c r="V81027" i="1"/>
  <c r="V81028" i="1"/>
  <c r="V81029" i="1"/>
  <c r="V81030" i="1"/>
  <c r="V81031" i="1"/>
  <c r="V81032" i="1"/>
  <c r="V81033" i="1"/>
  <c r="V81034" i="1"/>
  <c r="V81035" i="1"/>
  <c r="V81036" i="1"/>
  <c r="V81037" i="1"/>
  <c r="V81038" i="1"/>
  <c r="V81039" i="1"/>
  <c r="V81040" i="1"/>
  <c r="V81041" i="1"/>
  <c r="V81042" i="1"/>
  <c r="V81043" i="1"/>
  <c r="V81044" i="1"/>
  <c r="V81045" i="1"/>
  <c r="V81046" i="1"/>
  <c r="V81047" i="1"/>
  <c r="V81048" i="1"/>
  <c r="V81049" i="1"/>
  <c r="V81050" i="1"/>
  <c r="V81051" i="1"/>
  <c r="V81052" i="1"/>
  <c r="V81053" i="1"/>
  <c r="V81054" i="1"/>
  <c r="V81055" i="1"/>
  <c r="V81056" i="1"/>
  <c r="V81057" i="1"/>
  <c r="V81058" i="1"/>
  <c r="V81059" i="1"/>
  <c r="V81060" i="1"/>
  <c r="V81061" i="1"/>
  <c r="V81062" i="1"/>
  <c r="V81063" i="1"/>
  <c r="V81064" i="1"/>
  <c r="V81065" i="1"/>
  <c r="V81066" i="1"/>
  <c r="V81067" i="1"/>
  <c r="V81068" i="1"/>
  <c r="V81069" i="1"/>
  <c r="V81070" i="1"/>
  <c r="V81071" i="1"/>
  <c r="V81072" i="1"/>
  <c r="V81073" i="1"/>
  <c r="V81074" i="1"/>
  <c r="V81075" i="1"/>
  <c r="V81076" i="1"/>
  <c r="V81077" i="1"/>
  <c r="V81078" i="1"/>
  <c r="V81079" i="1"/>
  <c r="V81080" i="1"/>
  <c r="V81081" i="1"/>
  <c r="V81082" i="1"/>
  <c r="V81083" i="1"/>
  <c r="V81084" i="1"/>
  <c r="V81085" i="1"/>
  <c r="V81086" i="1"/>
  <c r="V81087" i="1"/>
  <c r="V81088" i="1"/>
  <c r="V81089" i="1"/>
  <c r="V81090" i="1"/>
  <c r="V81091" i="1"/>
  <c r="V81092" i="1"/>
  <c r="V81093" i="1"/>
  <c r="V81094" i="1"/>
  <c r="V81095" i="1"/>
  <c r="V81096" i="1"/>
  <c r="V81097" i="1"/>
  <c r="V81098" i="1"/>
  <c r="V81099" i="1"/>
  <c r="V81100" i="1"/>
  <c r="V81101" i="1"/>
  <c r="V81102" i="1"/>
  <c r="V81103" i="1"/>
  <c r="V81104" i="1"/>
  <c r="V81105" i="1"/>
  <c r="V81106" i="1"/>
  <c r="V81107" i="1"/>
  <c r="V81108" i="1"/>
  <c r="V81109" i="1"/>
  <c r="V81110" i="1"/>
  <c r="V81111" i="1"/>
  <c r="V81112" i="1"/>
  <c r="V81113" i="1"/>
  <c r="V81114" i="1"/>
  <c r="V81115" i="1"/>
  <c r="V81116" i="1"/>
  <c r="V81117" i="1"/>
  <c r="V81118" i="1"/>
  <c r="V81119" i="1"/>
  <c r="V81120" i="1"/>
  <c r="V81121" i="1"/>
  <c r="V81122" i="1"/>
  <c r="V81123" i="1"/>
  <c r="V81124" i="1"/>
  <c r="V81125" i="1"/>
  <c r="V81126" i="1"/>
  <c r="V81127" i="1"/>
  <c r="V81128" i="1"/>
  <c r="V81129" i="1"/>
  <c r="V81130" i="1"/>
  <c r="V81131" i="1"/>
  <c r="V81132" i="1"/>
  <c r="V81133" i="1"/>
  <c r="V81134" i="1"/>
  <c r="V81135" i="1"/>
  <c r="V81136" i="1"/>
  <c r="V81137" i="1"/>
  <c r="V81138" i="1"/>
  <c r="V81139" i="1"/>
  <c r="V81140" i="1"/>
  <c r="V81141" i="1"/>
  <c r="V81142" i="1"/>
  <c r="V81143" i="1"/>
  <c r="V81144" i="1"/>
  <c r="V81145" i="1"/>
  <c r="V81146" i="1"/>
  <c r="V81147" i="1"/>
  <c r="V81148" i="1"/>
  <c r="V81149" i="1"/>
  <c r="V81150" i="1"/>
  <c r="V81151" i="1"/>
  <c r="V81152" i="1"/>
  <c r="V81153" i="1"/>
  <c r="V81154" i="1"/>
  <c r="V81155" i="1"/>
  <c r="V81156" i="1"/>
  <c r="V81157" i="1"/>
  <c r="V81158" i="1"/>
  <c r="V81159" i="1"/>
  <c r="V81160" i="1"/>
  <c r="V81161" i="1"/>
  <c r="V81162" i="1"/>
  <c r="V81163" i="1"/>
  <c r="V81164" i="1"/>
  <c r="V81165" i="1"/>
  <c r="V81166" i="1"/>
  <c r="V81167" i="1"/>
  <c r="V81168" i="1"/>
  <c r="V81169" i="1"/>
  <c r="V81170" i="1"/>
  <c r="V81171" i="1"/>
  <c r="V81172" i="1"/>
  <c r="V81173" i="1"/>
  <c r="V81174" i="1"/>
  <c r="V81175" i="1"/>
  <c r="V81176" i="1"/>
  <c r="V81177" i="1"/>
  <c r="V81178" i="1"/>
  <c r="V81179" i="1"/>
  <c r="V81180" i="1"/>
  <c r="V81181" i="1"/>
  <c r="V81182" i="1"/>
  <c r="V81183" i="1"/>
  <c r="V81184" i="1"/>
  <c r="V81185" i="1"/>
  <c r="V81186" i="1"/>
  <c r="V81187" i="1"/>
  <c r="V81188" i="1"/>
  <c r="V81189" i="1"/>
  <c r="V81190" i="1"/>
  <c r="V81191" i="1"/>
  <c r="V81192" i="1"/>
  <c r="V81193" i="1"/>
  <c r="V81194" i="1"/>
  <c r="V81195" i="1"/>
  <c r="V81196" i="1"/>
  <c r="V81197" i="1"/>
  <c r="V81198" i="1"/>
  <c r="V81199" i="1"/>
  <c r="V81200" i="1"/>
  <c r="V81201" i="1"/>
  <c r="V81202" i="1"/>
  <c r="V81203" i="1"/>
  <c r="V81204" i="1"/>
  <c r="V81205" i="1"/>
  <c r="V81206" i="1"/>
  <c r="V81207" i="1"/>
  <c r="V81208" i="1"/>
  <c r="V81209" i="1"/>
  <c r="V81210" i="1"/>
  <c r="V81211" i="1"/>
  <c r="V81212" i="1"/>
  <c r="V81213" i="1"/>
  <c r="V81214" i="1"/>
  <c r="V81215" i="1"/>
  <c r="V81216" i="1"/>
  <c r="V81217" i="1"/>
  <c r="V81218" i="1"/>
  <c r="V81219" i="1"/>
  <c r="V81220" i="1"/>
  <c r="V81221" i="1"/>
  <c r="V81222" i="1"/>
  <c r="V81223" i="1"/>
  <c r="V81224" i="1"/>
  <c r="V81225" i="1"/>
  <c r="V81226" i="1"/>
  <c r="V81227" i="1"/>
  <c r="V81228" i="1"/>
  <c r="V81229" i="1"/>
  <c r="V81230" i="1"/>
  <c r="V81231" i="1"/>
  <c r="V81232" i="1"/>
  <c r="V81233" i="1"/>
  <c r="V81234" i="1"/>
  <c r="V81235" i="1"/>
  <c r="V81236" i="1"/>
  <c r="V81237" i="1"/>
  <c r="V81238" i="1"/>
  <c r="V81239" i="1"/>
  <c r="V81240" i="1"/>
  <c r="V81241" i="1"/>
  <c r="V81242" i="1"/>
  <c r="V81243" i="1"/>
  <c r="V81244" i="1"/>
  <c r="V81245" i="1"/>
  <c r="V81246" i="1"/>
  <c r="V81247" i="1"/>
  <c r="V81248" i="1"/>
  <c r="V81249" i="1"/>
  <c r="V81250" i="1"/>
  <c r="V81251" i="1"/>
  <c r="V81252" i="1"/>
  <c r="V81253" i="1"/>
  <c r="V81254" i="1"/>
  <c r="V81255" i="1"/>
  <c r="V81256" i="1"/>
  <c r="V81257" i="1"/>
  <c r="V81258" i="1"/>
  <c r="V81259" i="1"/>
  <c r="V81260" i="1"/>
  <c r="V81261" i="1"/>
  <c r="V81262" i="1"/>
  <c r="V81263" i="1"/>
  <c r="V81264" i="1"/>
  <c r="V81265" i="1"/>
  <c r="V81266" i="1"/>
  <c r="V81267" i="1"/>
  <c r="V81268" i="1"/>
  <c r="V81269" i="1"/>
  <c r="V81270" i="1"/>
  <c r="V81271" i="1"/>
  <c r="V81272" i="1"/>
  <c r="V81273" i="1"/>
  <c r="V81274" i="1"/>
  <c r="V81275" i="1"/>
  <c r="V81276" i="1"/>
  <c r="V81277" i="1"/>
  <c r="V81278" i="1"/>
  <c r="V81279" i="1"/>
  <c r="V81280" i="1"/>
  <c r="V81281" i="1"/>
  <c r="V81282" i="1"/>
  <c r="V81283" i="1"/>
  <c r="V81284" i="1"/>
  <c r="V81285" i="1"/>
  <c r="V81286" i="1"/>
  <c r="V81287" i="1"/>
  <c r="V81288" i="1"/>
  <c r="V81289" i="1"/>
  <c r="V81290" i="1"/>
  <c r="V81291" i="1"/>
  <c r="V81292" i="1"/>
  <c r="V81293" i="1"/>
  <c r="V81294" i="1"/>
  <c r="V81295" i="1"/>
  <c r="V81296" i="1"/>
  <c r="V81297" i="1"/>
  <c r="V81298" i="1"/>
  <c r="V81299" i="1"/>
  <c r="V81300" i="1"/>
  <c r="V81301" i="1"/>
  <c r="V81302" i="1"/>
  <c r="V81303" i="1"/>
  <c r="V81304" i="1"/>
  <c r="V81305" i="1"/>
  <c r="V81306" i="1"/>
  <c r="V81307" i="1"/>
  <c r="V81308" i="1"/>
  <c r="V81309" i="1"/>
  <c r="V81310" i="1"/>
  <c r="V81311" i="1"/>
  <c r="V81312" i="1"/>
  <c r="V81313" i="1"/>
  <c r="V81314" i="1"/>
  <c r="V81315" i="1"/>
  <c r="V81316" i="1"/>
  <c r="V81317" i="1"/>
  <c r="V81318" i="1"/>
  <c r="V81319" i="1"/>
  <c r="V81320" i="1"/>
  <c r="V81321" i="1"/>
  <c r="V81322" i="1"/>
  <c r="V81323" i="1"/>
  <c r="V81324" i="1"/>
  <c r="V81325" i="1"/>
  <c r="V81326" i="1"/>
  <c r="V81327" i="1"/>
  <c r="V81328" i="1"/>
  <c r="V81329" i="1"/>
  <c r="V81330" i="1"/>
  <c r="V81331" i="1"/>
  <c r="V81332" i="1"/>
  <c r="V81333" i="1"/>
  <c r="V81334" i="1"/>
  <c r="V81335" i="1"/>
  <c r="V81336" i="1"/>
  <c r="V81337" i="1"/>
  <c r="V81338" i="1"/>
  <c r="V81339" i="1"/>
  <c r="V81340" i="1"/>
  <c r="V81341" i="1"/>
  <c r="V81342" i="1"/>
  <c r="V81343" i="1"/>
  <c r="V81344" i="1"/>
  <c r="V81345" i="1"/>
  <c r="V81346" i="1"/>
  <c r="V81347" i="1"/>
  <c r="V81348" i="1"/>
  <c r="V81349" i="1"/>
  <c r="V81350" i="1"/>
  <c r="V81351" i="1"/>
  <c r="V81352" i="1"/>
  <c r="V81353" i="1"/>
  <c r="V81354" i="1"/>
  <c r="V81355" i="1"/>
  <c r="V81356" i="1"/>
  <c r="V81357" i="1"/>
  <c r="V81358" i="1"/>
  <c r="V81359" i="1"/>
  <c r="V81360" i="1"/>
  <c r="V81361" i="1"/>
  <c r="V81362" i="1"/>
  <c r="V81363" i="1"/>
  <c r="V81364" i="1"/>
  <c r="V81365" i="1"/>
  <c r="V81366" i="1"/>
  <c r="V81367" i="1"/>
  <c r="V81368" i="1"/>
  <c r="V81369" i="1"/>
  <c r="V81370" i="1"/>
  <c r="V81371" i="1"/>
  <c r="V81372" i="1"/>
  <c r="V81373" i="1"/>
  <c r="V81374" i="1"/>
  <c r="V81375" i="1"/>
  <c r="V81376" i="1"/>
  <c r="V81377" i="1"/>
  <c r="V81378" i="1"/>
  <c r="V81379" i="1"/>
  <c r="V81380" i="1"/>
  <c r="V81381" i="1"/>
  <c r="V81382" i="1"/>
  <c r="V81383" i="1"/>
  <c r="V81384" i="1"/>
  <c r="V81385" i="1"/>
  <c r="V81386" i="1"/>
  <c r="V81387" i="1"/>
  <c r="V81388" i="1"/>
  <c r="V81389" i="1"/>
  <c r="V81390" i="1"/>
  <c r="V81391" i="1"/>
  <c r="V81392" i="1"/>
  <c r="V81393" i="1"/>
  <c r="V81394" i="1"/>
  <c r="V81395" i="1"/>
  <c r="V81396" i="1"/>
  <c r="V81397" i="1"/>
  <c r="V81398" i="1"/>
  <c r="V81399" i="1"/>
  <c r="V81400" i="1"/>
  <c r="V81401" i="1"/>
  <c r="V81402" i="1"/>
  <c r="V81403" i="1"/>
  <c r="V81404" i="1"/>
  <c r="V81405" i="1"/>
  <c r="V81406" i="1"/>
  <c r="V81407" i="1"/>
  <c r="V81408" i="1"/>
  <c r="V81409" i="1"/>
  <c r="V81410" i="1"/>
  <c r="V81411" i="1"/>
  <c r="V81412" i="1"/>
  <c r="V81413" i="1"/>
  <c r="V81414" i="1"/>
  <c r="V81415" i="1"/>
  <c r="V81416" i="1"/>
  <c r="V81417" i="1"/>
  <c r="V81418" i="1"/>
  <c r="V81419" i="1"/>
  <c r="V81420" i="1"/>
  <c r="V81421" i="1"/>
  <c r="V81422" i="1"/>
  <c r="V81423" i="1"/>
  <c r="V81424" i="1"/>
  <c r="V81425" i="1"/>
  <c r="V81426" i="1"/>
  <c r="V81427" i="1"/>
  <c r="V81428" i="1"/>
  <c r="V81429" i="1"/>
  <c r="V81430" i="1"/>
  <c r="V81431" i="1"/>
  <c r="V81432" i="1"/>
  <c r="V81433" i="1"/>
  <c r="V81434" i="1"/>
  <c r="V81435" i="1"/>
  <c r="V81436" i="1"/>
  <c r="V81437" i="1"/>
  <c r="V81438" i="1"/>
  <c r="V81439" i="1"/>
  <c r="V81440" i="1"/>
  <c r="V81441" i="1"/>
  <c r="V81442" i="1"/>
  <c r="V81443" i="1"/>
  <c r="V81444" i="1"/>
  <c r="V81445" i="1"/>
  <c r="V81446" i="1"/>
  <c r="V81447" i="1"/>
  <c r="V81448" i="1"/>
  <c r="V81449" i="1"/>
  <c r="V81450" i="1"/>
  <c r="V81451" i="1"/>
  <c r="V81452" i="1"/>
  <c r="V81453" i="1"/>
  <c r="V81454" i="1"/>
  <c r="V81455" i="1"/>
  <c r="V81456" i="1"/>
  <c r="V81457" i="1"/>
  <c r="V81458" i="1"/>
  <c r="V81459" i="1"/>
  <c r="V81460" i="1"/>
  <c r="V81461" i="1"/>
  <c r="V81462" i="1"/>
  <c r="V81463" i="1"/>
  <c r="V81464" i="1"/>
  <c r="V81465" i="1"/>
  <c r="V81466" i="1"/>
  <c r="V81467" i="1"/>
  <c r="V81468" i="1"/>
  <c r="V81469" i="1"/>
  <c r="V81470" i="1"/>
  <c r="V81471" i="1"/>
  <c r="V81472" i="1"/>
  <c r="V81473" i="1"/>
  <c r="V81474" i="1"/>
  <c r="V81475" i="1"/>
  <c r="V81476" i="1"/>
  <c r="V81477" i="1"/>
  <c r="V81478" i="1"/>
  <c r="V81479" i="1"/>
  <c r="V81480" i="1"/>
  <c r="V81481" i="1"/>
  <c r="V81482" i="1"/>
  <c r="V81483" i="1"/>
  <c r="V81484" i="1"/>
  <c r="V81485" i="1"/>
  <c r="V81486" i="1"/>
  <c r="V81487" i="1"/>
  <c r="V81488" i="1"/>
  <c r="V81489" i="1"/>
  <c r="V81490" i="1"/>
  <c r="V81491" i="1"/>
  <c r="V81492" i="1"/>
  <c r="V81493" i="1"/>
  <c r="V81494" i="1"/>
  <c r="V81495" i="1"/>
  <c r="V81496" i="1"/>
  <c r="V81497" i="1"/>
  <c r="V81498" i="1"/>
  <c r="V81499" i="1"/>
  <c r="V81500" i="1"/>
  <c r="V81501" i="1"/>
  <c r="V81502" i="1"/>
  <c r="V81503" i="1"/>
  <c r="V81504" i="1"/>
  <c r="V81505" i="1"/>
  <c r="V81506" i="1"/>
  <c r="V81507" i="1"/>
  <c r="V81508" i="1"/>
  <c r="V81509" i="1"/>
  <c r="V81510" i="1"/>
  <c r="V81511" i="1"/>
  <c r="V81512" i="1"/>
  <c r="V81513" i="1"/>
  <c r="V81514" i="1"/>
  <c r="V81515" i="1"/>
  <c r="V81516" i="1"/>
  <c r="V81517" i="1"/>
  <c r="V81518" i="1"/>
  <c r="V81519" i="1"/>
  <c r="V81520" i="1"/>
  <c r="V81521" i="1"/>
  <c r="V81522" i="1"/>
  <c r="V81523" i="1"/>
  <c r="V81524" i="1"/>
  <c r="V81525" i="1"/>
  <c r="V81526" i="1"/>
  <c r="V81527" i="1"/>
  <c r="V81528" i="1"/>
  <c r="V81529" i="1"/>
  <c r="V81530" i="1"/>
  <c r="V81531" i="1"/>
  <c r="V81532" i="1"/>
  <c r="V81533" i="1"/>
  <c r="V81534" i="1"/>
  <c r="V81535" i="1"/>
  <c r="V81536" i="1"/>
  <c r="V81537" i="1"/>
  <c r="V81538" i="1"/>
  <c r="V81539" i="1"/>
  <c r="V81540" i="1"/>
  <c r="V81541" i="1"/>
  <c r="V81542" i="1"/>
  <c r="V81543" i="1"/>
  <c r="V81544" i="1"/>
  <c r="V81545" i="1"/>
  <c r="V81546" i="1"/>
  <c r="V81547" i="1"/>
  <c r="V81548" i="1"/>
  <c r="V81549" i="1"/>
  <c r="V81550" i="1"/>
  <c r="V81551" i="1"/>
  <c r="V81552" i="1"/>
  <c r="V81553" i="1"/>
  <c r="V81554" i="1"/>
  <c r="V81555" i="1"/>
  <c r="V81556" i="1"/>
  <c r="V81557" i="1"/>
  <c r="V81558" i="1"/>
  <c r="V81559" i="1"/>
  <c r="V81560" i="1"/>
  <c r="V81561" i="1"/>
  <c r="V81562" i="1"/>
  <c r="V81563" i="1"/>
  <c r="V81564" i="1"/>
  <c r="V81565" i="1"/>
  <c r="V81566" i="1"/>
  <c r="V81567" i="1"/>
  <c r="V81568" i="1"/>
  <c r="V81569" i="1"/>
  <c r="V81570" i="1"/>
  <c r="V81571" i="1"/>
  <c r="V81572" i="1"/>
  <c r="V81573" i="1"/>
  <c r="V81574" i="1"/>
  <c r="V81575" i="1"/>
  <c r="V81576" i="1"/>
  <c r="V81577" i="1"/>
  <c r="V81578" i="1"/>
  <c r="V81579" i="1"/>
  <c r="V81580" i="1"/>
  <c r="V81581" i="1"/>
  <c r="V81582" i="1"/>
  <c r="V81583" i="1"/>
  <c r="V81584" i="1"/>
  <c r="V81585" i="1"/>
  <c r="V81586" i="1"/>
  <c r="V81587" i="1"/>
  <c r="V81588" i="1"/>
  <c r="V81589" i="1"/>
  <c r="V81590" i="1"/>
  <c r="V81591" i="1"/>
  <c r="V81592" i="1"/>
  <c r="V81593" i="1"/>
  <c r="V81594" i="1"/>
  <c r="V81595" i="1"/>
  <c r="V81596" i="1"/>
  <c r="V81597" i="1"/>
  <c r="V81598" i="1"/>
  <c r="V81599" i="1"/>
  <c r="V81600" i="1"/>
  <c r="V81601" i="1"/>
  <c r="V81602" i="1"/>
  <c r="V81603" i="1"/>
  <c r="V81604" i="1"/>
  <c r="V81605" i="1"/>
  <c r="V81606" i="1"/>
  <c r="V81607" i="1"/>
  <c r="V81608" i="1"/>
  <c r="V81609" i="1"/>
  <c r="V81610" i="1"/>
  <c r="V81611" i="1"/>
  <c r="V81612" i="1"/>
  <c r="V81613" i="1"/>
  <c r="V81614" i="1"/>
  <c r="V81615" i="1"/>
  <c r="V81616" i="1"/>
  <c r="V81617" i="1"/>
  <c r="V81618" i="1"/>
  <c r="V81619" i="1"/>
  <c r="V81620" i="1"/>
  <c r="V81621" i="1"/>
  <c r="V81622" i="1"/>
  <c r="V81623" i="1"/>
  <c r="V81624" i="1"/>
  <c r="V81625" i="1"/>
  <c r="V81626" i="1"/>
  <c r="V81627" i="1"/>
  <c r="V81628" i="1"/>
  <c r="V81629" i="1"/>
  <c r="V81630" i="1"/>
  <c r="V81631" i="1"/>
  <c r="V81632" i="1"/>
  <c r="V81633" i="1"/>
  <c r="V81634" i="1"/>
  <c r="V81635" i="1"/>
  <c r="V81636" i="1"/>
  <c r="V81637" i="1"/>
  <c r="V81638" i="1"/>
  <c r="V81639" i="1"/>
  <c r="V81640" i="1"/>
  <c r="V81641" i="1"/>
  <c r="V81642" i="1"/>
  <c r="V81643" i="1"/>
  <c r="V81644" i="1"/>
  <c r="V81645" i="1"/>
  <c r="V81646" i="1"/>
  <c r="V81647" i="1"/>
  <c r="V81648" i="1"/>
  <c r="V81649" i="1"/>
  <c r="V81650" i="1"/>
  <c r="V81651" i="1"/>
  <c r="V81652" i="1"/>
  <c r="V81653" i="1"/>
  <c r="V81654" i="1"/>
  <c r="V81655" i="1"/>
  <c r="V81656" i="1"/>
  <c r="V81657" i="1"/>
  <c r="V81658" i="1"/>
  <c r="V81659" i="1"/>
  <c r="V81660" i="1"/>
  <c r="V81661" i="1"/>
  <c r="V81662" i="1"/>
  <c r="V81663" i="1"/>
  <c r="V81664" i="1"/>
  <c r="V81665" i="1"/>
  <c r="V81666" i="1"/>
  <c r="V81667" i="1"/>
  <c r="V81668" i="1"/>
  <c r="V81669" i="1"/>
  <c r="V81670" i="1"/>
  <c r="V81671" i="1"/>
  <c r="V81672" i="1"/>
  <c r="V81673" i="1"/>
  <c r="V81674" i="1"/>
  <c r="V81675" i="1"/>
  <c r="V81676" i="1"/>
  <c r="V81677" i="1"/>
  <c r="V81678" i="1"/>
  <c r="V81679" i="1"/>
  <c r="V81680" i="1"/>
  <c r="V81681" i="1"/>
  <c r="V81682" i="1"/>
  <c r="V81683" i="1"/>
  <c r="V81684" i="1"/>
  <c r="V81685" i="1"/>
  <c r="V81686" i="1"/>
  <c r="V81687" i="1"/>
  <c r="V81688" i="1"/>
  <c r="V81689" i="1"/>
  <c r="V81690" i="1"/>
  <c r="V81691" i="1"/>
  <c r="V81692" i="1"/>
  <c r="V81693" i="1"/>
  <c r="V81694" i="1"/>
  <c r="V81695" i="1"/>
  <c r="V81696" i="1"/>
  <c r="V81697" i="1"/>
  <c r="V81698" i="1"/>
  <c r="V81699" i="1"/>
  <c r="V81700" i="1"/>
  <c r="V81701" i="1"/>
  <c r="V81702" i="1"/>
  <c r="V81703" i="1"/>
  <c r="V81704" i="1"/>
  <c r="V81705" i="1"/>
  <c r="V81706" i="1"/>
  <c r="V81707" i="1"/>
  <c r="V81708" i="1"/>
  <c r="V81709" i="1"/>
  <c r="V81710" i="1"/>
  <c r="V81711" i="1"/>
  <c r="V81712" i="1"/>
  <c r="V81713" i="1"/>
  <c r="V81714" i="1"/>
  <c r="V81715" i="1"/>
  <c r="V81716" i="1"/>
  <c r="V81717" i="1"/>
  <c r="V81718" i="1"/>
  <c r="V81719" i="1"/>
  <c r="V81720" i="1"/>
  <c r="V81721" i="1"/>
  <c r="V81722" i="1"/>
  <c r="V81723" i="1"/>
  <c r="V81724" i="1"/>
  <c r="V81725" i="1"/>
  <c r="V81726" i="1"/>
  <c r="V81727" i="1"/>
  <c r="V81728" i="1"/>
  <c r="V81729" i="1"/>
  <c r="V81730" i="1"/>
  <c r="V81731" i="1"/>
  <c r="V81732" i="1"/>
  <c r="V81733" i="1"/>
  <c r="V81734" i="1"/>
  <c r="V81735" i="1"/>
  <c r="V81736" i="1"/>
  <c r="V81737" i="1"/>
  <c r="V81738" i="1"/>
  <c r="V81739" i="1"/>
  <c r="V81740" i="1"/>
  <c r="V81741" i="1"/>
  <c r="V81742" i="1"/>
  <c r="V81743" i="1"/>
  <c r="V81744" i="1"/>
  <c r="V81745" i="1"/>
  <c r="V81746" i="1"/>
  <c r="V81747" i="1"/>
  <c r="V81748" i="1"/>
  <c r="V81749" i="1"/>
  <c r="V81750" i="1"/>
  <c r="V81751" i="1"/>
  <c r="V81752" i="1"/>
  <c r="V81753" i="1"/>
  <c r="V81754" i="1"/>
  <c r="V81755" i="1"/>
  <c r="V81756" i="1"/>
  <c r="V81757" i="1"/>
  <c r="V81758" i="1"/>
  <c r="V81759" i="1"/>
  <c r="V81760" i="1"/>
  <c r="V81761" i="1"/>
  <c r="V81762" i="1"/>
  <c r="V81763" i="1"/>
  <c r="V81764" i="1"/>
  <c r="V81765" i="1"/>
  <c r="V81766" i="1"/>
  <c r="V81767" i="1"/>
  <c r="V81768" i="1"/>
  <c r="V81769" i="1"/>
  <c r="V81770" i="1"/>
  <c r="V81771" i="1"/>
  <c r="V81772" i="1"/>
  <c r="V81773" i="1"/>
  <c r="V81774" i="1"/>
  <c r="V81775" i="1"/>
  <c r="V81776" i="1"/>
  <c r="V81777" i="1"/>
  <c r="V81778" i="1"/>
  <c r="V81779" i="1"/>
  <c r="V81780" i="1"/>
  <c r="V81781" i="1"/>
  <c r="V81782" i="1"/>
  <c r="V81783" i="1"/>
  <c r="V81784" i="1"/>
  <c r="V81785" i="1"/>
  <c r="V81786" i="1"/>
  <c r="V81787" i="1"/>
  <c r="V81788" i="1"/>
  <c r="V81789" i="1"/>
  <c r="V81790" i="1"/>
  <c r="V81791" i="1"/>
  <c r="V81792" i="1"/>
  <c r="V81793" i="1"/>
  <c r="V81794" i="1"/>
  <c r="V81795" i="1"/>
  <c r="V81796" i="1"/>
  <c r="V81797" i="1"/>
  <c r="V81798" i="1"/>
  <c r="V81799" i="1"/>
  <c r="V81800" i="1"/>
  <c r="V81801" i="1"/>
  <c r="V81802" i="1"/>
  <c r="V81803" i="1"/>
  <c r="V81804" i="1"/>
  <c r="V81805" i="1"/>
  <c r="V81806" i="1"/>
  <c r="V81807" i="1"/>
  <c r="V81808" i="1"/>
  <c r="V81809" i="1"/>
  <c r="V81810" i="1"/>
  <c r="V81811" i="1"/>
  <c r="V81812" i="1"/>
  <c r="V81813" i="1"/>
  <c r="V81814" i="1"/>
  <c r="V81815" i="1"/>
  <c r="V81816" i="1"/>
  <c r="V81817" i="1"/>
  <c r="V81818" i="1"/>
  <c r="V81819" i="1"/>
  <c r="V81820" i="1"/>
  <c r="V81821" i="1"/>
  <c r="V81822" i="1"/>
  <c r="V81823" i="1"/>
  <c r="V81824" i="1"/>
  <c r="V81825" i="1"/>
  <c r="V81826" i="1"/>
  <c r="V81827" i="1"/>
  <c r="V81828" i="1"/>
  <c r="V81829" i="1"/>
  <c r="V81830" i="1"/>
  <c r="V81831" i="1"/>
  <c r="V81832" i="1"/>
  <c r="V81833" i="1"/>
  <c r="V81834" i="1"/>
  <c r="V81835" i="1"/>
  <c r="V81836" i="1"/>
  <c r="V81837" i="1"/>
  <c r="V81838" i="1"/>
  <c r="V81839" i="1"/>
  <c r="V81840" i="1"/>
  <c r="V81841" i="1"/>
  <c r="V81842" i="1"/>
  <c r="V81843" i="1"/>
  <c r="V81844" i="1"/>
  <c r="V81845" i="1"/>
  <c r="V81846" i="1"/>
  <c r="V81847" i="1"/>
  <c r="V81848" i="1"/>
  <c r="V81849" i="1"/>
  <c r="V81850" i="1"/>
  <c r="V81851" i="1"/>
  <c r="V81852" i="1"/>
  <c r="V81853" i="1"/>
  <c r="V81854" i="1"/>
  <c r="V81855" i="1"/>
  <c r="V81856" i="1"/>
  <c r="V81857" i="1"/>
  <c r="V81858" i="1"/>
  <c r="V81859" i="1"/>
  <c r="V81860" i="1"/>
  <c r="V81861" i="1"/>
  <c r="V81862" i="1"/>
  <c r="V81863" i="1"/>
  <c r="V81864" i="1"/>
  <c r="V81865" i="1"/>
  <c r="V81866" i="1"/>
  <c r="V81867" i="1"/>
  <c r="V81868" i="1"/>
  <c r="V81869" i="1"/>
  <c r="V81870" i="1"/>
  <c r="V81871" i="1"/>
  <c r="V81872" i="1"/>
  <c r="V81873" i="1"/>
  <c r="V81874" i="1"/>
  <c r="V81875" i="1"/>
  <c r="V81876" i="1"/>
  <c r="V81877" i="1"/>
  <c r="V81878" i="1"/>
  <c r="V81879" i="1"/>
  <c r="V81880" i="1"/>
  <c r="V81881" i="1"/>
  <c r="V81882" i="1"/>
  <c r="V81883" i="1"/>
  <c r="V81884" i="1"/>
  <c r="V81885" i="1"/>
  <c r="V81886" i="1"/>
  <c r="V81887" i="1"/>
  <c r="V81888" i="1"/>
  <c r="V81889" i="1"/>
  <c r="V81890" i="1"/>
  <c r="V81891" i="1"/>
  <c r="V81892" i="1"/>
  <c r="V81893" i="1"/>
  <c r="V81894" i="1"/>
  <c r="V81895" i="1"/>
  <c r="V81896" i="1"/>
  <c r="V81897" i="1"/>
  <c r="V81898" i="1"/>
  <c r="V81899" i="1"/>
  <c r="V81900" i="1"/>
  <c r="V81901" i="1"/>
  <c r="V81902" i="1"/>
  <c r="V81903" i="1"/>
  <c r="V81904" i="1"/>
  <c r="V81905" i="1"/>
  <c r="V81906" i="1"/>
  <c r="V81907" i="1"/>
  <c r="V81908" i="1"/>
  <c r="V81909" i="1"/>
  <c r="V81910" i="1"/>
  <c r="V81911" i="1"/>
  <c r="V81912" i="1"/>
  <c r="V81913" i="1"/>
  <c r="V81914" i="1"/>
  <c r="V81915" i="1"/>
  <c r="V81916" i="1"/>
  <c r="V81917" i="1"/>
  <c r="V81918" i="1"/>
  <c r="V81919" i="1"/>
  <c r="V81920" i="1"/>
  <c r="V81921" i="1"/>
  <c r="V81922" i="1"/>
  <c r="V81923" i="1"/>
  <c r="V81924" i="1"/>
  <c r="V81925" i="1"/>
  <c r="V81926" i="1"/>
  <c r="V81927" i="1"/>
  <c r="V81928" i="1"/>
  <c r="V81929" i="1"/>
  <c r="V81930" i="1"/>
  <c r="V81931" i="1"/>
  <c r="V81932" i="1"/>
  <c r="V81933" i="1"/>
  <c r="V81934" i="1"/>
  <c r="V81935" i="1"/>
  <c r="V81936" i="1"/>
  <c r="V81937" i="1"/>
  <c r="V81938" i="1"/>
  <c r="V81939" i="1"/>
  <c r="V81940" i="1"/>
  <c r="V81941" i="1"/>
  <c r="V81942" i="1"/>
  <c r="V81943" i="1"/>
  <c r="V81944" i="1"/>
  <c r="V81945" i="1"/>
  <c r="V81946" i="1"/>
  <c r="V81947" i="1"/>
  <c r="V81948" i="1"/>
  <c r="V81949" i="1"/>
  <c r="V81950" i="1"/>
  <c r="V81951" i="1"/>
  <c r="V81952" i="1"/>
  <c r="V81953" i="1"/>
  <c r="V81954" i="1"/>
  <c r="V81955" i="1"/>
  <c r="V81956" i="1"/>
  <c r="V81957" i="1"/>
  <c r="V81958" i="1"/>
  <c r="V81959" i="1"/>
  <c r="V81960" i="1"/>
  <c r="V81961" i="1"/>
  <c r="V81962" i="1"/>
  <c r="V81963" i="1"/>
  <c r="V81964" i="1"/>
  <c r="V81965" i="1"/>
  <c r="V81966" i="1"/>
  <c r="V81967" i="1"/>
  <c r="V81968" i="1"/>
  <c r="V81969" i="1"/>
  <c r="V81970" i="1"/>
  <c r="V81971" i="1"/>
  <c r="V81972" i="1"/>
  <c r="V81973" i="1"/>
  <c r="V81974" i="1"/>
  <c r="V81975" i="1"/>
  <c r="V81976" i="1"/>
  <c r="V81977" i="1"/>
  <c r="V81978" i="1"/>
  <c r="V81979" i="1"/>
  <c r="V81980" i="1"/>
  <c r="V81981" i="1"/>
  <c r="V81982" i="1"/>
  <c r="V81983" i="1"/>
  <c r="V81984" i="1"/>
  <c r="V81985" i="1"/>
  <c r="V81986" i="1"/>
  <c r="V81987" i="1"/>
  <c r="V81988" i="1"/>
  <c r="V81989" i="1"/>
  <c r="V81990" i="1"/>
  <c r="V81991" i="1"/>
  <c r="V81992" i="1"/>
  <c r="V81993" i="1"/>
  <c r="V81994" i="1"/>
  <c r="V81995" i="1"/>
  <c r="V81996" i="1"/>
  <c r="V81997" i="1"/>
  <c r="V81998" i="1"/>
  <c r="V81999" i="1"/>
  <c r="V82000" i="1"/>
  <c r="V82001" i="1"/>
  <c r="V82002" i="1"/>
  <c r="V82003" i="1"/>
  <c r="V82004" i="1"/>
  <c r="V82005" i="1"/>
  <c r="V82006" i="1"/>
  <c r="V82007" i="1"/>
  <c r="V82008" i="1"/>
  <c r="V82009" i="1"/>
  <c r="V82010" i="1"/>
  <c r="V82011" i="1"/>
  <c r="V82012" i="1"/>
  <c r="V82013" i="1"/>
  <c r="V82014" i="1"/>
  <c r="V82015" i="1"/>
  <c r="V82016" i="1"/>
  <c r="V82017" i="1"/>
  <c r="V82018" i="1"/>
  <c r="V82019" i="1"/>
  <c r="V82020" i="1"/>
  <c r="V82021" i="1"/>
  <c r="V82022" i="1"/>
  <c r="V82023" i="1"/>
  <c r="V82024" i="1"/>
  <c r="V82025" i="1"/>
  <c r="V82026" i="1"/>
  <c r="V82027" i="1"/>
  <c r="V82028" i="1"/>
  <c r="V82029" i="1"/>
  <c r="V82030" i="1"/>
  <c r="V82031" i="1"/>
  <c r="V82032" i="1"/>
  <c r="V82033" i="1"/>
  <c r="V82034" i="1"/>
  <c r="V82035" i="1"/>
  <c r="V82036" i="1"/>
  <c r="V82037" i="1"/>
  <c r="V82038" i="1"/>
  <c r="V82039" i="1"/>
  <c r="V82040" i="1"/>
  <c r="V82041" i="1"/>
  <c r="V82042" i="1"/>
  <c r="V82043" i="1"/>
  <c r="V82044" i="1"/>
  <c r="V82045" i="1"/>
  <c r="V82046" i="1"/>
  <c r="V82047" i="1"/>
  <c r="V82048" i="1"/>
  <c r="V82049" i="1"/>
  <c r="V82050" i="1"/>
  <c r="V82051" i="1"/>
  <c r="V82052" i="1"/>
  <c r="V82053" i="1"/>
  <c r="V82054" i="1"/>
  <c r="V82055" i="1"/>
  <c r="V82056" i="1"/>
  <c r="V82057" i="1"/>
  <c r="V82058" i="1"/>
  <c r="V82059" i="1"/>
  <c r="V82060" i="1"/>
  <c r="V82061" i="1"/>
  <c r="V82062" i="1"/>
  <c r="V82063" i="1"/>
  <c r="V82064" i="1"/>
  <c r="V82065" i="1"/>
  <c r="V82066" i="1"/>
  <c r="V82067" i="1"/>
  <c r="V82068" i="1"/>
  <c r="V82069" i="1"/>
  <c r="V82070" i="1"/>
  <c r="V82071" i="1"/>
  <c r="V82072" i="1"/>
  <c r="V82073" i="1"/>
  <c r="V82074" i="1"/>
  <c r="V82075" i="1"/>
  <c r="V82076" i="1"/>
  <c r="V82077" i="1"/>
  <c r="V82078" i="1"/>
  <c r="V82079" i="1"/>
  <c r="V82080" i="1"/>
  <c r="V82081" i="1"/>
  <c r="V82082" i="1"/>
  <c r="V82083" i="1"/>
  <c r="V82084" i="1"/>
  <c r="V82085" i="1"/>
  <c r="V82086" i="1"/>
  <c r="V82087" i="1"/>
  <c r="V82088" i="1"/>
  <c r="V82089" i="1"/>
  <c r="V82090" i="1"/>
  <c r="V82091" i="1"/>
  <c r="V82092" i="1"/>
  <c r="V82093" i="1"/>
  <c r="V82094" i="1"/>
  <c r="V82095" i="1"/>
  <c r="V82096" i="1"/>
  <c r="V82097" i="1"/>
  <c r="V82098" i="1"/>
  <c r="V82099" i="1"/>
  <c r="V82100" i="1"/>
  <c r="V82101" i="1"/>
  <c r="V82102" i="1"/>
  <c r="V82103" i="1"/>
  <c r="V82104" i="1"/>
  <c r="V82105" i="1"/>
  <c r="V82106" i="1"/>
  <c r="V82107" i="1"/>
  <c r="V82108" i="1"/>
  <c r="V82109" i="1"/>
  <c r="V82110" i="1"/>
  <c r="V82111" i="1"/>
  <c r="V82112" i="1"/>
  <c r="V82113" i="1"/>
  <c r="V82114" i="1"/>
  <c r="V82115" i="1"/>
  <c r="V82116" i="1"/>
  <c r="V82117" i="1"/>
  <c r="V82118" i="1"/>
  <c r="V82119" i="1"/>
  <c r="V82120" i="1"/>
  <c r="V82121" i="1"/>
  <c r="V82122" i="1"/>
  <c r="V82123" i="1"/>
  <c r="V82124" i="1"/>
  <c r="V82125" i="1"/>
  <c r="V82126" i="1"/>
  <c r="V82127" i="1"/>
  <c r="V82128" i="1"/>
  <c r="V82129" i="1"/>
  <c r="V82130" i="1"/>
  <c r="V82131" i="1"/>
  <c r="V82132" i="1"/>
  <c r="V82133" i="1"/>
  <c r="V82134" i="1"/>
  <c r="V82135" i="1"/>
  <c r="V82136" i="1"/>
  <c r="V82137" i="1"/>
  <c r="V82138" i="1"/>
  <c r="V82139" i="1"/>
  <c r="V82140" i="1"/>
  <c r="V82141" i="1"/>
  <c r="V82142" i="1"/>
  <c r="V82143" i="1"/>
  <c r="V82144" i="1"/>
  <c r="V82145" i="1"/>
  <c r="V82146" i="1"/>
  <c r="V82147" i="1"/>
  <c r="V82148" i="1"/>
  <c r="V82149" i="1"/>
  <c r="V82150" i="1"/>
  <c r="V82151" i="1"/>
  <c r="V82152" i="1"/>
  <c r="V82153" i="1"/>
  <c r="V82154" i="1"/>
  <c r="V82155" i="1"/>
  <c r="V82156" i="1"/>
  <c r="V82157" i="1"/>
  <c r="V82158" i="1"/>
  <c r="V82159" i="1"/>
  <c r="V82160" i="1"/>
  <c r="V82161" i="1"/>
  <c r="V82162" i="1"/>
  <c r="V82163" i="1"/>
  <c r="V82164" i="1"/>
  <c r="V82165" i="1"/>
  <c r="V82166" i="1"/>
  <c r="V82167" i="1"/>
  <c r="V82168" i="1"/>
  <c r="V82169" i="1"/>
  <c r="V82170" i="1"/>
  <c r="V82171" i="1"/>
  <c r="V82172" i="1"/>
  <c r="V82173" i="1"/>
  <c r="V82174" i="1"/>
  <c r="V82175" i="1"/>
  <c r="V82176" i="1"/>
  <c r="V82177" i="1"/>
  <c r="V82178" i="1"/>
  <c r="V82179" i="1"/>
  <c r="V82180" i="1"/>
  <c r="V82181" i="1"/>
  <c r="V82182" i="1"/>
  <c r="V82183" i="1"/>
  <c r="V82184" i="1"/>
  <c r="V82185" i="1"/>
  <c r="V82186" i="1"/>
  <c r="V82187" i="1"/>
  <c r="V82188" i="1"/>
  <c r="V82189" i="1"/>
  <c r="V82190" i="1"/>
  <c r="V82191" i="1"/>
  <c r="V82192" i="1"/>
  <c r="V82193" i="1"/>
  <c r="V82194" i="1"/>
  <c r="V82195" i="1"/>
  <c r="V82196" i="1"/>
  <c r="V82197" i="1"/>
  <c r="V82198" i="1"/>
  <c r="V82199" i="1"/>
  <c r="V82200" i="1"/>
  <c r="V82201" i="1"/>
  <c r="V82202" i="1"/>
  <c r="V82203" i="1"/>
  <c r="V82204" i="1"/>
  <c r="V82205" i="1"/>
  <c r="V82206" i="1"/>
  <c r="V82207" i="1"/>
  <c r="V82208" i="1"/>
  <c r="V82209" i="1"/>
  <c r="V82210" i="1"/>
  <c r="V82211" i="1"/>
  <c r="V82212" i="1"/>
  <c r="V82213" i="1"/>
  <c r="V82214" i="1"/>
  <c r="V82215" i="1"/>
  <c r="V82216" i="1"/>
  <c r="V82217" i="1"/>
  <c r="V82218" i="1"/>
  <c r="V82219" i="1"/>
  <c r="V82220" i="1"/>
  <c r="V82221" i="1"/>
  <c r="V82222" i="1"/>
  <c r="V82223" i="1"/>
  <c r="V82224" i="1"/>
  <c r="V82225" i="1"/>
  <c r="V82226" i="1"/>
  <c r="V82227" i="1"/>
  <c r="V82228" i="1"/>
  <c r="V82229" i="1"/>
  <c r="V82230" i="1"/>
  <c r="V82231" i="1"/>
  <c r="V82232" i="1"/>
  <c r="V82233" i="1"/>
  <c r="V82234" i="1"/>
  <c r="V82235" i="1"/>
  <c r="V82236" i="1"/>
  <c r="V82237" i="1"/>
  <c r="V82238" i="1"/>
  <c r="V82239" i="1"/>
  <c r="V82240" i="1"/>
  <c r="V82241" i="1"/>
  <c r="V82242" i="1"/>
  <c r="V82243" i="1"/>
  <c r="V82244" i="1"/>
  <c r="V82245" i="1"/>
  <c r="V82246" i="1"/>
  <c r="V82247" i="1"/>
  <c r="V82248" i="1"/>
  <c r="V82249" i="1"/>
  <c r="V82250" i="1"/>
  <c r="V82251" i="1"/>
  <c r="V82252" i="1"/>
  <c r="V82253" i="1"/>
  <c r="V82254" i="1"/>
  <c r="V82255" i="1"/>
  <c r="V82256" i="1"/>
  <c r="V82257" i="1"/>
  <c r="V82258" i="1"/>
  <c r="V82259" i="1"/>
  <c r="V82260" i="1"/>
  <c r="V82261" i="1"/>
  <c r="V82262" i="1"/>
  <c r="V82263" i="1"/>
  <c r="V82264" i="1"/>
  <c r="V82265" i="1"/>
  <c r="V82266" i="1"/>
  <c r="V82267" i="1"/>
  <c r="V82268" i="1"/>
  <c r="V82269" i="1"/>
  <c r="V82270" i="1"/>
  <c r="V82271" i="1"/>
  <c r="V82272" i="1"/>
  <c r="V82273" i="1"/>
  <c r="V82274" i="1"/>
  <c r="V82275" i="1"/>
  <c r="V82276" i="1"/>
  <c r="V82277" i="1"/>
  <c r="V82278" i="1"/>
  <c r="V82279" i="1"/>
  <c r="V82280" i="1"/>
  <c r="V82281" i="1"/>
  <c r="V82282" i="1"/>
  <c r="V82283" i="1"/>
  <c r="V82284" i="1"/>
  <c r="V82285" i="1"/>
  <c r="V82286" i="1"/>
  <c r="V82287" i="1"/>
  <c r="V82288" i="1"/>
  <c r="V82289" i="1"/>
  <c r="V82290" i="1"/>
  <c r="V82291" i="1"/>
  <c r="V82292" i="1"/>
  <c r="V82293" i="1"/>
  <c r="V82294" i="1"/>
  <c r="V82295" i="1"/>
  <c r="V82296" i="1"/>
  <c r="V82297" i="1"/>
  <c r="V82298" i="1"/>
  <c r="V82299" i="1"/>
  <c r="V82300" i="1"/>
  <c r="V82301" i="1"/>
  <c r="V82302" i="1"/>
  <c r="V82303" i="1"/>
  <c r="V82304" i="1"/>
  <c r="V82305" i="1"/>
  <c r="V82306" i="1"/>
  <c r="V82307" i="1"/>
  <c r="V82308" i="1"/>
  <c r="V82309" i="1"/>
  <c r="V82310" i="1"/>
  <c r="V82311" i="1"/>
  <c r="V82312" i="1"/>
  <c r="V82313" i="1"/>
  <c r="V82314" i="1"/>
  <c r="V82315" i="1"/>
  <c r="V82316" i="1"/>
  <c r="V82317" i="1"/>
  <c r="V82318" i="1"/>
  <c r="V82319" i="1"/>
  <c r="V82320" i="1"/>
  <c r="V82321" i="1"/>
  <c r="V82322" i="1"/>
  <c r="V82323" i="1"/>
  <c r="V82324" i="1"/>
  <c r="V82325" i="1"/>
  <c r="V82326" i="1"/>
  <c r="V82327" i="1"/>
  <c r="V82328" i="1"/>
  <c r="V82329" i="1"/>
  <c r="V82330" i="1"/>
  <c r="V82331" i="1"/>
  <c r="V82332" i="1"/>
  <c r="V82333" i="1"/>
  <c r="V82334" i="1"/>
  <c r="V82335" i="1"/>
  <c r="V82336" i="1"/>
  <c r="V82337" i="1"/>
  <c r="V82338" i="1"/>
  <c r="V82339" i="1"/>
  <c r="V82340" i="1"/>
  <c r="V82341" i="1"/>
  <c r="V82342" i="1"/>
  <c r="V82343" i="1"/>
  <c r="V82344" i="1"/>
  <c r="V82345" i="1"/>
  <c r="V82346" i="1"/>
  <c r="V82347" i="1"/>
  <c r="V82348" i="1"/>
  <c r="V82349" i="1"/>
  <c r="V82350" i="1"/>
  <c r="V82351" i="1"/>
  <c r="V82352" i="1"/>
  <c r="V82353" i="1"/>
  <c r="V82354" i="1"/>
  <c r="V82355" i="1"/>
  <c r="V82356" i="1"/>
  <c r="V82357" i="1"/>
  <c r="V82358" i="1"/>
  <c r="V82359" i="1"/>
  <c r="V82360" i="1"/>
  <c r="V82361" i="1"/>
  <c r="V82362" i="1"/>
  <c r="V82363" i="1"/>
  <c r="V82364" i="1"/>
  <c r="V82365" i="1"/>
  <c r="V82366" i="1"/>
  <c r="V82367" i="1"/>
  <c r="V82368" i="1"/>
  <c r="V82369" i="1"/>
  <c r="V82370" i="1"/>
  <c r="V82371" i="1"/>
  <c r="V82372" i="1"/>
  <c r="V82373" i="1"/>
  <c r="V82374" i="1"/>
  <c r="V82375" i="1"/>
  <c r="V82376" i="1"/>
  <c r="V82377" i="1"/>
  <c r="V82378" i="1"/>
  <c r="V82379" i="1"/>
  <c r="V82380" i="1"/>
  <c r="V82381" i="1"/>
  <c r="V82382" i="1"/>
  <c r="V82383" i="1"/>
  <c r="V82384" i="1"/>
  <c r="V82385" i="1"/>
  <c r="V82386" i="1"/>
  <c r="V82387" i="1"/>
  <c r="V82388" i="1"/>
  <c r="V82389" i="1"/>
  <c r="V82390" i="1"/>
  <c r="V82391" i="1"/>
  <c r="V82392" i="1"/>
  <c r="V82393" i="1"/>
  <c r="V82394" i="1"/>
  <c r="V82395" i="1"/>
  <c r="V82396" i="1"/>
  <c r="V82397" i="1"/>
  <c r="V82398" i="1"/>
  <c r="V82399" i="1"/>
  <c r="V82400" i="1"/>
  <c r="V82401" i="1"/>
  <c r="V82402" i="1"/>
  <c r="V82403" i="1"/>
  <c r="V82404" i="1"/>
  <c r="V82405" i="1"/>
  <c r="V82406" i="1"/>
  <c r="V82407" i="1"/>
  <c r="V82408" i="1"/>
  <c r="V82409" i="1"/>
  <c r="V82410" i="1"/>
  <c r="V82411" i="1"/>
  <c r="V82412" i="1"/>
  <c r="V82413" i="1"/>
  <c r="V82414" i="1"/>
  <c r="V82415" i="1"/>
  <c r="V82416" i="1"/>
  <c r="V82417" i="1"/>
  <c r="V82418" i="1"/>
  <c r="V82419" i="1"/>
  <c r="V82420" i="1"/>
  <c r="V82421" i="1"/>
  <c r="V82422" i="1"/>
  <c r="V82423" i="1"/>
  <c r="V82424" i="1"/>
  <c r="V82425" i="1"/>
  <c r="V82426" i="1"/>
  <c r="V82427" i="1"/>
  <c r="V82428" i="1"/>
  <c r="V82429" i="1"/>
  <c r="V82430" i="1"/>
  <c r="V82431" i="1"/>
  <c r="V82432" i="1"/>
  <c r="V82433" i="1"/>
  <c r="V82434" i="1"/>
  <c r="V82435" i="1"/>
  <c r="V82436" i="1"/>
  <c r="V82437" i="1"/>
  <c r="V82438" i="1"/>
  <c r="V82439" i="1"/>
  <c r="V82440" i="1"/>
  <c r="V82441" i="1"/>
  <c r="V82442" i="1"/>
  <c r="V82443" i="1"/>
  <c r="V82444" i="1"/>
  <c r="V82445" i="1"/>
  <c r="V82446" i="1"/>
  <c r="V82447" i="1"/>
  <c r="V82448" i="1"/>
  <c r="V82449" i="1"/>
  <c r="V82450" i="1"/>
  <c r="V82451" i="1"/>
  <c r="V82452" i="1"/>
  <c r="V82453" i="1"/>
  <c r="V82454" i="1"/>
  <c r="V82455" i="1"/>
  <c r="V82456" i="1"/>
  <c r="V82457" i="1"/>
  <c r="V82458" i="1"/>
  <c r="V82459" i="1"/>
  <c r="V82460" i="1"/>
  <c r="V82461" i="1"/>
  <c r="V82462" i="1"/>
  <c r="V82463" i="1"/>
  <c r="V82464" i="1"/>
  <c r="V82465" i="1"/>
  <c r="V82466" i="1"/>
  <c r="V82467" i="1"/>
  <c r="V82468" i="1"/>
  <c r="V82469" i="1"/>
  <c r="V82470" i="1"/>
  <c r="V82471" i="1"/>
  <c r="V82472" i="1"/>
  <c r="V82473" i="1"/>
  <c r="V82474" i="1"/>
  <c r="V82475" i="1"/>
  <c r="V82476" i="1"/>
  <c r="V82477" i="1"/>
  <c r="V82478" i="1"/>
  <c r="V82479" i="1"/>
  <c r="V82480" i="1"/>
  <c r="V82481" i="1"/>
  <c r="V82482" i="1"/>
  <c r="V82483" i="1"/>
  <c r="V82484" i="1"/>
  <c r="V82485" i="1"/>
  <c r="V82486" i="1"/>
  <c r="V82487" i="1"/>
  <c r="V82488" i="1"/>
  <c r="V82489" i="1"/>
  <c r="V82490" i="1"/>
  <c r="V82491" i="1"/>
  <c r="V82492" i="1"/>
  <c r="V82493" i="1"/>
  <c r="V82494" i="1"/>
  <c r="V82495" i="1"/>
  <c r="V82496" i="1"/>
  <c r="V82497" i="1"/>
  <c r="V82498" i="1"/>
  <c r="V82499" i="1"/>
  <c r="V82500" i="1"/>
  <c r="V82501" i="1"/>
  <c r="V82502" i="1"/>
  <c r="V82503" i="1"/>
  <c r="V82504" i="1"/>
  <c r="V82505" i="1"/>
  <c r="V82506" i="1"/>
  <c r="V82507" i="1"/>
  <c r="V82508" i="1"/>
  <c r="V82509" i="1"/>
  <c r="V82510" i="1"/>
  <c r="V82511" i="1"/>
  <c r="V82512" i="1"/>
  <c r="V82513" i="1"/>
  <c r="V82514" i="1"/>
  <c r="V82515" i="1"/>
  <c r="V82516" i="1"/>
  <c r="V82517" i="1"/>
  <c r="V82518" i="1"/>
  <c r="V82519" i="1"/>
  <c r="V82520" i="1"/>
  <c r="V82521" i="1"/>
  <c r="V82522" i="1"/>
  <c r="V82523" i="1"/>
  <c r="V82524" i="1"/>
  <c r="V82525" i="1"/>
  <c r="V82526" i="1"/>
  <c r="V82527" i="1"/>
  <c r="V82528" i="1"/>
  <c r="V82529" i="1"/>
  <c r="V82530" i="1"/>
  <c r="V82531" i="1"/>
  <c r="V82532" i="1"/>
  <c r="V82533" i="1"/>
  <c r="V82534" i="1"/>
  <c r="V82535" i="1"/>
  <c r="V82536" i="1"/>
  <c r="V82537" i="1"/>
  <c r="V82538" i="1"/>
  <c r="V82539" i="1"/>
  <c r="V82540" i="1"/>
  <c r="V82541" i="1"/>
  <c r="V82542" i="1"/>
  <c r="V82543" i="1"/>
  <c r="V82544" i="1"/>
  <c r="V82545" i="1"/>
  <c r="V82546" i="1"/>
  <c r="V82547" i="1"/>
  <c r="V82548" i="1"/>
  <c r="V82549" i="1"/>
  <c r="V82550" i="1"/>
  <c r="V82551" i="1"/>
  <c r="V82552" i="1"/>
  <c r="V82553" i="1"/>
  <c r="V82554" i="1"/>
  <c r="V82555" i="1"/>
  <c r="V82556" i="1"/>
  <c r="V82557" i="1"/>
  <c r="V82558" i="1"/>
  <c r="V82559" i="1"/>
  <c r="V82560" i="1"/>
  <c r="V82561" i="1"/>
  <c r="V82562" i="1"/>
  <c r="V82563" i="1"/>
  <c r="V82564" i="1"/>
  <c r="V82565" i="1"/>
  <c r="V82566" i="1"/>
  <c r="V82567" i="1"/>
  <c r="V82568" i="1"/>
  <c r="V82569" i="1"/>
  <c r="V82570" i="1"/>
  <c r="V82571" i="1"/>
  <c r="V82572" i="1"/>
  <c r="V82573" i="1"/>
  <c r="V82574" i="1"/>
  <c r="V82575" i="1"/>
  <c r="V82576" i="1"/>
  <c r="V82577" i="1"/>
  <c r="V82578" i="1"/>
  <c r="V82579" i="1"/>
  <c r="V82580" i="1"/>
  <c r="V82581" i="1"/>
  <c r="V82582" i="1"/>
  <c r="V82583" i="1"/>
  <c r="V82584" i="1"/>
  <c r="V82585" i="1"/>
  <c r="V82586" i="1"/>
  <c r="V82587" i="1"/>
  <c r="V82588" i="1"/>
  <c r="V82589" i="1"/>
  <c r="V82590" i="1"/>
  <c r="V82591" i="1"/>
  <c r="V82592" i="1"/>
  <c r="V82593" i="1"/>
  <c r="V82594" i="1"/>
  <c r="V82595" i="1"/>
  <c r="V82596" i="1"/>
  <c r="V82597" i="1"/>
  <c r="V82598" i="1"/>
  <c r="V82599" i="1"/>
  <c r="V82600" i="1"/>
  <c r="V82601" i="1"/>
  <c r="V82602" i="1"/>
  <c r="V82603" i="1"/>
  <c r="V82604" i="1"/>
  <c r="V82605" i="1"/>
  <c r="V82606" i="1"/>
  <c r="V82607" i="1"/>
  <c r="V82608" i="1"/>
  <c r="V82609" i="1"/>
  <c r="V82610" i="1"/>
  <c r="V82611" i="1"/>
  <c r="V82612" i="1"/>
  <c r="V82613" i="1"/>
  <c r="V82614" i="1"/>
  <c r="V82615" i="1"/>
  <c r="V82616" i="1"/>
  <c r="V82617" i="1"/>
  <c r="V82618" i="1"/>
  <c r="V82619" i="1"/>
  <c r="V82620" i="1"/>
  <c r="V82621" i="1"/>
  <c r="V82622" i="1"/>
  <c r="V82623" i="1"/>
  <c r="V82624" i="1"/>
  <c r="V82625" i="1"/>
  <c r="V82626" i="1"/>
  <c r="V82627" i="1"/>
  <c r="V82628" i="1"/>
  <c r="V82629" i="1"/>
  <c r="V82630" i="1"/>
  <c r="V82631" i="1"/>
  <c r="V82632" i="1"/>
  <c r="V82633" i="1"/>
  <c r="V82634" i="1"/>
  <c r="V82635" i="1"/>
  <c r="V82636" i="1"/>
  <c r="V82637" i="1"/>
  <c r="V82638" i="1"/>
  <c r="V82639" i="1"/>
  <c r="V82640" i="1"/>
  <c r="V82641" i="1"/>
  <c r="V82642" i="1"/>
  <c r="V82643" i="1"/>
  <c r="V82644" i="1"/>
  <c r="V82645" i="1"/>
  <c r="V82646" i="1"/>
  <c r="V82647" i="1"/>
  <c r="V82648" i="1"/>
  <c r="V82649" i="1"/>
  <c r="V82650" i="1"/>
  <c r="V82651" i="1"/>
  <c r="V82652" i="1"/>
  <c r="V82653" i="1"/>
  <c r="V82654" i="1"/>
  <c r="V82655" i="1"/>
  <c r="V82656" i="1"/>
  <c r="V82657" i="1"/>
  <c r="V82658" i="1"/>
  <c r="V82659" i="1"/>
  <c r="V82660" i="1"/>
  <c r="V82661" i="1"/>
  <c r="V82662" i="1"/>
  <c r="V82663" i="1"/>
  <c r="V82664" i="1"/>
  <c r="V82665" i="1"/>
  <c r="V82666" i="1"/>
  <c r="V82667" i="1"/>
  <c r="V82668" i="1"/>
  <c r="V82669" i="1"/>
  <c r="V82670" i="1"/>
  <c r="V82671" i="1"/>
  <c r="V82672" i="1"/>
  <c r="V82673" i="1"/>
  <c r="V82674" i="1"/>
  <c r="V82675" i="1"/>
  <c r="V82676" i="1"/>
  <c r="V82677" i="1"/>
  <c r="V82678" i="1"/>
  <c r="V82679" i="1"/>
  <c r="V82680" i="1"/>
  <c r="V82681" i="1"/>
  <c r="V82682" i="1"/>
  <c r="V82683" i="1"/>
  <c r="V82684" i="1"/>
  <c r="V82685" i="1"/>
  <c r="V82686" i="1"/>
  <c r="V82687" i="1"/>
  <c r="V82688" i="1"/>
  <c r="V82689" i="1"/>
  <c r="V82690" i="1"/>
  <c r="V82691" i="1"/>
  <c r="V82692" i="1"/>
  <c r="V82693" i="1"/>
  <c r="V82694" i="1"/>
  <c r="V82695" i="1"/>
  <c r="V82696" i="1"/>
  <c r="V82697" i="1"/>
  <c r="V82698" i="1"/>
  <c r="V82699" i="1"/>
  <c r="V82700" i="1"/>
  <c r="V82701" i="1"/>
  <c r="V82702" i="1"/>
  <c r="V82703" i="1"/>
  <c r="V82704" i="1"/>
  <c r="V82705" i="1"/>
  <c r="V82706" i="1"/>
  <c r="V82707" i="1"/>
  <c r="V82708" i="1"/>
  <c r="V82709" i="1"/>
  <c r="V82710" i="1"/>
  <c r="V82711" i="1"/>
  <c r="V82712" i="1"/>
  <c r="V82713" i="1"/>
  <c r="V82714" i="1"/>
  <c r="V82715" i="1"/>
  <c r="V82716" i="1"/>
  <c r="V82717" i="1"/>
  <c r="V82718" i="1"/>
  <c r="V82719" i="1"/>
  <c r="V82720" i="1"/>
  <c r="V82721" i="1"/>
  <c r="V82722" i="1"/>
  <c r="V82723" i="1"/>
  <c r="V82724" i="1"/>
  <c r="V82725" i="1"/>
  <c r="V82726" i="1"/>
  <c r="V82727" i="1"/>
  <c r="V82728" i="1"/>
  <c r="V82729" i="1"/>
  <c r="V82730" i="1"/>
  <c r="V82731" i="1"/>
  <c r="V82732" i="1"/>
  <c r="V82733" i="1"/>
  <c r="V82734" i="1"/>
  <c r="V82735" i="1"/>
  <c r="V82736" i="1"/>
  <c r="V82737" i="1"/>
  <c r="V82738" i="1"/>
  <c r="V82739" i="1"/>
  <c r="V82740" i="1"/>
  <c r="V82741" i="1"/>
  <c r="V82742" i="1"/>
  <c r="V82743" i="1"/>
  <c r="V82744" i="1"/>
  <c r="V82745" i="1"/>
  <c r="V82746" i="1"/>
  <c r="V82747" i="1"/>
  <c r="V82748" i="1"/>
  <c r="V82749" i="1"/>
  <c r="V82750" i="1"/>
  <c r="V82751" i="1"/>
  <c r="V82752" i="1"/>
  <c r="V82753" i="1"/>
  <c r="V82754" i="1"/>
  <c r="V82755" i="1"/>
  <c r="V82756" i="1"/>
  <c r="V82757" i="1"/>
  <c r="V82758" i="1"/>
  <c r="V82759" i="1"/>
  <c r="V82760" i="1"/>
  <c r="V82761" i="1"/>
  <c r="V82762" i="1"/>
  <c r="V82763" i="1"/>
  <c r="V82764" i="1"/>
  <c r="V82765" i="1"/>
  <c r="V82766" i="1"/>
  <c r="V82767" i="1"/>
  <c r="V82768" i="1"/>
  <c r="V82769" i="1"/>
  <c r="V82770" i="1"/>
  <c r="V82771" i="1"/>
  <c r="V82772" i="1"/>
  <c r="V82773" i="1"/>
  <c r="V82774" i="1"/>
  <c r="V82775" i="1"/>
  <c r="V82776" i="1"/>
  <c r="V82777" i="1"/>
  <c r="V82778" i="1"/>
  <c r="V82779" i="1"/>
  <c r="V82780" i="1"/>
  <c r="V82781" i="1"/>
  <c r="V82782" i="1"/>
  <c r="V82783" i="1"/>
  <c r="V82784" i="1"/>
  <c r="V82785" i="1"/>
  <c r="V82786" i="1"/>
  <c r="V82787" i="1"/>
  <c r="V82788" i="1"/>
  <c r="V82789" i="1"/>
  <c r="V82790" i="1"/>
  <c r="V82791" i="1"/>
  <c r="V82792" i="1"/>
  <c r="V82793" i="1"/>
  <c r="V82794" i="1"/>
  <c r="V82795" i="1"/>
  <c r="V82796" i="1"/>
  <c r="V82797" i="1"/>
  <c r="V82798" i="1"/>
  <c r="V82799" i="1"/>
  <c r="V82800" i="1"/>
  <c r="V82801" i="1"/>
  <c r="V82802" i="1"/>
  <c r="V82803" i="1"/>
  <c r="V82804" i="1"/>
  <c r="V82805" i="1"/>
  <c r="V82806" i="1"/>
  <c r="V82807" i="1"/>
  <c r="V82808" i="1"/>
  <c r="V82809" i="1"/>
  <c r="V82810" i="1"/>
  <c r="V82811" i="1"/>
  <c r="V82812" i="1"/>
  <c r="V82813" i="1"/>
  <c r="V82814" i="1"/>
  <c r="V82815" i="1"/>
  <c r="V82816" i="1"/>
  <c r="V82817" i="1"/>
  <c r="V82818" i="1"/>
  <c r="V82819" i="1"/>
  <c r="V82820" i="1"/>
  <c r="V82821" i="1"/>
  <c r="V82822" i="1"/>
  <c r="V82823" i="1"/>
  <c r="V82824" i="1"/>
  <c r="V82825" i="1"/>
  <c r="V82826" i="1"/>
  <c r="V82827" i="1"/>
  <c r="V82828" i="1"/>
  <c r="V82829" i="1"/>
  <c r="V82830" i="1"/>
  <c r="V82831" i="1"/>
  <c r="V82832" i="1"/>
  <c r="V82833" i="1"/>
  <c r="V82834" i="1"/>
  <c r="V82835" i="1"/>
  <c r="V82836" i="1"/>
  <c r="V82837" i="1"/>
  <c r="V82838" i="1"/>
  <c r="V82839" i="1"/>
  <c r="V82840" i="1"/>
  <c r="V82841" i="1"/>
  <c r="V82842" i="1"/>
  <c r="V82843" i="1"/>
  <c r="V82844" i="1"/>
  <c r="V82845" i="1"/>
  <c r="V82846" i="1"/>
  <c r="V82847" i="1"/>
  <c r="V82848" i="1"/>
  <c r="V82849" i="1"/>
  <c r="V82850" i="1"/>
  <c r="V82851" i="1"/>
  <c r="V82852" i="1"/>
  <c r="V82853" i="1"/>
  <c r="V82854" i="1"/>
  <c r="V82855" i="1"/>
  <c r="V82856" i="1"/>
  <c r="V82857" i="1"/>
  <c r="V82858" i="1"/>
  <c r="V82859" i="1"/>
  <c r="V82860" i="1"/>
  <c r="V82861" i="1"/>
  <c r="V82862" i="1"/>
  <c r="V82863" i="1"/>
  <c r="V82864" i="1"/>
  <c r="V82865" i="1"/>
  <c r="V82866" i="1"/>
  <c r="V82867" i="1"/>
  <c r="V82868" i="1"/>
  <c r="V82869" i="1"/>
  <c r="V82870" i="1"/>
  <c r="V82871" i="1"/>
  <c r="V82872" i="1"/>
  <c r="V82873" i="1"/>
  <c r="V82874" i="1"/>
  <c r="V82875" i="1"/>
  <c r="V82876" i="1"/>
  <c r="V82877" i="1"/>
  <c r="V82878" i="1"/>
  <c r="V82879" i="1"/>
  <c r="V82880" i="1"/>
  <c r="V82881" i="1"/>
  <c r="V82882" i="1"/>
  <c r="V82883" i="1"/>
  <c r="V82884" i="1"/>
  <c r="V82885" i="1"/>
  <c r="V82886" i="1"/>
  <c r="V82887" i="1"/>
  <c r="V82888" i="1"/>
  <c r="V82889" i="1"/>
  <c r="V82890" i="1"/>
  <c r="V82891" i="1"/>
  <c r="V82892" i="1"/>
  <c r="V82893" i="1"/>
  <c r="V82894" i="1"/>
  <c r="V82895" i="1"/>
  <c r="V82896" i="1"/>
  <c r="V82897" i="1"/>
  <c r="V82898" i="1"/>
  <c r="V82899" i="1"/>
  <c r="V82900" i="1"/>
  <c r="V82901" i="1"/>
  <c r="V82902" i="1"/>
  <c r="V82903" i="1"/>
  <c r="V82904" i="1"/>
  <c r="V82905" i="1"/>
  <c r="V82906" i="1"/>
  <c r="V82907" i="1"/>
  <c r="V82908" i="1"/>
  <c r="V82909" i="1"/>
  <c r="V82910" i="1"/>
  <c r="V82911" i="1"/>
  <c r="V82912" i="1"/>
  <c r="V82913" i="1"/>
  <c r="V82914" i="1"/>
  <c r="V82915" i="1"/>
  <c r="V82916" i="1"/>
  <c r="V82917" i="1"/>
  <c r="V82918" i="1"/>
  <c r="V82919" i="1"/>
  <c r="V82920" i="1"/>
  <c r="V82921" i="1"/>
  <c r="V82922" i="1"/>
  <c r="V82923" i="1"/>
  <c r="V82924" i="1"/>
  <c r="V82925" i="1"/>
  <c r="V82926" i="1"/>
  <c r="V82927" i="1"/>
  <c r="V82928" i="1"/>
  <c r="V82929" i="1"/>
  <c r="V82930" i="1"/>
  <c r="V82931" i="1"/>
  <c r="V82932" i="1"/>
  <c r="V82933" i="1"/>
  <c r="V82934" i="1"/>
  <c r="V82935" i="1"/>
  <c r="V82936" i="1"/>
  <c r="V82937" i="1"/>
  <c r="V82938" i="1"/>
  <c r="V82939" i="1"/>
  <c r="V82940" i="1"/>
  <c r="V82941" i="1"/>
  <c r="V82942" i="1"/>
  <c r="V82943" i="1"/>
  <c r="V82944" i="1"/>
  <c r="V82945" i="1"/>
  <c r="V82946" i="1"/>
  <c r="V82947" i="1"/>
  <c r="V82948" i="1"/>
  <c r="V82949" i="1"/>
  <c r="V82950" i="1"/>
  <c r="V82951" i="1"/>
  <c r="V82952" i="1"/>
  <c r="V82953" i="1"/>
  <c r="V82954" i="1"/>
  <c r="V82955" i="1"/>
  <c r="V82956" i="1"/>
  <c r="V82957" i="1"/>
  <c r="V82958" i="1"/>
  <c r="V82959" i="1"/>
  <c r="V82960" i="1"/>
  <c r="V82961" i="1"/>
  <c r="V82962" i="1"/>
  <c r="V82963" i="1"/>
  <c r="V82964" i="1"/>
  <c r="V82965" i="1"/>
  <c r="V82966" i="1"/>
  <c r="V82967" i="1"/>
  <c r="V82968" i="1"/>
  <c r="V82969" i="1"/>
  <c r="V82970" i="1"/>
  <c r="V82971" i="1"/>
  <c r="V82972" i="1"/>
  <c r="V82973" i="1"/>
  <c r="V82974" i="1"/>
  <c r="V82975" i="1"/>
  <c r="V82976" i="1"/>
  <c r="V82977" i="1"/>
  <c r="V82978" i="1"/>
  <c r="V82979" i="1"/>
  <c r="V82980" i="1"/>
  <c r="V82981" i="1"/>
  <c r="V82982" i="1"/>
  <c r="V82983" i="1"/>
  <c r="V82984" i="1"/>
  <c r="V82985" i="1"/>
  <c r="V82986" i="1"/>
  <c r="V82987" i="1"/>
  <c r="V82988" i="1"/>
  <c r="V82989" i="1"/>
  <c r="V82990" i="1"/>
  <c r="V82991" i="1"/>
  <c r="V82992" i="1"/>
  <c r="V82993" i="1"/>
  <c r="V82994" i="1"/>
  <c r="V82995" i="1"/>
  <c r="V82996" i="1"/>
  <c r="V82997" i="1"/>
  <c r="V82998" i="1"/>
  <c r="V82999" i="1"/>
  <c r="V83000" i="1"/>
  <c r="V83001" i="1"/>
  <c r="V83002" i="1"/>
  <c r="V83003" i="1"/>
  <c r="V83004" i="1"/>
  <c r="V83005" i="1"/>
  <c r="V83006" i="1"/>
  <c r="V83007" i="1"/>
  <c r="V83008" i="1"/>
  <c r="V83009" i="1"/>
  <c r="V83010" i="1"/>
  <c r="V83011" i="1"/>
  <c r="V83012" i="1"/>
  <c r="V83013" i="1"/>
  <c r="V83014" i="1"/>
  <c r="V83015" i="1"/>
  <c r="V83016" i="1"/>
  <c r="V83017" i="1"/>
  <c r="V83018" i="1"/>
  <c r="V83019" i="1"/>
  <c r="V83020" i="1"/>
  <c r="V83021" i="1"/>
  <c r="V83022" i="1"/>
  <c r="V83023" i="1"/>
  <c r="V83024" i="1"/>
  <c r="V83025" i="1"/>
  <c r="V83026" i="1"/>
  <c r="V83027" i="1"/>
  <c r="V83028" i="1"/>
  <c r="V83029" i="1"/>
  <c r="V83030" i="1"/>
  <c r="V83031" i="1"/>
  <c r="V83032" i="1"/>
  <c r="V83033" i="1"/>
  <c r="V83034" i="1"/>
  <c r="V83035" i="1"/>
  <c r="V83036" i="1"/>
  <c r="V83037" i="1"/>
  <c r="V83038" i="1"/>
  <c r="V83039" i="1"/>
  <c r="V83040" i="1"/>
  <c r="V83041" i="1"/>
  <c r="V83042" i="1"/>
  <c r="V83043" i="1"/>
  <c r="V83044" i="1"/>
  <c r="V83045" i="1"/>
  <c r="V83046" i="1"/>
  <c r="V83047" i="1"/>
  <c r="V83048" i="1"/>
  <c r="V83049" i="1"/>
  <c r="V83050" i="1"/>
  <c r="V83051" i="1"/>
  <c r="V83052" i="1"/>
  <c r="V83053" i="1"/>
  <c r="V83054" i="1"/>
  <c r="V83055" i="1"/>
  <c r="V83056" i="1"/>
  <c r="V83057" i="1"/>
  <c r="V83058" i="1"/>
  <c r="V83059" i="1"/>
  <c r="V83060" i="1"/>
  <c r="V83061" i="1"/>
  <c r="V83062" i="1"/>
  <c r="V83063" i="1"/>
  <c r="V83064" i="1"/>
  <c r="V83065" i="1"/>
  <c r="V83066" i="1"/>
  <c r="V83067" i="1"/>
  <c r="V83068" i="1"/>
  <c r="V83069" i="1"/>
  <c r="V83070" i="1"/>
  <c r="V83071" i="1"/>
  <c r="V83072" i="1"/>
  <c r="V83073" i="1"/>
  <c r="V83074" i="1"/>
  <c r="V83075" i="1"/>
  <c r="V83076" i="1"/>
  <c r="V83077" i="1"/>
  <c r="V83078" i="1"/>
  <c r="V83079" i="1"/>
  <c r="V83080" i="1"/>
  <c r="V83081" i="1"/>
  <c r="V83082" i="1"/>
  <c r="V83083" i="1"/>
  <c r="V83084" i="1"/>
  <c r="V83085" i="1"/>
  <c r="V83086" i="1"/>
  <c r="V83087" i="1"/>
  <c r="V83088" i="1"/>
  <c r="V83089" i="1"/>
  <c r="V83090" i="1"/>
  <c r="V83091" i="1"/>
  <c r="V83092" i="1"/>
  <c r="V83093" i="1"/>
  <c r="V83094" i="1"/>
  <c r="V83095" i="1"/>
  <c r="V83096" i="1"/>
  <c r="V83097" i="1"/>
  <c r="V83098" i="1"/>
  <c r="V83099" i="1"/>
  <c r="V83100" i="1"/>
  <c r="V83101" i="1"/>
  <c r="V83102" i="1"/>
  <c r="V83103" i="1"/>
  <c r="V83104" i="1"/>
  <c r="V83105" i="1"/>
  <c r="V83106" i="1"/>
  <c r="V83107" i="1"/>
  <c r="V83108" i="1"/>
  <c r="V83109" i="1"/>
  <c r="V83110" i="1"/>
  <c r="V83111" i="1"/>
  <c r="V83112" i="1"/>
  <c r="V83113" i="1"/>
  <c r="V83114" i="1"/>
  <c r="V83115" i="1"/>
  <c r="V83116" i="1"/>
  <c r="V83117" i="1"/>
  <c r="V83118" i="1"/>
  <c r="V83119" i="1"/>
  <c r="V83120" i="1"/>
  <c r="V83121" i="1"/>
  <c r="V83122" i="1"/>
  <c r="V83123" i="1"/>
  <c r="V83124" i="1"/>
  <c r="V83125" i="1"/>
  <c r="V83126" i="1"/>
  <c r="V83127" i="1"/>
  <c r="V83128" i="1"/>
  <c r="V83129" i="1"/>
  <c r="V83130" i="1"/>
  <c r="V83131" i="1"/>
  <c r="V83132" i="1"/>
  <c r="V83133" i="1"/>
  <c r="V83134" i="1"/>
  <c r="V83135" i="1"/>
  <c r="V83136" i="1"/>
  <c r="V83137" i="1"/>
  <c r="V83138" i="1"/>
  <c r="V83139" i="1"/>
  <c r="V83140" i="1"/>
  <c r="V83141" i="1"/>
  <c r="V83142" i="1"/>
  <c r="V83143" i="1"/>
  <c r="V83144" i="1"/>
  <c r="V83145" i="1"/>
  <c r="V83146" i="1"/>
  <c r="V83147" i="1"/>
  <c r="V83148" i="1"/>
  <c r="V83149" i="1"/>
  <c r="V83150" i="1"/>
  <c r="V83151" i="1"/>
  <c r="V83152" i="1"/>
  <c r="V83153" i="1"/>
  <c r="V83154" i="1"/>
  <c r="V83155" i="1"/>
  <c r="V83156" i="1"/>
  <c r="V83157" i="1"/>
  <c r="V83158" i="1"/>
  <c r="V83159" i="1"/>
  <c r="V83160" i="1"/>
  <c r="V83161" i="1"/>
  <c r="V83162" i="1"/>
  <c r="V83163" i="1"/>
  <c r="V83164" i="1"/>
  <c r="V83165" i="1"/>
  <c r="V83166" i="1"/>
  <c r="V83167" i="1"/>
  <c r="V83168" i="1"/>
  <c r="V83169" i="1"/>
  <c r="V83170" i="1"/>
  <c r="V83171" i="1"/>
  <c r="V83172" i="1"/>
  <c r="V83173" i="1"/>
  <c r="V83174" i="1"/>
  <c r="V83175" i="1"/>
  <c r="V83176" i="1"/>
  <c r="V83177" i="1"/>
  <c r="V83178" i="1"/>
  <c r="V83179" i="1"/>
  <c r="V83180" i="1"/>
  <c r="V83181" i="1"/>
  <c r="V83182" i="1"/>
  <c r="V83183" i="1"/>
  <c r="V83184" i="1"/>
  <c r="V83185" i="1"/>
  <c r="V83186" i="1"/>
  <c r="V83187" i="1"/>
  <c r="V83188" i="1"/>
  <c r="V83189" i="1"/>
  <c r="V83190" i="1"/>
  <c r="V83191" i="1"/>
  <c r="V83192" i="1"/>
  <c r="V83193" i="1"/>
  <c r="V83194" i="1"/>
  <c r="V83195" i="1"/>
  <c r="V83196" i="1"/>
  <c r="V83197" i="1"/>
  <c r="V83198" i="1"/>
  <c r="V83199" i="1"/>
  <c r="V83200" i="1"/>
  <c r="V83201" i="1"/>
  <c r="V83202" i="1"/>
  <c r="V83203" i="1"/>
  <c r="V83204" i="1"/>
  <c r="V83205" i="1"/>
  <c r="V83206" i="1"/>
  <c r="V83207" i="1"/>
  <c r="V83208" i="1"/>
  <c r="V83209" i="1"/>
  <c r="V83210" i="1"/>
  <c r="V83211" i="1"/>
  <c r="V83212" i="1"/>
  <c r="V83213" i="1"/>
  <c r="V83214" i="1"/>
  <c r="V83215" i="1"/>
  <c r="V83216" i="1"/>
  <c r="V83217" i="1"/>
  <c r="V83218" i="1"/>
  <c r="V83219" i="1"/>
  <c r="V83220" i="1"/>
  <c r="V83221" i="1"/>
  <c r="V83222" i="1"/>
  <c r="V83223" i="1"/>
  <c r="V83224" i="1"/>
  <c r="V83225" i="1"/>
  <c r="V83226" i="1"/>
  <c r="V83227" i="1"/>
  <c r="V83228" i="1"/>
  <c r="V83229" i="1"/>
  <c r="V83230" i="1"/>
  <c r="V83231" i="1"/>
  <c r="V83232" i="1"/>
  <c r="V83233" i="1"/>
  <c r="V83234" i="1"/>
  <c r="V83235" i="1"/>
  <c r="V83236" i="1"/>
  <c r="V83237" i="1"/>
  <c r="V83238" i="1"/>
  <c r="V83239" i="1"/>
  <c r="V83240" i="1"/>
  <c r="V83241" i="1"/>
  <c r="V83242" i="1"/>
  <c r="V83243" i="1"/>
  <c r="V83244" i="1"/>
  <c r="V83245" i="1"/>
  <c r="V83246" i="1"/>
  <c r="V83247" i="1"/>
  <c r="V83248" i="1"/>
  <c r="V83249" i="1"/>
  <c r="V83250" i="1"/>
  <c r="V83251" i="1"/>
  <c r="V83252" i="1"/>
  <c r="V83253" i="1"/>
  <c r="V83254" i="1"/>
  <c r="V83255" i="1"/>
  <c r="V83256" i="1"/>
  <c r="V83257" i="1"/>
  <c r="V83258" i="1"/>
  <c r="V83259" i="1"/>
  <c r="V83260" i="1"/>
  <c r="V83261" i="1"/>
  <c r="V83262" i="1"/>
  <c r="V83263" i="1"/>
  <c r="V83264" i="1"/>
  <c r="V83265" i="1"/>
  <c r="V83266" i="1"/>
  <c r="V83267" i="1"/>
  <c r="V83268" i="1"/>
  <c r="V83269" i="1"/>
  <c r="V83270" i="1"/>
  <c r="V83271" i="1"/>
  <c r="V83272" i="1"/>
  <c r="V83273" i="1"/>
  <c r="V83274" i="1"/>
  <c r="V83275" i="1"/>
  <c r="V83276" i="1"/>
  <c r="V83277" i="1"/>
  <c r="V83278" i="1"/>
  <c r="V83279" i="1"/>
  <c r="V83280" i="1"/>
  <c r="V83281" i="1"/>
  <c r="V83282" i="1"/>
  <c r="V83283" i="1"/>
  <c r="V83284" i="1"/>
  <c r="V83285" i="1"/>
  <c r="V83286" i="1"/>
  <c r="V83287" i="1"/>
  <c r="V83288" i="1"/>
  <c r="V83289" i="1"/>
  <c r="V83290" i="1"/>
  <c r="V83291" i="1"/>
  <c r="V83292" i="1"/>
  <c r="V83293" i="1"/>
  <c r="V83294" i="1"/>
  <c r="V83295" i="1"/>
  <c r="V83296" i="1"/>
  <c r="V83297" i="1"/>
  <c r="V83298" i="1"/>
  <c r="V83299" i="1"/>
  <c r="V83300" i="1"/>
  <c r="V83301" i="1"/>
  <c r="V83302" i="1"/>
  <c r="V83303" i="1"/>
  <c r="V83304" i="1"/>
  <c r="V83305" i="1"/>
  <c r="V83306" i="1"/>
  <c r="V83307" i="1"/>
  <c r="V83308" i="1"/>
  <c r="V83309" i="1"/>
  <c r="V83310" i="1"/>
  <c r="V83311" i="1"/>
  <c r="V83312" i="1"/>
  <c r="V83313" i="1"/>
  <c r="V83314" i="1"/>
  <c r="V83315" i="1"/>
  <c r="V83316" i="1"/>
  <c r="V83317" i="1"/>
  <c r="V83318" i="1"/>
  <c r="V83319" i="1"/>
  <c r="V83320" i="1"/>
  <c r="V83321" i="1"/>
  <c r="V83322" i="1"/>
  <c r="V83323" i="1"/>
  <c r="V83324" i="1"/>
  <c r="V83325" i="1"/>
  <c r="V83326" i="1"/>
  <c r="V83327" i="1"/>
  <c r="V83328" i="1"/>
  <c r="V83329" i="1"/>
  <c r="V83330" i="1"/>
  <c r="V83331" i="1"/>
  <c r="V83332" i="1"/>
  <c r="V83333" i="1"/>
  <c r="V83334" i="1"/>
  <c r="V83335" i="1"/>
  <c r="V83336" i="1"/>
  <c r="V83337" i="1"/>
  <c r="V83338" i="1"/>
  <c r="V83339" i="1"/>
  <c r="V83340" i="1"/>
  <c r="V83341" i="1"/>
  <c r="V83342" i="1"/>
  <c r="V83343" i="1"/>
  <c r="V83344" i="1"/>
  <c r="V83345" i="1"/>
  <c r="V83346" i="1"/>
  <c r="V83347" i="1"/>
  <c r="V83348" i="1"/>
  <c r="V83349" i="1"/>
  <c r="V83350" i="1"/>
  <c r="V83351" i="1"/>
  <c r="V83352" i="1"/>
  <c r="V83353" i="1"/>
  <c r="V83354" i="1"/>
  <c r="V83355" i="1"/>
  <c r="V83356" i="1"/>
  <c r="V83357" i="1"/>
  <c r="V83358" i="1"/>
  <c r="V83359" i="1"/>
  <c r="V83360" i="1"/>
  <c r="V83361" i="1"/>
  <c r="V83362" i="1"/>
  <c r="V83363" i="1"/>
  <c r="V83364" i="1"/>
  <c r="V83365" i="1"/>
  <c r="V83366" i="1"/>
  <c r="V83367" i="1"/>
  <c r="V83368" i="1"/>
  <c r="V83369" i="1"/>
  <c r="V83370" i="1"/>
  <c r="V83371" i="1"/>
  <c r="V83372" i="1"/>
  <c r="V83373" i="1"/>
  <c r="V83374" i="1"/>
  <c r="V83375" i="1"/>
  <c r="V83376" i="1"/>
  <c r="V83377" i="1"/>
  <c r="V83378" i="1"/>
  <c r="V83379" i="1"/>
  <c r="V83380" i="1"/>
  <c r="V83381" i="1"/>
  <c r="V83382" i="1"/>
  <c r="V83383" i="1"/>
  <c r="V83384" i="1"/>
  <c r="V83385" i="1"/>
  <c r="V83386" i="1"/>
  <c r="V83387" i="1"/>
  <c r="V83388" i="1"/>
  <c r="V83389" i="1"/>
  <c r="V83390" i="1"/>
  <c r="V83391" i="1"/>
  <c r="V83392" i="1"/>
  <c r="V83393" i="1"/>
  <c r="V83394" i="1"/>
  <c r="V83395" i="1"/>
  <c r="V83396" i="1"/>
  <c r="V83397" i="1"/>
  <c r="V83398" i="1"/>
  <c r="V83399" i="1"/>
  <c r="V83400" i="1"/>
  <c r="V83401" i="1"/>
  <c r="V83402" i="1"/>
  <c r="V83403" i="1"/>
  <c r="V83404" i="1"/>
  <c r="V83405" i="1"/>
  <c r="V83406" i="1"/>
  <c r="V83407" i="1"/>
  <c r="V83408" i="1"/>
  <c r="V83409" i="1"/>
  <c r="V83410" i="1"/>
  <c r="V83411" i="1"/>
  <c r="V83412" i="1"/>
  <c r="V83413" i="1"/>
  <c r="V83414" i="1"/>
  <c r="V83415" i="1"/>
  <c r="V83416" i="1"/>
  <c r="V83417" i="1"/>
  <c r="V83418" i="1"/>
  <c r="V83419" i="1"/>
  <c r="V83420" i="1"/>
  <c r="V83421" i="1"/>
  <c r="V83422" i="1"/>
  <c r="V83423" i="1"/>
  <c r="V83424" i="1"/>
  <c r="V83425" i="1"/>
  <c r="V83426" i="1"/>
  <c r="V83427" i="1"/>
  <c r="V83428" i="1"/>
  <c r="V83429" i="1"/>
  <c r="V83430" i="1"/>
  <c r="V83431" i="1"/>
  <c r="V83432" i="1"/>
  <c r="V83433" i="1"/>
  <c r="V83434" i="1"/>
  <c r="V83435" i="1"/>
  <c r="V83436" i="1"/>
  <c r="V83437" i="1"/>
  <c r="V83438" i="1"/>
  <c r="V83439" i="1"/>
  <c r="V83440" i="1"/>
  <c r="V83441" i="1"/>
  <c r="V83442" i="1"/>
  <c r="V83443" i="1"/>
  <c r="V83444" i="1"/>
  <c r="V83445" i="1"/>
  <c r="V83446" i="1"/>
  <c r="V83447" i="1"/>
  <c r="V83448" i="1"/>
  <c r="V83449" i="1"/>
  <c r="V83450" i="1"/>
  <c r="V83451" i="1"/>
  <c r="V83452" i="1"/>
  <c r="V83453" i="1"/>
  <c r="V83454" i="1"/>
  <c r="V83455" i="1"/>
  <c r="V83456" i="1"/>
  <c r="V83457" i="1"/>
  <c r="V83458" i="1"/>
  <c r="V83459" i="1"/>
  <c r="V83460" i="1"/>
  <c r="V83461" i="1"/>
  <c r="V83462" i="1"/>
  <c r="V83463" i="1"/>
  <c r="V83464" i="1"/>
  <c r="V83465" i="1"/>
  <c r="V83466" i="1"/>
  <c r="V83467" i="1"/>
  <c r="V83468" i="1"/>
  <c r="V83469" i="1"/>
  <c r="V83470" i="1"/>
  <c r="V83471" i="1"/>
  <c r="V83472" i="1"/>
  <c r="V83473" i="1"/>
  <c r="V83474" i="1"/>
  <c r="V83475" i="1"/>
  <c r="V83476" i="1"/>
  <c r="V83477" i="1"/>
  <c r="V83478" i="1"/>
  <c r="V83479" i="1"/>
  <c r="V83480" i="1"/>
  <c r="V83481" i="1"/>
  <c r="V83482" i="1"/>
  <c r="V83483" i="1"/>
  <c r="V83484" i="1"/>
  <c r="V83485" i="1"/>
  <c r="V83486" i="1"/>
  <c r="V83487" i="1"/>
  <c r="V83488" i="1"/>
  <c r="V83489" i="1"/>
  <c r="V83490" i="1"/>
  <c r="V83491" i="1"/>
  <c r="V83492" i="1"/>
  <c r="V83493" i="1"/>
  <c r="V83494" i="1"/>
  <c r="V83495" i="1"/>
  <c r="V83496" i="1"/>
  <c r="V83497" i="1"/>
  <c r="V83498" i="1"/>
  <c r="V83499" i="1"/>
  <c r="V83500" i="1"/>
  <c r="V83501" i="1"/>
  <c r="V83502" i="1"/>
  <c r="V83503" i="1"/>
  <c r="V83504" i="1"/>
  <c r="V83505" i="1"/>
  <c r="V83506" i="1"/>
  <c r="V83507" i="1"/>
  <c r="V83508" i="1"/>
  <c r="V83509" i="1"/>
  <c r="V83510" i="1"/>
  <c r="V83511" i="1"/>
  <c r="V83512" i="1"/>
  <c r="V83513" i="1"/>
  <c r="V83514" i="1"/>
  <c r="V83515" i="1"/>
  <c r="V83516" i="1"/>
  <c r="V83517" i="1"/>
  <c r="V83518" i="1"/>
  <c r="V83519" i="1"/>
  <c r="V83520" i="1"/>
  <c r="V83521" i="1"/>
  <c r="V83522" i="1"/>
  <c r="V83523" i="1"/>
  <c r="V83524" i="1"/>
  <c r="V83525" i="1"/>
  <c r="V83526" i="1"/>
  <c r="V83527" i="1"/>
  <c r="V83528" i="1"/>
  <c r="V83529" i="1"/>
  <c r="V83530" i="1"/>
  <c r="V83531" i="1"/>
  <c r="V83532" i="1"/>
  <c r="V83533" i="1"/>
  <c r="V83534" i="1"/>
  <c r="V83535" i="1"/>
  <c r="V83536" i="1"/>
  <c r="V83537" i="1"/>
  <c r="V83538" i="1"/>
  <c r="V83539" i="1"/>
  <c r="V83540" i="1"/>
  <c r="V83541" i="1"/>
  <c r="V83542" i="1"/>
  <c r="V83543" i="1"/>
  <c r="V83544" i="1"/>
  <c r="V83545" i="1"/>
  <c r="V83546" i="1"/>
  <c r="V83547" i="1"/>
  <c r="V83548" i="1"/>
  <c r="V83549" i="1"/>
  <c r="V83550" i="1"/>
  <c r="V83551" i="1"/>
  <c r="V83552" i="1"/>
  <c r="V83553" i="1"/>
  <c r="V83554" i="1"/>
  <c r="V83555" i="1"/>
  <c r="V83556" i="1"/>
  <c r="V83557" i="1"/>
  <c r="V83558" i="1"/>
  <c r="V83559" i="1"/>
  <c r="V83560" i="1"/>
  <c r="V83561" i="1"/>
  <c r="V83562" i="1"/>
  <c r="V83563" i="1"/>
  <c r="V83564" i="1"/>
  <c r="V83565" i="1"/>
  <c r="V83566" i="1"/>
  <c r="V83567" i="1"/>
  <c r="V83568" i="1"/>
  <c r="V83569" i="1"/>
  <c r="V83570" i="1"/>
  <c r="V83571" i="1"/>
  <c r="V83572" i="1"/>
  <c r="V83573" i="1"/>
  <c r="V83574" i="1"/>
  <c r="V83575" i="1"/>
  <c r="V83576" i="1"/>
  <c r="V83577" i="1"/>
  <c r="V83578" i="1"/>
  <c r="V83579" i="1"/>
  <c r="V83580" i="1"/>
  <c r="V83581" i="1"/>
  <c r="V83582" i="1"/>
  <c r="V83583" i="1"/>
  <c r="V83584" i="1"/>
  <c r="V83585" i="1"/>
  <c r="V83586" i="1"/>
  <c r="V83587" i="1"/>
  <c r="V83588" i="1"/>
  <c r="V83589" i="1"/>
  <c r="V83590" i="1"/>
  <c r="V83591" i="1"/>
  <c r="V83592" i="1"/>
  <c r="V83593" i="1"/>
  <c r="V83594" i="1"/>
  <c r="V83595" i="1"/>
  <c r="V83596" i="1"/>
  <c r="V83597" i="1"/>
  <c r="V83598" i="1"/>
  <c r="V83599" i="1"/>
  <c r="V83600" i="1"/>
  <c r="V83601" i="1"/>
  <c r="V83602" i="1"/>
  <c r="V83603" i="1"/>
  <c r="V83604" i="1"/>
  <c r="V83605" i="1"/>
  <c r="V83606" i="1"/>
  <c r="V83607" i="1"/>
  <c r="V83608" i="1"/>
  <c r="V83609" i="1"/>
  <c r="V83610" i="1"/>
  <c r="V83611" i="1"/>
  <c r="V83612" i="1"/>
  <c r="V83613" i="1"/>
  <c r="V83614" i="1"/>
  <c r="V83615" i="1"/>
  <c r="V83616" i="1"/>
  <c r="V83617" i="1"/>
  <c r="V83618" i="1"/>
  <c r="V83619" i="1"/>
  <c r="V83620" i="1"/>
  <c r="V83621" i="1"/>
  <c r="V83622" i="1"/>
  <c r="V83623" i="1"/>
  <c r="V83624" i="1"/>
  <c r="V83625" i="1"/>
  <c r="V83626" i="1"/>
  <c r="V83627" i="1"/>
  <c r="V83628" i="1"/>
  <c r="V83629" i="1"/>
  <c r="V83630" i="1"/>
  <c r="V83631" i="1"/>
  <c r="V83632" i="1"/>
  <c r="V83633" i="1"/>
  <c r="V83634" i="1"/>
  <c r="V83635" i="1"/>
  <c r="V83636" i="1"/>
  <c r="V83637" i="1"/>
  <c r="V83638" i="1"/>
  <c r="V83639" i="1"/>
  <c r="V83640" i="1"/>
  <c r="V83641" i="1"/>
  <c r="V83642" i="1"/>
  <c r="V83643" i="1"/>
  <c r="V83644" i="1"/>
  <c r="V83645" i="1"/>
  <c r="V83646" i="1"/>
  <c r="V83647" i="1"/>
  <c r="V83648" i="1"/>
  <c r="V83649" i="1"/>
  <c r="V83650" i="1"/>
  <c r="V83651" i="1"/>
  <c r="V83652" i="1"/>
  <c r="V83653" i="1"/>
  <c r="V83654" i="1"/>
  <c r="V83655" i="1"/>
  <c r="V83656" i="1"/>
  <c r="V83657" i="1"/>
  <c r="V83658" i="1"/>
  <c r="V83659" i="1"/>
  <c r="V83660" i="1"/>
  <c r="V83661" i="1"/>
  <c r="V83662" i="1"/>
  <c r="V83663" i="1"/>
  <c r="V83664" i="1"/>
  <c r="V83665" i="1"/>
  <c r="V83666" i="1"/>
  <c r="V83667" i="1"/>
  <c r="V83668" i="1"/>
  <c r="V83669" i="1"/>
  <c r="V83670" i="1"/>
  <c r="V83671" i="1"/>
  <c r="V83672" i="1"/>
  <c r="V83673" i="1"/>
  <c r="V83674" i="1"/>
  <c r="V83675" i="1"/>
  <c r="V83676" i="1"/>
  <c r="V83677" i="1"/>
  <c r="V83678" i="1"/>
  <c r="V83679" i="1"/>
  <c r="V83680" i="1"/>
  <c r="V83681" i="1"/>
  <c r="V83682" i="1"/>
  <c r="V83683" i="1"/>
  <c r="V83684" i="1"/>
  <c r="V83685" i="1"/>
  <c r="V83686" i="1"/>
  <c r="V83687" i="1"/>
  <c r="V83688" i="1"/>
  <c r="V83689" i="1"/>
  <c r="V83690" i="1"/>
  <c r="V83691" i="1"/>
  <c r="V83692" i="1"/>
  <c r="V83693" i="1"/>
  <c r="V83694" i="1"/>
  <c r="V83695" i="1"/>
  <c r="V83696" i="1"/>
  <c r="V83697" i="1"/>
  <c r="V83698" i="1"/>
  <c r="V83699" i="1"/>
  <c r="V83700" i="1"/>
  <c r="V83701" i="1"/>
  <c r="V83702" i="1"/>
  <c r="V83703" i="1"/>
  <c r="V83704" i="1"/>
  <c r="V83705" i="1"/>
  <c r="V83706" i="1"/>
  <c r="V83707" i="1"/>
  <c r="V83708" i="1"/>
  <c r="V83709" i="1"/>
  <c r="V83710" i="1"/>
  <c r="V83711" i="1"/>
  <c r="V83712" i="1"/>
  <c r="V83713" i="1"/>
  <c r="V83714" i="1"/>
  <c r="V83715" i="1"/>
  <c r="V83716" i="1"/>
  <c r="V83717" i="1"/>
  <c r="V83718" i="1"/>
  <c r="V83719" i="1"/>
  <c r="V83720" i="1"/>
  <c r="V83721" i="1"/>
  <c r="V83722" i="1"/>
  <c r="V83723" i="1"/>
  <c r="V83724" i="1"/>
  <c r="V83725" i="1"/>
  <c r="V83726" i="1"/>
  <c r="V83727" i="1"/>
  <c r="V83728" i="1"/>
  <c r="V83729" i="1"/>
  <c r="V83730" i="1"/>
  <c r="V83731" i="1"/>
  <c r="V83732" i="1"/>
  <c r="V83733" i="1"/>
  <c r="V83734" i="1"/>
  <c r="V83735" i="1"/>
  <c r="V83736" i="1"/>
  <c r="V83737" i="1"/>
  <c r="V83738" i="1"/>
  <c r="V83739" i="1"/>
  <c r="V83740" i="1"/>
  <c r="V83741" i="1"/>
  <c r="V83742" i="1"/>
  <c r="V83743" i="1"/>
  <c r="V83744" i="1"/>
  <c r="V83745" i="1"/>
  <c r="V83746" i="1"/>
  <c r="V83747" i="1"/>
  <c r="V83748" i="1"/>
  <c r="V83749" i="1"/>
  <c r="V83750" i="1"/>
  <c r="V83751" i="1"/>
  <c r="V83752" i="1"/>
  <c r="V83753" i="1"/>
  <c r="V83754" i="1"/>
  <c r="V83755" i="1"/>
  <c r="V83756" i="1"/>
  <c r="V83757" i="1"/>
  <c r="V83758" i="1"/>
  <c r="V83759" i="1"/>
  <c r="V83760" i="1"/>
  <c r="V83761" i="1"/>
  <c r="V83762" i="1"/>
  <c r="V83763" i="1"/>
  <c r="V83764" i="1"/>
  <c r="V83765" i="1"/>
  <c r="V83766" i="1"/>
  <c r="V83767" i="1"/>
  <c r="V83768" i="1"/>
  <c r="V83769" i="1"/>
  <c r="V83770" i="1"/>
  <c r="V83771" i="1"/>
  <c r="V83772" i="1"/>
  <c r="V83773" i="1"/>
  <c r="V83774" i="1"/>
  <c r="V83775" i="1"/>
  <c r="V83776" i="1"/>
  <c r="V83777" i="1"/>
  <c r="V83778" i="1"/>
  <c r="V83779" i="1"/>
  <c r="V83780" i="1"/>
  <c r="V83781" i="1"/>
  <c r="V83782" i="1"/>
  <c r="V83783" i="1"/>
  <c r="V83784" i="1"/>
  <c r="V83785" i="1"/>
  <c r="V83786" i="1"/>
  <c r="V83787" i="1"/>
  <c r="V83788" i="1"/>
  <c r="V83789" i="1"/>
  <c r="V83790" i="1"/>
  <c r="V83791" i="1"/>
  <c r="V83792" i="1"/>
  <c r="V83793" i="1"/>
  <c r="V83794" i="1"/>
  <c r="V83795" i="1"/>
  <c r="V83796" i="1"/>
  <c r="V83797" i="1"/>
  <c r="V83798" i="1"/>
  <c r="V83799" i="1"/>
  <c r="V83800" i="1"/>
  <c r="V83801" i="1"/>
  <c r="V83802" i="1"/>
  <c r="V83803" i="1"/>
  <c r="V83804" i="1"/>
  <c r="V83805" i="1"/>
  <c r="V83806" i="1"/>
  <c r="V83807" i="1"/>
  <c r="V83808" i="1"/>
  <c r="V83809" i="1"/>
  <c r="V83810" i="1"/>
  <c r="V83811" i="1"/>
  <c r="V83812" i="1"/>
  <c r="V83813" i="1"/>
  <c r="V83814" i="1"/>
  <c r="V83815" i="1"/>
  <c r="V83816" i="1"/>
  <c r="V83817" i="1"/>
  <c r="V83818" i="1"/>
  <c r="V83819" i="1"/>
  <c r="V83820" i="1"/>
  <c r="V83821" i="1"/>
  <c r="V83822" i="1"/>
  <c r="V83823" i="1"/>
  <c r="V83824" i="1"/>
  <c r="V83825" i="1"/>
  <c r="V83826" i="1"/>
  <c r="V83827" i="1"/>
  <c r="V83828" i="1"/>
  <c r="V83829" i="1"/>
  <c r="V83830" i="1"/>
  <c r="V83831" i="1"/>
  <c r="V83832" i="1"/>
  <c r="V83833" i="1"/>
  <c r="V83834" i="1"/>
  <c r="V83835" i="1"/>
  <c r="V83836" i="1"/>
  <c r="V83837" i="1"/>
  <c r="V83838" i="1"/>
  <c r="V83839" i="1"/>
  <c r="V83840" i="1"/>
  <c r="V83841" i="1"/>
  <c r="V83842" i="1"/>
  <c r="V83843" i="1"/>
  <c r="V83844" i="1"/>
  <c r="V83845" i="1"/>
  <c r="V83846" i="1"/>
  <c r="V83847" i="1"/>
  <c r="V83848" i="1"/>
  <c r="V83849" i="1"/>
  <c r="V83850" i="1"/>
  <c r="V83851" i="1"/>
  <c r="V83852" i="1"/>
  <c r="V83853" i="1"/>
  <c r="V83854" i="1"/>
  <c r="V83855" i="1"/>
  <c r="V83856" i="1"/>
  <c r="V83857" i="1"/>
  <c r="V83858" i="1"/>
  <c r="V83859" i="1"/>
  <c r="V83860" i="1"/>
  <c r="V83861" i="1"/>
  <c r="V83862" i="1"/>
  <c r="V83863" i="1"/>
  <c r="V83864" i="1"/>
  <c r="V83865" i="1"/>
  <c r="V83866" i="1"/>
  <c r="V83867" i="1"/>
  <c r="V83868" i="1"/>
  <c r="V83869" i="1"/>
  <c r="V83870" i="1"/>
  <c r="V83871" i="1"/>
  <c r="V83872" i="1"/>
  <c r="V83873" i="1"/>
  <c r="V83874" i="1"/>
  <c r="V83875" i="1"/>
  <c r="V83876" i="1"/>
  <c r="V83877" i="1"/>
  <c r="V83878" i="1"/>
  <c r="V83879" i="1"/>
  <c r="V83880" i="1"/>
  <c r="V83881" i="1"/>
  <c r="V83882" i="1"/>
  <c r="V83883" i="1"/>
  <c r="V83884" i="1"/>
  <c r="V83885" i="1"/>
  <c r="V83886" i="1"/>
  <c r="V83887" i="1"/>
  <c r="V83888" i="1"/>
  <c r="V83889" i="1"/>
  <c r="V83890" i="1"/>
  <c r="V83891" i="1"/>
  <c r="V83892" i="1"/>
  <c r="V83893" i="1"/>
  <c r="V83894" i="1"/>
  <c r="V83895" i="1"/>
  <c r="V83896" i="1"/>
  <c r="V83897" i="1"/>
  <c r="V83898" i="1"/>
  <c r="V83899" i="1"/>
  <c r="V83900" i="1"/>
  <c r="V83901" i="1"/>
  <c r="V83902" i="1"/>
  <c r="V83903" i="1"/>
  <c r="V83904" i="1"/>
  <c r="V83905" i="1"/>
  <c r="V83906" i="1"/>
  <c r="V83907" i="1"/>
  <c r="V83908" i="1"/>
  <c r="V83909" i="1"/>
  <c r="V83910" i="1"/>
  <c r="V83911" i="1"/>
  <c r="V83912" i="1"/>
  <c r="V83913" i="1"/>
  <c r="V83914" i="1"/>
  <c r="V83915" i="1"/>
  <c r="V83916" i="1"/>
  <c r="V83917" i="1"/>
  <c r="V83918" i="1"/>
  <c r="V83919" i="1"/>
  <c r="V83920" i="1"/>
  <c r="V83921" i="1"/>
  <c r="V83922" i="1"/>
  <c r="V83923" i="1"/>
  <c r="V83924" i="1"/>
  <c r="V83925" i="1"/>
  <c r="V83926" i="1"/>
  <c r="V83927" i="1"/>
  <c r="V83928" i="1"/>
  <c r="V83929" i="1"/>
  <c r="V83930" i="1"/>
  <c r="V83931" i="1"/>
  <c r="V83932" i="1"/>
  <c r="V83933" i="1"/>
  <c r="V83934" i="1"/>
  <c r="V83935" i="1"/>
  <c r="V83936" i="1"/>
  <c r="V83937" i="1"/>
  <c r="V83938" i="1"/>
  <c r="V83939" i="1"/>
  <c r="V83940" i="1"/>
  <c r="V83941" i="1"/>
  <c r="V83942" i="1"/>
  <c r="V83943" i="1"/>
  <c r="V83944" i="1"/>
  <c r="V83945" i="1"/>
  <c r="V83946" i="1"/>
  <c r="V83947" i="1"/>
  <c r="V83948" i="1"/>
  <c r="V83949" i="1"/>
  <c r="V83950" i="1"/>
  <c r="V83951" i="1"/>
  <c r="V83952" i="1"/>
  <c r="V83953" i="1"/>
  <c r="V83954" i="1"/>
  <c r="V83955" i="1"/>
  <c r="V83956" i="1"/>
  <c r="V83957" i="1"/>
  <c r="V83958" i="1"/>
  <c r="V83959" i="1"/>
  <c r="V83960" i="1"/>
  <c r="V83961" i="1"/>
  <c r="V83962" i="1"/>
  <c r="V83963" i="1"/>
  <c r="V83964" i="1"/>
  <c r="V83965" i="1"/>
  <c r="V83966" i="1"/>
  <c r="V83967" i="1"/>
  <c r="V83968" i="1"/>
  <c r="V83969" i="1"/>
  <c r="V83970" i="1"/>
  <c r="V83971" i="1"/>
  <c r="V83972" i="1"/>
  <c r="V83973" i="1"/>
  <c r="V83974" i="1"/>
  <c r="V83975" i="1"/>
  <c r="V83976" i="1"/>
  <c r="V83977" i="1"/>
  <c r="V83978" i="1"/>
  <c r="V83979" i="1"/>
  <c r="V83980" i="1"/>
  <c r="V83981" i="1"/>
  <c r="V83982" i="1"/>
  <c r="V83983" i="1"/>
  <c r="V83984" i="1"/>
  <c r="V83985" i="1"/>
  <c r="V83986" i="1"/>
  <c r="V83987" i="1"/>
  <c r="V83988" i="1"/>
  <c r="V83989" i="1"/>
  <c r="V83990" i="1"/>
  <c r="V83991" i="1"/>
  <c r="V83992" i="1"/>
  <c r="V83993" i="1"/>
  <c r="V83994" i="1"/>
  <c r="V83995" i="1"/>
  <c r="V83996" i="1"/>
  <c r="V83997" i="1"/>
  <c r="V83998" i="1"/>
  <c r="V83999" i="1"/>
  <c r="V84000" i="1"/>
  <c r="V84001" i="1"/>
  <c r="V84002" i="1"/>
  <c r="V84003" i="1"/>
  <c r="V84004" i="1"/>
  <c r="V84005" i="1"/>
  <c r="V84006" i="1"/>
  <c r="V84007" i="1"/>
  <c r="V84008" i="1"/>
  <c r="V84009" i="1"/>
  <c r="V84010" i="1"/>
  <c r="V84011" i="1"/>
  <c r="V84012" i="1"/>
  <c r="V84013" i="1"/>
  <c r="V84014" i="1"/>
  <c r="V84015" i="1"/>
  <c r="V84016" i="1"/>
  <c r="V84017" i="1"/>
  <c r="V84018" i="1"/>
  <c r="V84019" i="1"/>
  <c r="V84020" i="1"/>
  <c r="V84021" i="1"/>
  <c r="V84022" i="1"/>
  <c r="V84023" i="1"/>
  <c r="V84024" i="1"/>
  <c r="V84025" i="1"/>
  <c r="V84026" i="1"/>
  <c r="V84027" i="1"/>
  <c r="V84028" i="1"/>
  <c r="V84029" i="1"/>
  <c r="V84030" i="1"/>
  <c r="V84031" i="1"/>
  <c r="V84032" i="1"/>
  <c r="V84033" i="1"/>
  <c r="V84034" i="1"/>
  <c r="V84035" i="1"/>
  <c r="V84036" i="1"/>
  <c r="V84037" i="1"/>
  <c r="V84038" i="1"/>
  <c r="V84039" i="1"/>
  <c r="V84040" i="1"/>
  <c r="V84041" i="1"/>
  <c r="V84042" i="1"/>
  <c r="V84043" i="1"/>
  <c r="V84044" i="1"/>
  <c r="V84045" i="1"/>
  <c r="V84046" i="1"/>
  <c r="V84047" i="1"/>
  <c r="V84048" i="1"/>
  <c r="V84049" i="1"/>
  <c r="V84050" i="1"/>
  <c r="V84051" i="1"/>
  <c r="V84052" i="1"/>
  <c r="V84053" i="1"/>
  <c r="V84054" i="1"/>
  <c r="V84055" i="1"/>
  <c r="V84056" i="1"/>
  <c r="V84057" i="1"/>
  <c r="V84058" i="1"/>
  <c r="V84059" i="1"/>
  <c r="V84060" i="1"/>
  <c r="V84061" i="1"/>
  <c r="V84062" i="1"/>
  <c r="V84063" i="1"/>
  <c r="V84064" i="1"/>
  <c r="V84065" i="1"/>
  <c r="V84066" i="1"/>
  <c r="V84067" i="1"/>
  <c r="V84068" i="1"/>
  <c r="V84069" i="1"/>
  <c r="V84070" i="1"/>
  <c r="V84071" i="1"/>
  <c r="V84072" i="1"/>
  <c r="V84073" i="1"/>
  <c r="V84074" i="1"/>
  <c r="V84075" i="1"/>
  <c r="V84076" i="1"/>
  <c r="V84077" i="1"/>
  <c r="V84078" i="1"/>
  <c r="V84079" i="1"/>
  <c r="V84080" i="1"/>
  <c r="V84081" i="1"/>
  <c r="V84082" i="1"/>
  <c r="V84083" i="1"/>
  <c r="V84084" i="1"/>
  <c r="V84085" i="1"/>
  <c r="V84086" i="1"/>
  <c r="V84087" i="1"/>
  <c r="V84088" i="1"/>
  <c r="V84089" i="1"/>
  <c r="V84090" i="1"/>
  <c r="V84091" i="1"/>
  <c r="V84092" i="1"/>
  <c r="V84093" i="1"/>
  <c r="V84094" i="1"/>
  <c r="V84095" i="1"/>
  <c r="V84096" i="1"/>
  <c r="V84097" i="1"/>
  <c r="V84098" i="1"/>
  <c r="V84099" i="1"/>
  <c r="V84100" i="1"/>
  <c r="V84101" i="1"/>
  <c r="V84102" i="1"/>
  <c r="V84103" i="1"/>
  <c r="V84104" i="1"/>
  <c r="V84105" i="1"/>
  <c r="V84106" i="1"/>
  <c r="V84107" i="1"/>
  <c r="V84108" i="1"/>
  <c r="V84109" i="1"/>
  <c r="V84110" i="1"/>
  <c r="V84111" i="1"/>
  <c r="V84112" i="1"/>
  <c r="V84113" i="1"/>
  <c r="V84114" i="1"/>
  <c r="V84115" i="1"/>
  <c r="V84116" i="1"/>
  <c r="V84117" i="1"/>
  <c r="V84118" i="1"/>
  <c r="V84119" i="1"/>
  <c r="V84120" i="1"/>
  <c r="V84121" i="1"/>
  <c r="V84122" i="1"/>
  <c r="V84123" i="1"/>
  <c r="V84124" i="1"/>
  <c r="V84125" i="1"/>
  <c r="V84126" i="1"/>
  <c r="V84127" i="1"/>
  <c r="V84128" i="1"/>
  <c r="V84129" i="1"/>
  <c r="V84130" i="1"/>
  <c r="V84131" i="1"/>
  <c r="V84132" i="1"/>
  <c r="V84133" i="1"/>
  <c r="V84134" i="1"/>
  <c r="V84135" i="1"/>
  <c r="V84136" i="1"/>
  <c r="V84137" i="1"/>
  <c r="V84138" i="1"/>
  <c r="V84139" i="1"/>
  <c r="V84140" i="1"/>
  <c r="V84141" i="1"/>
  <c r="V84142" i="1"/>
  <c r="V84143" i="1"/>
  <c r="V84144" i="1"/>
  <c r="V84145" i="1"/>
  <c r="V84146" i="1"/>
  <c r="V84147" i="1"/>
  <c r="V84148" i="1"/>
  <c r="V84149" i="1"/>
  <c r="V84150" i="1"/>
  <c r="V84151" i="1"/>
  <c r="V84152" i="1"/>
  <c r="V84153" i="1"/>
  <c r="V84154" i="1"/>
  <c r="V84155" i="1"/>
  <c r="V84156" i="1"/>
  <c r="V84157" i="1"/>
  <c r="V84158" i="1"/>
  <c r="V84159" i="1"/>
  <c r="V84160" i="1"/>
  <c r="V84161" i="1"/>
  <c r="V84162" i="1"/>
  <c r="V84163" i="1"/>
  <c r="V84164" i="1"/>
  <c r="V84165" i="1"/>
  <c r="V84166" i="1"/>
  <c r="V84167" i="1"/>
  <c r="V84168" i="1"/>
  <c r="V84169" i="1"/>
  <c r="V84170" i="1"/>
  <c r="V84171" i="1"/>
  <c r="V84172" i="1"/>
  <c r="V84173" i="1"/>
  <c r="V84174" i="1"/>
  <c r="V84175" i="1"/>
  <c r="V84176" i="1"/>
  <c r="V84177" i="1"/>
  <c r="V84178" i="1"/>
  <c r="V84179" i="1"/>
  <c r="V84180" i="1"/>
  <c r="V84181" i="1"/>
  <c r="V84182" i="1"/>
  <c r="V84183" i="1"/>
  <c r="V84184" i="1"/>
  <c r="V84185" i="1"/>
  <c r="V84186" i="1"/>
  <c r="V84187" i="1"/>
  <c r="V84188" i="1"/>
  <c r="V84189" i="1"/>
  <c r="V84190" i="1"/>
  <c r="V84191" i="1"/>
  <c r="V84192" i="1"/>
  <c r="V84193" i="1"/>
  <c r="V84194" i="1"/>
  <c r="V84195" i="1"/>
  <c r="V84196" i="1"/>
  <c r="V84197" i="1"/>
  <c r="V84198" i="1"/>
  <c r="V84199" i="1"/>
  <c r="V84200" i="1"/>
  <c r="V84201" i="1"/>
  <c r="V84202" i="1"/>
  <c r="V84203" i="1"/>
  <c r="V84204" i="1"/>
  <c r="V84205" i="1"/>
  <c r="V84206" i="1"/>
  <c r="V84207" i="1"/>
  <c r="V84208" i="1"/>
  <c r="V84209" i="1"/>
  <c r="V84210" i="1"/>
  <c r="V84211" i="1"/>
  <c r="V84212" i="1"/>
  <c r="V84213" i="1"/>
  <c r="V84214" i="1"/>
  <c r="V84215" i="1"/>
  <c r="V84216" i="1"/>
  <c r="V84217" i="1"/>
  <c r="V84218" i="1"/>
  <c r="V84219" i="1"/>
  <c r="V84220" i="1"/>
  <c r="V84221" i="1"/>
  <c r="V84222" i="1"/>
  <c r="V84223" i="1"/>
  <c r="V84224" i="1"/>
  <c r="V84225" i="1"/>
  <c r="V84226" i="1"/>
  <c r="V84227" i="1"/>
  <c r="V84228" i="1"/>
  <c r="V84229" i="1"/>
  <c r="V84230" i="1"/>
  <c r="V84231" i="1"/>
  <c r="V84232" i="1"/>
  <c r="V84233" i="1"/>
  <c r="V84234" i="1"/>
  <c r="V84235" i="1"/>
  <c r="V84236" i="1"/>
  <c r="V84237" i="1"/>
  <c r="V84238" i="1"/>
  <c r="V84239" i="1"/>
  <c r="V84240" i="1"/>
  <c r="V84241" i="1"/>
  <c r="V84242" i="1"/>
  <c r="V84243" i="1"/>
  <c r="V84244" i="1"/>
  <c r="V84245" i="1"/>
  <c r="V84246" i="1"/>
  <c r="V84247" i="1"/>
  <c r="V84248" i="1"/>
  <c r="V84249" i="1"/>
  <c r="V84250" i="1"/>
  <c r="V84251" i="1"/>
  <c r="V84252" i="1"/>
  <c r="V84253" i="1"/>
  <c r="V84254" i="1"/>
  <c r="V84255" i="1"/>
  <c r="V84256" i="1"/>
  <c r="V84257" i="1"/>
  <c r="V84258" i="1"/>
  <c r="V84259" i="1"/>
  <c r="V84260" i="1"/>
  <c r="V84261" i="1"/>
  <c r="V84262" i="1"/>
  <c r="V84263" i="1"/>
  <c r="V84264" i="1"/>
  <c r="V84265" i="1"/>
  <c r="V84266" i="1"/>
  <c r="V84267" i="1"/>
  <c r="V84268" i="1"/>
  <c r="V84269" i="1"/>
  <c r="V84270" i="1"/>
  <c r="V84271" i="1"/>
  <c r="V84272" i="1"/>
  <c r="V84273" i="1"/>
  <c r="V84274" i="1"/>
  <c r="V84275" i="1"/>
  <c r="V84276" i="1"/>
  <c r="V84277" i="1"/>
  <c r="V84278" i="1"/>
  <c r="V84279" i="1"/>
  <c r="V84280" i="1"/>
  <c r="V84281" i="1"/>
  <c r="V84282" i="1"/>
  <c r="V84283" i="1"/>
  <c r="V84284" i="1"/>
  <c r="V84285" i="1"/>
  <c r="V84286" i="1"/>
  <c r="V84287" i="1"/>
  <c r="V84288" i="1"/>
  <c r="V84289" i="1"/>
  <c r="V84290" i="1"/>
  <c r="V84291" i="1"/>
  <c r="V84292" i="1"/>
  <c r="V84293" i="1"/>
  <c r="V84294" i="1"/>
  <c r="V84295" i="1"/>
  <c r="V84296" i="1"/>
  <c r="V84297" i="1"/>
  <c r="V84298" i="1"/>
  <c r="V84299" i="1"/>
  <c r="V84300" i="1"/>
  <c r="V84301" i="1"/>
  <c r="V84302" i="1"/>
  <c r="V84303" i="1"/>
  <c r="V84304" i="1"/>
  <c r="V84305" i="1"/>
  <c r="V84306" i="1"/>
  <c r="V84307" i="1"/>
  <c r="V84308" i="1"/>
  <c r="V84309" i="1"/>
  <c r="V84310" i="1"/>
  <c r="V84311" i="1"/>
  <c r="V84312" i="1"/>
  <c r="V84313" i="1"/>
  <c r="V84314" i="1"/>
  <c r="V84315" i="1"/>
  <c r="V84316" i="1"/>
  <c r="V84317" i="1"/>
  <c r="V84318" i="1"/>
  <c r="V84319" i="1"/>
  <c r="V84320" i="1"/>
  <c r="V84321" i="1"/>
  <c r="V84322" i="1"/>
  <c r="V84323" i="1"/>
  <c r="V84324" i="1"/>
  <c r="V84325" i="1"/>
  <c r="V84326" i="1"/>
  <c r="V84327" i="1"/>
  <c r="V84328" i="1"/>
  <c r="V84329" i="1"/>
  <c r="V84330" i="1"/>
  <c r="V84331" i="1"/>
  <c r="V84332" i="1"/>
  <c r="V84333" i="1"/>
  <c r="V84334" i="1"/>
  <c r="V84335" i="1"/>
  <c r="V84336" i="1"/>
  <c r="V84337" i="1"/>
  <c r="V84338" i="1"/>
  <c r="V84339" i="1"/>
  <c r="V84340" i="1"/>
  <c r="V84341" i="1"/>
  <c r="V84342" i="1"/>
  <c r="V84343" i="1"/>
  <c r="V84344" i="1"/>
  <c r="V84345" i="1"/>
  <c r="V84346" i="1"/>
  <c r="V84347" i="1"/>
  <c r="V84348" i="1"/>
  <c r="V84349" i="1"/>
  <c r="V84350" i="1"/>
  <c r="V84351" i="1"/>
  <c r="V84352" i="1"/>
  <c r="V84353" i="1"/>
  <c r="V84354" i="1"/>
  <c r="V84355" i="1"/>
  <c r="V84356" i="1"/>
  <c r="V84357" i="1"/>
  <c r="V84358" i="1"/>
  <c r="V84359" i="1"/>
  <c r="V84360" i="1"/>
  <c r="V84361" i="1"/>
  <c r="V84362" i="1"/>
  <c r="V84363" i="1"/>
  <c r="V84364" i="1"/>
  <c r="V84365" i="1"/>
  <c r="V84366" i="1"/>
  <c r="V84367" i="1"/>
  <c r="V84368" i="1"/>
  <c r="V84369" i="1"/>
  <c r="V84370" i="1"/>
  <c r="V84371" i="1"/>
  <c r="V84372" i="1"/>
  <c r="V84373" i="1"/>
  <c r="V84374" i="1"/>
  <c r="V84375" i="1"/>
  <c r="V84376" i="1"/>
  <c r="V84377" i="1"/>
  <c r="V84378" i="1"/>
  <c r="V84379" i="1"/>
  <c r="V84380" i="1"/>
  <c r="V84381" i="1"/>
  <c r="V84382" i="1"/>
  <c r="V84383" i="1"/>
  <c r="V84384" i="1"/>
  <c r="V84385" i="1"/>
  <c r="V84386" i="1"/>
  <c r="V84387" i="1"/>
  <c r="V84388" i="1"/>
  <c r="V84389" i="1"/>
  <c r="V84390" i="1"/>
  <c r="V84391" i="1"/>
  <c r="V84392" i="1"/>
  <c r="V84393" i="1"/>
  <c r="V84394" i="1"/>
  <c r="V84395" i="1"/>
  <c r="V84396" i="1"/>
  <c r="V84397" i="1"/>
  <c r="V84398" i="1"/>
  <c r="V84399" i="1"/>
  <c r="V84400" i="1"/>
  <c r="V84401" i="1"/>
  <c r="V84402" i="1"/>
  <c r="V84403" i="1"/>
  <c r="V84404" i="1"/>
  <c r="V84405" i="1"/>
  <c r="V84406" i="1"/>
  <c r="V84407" i="1"/>
  <c r="V84408" i="1"/>
  <c r="V84409" i="1"/>
  <c r="V84410" i="1"/>
  <c r="V84411" i="1"/>
  <c r="V84412" i="1"/>
  <c r="V84413" i="1"/>
  <c r="V84414" i="1"/>
  <c r="V84415" i="1"/>
  <c r="V84416" i="1"/>
  <c r="V84417" i="1"/>
  <c r="V84418" i="1"/>
  <c r="V84419" i="1"/>
  <c r="V84420" i="1"/>
  <c r="V84421" i="1"/>
  <c r="V84422" i="1"/>
  <c r="V84423" i="1"/>
  <c r="V84424" i="1"/>
  <c r="V84425" i="1"/>
  <c r="V84426" i="1"/>
  <c r="V84427" i="1"/>
  <c r="V84428" i="1"/>
  <c r="V84429" i="1"/>
  <c r="V84430" i="1"/>
  <c r="V84431" i="1"/>
  <c r="V84432" i="1"/>
  <c r="V84433" i="1"/>
  <c r="V84434" i="1"/>
  <c r="V84435" i="1"/>
  <c r="V84436" i="1"/>
  <c r="V84437" i="1"/>
  <c r="V84438" i="1"/>
  <c r="V84439" i="1"/>
  <c r="V84440" i="1"/>
  <c r="V84441" i="1"/>
  <c r="V84442" i="1"/>
  <c r="V84443" i="1"/>
  <c r="V84444" i="1"/>
  <c r="V84445" i="1"/>
  <c r="V84446" i="1"/>
  <c r="V84447" i="1"/>
  <c r="V84448" i="1"/>
  <c r="V84449" i="1"/>
  <c r="V84450" i="1"/>
  <c r="V84451" i="1"/>
  <c r="V84452" i="1"/>
  <c r="V84453" i="1"/>
  <c r="V84454" i="1"/>
  <c r="V84455" i="1"/>
  <c r="V84456" i="1"/>
  <c r="V84457" i="1"/>
  <c r="V84458" i="1"/>
  <c r="V84459" i="1"/>
  <c r="V84460" i="1"/>
  <c r="V84461" i="1"/>
  <c r="V84462" i="1"/>
  <c r="V84463" i="1"/>
  <c r="V84464" i="1"/>
  <c r="V84465" i="1"/>
  <c r="V84466" i="1"/>
  <c r="V84467" i="1"/>
  <c r="V84468" i="1"/>
  <c r="V84469" i="1"/>
  <c r="V84470" i="1"/>
  <c r="V84471" i="1"/>
  <c r="V84472" i="1"/>
  <c r="V84473" i="1"/>
  <c r="V84474" i="1"/>
  <c r="V84475" i="1"/>
  <c r="V84476" i="1"/>
  <c r="V84477" i="1"/>
  <c r="V84478" i="1"/>
  <c r="V84479" i="1"/>
  <c r="V84480" i="1"/>
  <c r="V84481" i="1"/>
  <c r="V84482" i="1"/>
  <c r="V84483" i="1"/>
  <c r="V84484" i="1"/>
  <c r="V84485" i="1"/>
  <c r="V84486" i="1"/>
  <c r="V84487" i="1"/>
  <c r="V84488" i="1"/>
  <c r="V84489" i="1"/>
  <c r="V84490" i="1"/>
  <c r="V84491" i="1"/>
  <c r="V84492" i="1"/>
  <c r="V84493" i="1"/>
  <c r="V84494" i="1"/>
  <c r="V84495" i="1"/>
  <c r="V84496" i="1"/>
  <c r="V84497" i="1"/>
  <c r="V84498" i="1"/>
  <c r="V84499" i="1"/>
  <c r="V84500" i="1"/>
  <c r="V84501" i="1"/>
  <c r="V84502" i="1"/>
  <c r="V84503" i="1"/>
  <c r="V84504" i="1"/>
  <c r="V84505" i="1"/>
  <c r="V84506" i="1"/>
  <c r="V84507" i="1"/>
  <c r="V84508" i="1"/>
  <c r="V84509" i="1"/>
  <c r="V84510" i="1"/>
  <c r="V84511" i="1"/>
  <c r="V84512" i="1"/>
  <c r="V84513" i="1"/>
  <c r="V84514" i="1"/>
  <c r="V84515" i="1"/>
  <c r="V84516" i="1"/>
  <c r="V84517" i="1"/>
  <c r="V84518" i="1"/>
  <c r="V84519" i="1"/>
  <c r="V84520" i="1"/>
  <c r="V84521" i="1"/>
  <c r="V84522" i="1"/>
  <c r="V84523" i="1"/>
  <c r="V84524" i="1"/>
  <c r="V84525" i="1"/>
  <c r="V84526" i="1"/>
  <c r="V84527" i="1"/>
  <c r="V84528" i="1"/>
  <c r="V84529" i="1"/>
  <c r="V84530" i="1"/>
  <c r="V84531" i="1"/>
  <c r="V84532" i="1"/>
  <c r="V84533" i="1"/>
  <c r="V84534" i="1"/>
  <c r="V84535" i="1"/>
  <c r="V84536" i="1"/>
  <c r="V84537" i="1"/>
  <c r="V84538" i="1"/>
  <c r="V84539" i="1"/>
  <c r="V84540" i="1"/>
  <c r="V84541" i="1"/>
  <c r="V84542" i="1"/>
  <c r="V84543" i="1"/>
  <c r="V84544" i="1"/>
  <c r="V84545" i="1"/>
  <c r="V84546" i="1"/>
  <c r="V84547" i="1"/>
  <c r="V84548" i="1"/>
  <c r="V84549" i="1"/>
  <c r="V84550" i="1"/>
  <c r="V84551" i="1"/>
  <c r="V84552" i="1"/>
  <c r="V84553" i="1"/>
  <c r="V84554" i="1"/>
  <c r="V84555" i="1"/>
  <c r="V84556" i="1"/>
  <c r="V84557" i="1"/>
  <c r="V84558" i="1"/>
  <c r="V84559" i="1"/>
  <c r="V84560" i="1"/>
  <c r="V84561" i="1"/>
  <c r="V84562" i="1"/>
  <c r="V84563" i="1"/>
  <c r="V84564" i="1"/>
  <c r="V84565" i="1"/>
  <c r="V84566" i="1"/>
  <c r="V84567" i="1"/>
  <c r="V84568" i="1"/>
  <c r="V84569" i="1"/>
  <c r="V84570" i="1"/>
  <c r="V84571" i="1"/>
  <c r="V84572" i="1"/>
  <c r="V84573" i="1"/>
  <c r="V84574" i="1"/>
  <c r="V84575" i="1"/>
  <c r="V84576" i="1"/>
  <c r="V84577" i="1"/>
  <c r="V84578" i="1"/>
  <c r="V84579" i="1"/>
  <c r="V84580" i="1"/>
  <c r="V84581" i="1"/>
  <c r="V84582" i="1"/>
  <c r="V84583" i="1"/>
  <c r="V84584" i="1"/>
  <c r="V84585" i="1"/>
  <c r="V84586" i="1"/>
  <c r="V84587" i="1"/>
  <c r="V84588" i="1"/>
  <c r="V84589" i="1"/>
  <c r="V84590" i="1"/>
  <c r="V84591" i="1"/>
  <c r="V84592" i="1"/>
  <c r="V84593" i="1"/>
  <c r="V84594" i="1"/>
  <c r="V84595" i="1"/>
  <c r="V84596" i="1"/>
  <c r="V84597" i="1"/>
  <c r="V84598" i="1"/>
  <c r="V84599" i="1"/>
  <c r="V84600" i="1"/>
  <c r="V84601" i="1"/>
  <c r="V84602" i="1"/>
  <c r="V84603" i="1"/>
  <c r="V84604" i="1"/>
  <c r="V84605" i="1"/>
  <c r="V84606" i="1"/>
  <c r="V84607" i="1"/>
  <c r="V84608" i="1"/>
  <c r="V84609" i="1"/>
  <c r="V84610" i="1"/>
  <c r="V84611" i="1"/>
  <c r="V84612" i="1"/>
  <c r="V84613" i="1"/>
  <c r="V84614" i="1"/>
  <c r="V84615" i="1"/>
  <c r="V84616" i="1"/>
  <c r="V84617" i="1"/>
  <c r="V84618" i="1"/>
  <c r="V84619" i="1"/>
  <c r="V84620" i="1"/>
  <c r="V84621" i="1"/>
  <c r="V84622" i="1"/>
  <c r="V84623" i="1"/>
  <c r="V84624" i="1"/>
  <c r="V84625" i="1"/>
  <c r="V84626" i="1"/>
  <c r="V84627" i="1"/>
  <c r="V84628" i="1"/>
  <c r="V84629" i="1"/>
  <c r="V84630" i="1"/>
  <c r="V84631" i="1"/>
  <c r="V84632" i="1"/>
  <c r="V84633" i="1"/>
  <c r="V84634" i="1"/>
  <c r="V84635" i="1"/>
  <c r="V84636" i="1"/>
  <c r="V84637" i="1"/>
  <c r="V84638" i="1"/>
  <c r="V84639" i="1"/>
  <c r="V84640" i="1"/>
  <c r="V84641" i="1"/>
  <c r="V84642" i="1"/>
  <c r="V84643" i="1"/>
  <c r="V84644" i="1"/>
  <c r="V84645" i="1"/>
  <c r="V84646" i="1"/>
  <c r="V84647" i="1"/>
  <c r="V84648" i="1"/>
  <c r="V84649" i="1"/>
  <c r="V84650" i="1"/>
  <c r="V84651" i="1"/>
  <c r="V84652" i="1"/>
  <c r="V84653" i="1"/>
  <c r="V84654" i="1"/>
  <c r="V84655" i="1"/>
  <c r="V84656" i="1"/>
  <c r="V84657" i="1"/>
  <c r="V84658" i="1"/>
  <c r="V84659" i="1"/>
  <c r="V84660" i="1"/>
  <c r="V84661" i="1"/>
  <c r="V84662" i="1"/>
  <c r="V84663" i="1"/>
  <c r="V84664" i="1"/>
  <c r="V84665" i="1"/>
  <c r="V84666" i="1"/>
  <c r="V84667" i="1"/>
  <c r="V84668" i="1"/>
  <c r="V84669" i="1"/>
  <c r="V84670" i="1"/>
  <c r="V84671" i="1"/>
  <c r="V84672" i="1"/>
  <c r="V84673" i="1"/>
  <c r="V84674" i="1"/>
  <c r="V84675" i="1"/>
  <c r="V84676" i="1"/>
  <c r="V84677" i="1"/>
  <c r="V84678" i="1"/>
  <c r="V84679" i="1"/>
  <c r="V84680" i="1"/>
  <c r="V84681" i="1"/>
  <c r="V84682" i="1"/>
  <c r="V84683" i="1"/>
  <c r="V84684" i="1"/>
  <c r="V84685" i="1"/>
  <c r="V84686" i="1"/>
  <c r="V84687" i="1"/>
  <c r="V84688" i="1"/>
  <c r="V84689" i="1"/>
  <c r="V84690" i="1"/>
  <c r="V84691" i="1"/>
  <c r="V84692" i="1"/>
  <c r="V84693" i="1"/>
  <c r="V84694" i="1"/>
  <c r="V84695" i="1"/>
  <c r="V84696" i="1"/>
  <c r="V84697" i="1"/>
  <c r="V84698" i="1"/>
  <c r="V84699" i="1"/>
  <c r="V84700" i="1"/>
  <c r="V84701" i="1"/>
  <c r="V84702" i="1"/>
  <c r="V84703" i="1"/>
  <c r="V84704" i="1"/>
  <c r="V84705" i="1"/>
  <c r="V84706" i="1"/>
  <c r="V84707" i="1"/>
  <c r="V84708" i="1"/>
  <c r="V84709" i="1"/>
  <c r="V84710" i="1"/>
  <c r="V84711" i="1"/>
  <c r="V84712" i="1"/>
  <c r="V84713" i="1"/>
  <c r="V84714" i="1"/>
  <c r="V84715" i="1"/>
  <c r="V84716" i="1"/>
  <c r="V84717" i="1"/>
  <c r="V84718" i="1"/>
  <c r="V84719" i="1"/>
  <c r="V84720" i="1"/>
  <c r="V84721" i="1"/>
  <c r="V84722" i="1"/>
  <c r="V84723" i="1"/>
  <c r="V84724" i="1"/>
  <c r="V84725" i="1"/>
  <c r="V84726" i="1"/>
  <c r="V84727" i="1"/>
  <c r="V84728" i="1"/>
  <c r="V84729" i="1"/>
  <c r="V84730" i="1"/>
  <c r="V84731" i="1"/>
  <c r="V84732" i="1"/>
  <c r="V84733" i="1"/>
  <c r="V84734" i="1"/>
  <c r="V84735" i="1"/>
  <c r="V84736" i="1"/>
  <c r="V84737" i="1"/>
  <c r="V84738" i="1"/>
  <c r="V84739" i="1"/>
  <c r="V84740" i="1"/>
  <c r="V84741" i="1"/>
  <c r="V84742" i="1"/>
  <c r="V84743" i="1"/>
  <c r="V84744" i="1"/>
  <c r="V84745" i="1"/>
  <c r="V84746" i="1"/>
  <c r="V84747" i="1"/>
  <c r="V84748" i="1"/>
  <c r="V84749" i="1"/>
  <c r="V84750" i="1"/>
  <c r="V84751" i="1"/>
  <c r="V84752" i="1"/>
  <c r="V84753" i="1"/>
  <c r="V84754" i="1"/>
  <c r="V84755" i="1"/>
  <c r="V84756" i="1"/>
  <c r="V84757" i="1"/>
  <c r="V84758" i="1"/>
  <c r="V84759" i="1"/>
  <c r="V84760" i="1"/>
  <c r="V84761" i="1"/>
  <c r="V84762" i="1"/>
  <c r="V84763" i="1"/>
  <c r="V84764" i="1"/>
  <c r="V84765" i="1"/>
  <c r="V84766" i="1"/>
  <c r="V84767" i="1"/>
  <c r="V84768" i="1"/>
  <c r="V84769" i="1"/>
  <c r="V84770" i="1"/>
  <c r="V84771" i="1"/>
  <c r="V84772" i="1"/>
  <c r="V84773" i="1"/>
  <c r="V84774" i="1"/>
  <c r="V84775" i="1"/>
  <c r="V84776" i="1"/>
  <c r="V84777" i="1"/>
  <c r="V84778" i="1"/>
  <c r="V84779" i="1"/>
  <c r="V84780" i="1"/>
  <c r="V84781" i="1"/>
  <c r="V84782" i="1"/>
  <c r="V84783" i="1"/>
  <c r="V84784" i="1"/>
  <c r="V84785" i="1"/>
  <c r="V84786" i="1"/>
  <c r="V84787" i="1"/>
  <c r="V84788" i="1"/>
  <c r="V84789" i="1"/>
  <c r="V84790" i="1"/>
  <c r="V84791" i="1"/>
  <c r="V84792" i="1"/>
  <c r="V84793" i="1"/>
  <c r="V84794" i="1"/>
  <c r="V84795" i="1"/>
  <c r="V84796" i="1"/>
  <c r="V84797" i="1"/>
  <c r="V84798" i="1"/>
  <c r="V84799" i="1"/>
  <c r="V84800" i="1"/>
  <c r="V84801" i="1"/>
  <c r="V84802" i="1"/>
  <c r="V84803" i="1"/>
  <c r="V84804" i="1"/>
  <c r="V84805" i="1"/>
  <c r="V84806" i="1"/>
  <c r="V84807" i="1"/>
  <c r="V84808" i="1"/>
  <c r="V84809" i="1"/>
  <c r="V84810" i="1"/>
  <c r="V84811" i="1"/>
  <c r="V84812" i="1"/>
  <c r="V84813" i="1"/>
  <c r="V84814" i="1"/>
  <c r="V84815" i="1"/>
  <c r="V84816" i="1"/>
  <c r="V84817" i="1"/>
  <c r="V84818" i="1"/>
  <c r="V84819" i="1"/>
  <c r="V84820" i="1"/>
  <c r="V84821" i="1"/>
  <c r="V84822" i="1"/>
  <c r="V84823" i="1"/>
  <c r="V84824" i="1"/>
  <c r="V84825" i="1"/>
  <c r="V84826" i="1"/>
  <c r="V84827" i="1"/>
  <c r="V84828" i="1"/>
  <c r="V84829" i="1"/>
  <c r="V84830" i="1"/>
  <c r="V84831" i="1"/>
  <c r="V84832" i="1"/>
  <c r="V84833" i="1"/>
  <c r="V84834" i="1"/>
  <c r="V84835" i="1"/>
  <c r="V84836" i="1"/>
  <c r="V84837" i="1"/>
  <c r="V84838" i="1"/>
  <c r="V84839" i="1"/>
  <c r="V84840" i="1"/>
  <c r="V84841" i="1"/>
  <c r="V84842" i="1"/>
  <c r="V84843" i="1"/>
  <c r="V84844" i="1"/>
  <c r="V84845" i="1"/>
  <c r="V84846" i="1"/>
  <c r="V84847" i="1"/>
  <c r="V84848" i="1"/>
  <c r="V84849" i="1"/>
  <c r="V84850" i="1"/>
  <c r="V84851" i="1"/>
  <c r="V84852" i="1"/>
  <c r="V84853" i="1"/>
  <c r="V84854" i="1"/>
  <c r="V84855" i="1"/>
  <c r="V84856" i="1"/>
  <c r="V84857" i="1"/>
  <c r="V84858" i="1"/>
  <c r="V84859" i="1"/>
  <c r="V84860" i="1"/>
  <c r="V84861" i="1"/>
  <c r="V84862" i="1"/>
  <c r="V84863" i="1"/>
  <c r="V84864" i="1"/>
  <c r="V84865" i="1"/>
  <c r="V84866" i="1"/>
  <c r="V84867" i="1"/>
  <c r="V84868" i="1"/>
  <c r="V84869" i="1"/>
  <c r="V84870" i="1"/>
  <c r="V84871" i="1"/>
  <c r="V84872" i="1"/>
  <c r="V84873" i="1"/>
  <c r="V84874" i="1"/>
  <c r="V84875" i="1"/>
  <c r="V84876" i="1"/>
  <c r="V84877" i="1"/>
  <c r="V84878" i="1"/>
  <c r="V84879" i="1"/>
  <c r="V84880" i="1"/>
  <c r="V84881" i="1"/>
  <c r="V84882" i="1"/>
  <c r="V84883" i="1"/>
  <c r="V84884" i="1"/>
  <c r="V84885" i="1"/>
  <c r="V84886" i="1"/>
  <c r="V84887" i="1"/>
  <c r="V84888" i="1"/>
  <c r="V84889" i="1"/>
  <c r="V84890" i="1"/>
  <c r="V84891" i="1"/>
  <c r="V84892" i="1"/>
  <c r="V84893" i="1"/>
  <c r="V84894" i="1"/>
  <c r="V84895" i="1"/>
  <c r="V84896" i="1"/>
  <c r="V84897" i="1"/>
  <c r="V84898" i="1"/>
  <c r="V84899" i="1"/>
  <c r="V84900" i="1"/>
  <c r="V84901" i="1"/>
  <c r="V84902" i="1"/>
  <c r="V84903" i="1"/>
  <c r="V84904" i="1"/>
  <c r="V84905" i="1"/>
  <c r="V84906" i="1"/>
  <c r="V84907" i="1"/>
  <c r="V84908" i="1"/>
  <c r="V84909" i="1"/>
  <c r="V84910" i="1"/>
  <c r="V84911" i="1"/>
  <c r="V84912" i="1"/>
  <c r="V84913" i="1"/>
  <c r="V84914" i="1"/>
  <c r="V84915" i="1"/>
  <c r="V84916" i="1"/>
  <c r="V84917" i="1"/>
  <c r="V84918" i="1"/>
  <c r="V84919" i="1"/>
  <c r="V84920" i="1"/>
  <c r="V84921" i="1"/>
  <c r="V84922" i="1"/>
  <c r="V84923" i="1"/>
  <c r="V84924" i="1"/>
  <c r="V84925" i="1"/>
  <c r="V84926" i="1"/>
  <c r="V84927" i="1"/>
  <c r="V84928" i="1"/>
  <c r="V84929" i="1"/>
  <c r="V84930" i="1"/>
  <c r="V84931" i="1"/>
  <c r="V84932" i="1"/>
  <c r="V84933" i="1"/>
  <c r="V84934" i="1"/>
  <c r="V84935" i="1"/>
  <c r="V84936" i="1"/>
  <c r="V84937" i="1"/>
  <c r="V84938" i="1"/>
  <c r="V84939" i="1"/>
  <c r="V84940" i="1"/>
  <c r="V84941" i="1"/>
  <c r="V84942" i="1"/>
  <c r="V84943" i="1"/>
  <c r="V84944" i="1"/>
  <c r="V84945" i="1"/>
  <c r="V84946" i="1"/>
  <c r="V84947" i="1"/>
  <c r="V84948" i="1"/>
  <c r="V84949" i="1"/>
  <c r="V84950" i="1"/>
  <c r="V84951" i="1"/>
  <c r="V84952" i="1"/>
  <c r="V84953" i="1"/>
  <c r="V84954" i="1"/>
  <c r="V84955" i="1"/>
  <c r="V84956" i="1"/>
  <c r="V84957" i="1"/>
  <c r="V84958" i="1"/>
  <c r="V84959" i="1"/>
  <c r="V84960" i="1"/>
  <c r="V84961" i="1"/>
  <c r="V84962" i="1"/>
  <c r="V84963" i="1"/>
  <c r="V84964" i="1"/>
  <c r="V84965" i="1"/>
  <c r="V84966" i="1"/>
  <c r="V84967" i="1"/>
  <c r="V84968" i="1"/>
  <c r="V84969" i="1"/>
  <c r="V84970" i="1"/>
  <c r="V84971" i="1"/>
  <c r="V84972" i="1"/>
  <c r="V84973" i="1"/>
  <c r="V84974" i="1"/>
  <c r="V84975" i="1"/>
  <c r="V84976" i="1"/>
  <c r="V84977" i="1"/>
  <c r="V84978" i="1"/>
  <c r="V84979" i="1"/>
  <c r="V84980" i="1"/>
  <c r="V84981" i="1"/>
  <c r="V84982" i="1"/>
  <c r="V84983" i="1"/>
  <c r="V84984" i="1"/>
  <c r="V84985" i="1"/>
  <c r="V84986" i="1"/>
  <c r="V84987" i="1"/>
  <c r="V84988" i="1"/>
  <c r="V84989" i="1"/>
  <c r="V84990" i="1"/>
  <c r="V84991" i="1"/>
  <c r="V84992" i="1"/>
  <c r="V84993" i="1"/>
  <c r="V84994" i="1"/>
  <c r="V84995" i="1"/>
  <c r="V84996" i="1"/>
  <c r="V84997" i="1"/>
  <c r="V84998" i="1"/>
  <c r="V84999" i="1"/>
  <c r="V85000" i="1"/>
  <c r="V85001" i="1"/>
  <c r="V85002" i="1"/>
  <c r="V85003" i="1"/>
  <c r="V85004" i="1"/>
  <c r="V85005" i="1"/>
  <c r="V85006" i="1"/>
  <c r="V85007" i="1"/>
  <c r="V85008" i="1"/>
  <c r="V85009" i="1"/>
  <c r="V85010" i="1"/>
  <c r="V85011" i="1"/>
  <c r="V85012" i="1"/>
  <c r="V85013" i="1"/>
  <c r="V85014" i="1"/>
  <c r="V85015" i="1"/>
  <c r="V85016" i="1"/>
  <c r="V85017" i="1"/>
  <c r="V85018" i="1"/>
  <c r="V85019" i="1"/>
  <c r="V85020" i="1"/>
  <c r="V85021" i="1"/>
  <c r="V85022" i="1"/>
  <c r="V85023" i="1"/>
  <c r="V85024" i="1"/>
  <c r="V85025" i="1"/>
  <c r="V85026" i="1"/>
  <c r="V85027" i="1"/>
  <c r="V85028" i="1"/>
  <c r="V85029" i="1"/>
  <c r="V85030" i="1"/>
  <c r="V85031" i="1"/>
  <c r="V85032" i="1"/>
  <c r="V85033" i="1"/>
  <c r="V85034" i="1"/>
  <c r="V85035" i="1"/>
  <c r="V85036" i="1"/>
  <c r="V85037" i="1"/>
  <c r="V85038" i="1"/>
  <c r="V85039" i="1"/>
  <c r="V85040" i="1"/>
  <c r="V85041" i="1"/>
  <c r="V85042" i="1"/>
  <c r="V85043" i="1"/>
  <c r="V85044" i="1"/>
  <c r="V85045" i="1"/>
  <c r="V85046" i="1"/>
  <c r="V85047" i="1"/>
  <c r="V85048" i="1"/>
  <c r="V85049" i="1"/>
  <c r="V85050" i="1"/>
  <c r="V85051" i="1"/>
  <c r="V85052" i="1"/>
  <c r="V85053" i="1"/>
  <c r="V85054" i="1"/>
  <c r="V85055" i="1"/>
  <c r="V85056" i="1"/>
  <c r="V85057" i="1"/>
  <c r="V85058" i="1"/>
  <c r="V85059" i="1"/>
  <c r="V85060" i="1"/>
  <c r="V85061" i="1"/>
  <c r="V85062" i="1"/>
  <c r="V85063" i="1"/>
  <c r="V85064" i="1"/>
  <c r="V85065" i="1"/>
  <c r="V85066" i="1"/>
  <c r="V85067" i="1"/>
  <c r="V85068" i="1"/>
  <c r="V85069" i="1"/>
  <c r="V85070" i="1"/>
  <c r="V85071" i="1"/>
  <c r="V85072" i="1"/>
  <c r="V85073" i="1"/>
  <c r="V85074" i="1"/>
  <c r="V85075" i="1"/>
  <c r="V85076" i="1"/>
  <c r="V85077" i="1"/>
  <c r="V85078" i="1"/>
  <c r="V85079" i="1"/>
  <c r="V85080" i="1"/>
  <c r="V85081" i="1"/>
  <c r="V85082" i="1"/>
  <c r="V85083" i="1"/>
  <c r="V85084" i="1"/>
  <c r="V85085" i="1"/>
  <c r="V85086" i="1"/>
  <c r="V85087" i="1"/>
  <c r="V85088" i="1"/>
  <c r="V85089" i="1"/>
  <c r="V85090" i="1"/>
  <c r="V85091" i="1"/>
  <c r="V85092" i="1"/>
  <c r="V85093" i="1"/>
  <c r="V85094" i="1"/>
  <c r="V85095" i="1"/>
  <c r="V85096" i="1"/>
  <c r="V85097" i="1"/>
  <c r="V85098" i="1"/>
  <c r="V85099" i="1"/>
  <c r="V85100" i="1"/>
  <c r="V85101" i="1"/>
  <c r="V85102" i="1"/>
  <c r="V85103" i="1"/>
  <c r="V85104" i="1"/>
  <c r="V85105" i="1"/>
  <c r="V85106" i="1"/>
  <c r="V85107" i="1"/>
  <c r="V85108" i="1"/>
  <c r="V85109" i="1"/>
  <c r="V85110" i="1"/>
  <c r="V85111" i="1"/>
  <c r="V85112" i="1"/>
  <c r="V85113" i="1"/>
  <c r="V85114" i="1"/>
  <c r="V85115" i="1"/>
  <c r="V85116" i="1"/>
  <c r="V85117" i="1"/>
  <c r="V85118" i="1"/>
  <c r="V85119" i="1"/>
  <c r="V85120" i="1"/>
  <c r="V85121" i="1"/>
  <c r="V85122" i="1"/>
  <c r="V85123" i="1"/>
  <c r="V85124" i="1"/>
  <c r="V85125" i="1"/>
  <c r="V85126" i="1"/>
  <c r="V85127" i="1"/>
  <c r="V85128" i="1"/>
  <c r="V85129" i="1"/>
  <c r="V85130" i="1"/>
  <c r="V85131" i="1"/>
  <c r="V85132" i="1"/>
  <c r="V85133" i="1"/>
  <c r="V85134" i="1"/>
  <c r="V85135" i="1"/>
  <c r="V85136" i="1"/>
  <c r="V85137" i="1"/>
  <c r="V85138" i="1"/>
  <c r="V85139" i="1"/>
  <c r="V85140" i="1"/>
  <c r="V85141" i="1"/>
  <c r="V85142" i="1"/>
  <c r="V85143" i="1"/>
  <c r="V85144" i="1"/>
  <c r="V85145" i="1"/>
  <c r="V85146" i="1"/>
  <c r="V85147" i="1"/>
  <c r="V85148" i="1"/>
  <c r="V85149" i="1"/>
  <c r="V85150" i="1"/>
  <c r="V85151" i="1"/>
  <c r="V85152" i="1"/>
  <c r="V85153" i="1"/>
  <c r="V85154" i="1"/>
  <c r="V85155" i="1"/>
  <c r="V85156" i="1"/>
  <c r="V85157" i="1"/>
  <c r="V85158" i="1"/>
  <c r="V85159" i="1"/>
  <c r="V85160" i="1"/>
  <c r="V85161" i="1"/>
  <c r="V85162" i="1"/>
  <c r="V85163" i="1"/>
  <c r="V85164" i="1"/>
  <c r="V85165" i="1"/>
  <c r="V85166" i="1"/>
  <c r="V85167" i="1"/>
  <c r="V85168" i="1"/>
  <c r="V85169" i="1"/>
  <c r="V85170" i="1"/>
  <c r="V85171" i="1"/>
  <c r="V85172" i="1"/>
  <c r="V85173" i="1"/>
  <c r="V85174" i="1"/>
  <c r="V85175" i="1"/>
  <c r="V85176" i="1"/>
  <c r="V85177" i="1"/>
  <c r="V85178" i="1"/>
  <c r="V85179" i="1"/>
  <c r="V85180" i="1"/>
  <c r="V85181" i="1"/>
  <c r="V85182" i="1"/>
  <c r="V85183" i="1"/>
  <c r="V85184" i="1"/>
  <c r="V85185" i="1"/>
  <c r="V85186" i="1"/>
  <c r="V85187" i="1"/>
  <c r="V85188" i="1"/>
  <c r="V85189" i="1"/>
  <c r="V85190" i="1"/>
  <c r="V85191" i="1"/>
  <c r="V85192" i="1"/>
  <c r="V85193" i="1"/>
  <c r="V85194" i="1"/>
  <c r="V85195" i="1"/>
  <c r="V85196" i="1"/>
  <c r="V85197" i="1"/>
  <c r="V85198" i="1"/>
  <c r="V85199" i="1"/>
  <c r="V85200" i="1"/>
  <c r="V85201" i="1"/>
  <c r="V85202" i="1"/>
  <c r="V85203" i="1"/>
  <c r="V85204" i="1"/>
  <c r="V85205" i="1"/>
  <c r="V85206" i="1"/>
  <c r="V85207" i="1"/>
  <c r="V85208" i="1"/>
  <c r="V85209" i="1"/>
  <c r="V85210" i="1"/>
  <c r="V85211" i="1"/>
  <c r="V85212" i="1"/>
  <c r="V85213" i="1"/>
  <c r="V85214" i="1"/>
  <c r="V85215" i="1"/>
  <c r="V85216" i="1"/>
  <c r="V85217" i="1"/>
  <c r="V85218" i="1"/>
  <c r="V85219" i="1"/>
  <c r="V85220" i="1"/>
  <c r="V85221" i="1"/>
  <c r="V85222" i="1"/>
  <c r="V85223" i="1"/>
  <c r="V85224" i="1"/>
  <c r="V85225" i="1"/>
  <c r="V85226" i="1"/>
  <c r="V85227" i="1"/>
  <c r="V85228" i="1"/>
  <c r="V85229" i="1"/>
  <c r="V85230" i="1"/>
  <c r="V85231" i="1"/>
  <c r="V85232" i="1"/>
  <c r="V85233" i="1"/>
  <c r="V85234" i="1"/>
  <c r="V85235" i="1"/>
  <c r="V85236" i="1"/>
  <c r="V85237" i="1"/>
  <c r="V85238" i="1"/>
  <c r="V85239" i="1"/>
  <c r="V85240" i="1"/>
  <c r="V85241" i="1"/>
  <c r="V85242" i="1"/>
  <c r="V85243" i="1"/>
  <c r="V85244" i="1"/>
  <c r="V85245" i="1"/>
  <c r="V85246" i="1"/>
  <c r="V85247" i="1"/>
  <c r="V85248" i="1"/>
  <c r="V85249" i="1"/>
  <c r="V85250" i="1"/>
  <c r="V85251" i="1"/>
  <c r="V85252" i="1"/>
  <c r="V85253" i="1"/>
  <c r="V85254" i="1"/>
  <c r="V85255" i="1"/>
  <c r="V85256" i="1"/>
  <c r="V85257" i="1"/>
  <c r="V85258" i="1"/>
  <c r="V85259" i="1"/>
  <c r="V85260" i="1"/>
  <c r="V85261" i="1"/>
  <c r="V85262" i="1"/>
  <c r="V85263" i="1"/>
  <c r="V85264" i="1"/>
  <c r="V85265" i="1"/>
  <c r="V85266" i="1"/>
  <c r="V85267" i="1"/>
  <c r="V85268" i="1"/>
  <c r="V85269" i="1"/>
  <c r="V85270" i="1"/>
  <c r="V85271" i="1"/>
  <c r="V85272" i="1"/>
  <c r="V85273" i="1"/>
  <c r="V85274" i="1"/>
  <c r="V85275" i="1"/>
  <c r="V85276" i="1"/>
  <c r="V85277" i="1"/>
  <c r="V85278" i="1"/>
  <c r="V85279" i="1"/>
  <c r="V85280" i="1"/>
  <c r="V85281" i="1"/>
  <c r="V85282" i="1"/>
  <c r="V85283" i="1"/>
  <c r="V85284" i="1"/>
  <c r="V85285" i="1"/>
  <c r="V85286" i="1"/>
  <c r="V85287" i="1"/>
  <c r="V85288" i="1"/>
  <c r="V85289" i="1"/>
  <c r="V85290" i="1"/>
  <c r="V85291" i="1"/>
  <c r="V85292" i="1"/>
  <c r="V85293" i="1"/>
  <c r="V85294" i="1"/>
  <c r="V85295" i="1"/>
  <c r="V85296" i="1"/>
  <c r="V85297" i="1"/>
  <c r="V85298" i="1"/>
  <c r="V85299" i="1"/>
  <c r="V85300" i="1"/>
  <c r="V85301" i="1"/>
  <c r="V85302" i="1"/>
  <c r="V85303" i="1"/>
  <c r="V85304" i="1"/>
  <c r="V85305" i="1"/>
  <c r="V85306" i="1"/>
  <c r="V85307" i="1"/>
  <c r="V85308" i="1"/>
  <c r="V85309" i="1"/>
  <c r="V85310" i="1"/>
  <c r="V85311" i="1"/>
  <c r="V85312" i="1"/>
  <c r="V85313" i="1"/>
  <c r="V85314" i="1"/>
  <c r="V85315" i="1"/>
  <c r="V85316" i="1"/>
  <c r="V85317" i="1"/>
  <c r="V85318" i="1"/>
  <c r="V85319" i="1"/>
  <c r="V85320" i="1"/>
  <c r="V85321" i="1"/>
  <c r="V85322" i="1"/>
  <c r="V85323" i="1"/>
  <c r="V85324" i="1"/>
  <c r="V85325" i="1"/>
  <c r="V85326" i="1"/>
  <c r="V85327" i="1"/>
  <c r="V85328" i="1"/>
  <c r="V85329" i="1"/>
  <c r="V85330" i="1"/>
  <c r="V85331" i="1"/>
  <c r="V85332" i="1"/>
  <c r="V85333" i="1"/>
  <c r="V85334" i="1"/>
  <c r="V85335" i="1"/>
  <c r="V85336" i="1"/>
  <c r="V85337" i="1"/>
  <c r="V85338" i="1"/>
  <c r="V85339" i="1"/>
  <c r="V85340" i="1"/>
  <c r="V85341" i="1"/>
  <c r="V85342" i="1"/>
  <c r="V85343" i="1"/>
  <c r="V85344" i="1"/>
  <c r="V85345" i="1"/>
  <c r="V85346" i="1"/>
  <c r="V85347" i="1"/>
  <c r="V85348" i="1"/>
  <c r="V85349" i="1"/>
  <c r="V85350" i="1"/>
  <c r="V85351" i="1"/>
  <c r="V85352" i="1"/>
  <c r="V85353" i="1"/>
  <c r="V85354" i="1"/>
  <c r="V85355" i="1"/>
  <c r="V85356" i="1"/>
  <c r="V85357" i="1"/>
  <c r="V85358" i="1"/>
  <c r="V85359" i="1"/>
  <c r="V85360" i="1"/>
  <c r="V85361" i="1"/>
  <c r="V85362" i="1"/>
  <c r="V85363" i="1"/>
  <c r="V85364" i="1"/>
  <c r="V85365" i="1"/>
  <c r="V85366" i="1"/>
  <c r="V85367" i="1"/>
  <c r="V85368" i="1"/>
  <c r="V85369" i="1"/>
  <c r="V85370" i="1"/>
  <c r="V85371" i="1"/>
  <c r="V85372" i="1"/>
  <c r="V85373" i="1"/>
  <c r="V85374" i="1"/>
  <c r="V85375" i="1"/>
  <c r="V85376" i="1"/>
  <c r="V85377" i="1"/>
  <c r="V85378" i="1"/>
  <c r="V85379" i="1"/>
  <c r="V85380" i="1"/>
  <c r="V85381" i="1"/>
  <c r="V85382" i="1"/>
  <c r="V85383" i="1"/>
  <c r="V85384" i="1"/>
  <c r="V85385" i="1"/>
  <c r="V85386" i="1"/>
  <c r="V85387" i="1"/>
  <c r="V85388" i="1"/>
  <c r="V85389" i="1"/>
  <c r="V85390" i="1"/>
  <c r="V85391" i="1"/>
  <c r="V85392" i="1"/>
  <c r="V85393" i="1"/>
  <c r="V85394" i="1"/>
  <c r="V85395" i="1"/>
  <c r="V85396" i="1"/>
  <c r="V85397" i="1"/>
  <c r="V85398" i="1"/>
  <c r="V85399" i="1"/>
  <c r="V85400" i="1"/>
  <c r="V85401" i="1"/>
  <c r="V85402" i="1"/>
  <c r="V85403" i="1"/>
  <c r="V85404" i="1"/>
  <c r="V85405" i="1"/>
  <c r="V85406" i="1"/>
  <c r="V85407" i="1"/>
  <c r="V85408" i="1"/>
  <c r="V85409" i="1"/>
  <c r="V85410" i="1"/>
  <c r="V85411" i="1"/>
  <c r="V85412" i="1"/>
  <c r="V85413" i="1"/>
  <c r="V85414" i="1"/>
  <c r="V85415" i="1"/>
  <c r="V85416" i="1"/>
  <c r="V85417" i="1"/>
  <c r="V85418" i="1"/>
  <c r="V85419" i="1"/>
  <c r="V85420" i="1"/>
  <c r="V85421" i="1"/>
  <c r="V85422" i="1"/>
  <c r="V85423" i="1"/>
  <c r="V85424" i="1"/>
  <c r="V85425" i="1"/>
  <c r="V85426" i="1"/>
  <c r="V85427" i="1"/>
  <c r="V85428" i="1"/>
  <c r="V85429" i="1"/>
  <c r="V85430" i="1"/>
  <c r="V85431" i="1"/>
  <c r="V85432" i="1"/>
  <c r="V85433" i="1"/>
  <c r="V85434" i="1"/>
  <c r="V85435" i="1"/>
  <c r="V85436" i="1"/>
  <c r="V85437" i="1"/>
  <c r="V85438" i="1"/>
  <c r="V85439" i="1"/>
  <c r="V85440" i="1"/>
  <c r="V85441" i="1"/>
  <c r="V85442" i="1"/>
  <c r="V85443" i="1"/>
  <c r="V85444" i="1"/>
  <c r="V85445" i="1"/>
  <c r="V85446" i="1"/>
  <c r="V85447" i="1"/>
  <c r="V85448" i="1"/>
  <c r="V85449" i="1"/>
  <c r="V85450" i="1"/>
  <c r="V85451" i="1"/>
  <c r="V85452" i="1"/>
  <c r="V85453" i="1"/>
  <c r="V85454" i="1"/>
  <c r="V85455" i="1"/>
  <c r="V85456" i="1"/>
  <c r="V85457" i="1"/>
  <c r="V85458" i="1"/>
  <c r="V85459" i="1"/>
  <c r="V85460" i="1"/>
  <c r="V85461" i="1"/>
  <c r="V85462" i="1"/>
  <c r="V85463" i="1"/>
  <c r="V85464" i="1"/>
  <c r="V85465" i="1"/>
  <c r="V85466" i="1"/>
  <c r="V85467" i="1"/>
  <c r="V85468" i="1"/>
  <c r="V85469" i="1"/>
  <c r="V85470" i="1"/>
  <c r="V85471" i="1"/>
  <c r="V85472" i="1"/>
  <c r="V85473" i="1"/>
  <c r="V85474" i="1"/>
  <c r="V85475" i="1"/>
  <c r="V85476" i="1"/>
  <c r="V85477" i="1"/>
  <c r="V85478" i="1"/>
  <c r="V85479" i="1"/>
  <c r="V85480" i="1"/>
  <c r="V85481" i="1"/>
  <c r="V85482" i="1"/>
  <c r="V85483" i="1"/>
  <c r="V85484" i="1"/>
  <c r="V85485" i="1"/>
  <c r="V85486" i="1"/>
  <c r="V85487" i="1"/>
  <c r="V85488" i="1"/>
  <c r="V85489" i="1"/>
  <c r="V85490" i="1"/>
  <c r="V85491" i="1"/>
  <c r="V85492" i="1"/>
  <c r="V85493" i="1"/>
  <c r="V85494" i="1"/>
  <c r="V85495" i="1"/>
  <c r="V85496" i="1"/>
  <c r="V85497" i="1"/>
  <c r="V85498" i="1"/>
  <c r="V85499" i="1"/>
  <c r="V85500" i="1"/>
  <c r="V85501" i="1"/>
  <c r="V85502" i="1"/>
  <c r="V85503" i="1"/>
  <c r="V85504" i="1"/>
  <c r="V85505" i="1"/>
  <c r="V85506" i="1"/>
  <c r="V85507" i="1"/>
  <c r="V85508" i="1"/>
  <c r="V85509" i="1"/>
  <c r="V85510" i="1"/>
  <c r="V85511" i="1"/>
  <c r="V85512" i="1"/>
  <c r="V85513" i="1"/>
  <c r="V85514" i="1"/>
  <c r="V85515" i="1"/>
  <c r="V85516" i="1"/>
  <c r="V85517" i="1"/>
  <c r="V85518" i="1"/>
  <c r="V85519" i="1"/>
  <c r="V85520" i="1"/>
  <c r="V85521" i="1"/>
  <c r="V85522" i="1"/>
  <c r="V85523" i="1"/>
  <c r="V85524" i="1"/>
  <c r="V85525" i="1"/>
  <c r="V85526" i="1"/>
  <c r="V85527" i="1"/>
  <c r="V85528" i="1"/>
  <c r="V85529" i="1"/>
  <c r="V85530" i="1"/>
  <c r="V85531" i="1"/>
  <c r="V85532" i="1"/>
  <c r="V85533" i="1"/>
  <c r="V85534" i="1"/>
  <c r="V85535" i="1"/>
  <c r="V85536" i="1"/>
  <c r="V85537" i="1"/>
  <c r="V85538" i="1"/>
  <c r="V85539" i="1"/>
  <c r="V85540" i="1"/>
  <c r="V85541" i="1"/>
  <c r="V85542" i="1"/>
  <c r="V85543" i="1"/>
  <c r="V85544" i="1"/>
  <c r="V85545" i="1"/>
  <c r="V85546" i="1"/>
  <c r="V85547" i="1"/>
  <c r="V85548" i="1"/>
  <c r="V85549" i="1"/>
  <c r="V85550" i="1"/>
  <c r="V85551" i="1"/>
  <c r="V85552" i="1"/>
  <c r="V85553" i="1"/>
  <c r="V85554" i="1"/>
  <c r="V85555" i="1"/>
  <c r="V85556" i="1"/>
  <c r="V85557" i="1"/>
  <c r="V85558" i="1"/>
  <c r="V85559" i="1"/>
  <c r="V85560" i="1"/>
  <c r="V85561" i="1"/>
  <c r="V85562" i="1"/>
  <c r="V85563" i="1"/>
  <c r="V85564" i="1"/>
  <c r="V85565" i="1"/>
  <c r="V85566" i="1"/>
  <c r="V85567" i="1"/>
  <c r="V85568" i="1"/>
  <c r="V85569" i="1"/>
  <c r="V85570" i="1"/>
  <c r="V85571" i="1"/>
  <c r="V85572" i="1"/>
  <c r="V85573" i="1"/>
  <c r="V85574" i="1"/>
  <c r="V85575" i="1"/>
  <c r="V85576" i="1"/>
  <c r="V85577" i="1"/>
  <c r="V85578" i="1"/>
  <c r="V85579" i="1"/>
  <c r="V85580" i="1"/>
  <c r="V85581" i="1"/>
  <c r="V85582" i="1"/>
  <c r="V85583" i="1"/>
  <c r="V85584" i="1"/>
  <c r="V85585" i="1"/>
  <c r="V85586" i="1"/>
  <c r="V85587" i="1"/>
  <c r="V85588" i="1"/>
  <c r="V85589" i="1"/>
  <c r="V85590" i="1"/>
  <c r="V85591" i="1"/>
  <c r="V85592" i="1"/>
  <c r="V85593" i="1"/>
  <c r="V85594" i="1"/>
  <c r="V85595" i="1"/>
  <c r="V85596" i="1"/>
  <c r="V85597" i="1"/>
  <c r="V85598" i="1"/>
  <c r="V85599" i="1"/>
  <c r="V85600" i="1"/>
  <c r="V85601" i="1"/>
  <c r="V85602" i="1"/>
  <c r="V85603" i="1"/>
  <c r="V85604" i="1"/>
  <c r="V85605" i="1"/>
  <c r="V85606" i="1"/>
  <c r="V85607" i="1"/>
  <c r="V85608" i="1"/>
  <c r="V85609" i="1"/>
  <c r="V85610" i="1"/>
  <c r="V85611" i="1"/>
  <c r="V85612" i="1"/>
  <c r="V85613" i="1"/>
  <c r="V85614" i="1"/>
  <c r="V85615" i="1"/>
  <c r="V85616" i="1"/>
  <c r="V85617" i="1"/>
  <c r="V85618" i="1"/>
  <c r="V85619" i="1"/>
  <c r="V85620" i="1"/>
  <c r="V85621" i="1"/>
  <c r="V85622" i="1"/>
  <c r="V85623" i="1"/>
  <c r="V85624" i="1"/>
  <c r="V85625" i="1"/>
  <c r="V85626" i="1"/>
  <c r="V85627" i="1"/>
  <c r="V85628" i="1"/>
  <c r="V85629" i="1"/>
  <c r="V85630" i="1"/>
  <c r="V85631" i="1"/>
  <c r="V85632" i="1"/>
  <c r="V85633" i="1"/>
  <c r="V85634" i="1"/>
  <c r="V85635" i="1"/>
  <c r="V85636" i="1"/>
  <c r="V85637" i="1"/>
  <c r="V85638" i="1"/>
  <c r="V85639" i="1"/>
  <c r="V85640" i="1"/>
  <c r="V85641" i="1"/>
  <c r="V85642" i="1"/>
  <c r="V85643" i="1"/>
  <c r="V85644" i="1"/>
  <c r="V85645" i="1"/>
  <c r="V85646" i="1"/>
  <c r="V85647" i="1"/>
  <c r="V85648" i="1"/>
  <c r="V85649" i="1"/>
  <c r="V85650" i="1"/>
  <c r="V85651" i="1"/>
  <c r="V85652" i="1"/>
  <c r="V85653" i="1"/>
  <c r="V85654" i="1"/>
  <c r="V85655" i="1"/>
  <c r="V85656" i="1"/>
  <c r="V85657" i="1"/>
  <c r="V85658" i="1"/>
  <c r="V85659" i="1"/>
  <c r="V85660" i="1"/>
  <c r="V85661" i="1"/>
  <c r="V85662" i="1"/>
  <c r="V85663" i="1"/>
  <c r="V85664" i="1"/>
  <c r="V85665" i="1"/>
  <c r="V85666" i="1"/>
  <c r="V85667" i="1"/>
  <c r="V85668" i="1"/>
  <c r="V85669" i="1"/>
  <c r="V85670" i="1"/>
  <c r="V85671" i="1"/>
  <c r="V85672" i="1"/>
  <c r="V85673" i="1"/>
  <c r="V85674" i="1"/>
  <c r="V85675" i="1"/>
  <c r="V85676" i="1"/>
  <c r="V85677" i="1"/>
  <c r="V85678" i="1"/>
  <c r="V85679" i="1"/>
  <c r="V85680" i="1"/>
  <c r="V85681" i="1"/>
  <c r="V85682" i="1"/>
  <c r="V85683" i="1"/>
  <c r="V85684" i="1"/>
  <c r="V85685" i="1"/>
  <c r="V85686" i="1"/>
  <c r="V85687" i="1"/>
  <c r="V85688" i="1"/>
  <c r="V85689" i="1"/>
  <c r="V85690" i="1"/>
  <c r="V85691" i="1"/>
  <c r="V85692" i="1"/>
  <c r="V85693" i="1"/>
  <c r="V85694" i="1"/>
  <c r="V85695" i="1"/>
  <c r="V85696" i="1"/>
  <c r="V85697" i="1"/>
  <c r="V85698" i="1"/>
  <c r="V85699" i="1"/>
  <c r="V85700" i="1"/>
  <c r="V85701" i="1"/>
  <c r="V85702" i="1"/>
  <c r="V85703" i="1"/>
  <c r="V85704" i="1"/>
  <c r="V85705" i="1"/>
  <c r="V85706" i="1"/>
  <c r="V85707" i="1"/>
  <c r="V85708" i="1"/>
  <c r="V85709" i="1"/>
  <c r="V85710" i="1"/>
  <c r="V85711" i="1"/>
  <c r="V85712" i="1"/>
  <c r="V85713" i="1"/>
  <c r="V85714" i="1"/>
  <c r="V85715" i="1"/>
  <c r="V85716" i="1"/>
  <c r="V85717" i="1"/>
  <c r="V85718" i="1"/>
  <c r="V85719" i="1"/>
  <c r="V85720" i="1"/>
  <c r="V85721" i="1"/>
  <c r="V85722" i="1"/>
  <c r="V85723" i="1"/>
  <c r="V85724" i="1"/>
  <c r="V85725" i="1"/>
  <c r="V85726" i="1"/>
  <c r="V85727" i="1"/>
  <c r="V85728" i="1"/>
  <c r="V85729" i="1"/>
  <c r="V85730" i="1"/>
  <c r="V85731" i="1"/>
  <c r="V85732" i="1"/>
  <c r="V85733" i="1"/>
  <c r="V85734" i="1"/>
  <c r="V85735" i="1"/>
  <c r="V85736" i="1"/>
  <c r="V85737" i="1"/>
  <c r="V85738" i="1"/>
  <c r="V85739" i="1"/>
  <c r="V85740" i="1"/>
  <c r="V85741" i="1"/>
  <c r="V85742" i="1"/>
  <c r="V85743" i="1"/>
  <c r="V85744" i="1"/>
  <c r="V85745" i="1"/>
  <c r="V85746" i="1"/>
  <c r="V85747" i="1"/>
  <c r="V85748" i="1"/>
  <c r="V85749" i="1"/>
  <c r="V85750" i="1"/>
  <c r="V85751" i="1"/>
  <c r="V85752" i="1"/>
  <c r="V85753" i="1"/>
  <c r="V85754" i="1"/>
  <c r="V85755" i="1"/>
  <c r="V85756" i="1"/>
  <c r="V85757" i="1"/>
  <c r="V85758" i="1"/>
  <c r="V85759" i="1"/>
  <c r="V85760" i="1"/>
  <c r="V85761" i="1"/>
  <c r="V85762" i="1"/>
  <c r="V85763" i="1"/>
  <c r="V85764" i="1"/>
  <c r="V85765" i="1"/>
  <c r="V85766" i="1"/>
  <c r="V85767" i="1"/>
  <c r="V85768" i="1"/>
  <c r="V85769" i="1"/>
  <c r="V85770" i="1"/>
  <c r="V85771" i="1"/>
  <c r="V85772" i="1"/>
  <c r="V85773" i="1"/>
  <c r="V85774" i="1"/>
  <c r="V85775" i="1"/>
  <c r="V85776" i="1"/>
  <c r="V85777" i="1"/>
  <c r="V85778" i="1"/>
  <c r="V85779" i="1"/>
  <c r="V85780" i="1"/>
  <c r="V85781" i="1"/>
  <c r="V85782" i="1"/>
  <c r="V85783" i="1"/>
  <c r="V85784" i="1"/>
  <c r="V85785" i="1"/>
  <c r="V85786" i="1"/>
  <c r="V85787" i="1"/>
  <c r="V85788" i="1"/>
  <c r="V85789" i="1"/>
  <c r="V85790" i="1"/>
  <c r="V85791" i="1"/>
  <c r="V85792" i="1"/>
  <c r="V85793" i="1"/>
  <c r="V85794" i="1"/>
  <c r="V85795" i="1"/>
  <c r="V85796" i="1"/>
  <c r="V85797" i="1"/>
  <c r="V85798" i="1"/>
  <c r="V85799" i="1"/>
  <c r="V85800" i="1"/>
  <c r="V85801" i="1"/>
  <c r="V85802" i="1"/>
  <c r="V85803" i="1"/>
  <c r="V85804" i="1"/>
  <c r="V85805" i="1"/>
  <c r="V85806" i="1"/>
  <c r="V85807" i="1"/>
  <c r="V85808" i="1"/>
  <c r="V85809" i="1"/>
  <c r="V85810" i="1"/>
  <c r="V85811" i="1"/>
  <c r="V85812" i="1"/>
  <c r="V85813" i="1"/>
  <c r="V85814" i="1"/>
  <c r="V85815" i="1"/>
  <c r="V85816" i="1"/>
  <c r="V85817" i="1"/>
  <c r="V85818" i="1"/>
  <c r="V85819" i="1"/>
  <c r="V85820" i="1"/>
  <c r="V85821" i="1"/>
  <c r="V85822" i="1"/>
  <c r="V85823" i="1"/>
  <c r="V85824" i="1"/>
  <c r="V85825" i="1"/>
  <c r="V85826" i="1"/>
  <c r="V85827" i="1"/>
  <c r="V85828" i="1"/>
  <c r="V85829" i="1"/>
  <c r="V85830" i="1"/>
  <c r="V85831" i="1"/>
  <c r="V85832" i="1"/>
  <c r="V85833" i="1"/>
  <c r="V85834" i="1"/>
  <c r="V85835" i="1"/>
  <c r="V85836" i="1"/>
  <c r="V85837" i="1"/>
  <c r="V85838" i="1"/>
  <c r="V85839" i="1"/>
  <c r="V85840" i="1"/>
  <c r="V85841" i="1"/>
  <c r="V85842" i="1"/>
  <c r="V85843" i="1"/>
  <c r="V85844" i="1"/>
  <c r="V85845" i="1"/>
  <c r="V85846" i="1"/>
  <c r="V85847" i="1"/>
  <c r="V85848" i="1"/>
  <c r="V85849" i="1"/>
  <c r="V85850" i="1"/>
  <c r="V85851" i="1"/>
  <c r="V85852" i="1"/>
  <c r="V85853" i="1"/>
  <c r="V85854" i="1"/>
  <c r="V85855" i="1"/>
  <c r="V85856" i="1"/>
  <c r="V85857" i="1"/>
  <c r="V85858" i="1"/>
  <c r="V85859" i="1"/>
  <c r="V85860" i="1"/>
  <c r="V85861" i="1"/>
  <c r="V85862" i="1"/>
  <c r="V85863" i="1"/>
  <c r="V85864" i="1"/>
  <c r="V85865" i="1"/>
  <c r="V85866" i="1"/>
  <c r="V85867" i="1"/>
  <c r="V85868" i="1"/>
  <c r="V85869" i="1"/>
  <c r="V85870" i="1"/>
  <c r="V85871" i="1"/>
  <c r="V85872" i="1"/>
  <c r="V85873" i="1"/>
  <c r="V85874" i="1"/>
  <c r="V85875" i="1"/>
  <c r="V85876" i="1"/>
  <c r="V85877" i="1"/>
  <c r="V85878" i="1"/>
  <c r="V85879" i="1"/>
  <c r="V85880" i="1"/>
  <c r="V85881" i="1"/>
  <c r="V85882" i="1"/>
  <c r="V85883" i="1"/>
  <c r="V85884" i="1"/>
  <c r="V85885" i="1"/>
  <c r="V85886" i="1"/>
  <c r="V85887" i="1"/>
  <c r="V85888" i="1"/>
  <c r="V85889" i="1"/>
  <c r="V85890" i="1"/>
  <c r="V85891" i="1"/>
  <c r="V85892" i="1"/>
  <c r="V85893" i="1"/>
  <c r="V85894" i="1"/>
  <c r="V85895" i="1"/>
  <c r="V85896" i="1"/>
  <c r="V85897" i="1"/>
  <c r="V85898" i="1"/>
  <c r="V85899" i="1"/>
  <c r="V85900" i="1"/>
  <c r="V85901" i="1"/>
  <c r="V85902" i="1"/>
  <c r="V85903" i="1"/>
  <c r="V85904" i="1"/>
  <c r="V85905" i="1"/>
  <c r="V85906" i="1"/>
  <c r="V85907" i="1"/>
  <c r="V85908" i="1"/>
  <c r="V85909" i="1"/>
  <c r="V85910" i="1"/>
  <c r="V85911" i="1"/>
  <c r="V85912" i="1"/>
  <c r="V85913" i="1"/>
  <c r="V85914" i="1"/>
  <c r="V85915" i="1"/>
  <c r="V85916" i="1"/>
  <c r="V85917" i="1"/>
  <c r="V85918" i="1"/>
  <c r="V85919" i="1"/>
  <c r="V85920" i="1"/>
  <c r="V85921" i="1"/>
  <c r="V85922" i="1"/>
  <c r="V85923" i="1"/>
  <c r="V85924" i="1"/>
  <c r="V85925" i="1"/>
  <c r="V85926" i="1"/>
  <c r="V85927" i="1"/>
  <c r="V85928" i="1"/>
  <c r="V85929" i="1"/>
  <c r="V85930" i="1"/>
  <c r="V85931" i="1"/>
  <c r="V85932" i="1"/>
  <c r="V85933" i="1"/>
  <c r="V85934" i="1"/>
  <c r="V85935" i="1"/>
  <c r="V85936" i="1"/>
  <c r="V85937" i="1"/>
  <c r="V85938" i="1"/>
  <c r="V85939" i="1"/>
  <c r="V85940" i="1"/>
  <c r="V85941" i="1"/>
  <c r="V85942" i="1"/>
  <c r="V85943" i="1"/>
  <c r="V85944" i="1"/>
  <c r="V85945" i="1"/>
  <c r="V85946" i="1"/>
  <c r="V85947" i="1"/>
  <c r="V85948" i="1"/>
  <c r="V85949" i="1"/>
  <c r="V85950" i="1"/>
  <c r="V85951" i="1"/>
  <c r="V85952" i="1"/>
  <c r="V85953" i="1"/>
  <c r="V85954" i="1"/>
  <c r="V85955" i="1"/>
  <c r="V85956" i="1"/>
  <c r="V85957" i="1"/>
  <c r="V85958" i="1"/>
  <c r="V85959" i="1"/>
  <c r="V85960" i="1"/>
  <c r="V85961" i="1"/>
  <c r="V85962" i="1"/>
  <c r="V85963" i="1"/>
  <c r="V85964" i="1"/>
  <c r="V85965" i="1"/>
  <c r="V85966" i="1"/>
  <c r="V85967" i="1"/>
  <c r="V85968" i="1"/>
  <c r="V85969" i="1"/>
  <c r="V85970" i="1"/>
  <c r="V85971" i="1"/>
  <c r="V85972" i="1"/>
  <c r="V85973" i="1"/>
  <c r="V85974" i="1"/>
  <c r="V85975" i="1"/>
  <c r="V85976" i="1"/>
  <c r="V85977" i="1"/>
  <c r="V85978" i="1"/>
  <c r="V85979" i="1"/>
  <c r="V85980" i="1"/>
  <c r="V85981" i="1"/>
  <c r="V85982" i="1"/>
  <c r="V85983" i="1"/>
  <c r="V85984" i="1"/>
  <c r="V85985" i="1"/>
  <c r="V85986" i="1"/>
  <c r="V85987" i="1"/>
  <c r="V85988" i="1"/>
  <c r="V85989" i="1"/>
  <c r="V85990" i="1"/>
  <c r="V85991" i="1"/>
  <c r="V85992" i="1"/>
  <c r="V85993" i="1"/>
  <c r="V85994" i="1"/>
  <c r="V85995" i="1"/>
  <c r="V85996" i="1"/>
  <c r="V85997" i="1"/>
  <c r="V85998" i="1"/>
  <c r="V85999" i="1"/>
  <c r="V86000" i="1"/>
  <c r="V86001" i="1"/>
  <c r="V86002" i="1"/>
  <c r="V86003" i="1"/>
  <c r="V86004" i="1"/>
  <c r="V86005" i="1"/>
  <c r="V86006" i="1"/>
  <c r="V86007" i="1"/>
  <c r="V86008" i="1"/>
  <c r="V86009" i="1"/>
  <c r="V86010" i="1"/>
  <c r="V86011" i="1"/>
  <c r="V86012" i="1"/>
  <c r="V86013" i="1"/>
  <c r="V86014" i="1"/>
  <c r="V86015" i="1"/>
  <c r="V86016" i="1"/>
  <c r="V86017" i="1"/>
  <c r="V86018" i="1"/>
  <c r="V86019" i="1"/>
  <c r="V86020" i="1"/>
  <c r="V86021" i="1"/>
  <c r="V86022" i="1"/>
  <c r="V86023" i="1"/>
  <c r="V86024" i="1"/>
  <c r="V86025" i="1"/>
  <c r="V86026" i="1"/>
  <c r="V86027" i="1"/>
  <c r="V86028" i="1"/>
  <c r="V86029" i="1"/>
  <c r="V86030" i="1"/>
  <c r="V86031" i="1"/>
  <c r="V86032" i="1"/>
  <c r="V86033" i="1"/>
  <c r="V86034" i="1"/>
  <c r="V86035" i="1"/>
  <c r="V86036" i="1"/>
  <c r="V86037" i="1"/>
  <c r="V86038" i="1"/>
  <c r="V86039" i="1"/>
  <c r="V86040" i="1"/>
  <c r="V86041" i="1"/>
  <c r="V86042" i="1"/>
  <c r="V86043" i="1"/>
  <c r="V86044" i="1"/>
  <c r="V86045" i="1"/>
  <c r="V86046" i="1"/>
  <c r="V86047" i="1"/>
  <c r="V86048" i="1"/>
  <c r="V86049" i="1"/>
  <c r="V86050" i="1"/>
  <c r="V86051" i="1"/>
  <c r="V86052" i="1"/>
  <c r="V86053" i="1"/>
  <c r="V86054" i="1"/>
  <c r="V86055" i="1"/>
  <c r="V86056" i="1"/>
  <c r="V86057" i="1"/>
  <c r="V86058" i="1"/>
  <c r="V86059" i="1"/>
  <c r="V86060" i="1"/>
  <c r="V86061" i="1"/>
  <c r="V86062" i="1"/>
  <c r="V86063" i="1"/>
  <c r="V86064" i="1"/>
  <c r="V86065" i="1"/>
  <c r="V86066" i="1"/>
  <c r="V86067" i="1"/>
  <c r="V86068" i="1"/>
  <c r="V86069" i="1"/>
  <c r="V86070" i="1"/>
  <c r="V86071" i="1"/>
  <c r="V86072" i="1"/>
  <c r="V86073" i="1"/>
  <c r="V86074" i="1"/>
  <c r="V86075" i="1"/>
  <c r="V86076" i="1"/>
  <c r="V86077" i="1"/>
  <c r="V86078" i="1"/>
  <c r="V86079" i="1"/>
  <c r="V86080" i="1"/>
  <c r="V86081" i="1"/>
  <c r="V86082" i="1"/>
  <c r="V86083" i="1"/>
  <c r="V86084" i="1"/>
  <c r="V86085" i="1"/>
  <c r="V86086" i="1"/>
  <c r="V86087" i="1"/>
  <c r="V86088" i="1"/>
  <c r="V86089" i="1"/>
  <c r="V86090" i="1"/>
  <c r="V86091" i="1"/>
  <c r="V86092" i="1"/>
  <c r="V86093" i="1"/>
  <c r="V86094" i="1"/>
  <c r="V86095" i="1"/>
  <c r="V86096" i="1"/>
  <c r="V86097" i="1"/>
  <c r="V86098" i="1"/>
  <c r="V86099" i="1"/>
  <c r="V86100" i="1"/>
  <c r="V86101" i="1"/>
  <c r="V86102" i="1"/>
  <c r="V86103" i="1"/>
  <c r="V86104" i="1"/>
  <c r="V86105" i="1"/>
  <c r="V86106" i="1"/>
  <c r="V86107" i="1"/>
  <c r="V86108" i="1"/>
  <c r="V86109" i="1"/>
  <c r="V86110" i="1"/>
  <c r="V86111" i="1"/>
  <c r="V86112" i="1"/>
  <c r="V86113" i="1"/>
  <c r="V86114" i="1"/>
  <c r="V86115" i="1"/>
  <c r="V86116" i="1"/>
  <c r="V86117" i="1"/>
  <c r="V86118" i="1"/>
  <c r="V86119" i="1"/>
  <c r="V86120" i="1"/>
  <c r="V86121" i="1"/>
  <c r="V86122" i="1"/>
  <c r="V86123" i="1"/>
  <c r="V86124" i="1"/>
  <c r="V86125" i="1"/>
  <c r="V86126" i="1"/>
  <c r="V86127" i="1"/>
  <c r="V86128" i="1"/>
  <c r="V86129" i="1"/>
  <c r="V86130" i="1"/>
  <c r="V86131" i="1"/>
  <c r="V86132" i="1"/>
  <c r="V86133" i="1"/>
  <c r="V86134" i="1"/>
  <c r="V86135" i="1"/>
  <c r="V86136" i="1"/>
  <c r="V86137" i="1"/>
  <c r="V86138" i="1"/>
  <c r="V86139" i="1"/>
  <c r="V86140" i="1"/>
  <c r="V86141" i="1"/>
  <c r="V86142" i="1"/>
  <c r="V86143" i="1"/>
  <c r="V86144" i="1"/>
  <c r="V86145" i="1"/>
  <c r="V86146" i="1"/>
  <c r="V86147" i="1"/>
  <c r="V86148" i="1"/>
  <c r="V86149" i="1"/>
  <c r="V86150" i="1"/>
  <c r="V86151" i="1"/>
  <c r="V86152" i="1"/>
  <c r="V86153" i="1"/>
  <c r="V86154" i="1"/>
  <c r="V86155" i="1"/>
  <c r="V86156" i="1"/>
  <c r="V86157" i="1"/>
  <c r="V86158" i="1"/>
  <c r="V86159" i="1"/>
  <c r="V86160" i="1"/>
  <c r="V86161" i="1"/>
  <c r="V86162" i="1"/>
  <c r="V86163" i="1"/>
  <c r="V86164" i="1"/>
  <c r="V86165" i="1"/>
  <c r="V86166" i="1"/>
  <c r="V86167" i="1"/>
  <c r="V86168" i="1"/>
  <c r="V86169" i="1"/>
  <c r="V86170" i="1"/>
  <c r="V86171" i="1"/>
  <c r="V86172" i="1"/>
  <c r="V86173" i="1"/>
  <c r="V86174" i="1"/>
  <c r="V86175" i="1"/>
  <c r="V86176" i="1"/>
  <c r="V86177" i="1"/>
  <c r="V86178" i="1"/>
  <c r="V86179" i="1"/>
  <c r="V86180" i="1"/>
  <c r="V86181" i="1"/>
  <c r="V86182" i="1"/>
  <c r="V86183" i="1"/>
  <c r="V86184" i="1"/>
  <c r="V86185" i="1"/>
  <c r="V86186" i="1"/>
  <c r="V86187" i="1"/>
  <c r="V86188" i="1"/>
  <c r="V86189" i="1"/>
  <c r="V86190" i="1"/>
  <c r="V86191" i="1"/>
  <c r="V86192" i="1"/>
  <c r="V86193" i="1"/>
  <c r="V86194" i="1"/>
  <c r="V86195" i="1"/>
  <c r="V86196" i="1"/>
  <c r="V86197" i="1"/>
  <c r="V86198" i="1"/>
  <c r="V86199" i="1"/>
  <c r="V86200" i="1"/>
  <c r="V86201" i="1"/>
  <c r="V86202" i="1"/>
  <c r="V86203" i="1"/>
  <c r="V86204" i="1"/>
  <c r="V86205" i="1"/>
  <c r="V86206" i="1"/>
  <c r="V86207" i="1"/>
  <c r="V86208" i="1"/>
  <c r="V86209" i="1"/>
  <c r="V86210" i="1"/>
  <c r="V86211" i="1"/>
  <c r="V86212" i="1"/>
  <c r="V86213" i="1"/>
  <c r="V86214" i="1"/>
  <c r="V86215" i="1"/>
  <c r="V86216" i="1"/>
  <c r="V86217" i="1"/>
  <c r="V86218" i="1"/>
  <c r="V86219" i="1"/>
  <c r="V86220" i="1"/>
  <c r="V86221" i="1"/>
  <c r="V86222" i="1"/>
  <c r="V86223" i="1"/>
  <c r="V86224" i="1"/>
  <c r="V86225" i="1"/>
  <c r="V86226" i="1"/>
  <c r="V86227" i="1"/>
  <c r="V86228" i="1"/>
  <c r="V86229" i="1"/>
  <c r="V86230" i="1"/>
  <c r="V86231" i="1"/>
  <c r="V86232" i="1"/>
  <c r="V86233" i="1"/>
  <c r="V86234" i="1"/>
  <c r="V86235" i="1"/>
  <c r="V86236" i="1"/>
  <c r="V86237" i="1"/>
  <c r="V86238" i="1"/>
  <c r="V86239" i="1"/>
  <c r="V86240" i="1"/>
  <c r="V86241" i="1"/>
  <c r="V86242" i="1"/>
  <c r="V86243" i="1"/>
  <c r="V86244" i="1"/>
  <c r="V86245" i="1"/>
  <c r="V86246" i="1"/>
  <c r="V86247" i="1"/>
  <c r="V86248" i="1"/>
  <c r="V86249" i="1"/>
  <c r="V86250" i="1"/>
  <c r="V86251" i="1"/>
  <c r="V86252" i="1"/>
  <c r="V86253" i="1"/>
  <c r="V86254" i="1"/>
  <c r="V86255" i="1"/>
  <c r="V86256" i="1"/>
  <c r="V86257" i="1"/>
  <c r="V86258" i="1"/>
  <c r="V86259" i="1"/>
  <c r="V86260" i="1"/>
  <c r="V86261" i="1"/>
  <c r="V86262" i="1"/>
  <c r="V86263" i="1"/>
  <c r="V86264" i="1"/>
  <c r="V86265" i="1"/>
  <c r="V86266" i="1"/>
  <c r="V86267" i="1"/>
  <c r="V86268" i="1"/>
  <c r="V86269" i="1"/>
  <c r="V86270" i="1"/>
  <c r="V86271" i="1"/>
  <c r="V86272" i="1"/>
  <c r="V86273" i="1"/>
  <c r="V86274" i="1"/>
  <c r="V86275" i="1"/>
  <c r="V86276" i="1"/>
  <c r="V86277" i="1"/>
  <c r="V86278" i="1"/>
  <c r="V86279" i="1"/>
  <c r="V86280" i="1"/>
  <c r="V86281" i="1"/>
  <c r="V86282" i="1"/>
  <c r="V86283" i="1"/>
  <c r="V86284" i="1"/>
  <c r="V86285" i="1"/>
  <c r="V86286" i="1"/>
  <c r="V86287" i="1"/>
  <c r="V86288" i="1"/>
  <c r="V86289" i="1"/>
  <c r="V86290" i="1"/>
  <c r="V86291" i="1"/>
  <c r="V86292" i="1"/>
  <c r="V86293" i="1"/>
  <c r="V86294" i="1"/>
  <c r="V86295" i="1"/>
  <c r="V86296" i="1"/>
  <c r="V86297" i="1"/>
  <c r="V86298" i="1"/>
  <c r="V86299" i="1"/>
  <c r="V86300" i="1"/>
  <c r="V86301" i="1"/>
  <c r="V86302" i="1"/>
  <c r="V86303" i="1"/>
  <c r="V86304" i="1"/>
  <c r="V86305" i="1"/>
  <c r="V86306" i="1"/>
  <c r="V86307" i="1"/>
  <c r="V86308" i="1"/>
  <c r="V86309" i="1"/>
  <c r="V86310" i="1"/>
  <c r="V86311" i="1"/>
  <c r="V86312" i="1"/>
  <c r="V86313" i="1"/>
  <c r="V86314" i="1"/>
  <c r="V86315" i="1"/>
  <c r="V86316" i="1"/>
  <c r="V86317" i="1"/>
  <c r="V86318" i="1"/>
  <c r="V86319" i="1"/>
  <c r="V86320" i="1"/>
  <c r="V86321" i="1"/>
  <c r="V86322" i="1"/>
  <c r="V86323" i="1"/>
  <c r="V86324" i="1"/>
  <c r="V86325" i="1"/>
  <c r="V86326" i="1"/>
  <c r="V86327" i="1"/>
  <c r="V86328" i="1"/>
  <c r="V86329" i="1"/>
  <c r="V86330" i="1"/>
  <c r="V86331" i="1"/>
  <c r="V86332" i="1"/>
  <c r="V86333" i="1"/>
  <c r="V86334" i="1"/>
  <c r="V86335" i="1"/>
  <c r="V86336" i="1"/>
  <c r="V86337" i="1"/>
  <c r="V86338" i="1"/>
  <c r="V86339" i="1"/>
  <c r="V86340" i="1"/>
  <c r="V86341" i="1"/>
  <c r="V86342" i="1"/>
  <c r="V86343" i="1"/>
  <c r="V86344" i="1"/>
  <c r="V86345" i="1"/>
  <c r="V86346" i="1"/>
  <c r="V86347" i="1"/>
  <c r="V86348" i="1"/>
  <c r="V86349" i="1"/>
  <c r="V86350" i="1"/>
  <c r="V86351" i="1"/>
  <c r="V86352" i="1"/>
  <c r="V86353" i="1"/>
  <c r="V86354" i="1"/>
  <c r="V86355" i="1"/>
  <c r="V86356" i="1"/>
  <c r="V86357" i="1"/>
  <c r="V86358" i="1"/>
  <c r="V86359" i="1"/>
  <c r="V86360" i="1"/>
  <c r="V86361" i="1"/>
  <c r="V86362" i="1"/>
  <c r="V86363" i="1"/>
  <c r="V86364" i="1"/>
  <c r="V86365" i="1"/>
  <c r="V86366" i="1"/>
  <c r="V86367" i="1"/>
  <c r="V86368" i="1"/>
  <c r="V86369" i="1"/>
  <c r="V86370" i="1"/>
  <c r="V86371" i="1"/>
  <c r="V86372" i="1"/>
  <c r="V86373" i="1"/>
  <c r="V86374" i="1"/>
  <c r="V86375" i="1"/>
  <c r="V86376" i="1"/>
  <c r="V86377" i="1"/>
  <c r="V86378" i="1"/>
  <c r="V86379" i="1"/>
  <c r="V86380" i="1"/>
  <c r="V86381" i="1"/>
  <c r="V86382" i="1"/>
  <c r="V86383" i="1"/>
  <c r="V86384" i="1"/>
  <c r="V86385" i="1"/>
  <c r="V86386" i="1"/>
  <c r="V86387" i="1"/>
  <c r="V86388" i="1"/>
  <c r="V86389" i="1"/>
  <c r="V86390" i="1"/>
  <c r="V86391" i="1"/>
  <c r="V86392" i="1"/>
  <c r="V86393" i="1"/>
  <c r="V86394" i="1"/>
  <c r="V86395" i="1"/>
  <c r="V86396" i="1"/>
  <c r="V86397" i="1"/>
  <c r="V86398" i="1"/>
  <c r="V86399" i="1"/>
  <c r="V86400" i="1"/>
  <c r="V86401" i="1"/>
  <c r="V86402" i="1"/>
  <c r="V86403" i="1"/>
  <c r="V86404" i="1"/>
  <c r="V86405" i="1"/>
  <c r="V86406" i="1"/>
  <c r="V86407" i="1"/>
  <c r="V86408" i="1"/>
  <c r="V86409" i="1"/>
  <c r="V86410" i="1"/>
  <c r="V86411" i="1"/>
  <c r="V86412" i="1"/>
  <c r="V86413" i="1"/>
  <c r="V86414" i="1"/>
  <c r="V86415" i="1"/>
  <c r="V86416" i="1"/>
  <c r="V86417" i="1"/>
  <c r="V86418" i="1"/>
  <c r="V86419" i="1"/>
  <c r="V86420" i="1"/>
  <c r="V86421" i="1"/>
  <c r="V86422" i="1"/>
  <c r="V86423" i="1"/>
  <c r="V86424" i="1"/>
  <c r="V86425" i="1"/>
  <c r="V86426" i="1"/>
  <c r="V86427" i="1"/>
  <c r="V86428" i="1"/>
  <c r="V86429" i="1"/>
  <c r="V86430" i="1"/>
  <c r="V86431" i="1"/>
  <c r="V86432" i="1"/>
  <c r="V86433" i="1"/>
  <c r="V86434" i="1"/>
  <c r="V86435" i="1"/>
  <c r="V86436" i="1"/>
  <c r="V86437" i="1"/>
  <c r="V86438" i="1"/>
  <c r="V86439" i="1"/>
  <c r="V86440" i="1"/>
  <c r="V86441" i="1"/>
  <c r="V86442" i="1"/>
  <c r="V86443" i="1"/>
  <c r="V86444" i="1"/>
  <c r="V86445" i="1"/>
  <c r="V86446" i="1"/>
  <c r="V86447" i="1"/>
  <c r="V86448" i="1"/>
  <c r="V86449" i="1"/>
  <c r="V86450" i="1"/>
  <c r="V86451" i="1"/>
  <c r="V86452" i="1"/>
  <c r="V86453" i="1"/>
  <c r="V86454" i="1"/>
  <c r="V86455" i="1"/>
  <c r="V86456" i="1"/>
  <c r="V86457" i="1"/>
  <c r="V86458" i="1"/>
  <c r="V86459" i="1"/>
  <c r="V86460" i="1"/>
  <c r="V86461" i="1"/>
  <c r="V86462" i="1"/>
  <c r="V86463" i="1"/>
  <c r="V86464" i="1"/>
  <c r="V86465" i="1"/>
  <c r="V86466" i="1"/>
  <c r="V86467" i="1"/>
  <c r="V86468" i="1"/>
  <c r="V86469" i="1"/>
  <c r="V86470" i="1"/>
  <c r="V86471" i="1"/>
  <c r="V86472" i="1"/>
  <c r="V86473" i="1"/>
  <c r="V86474" i="1"/>
  <c r="V86475" i="1"/>
  <c r="V86476" i="1"/>
  <c r="V86477" i="1"/>
  <c r="V86478" i="1"/>
  <c r="V86479" i="1"/>
  <c r="V86480" i="1"/>
  <c r="V86481" i="1"/>
  <c r="V86482" i="1"/>
  <c r="V86483" i="1"/>
  <c r="V86484" i="1"/>
  <c r="V86485" i="1"/>
  <c r="V86486" i="1"/>
  <c r="V86487" i="1"/>
  <c r="V86488" i="1"/>
  <c r="V86489" i="1"/>
  <c r="V86490" i="1"/>
  <c r="V86491" i="1"/>
  <c r="V86492" i="1"/>
  <c r="V86493" i="1"/>
  <c r="V86494" i="1"/>
  <c r="V86495" i="1"/>
  <c r="V86496" i="1"/>
  <c r="V86497" i="1"/>
  <c r="V86498" i="1"/>
  <c r="V86499" i="1"/>
  <c r="V86500" i="1"/>
  <c r="V86501" i="1"/>
  <c r="V86502" i="1"/>
  <c r="V86503" i="1"/>
  <c r="V86504" i="1"/>
  <c r="V86505" i="1"/>
  <c r="V86506" i="1"/>
  <c r="V86507" i="1"/>
  <c r="V86508" i="1"/>
  <c r="V86509" i="1"/>
  <c r="V86510" i="1"/>
  <c r="V86511" i="1"/>
  <c r="V86512" i="1"/>
  <c r="V86513" i="1"/>
  <c r="V86514" i="1"/>
  <c r="V86515" i="1"/>
  <c r="V86516" i="1"/>
  <c r="V86517" i="1"/>
  <c r="V86518" i="1"/>
  <c r="V86519" i="1"/>
  <c r="V86520" i="1"/>
  <c r="V86521" i="1"/>
  <c r="V86522" i="1"/>
  <c r="V86523" i="1"/>
  <c r="V86524" i="1"/>
  <c r="V86525" i="1"/>
  <c r="V86526" i="1"/>
  <c r="V86527" i="1"/>
  <c r="V86528" i="1"/>
  <c r="V86529" i="1"/>
  <c r="V86530" i="1"/>
  <c r="V86531" i="1"/>
  <c r="V86532" i="1"/>
  <c r="V86533" i="1"/>
  <c r="V86534" i="1"/>
  <c r="V86535" i="1"/>
  <c r="V86536" i="1"/>
  <c r="V86537" i="1"/>
  <c r="V86538" i="1"/>
  <c r="V86539" i="1"/>
  <c r="V86540" i="1"/>
  <c r="V86541" i="1"/>
  <c r="V86542" i="1"/>
  <c r="V86543" i="1"/>
  <c r="V86544" i="1"/>
  <c r="V86545" i="1"/>
  <c r="V86546" i="1"/>
  <c r="V86547" i="1"/>
  <c r="V86548" i="1"/>
  <c r="V86549" i="1"/>
  <c r="V86550" i="1"/>
  <c r="V86551" i="1"/>
  <c r="V86552" i="1"/>
  <c r="V86553" i="1"/>
  <c r="V86554" i="1"/>
  <c r="V86555" i="1"/>
  <c r="V86556" i="1"/>
  <c r="V86557" i="1"/>
  <c r="V86558" i="1"/>
  <c r="V86559" i="1"/>
  <c r="V86560" i="1"/>
  <c r="V86561" i="1"/>
  <c r="V86562" i="1"/>
  <c r="V86563" i="1"/>
  <c r="V86564" i="1"/>
  <c r="V86565" i="1"/>
  <c r="V86566" i="1"/>
  <c r="V86567" i="1"/>
  <c r="V86568" i="1"/>
  <c r="V86569" i="1"/>
  <c r="V86570" i="1"/>
  <c r="V86571" i="1"/>
  <c r="V86572" i="1"/>
  <c r="V86573" i="1"/>
  <c r="V86574" i="1"/>
  <c r="V86575" i="1"/>
  <c r="V86576" i="1"/>
  <c r="V86577" i="1"/>
  <c r="V86578" i="1"/>
  <c r="V86579" i="1"/>
  <c r="V86580" i="1"/>
  <c r="V86581" i="1"/>
  <c r="V86582" i="1"/>
  <c r="V86583" i="1"/>
  <c r="V86584" i="1"/>
  <c r="V86585" i="1"/>
  <c r="V86586" i="1"/>
  <c r="V86587" i="1"/>
  <c r="V86588" i="1"/>
  <c r="V86589" i="1"/>
  <c r="V86590" i="1"/>
  <c r="V86591" i="1"/>
  <c r="V86592" i="1"/>
  <c r="V86593" i="1"/>
  <c r="V86594" i="1"/>
  <c r="V86595" i="1"/>
  <c r="V86596" i="1"/>
  <c r="V86597" i="1"/>
  <c r="V86598" i="1"/>
  <c r="V86599" i="1"/>
  <c r="V86600" i="1"/>
  <c r="V86601" i="1"/>
  <c r="V86602" i="1"/>
  <c r="V86603" i="1"/>
  <c r="V86604" i="1"/>
  <c r="V86605" i="1"/>
  <c r="V86606" i="1"/>
  <c r="V86607" i="1"/>
  <c r="V86608" i="1"/>
  <c r="V86609" i="1"/>
  <c r="V86610" i="1"/>
  <c r="V86611" i="1"/>
  <c r="V86612" i="1"/>
  <c r="V86613" i="1"/>
  <c r="V86614" i="1"/>
  <c r="V86615" i="1"/>
  <c r="V86616" i="1"/>
  <c r="V86617" i="1"/>
  <c r="V86618" i="1"/>
  <c r="V86619" i="1"/>
  <c r="V86620" i="1"/>
  <c r="V86621" i="1"/>
  <c r="V86622" i="1"/>
  <c r="V86623" i="1"/>
  <c r="V86624" i="1"/>
  <c r="V86625" i="1"/>
  <c r="V86626" i="1"/>
  <c r="V86627" i="1"/>
  <c r="V86628" i="1"/>
  <c r="V86629" i="1"/>
  <c r="V86630" i="1"/>
  <c r="V86631" i="1"/>
  <c r="V86632" i="1"/>
  <c r="V86633" i="1"/>
  <c r="V86634" i="1"/>
  <c r="V86635" i="1"/>
  <c r="V86636" i="1"/>
  <c r="V86637" i="1"/>
  <c r="V86638" i="1"/>
  <c r="V86639" i="1"/>
  <c r="V86640" i="1"/>
  <c r="V86641" i="1"/>
  <c r="V86642" i="1"/>
  <c r="V86643" i="1"/>
  <c r="V86644" i="1"/>
  <c r="V86645" i="1"/>
  <c r="V86646" i="1"/>
  <c r="V86647" i="1"/>
  <c r="V86648" i="1"/>
  <c r="V86649" i="1"/>
  <c r="V86650" i="1"/>
  <c r="V86651" i="1"/>
  <c r="V86652" i="1"/>
  <c r="V86653" i="1"/>
  <c r="V86654" i="1"/>
  <c r="V86655" i="1"/>
  <c r="V86656" i="1"/>
  <c r="V86657" i="1"/>
  <c r="V86658" i="1"/>
  <c r="V86659" i="1"/>
  <c r="V86660" i="1"/>
  <c r="V86661" i="1"/>
  <c r="V86662" i="1"/>
  <c r="V86663" i="1"/>
  <c r="V86664" i="1"/>
  <c r="V86665" i="1"/>
  <c r="V86666" i="1"/>
  <c r="V86667" i="1"/>
  <c r="V86668" i="1"/>
  <c r="V86669" i="1"/>
  <c r="V86670" i="1"/>
  <c r="V86671" i="1"/>
  <c r="V86672" i="1"/>
  <c r="V86673" i="1"/>
  <c r="V86674" i="1"/>
  <c r="V86675" i="1"/>
  <c r="V86676" i="1"/>
  <c r="V86677" i="1"/>
  <c r="V86678" i="1"/>
  <c r="V86679" i="1"/>
  <c r="V86680" i="1"/>
  <c r="V86681" i="1"/>
  <c r="V86682" i="1"/>
  <c r="V86683" i="1"/>
  <c r="V86684" i="1"/>
  <c r="V86685" i="1"/>
  <c r="V86686" i="1"/>
  <c r="V86687" i="1"/>
  <c r="V86688" i="1"/>
  <c r="V86689" i="1"/>
  <c r="V86690" i="1"/>
  <c r="V86691" i="1"/>
  <c r="V86692" i="1"/>
  <c r="V86693" i="1"/>
  <c r="V86694" i="1"/>
  <c r="V86695" i="1"/>
  <c r="V86696" i="1"/>
  <c r="V86697" i="1"/>
  <c r="V86698" i="1"/>
  <c r="V86699" i="1"/>
  <c r="V86700" i="1"/>
  <c r="V86701" i="1"/>
  <c r="V86702" i="1"/>
  <c r="V86703" i="1"/>
  <c r="V86704" i="1"/>
  <c r="V86705" i="1"/>
  <c r="V86706" i="1"/>
  <c r="V86707" i="1"/>
  <c r="V86708" i="1"/>
  <c r="V86709" i="1"/>
  <c r="V86710" i="1"/>
  <c r="V86711" i="1"/>
  <c r="V86712" i="1"/>
  <c r="V86713" i="1"/>
  <c r="V86714" i="1"/>
  <c r="V86715" i="1"/>
  <c r="V86716" i="1"/>
  <c r="V86717" i="1"/>
  <c r="V86718" i="1"/>
  <c r="V86719" i="1"/>
  <c r="V86720" i="1"/>
  <c r="V86721" i="1"/>
  <c r="V86722" i="1"/>
  <c r="V86723" i="1"/>
  <c r="V86724" i="1"/>
  <c r="V86725" i="1"/>
  <c r="V86726" i="1"/>
  <c r="V86727" i="1"/>
  <c r="V86728" i="1"/>
  <c r="V86729" i="1"/>
  <c r="V86730" i="1"/>
  <c r="V86731" i="1"/>
  <c r="V86732" i="1"/>
  <c r="V86733" i="1"/>
  <c r="V86734" i="1"/>
  <c r="V86735" i="1"/>
  <c r="V86736" i="1"/>
  <c r="V86737" i="1"/>
  <c r="V86738" i="1"/>
  <c r="V86739" i="1"/>
  <c r="V86740" i="1"/>
  <c r="V86741" i="1"/>
  <c r="V86742" i="1"/>
  <c r="V86743" i="1"/>
  <c r="V86744" i="1"/>
  <c r="V86745" i="1"/>
  <c r="V86746" i="1"/>
  <c r="V86747" i="1"/>
  <c r="V86748" i="1"/>
  <c r="V86749" i="1"/>
  <c r="V86750" i="1"/>
  <c r="V86751" i="1"/>
  <c r="V86752" i="1"/>
  <c r="V86753" i="1"/>
  <c r="V86754" i="1"/>
  <c r="V86755" i="1"/>
  <c r="V86756" i="1"/>
  <c r="V86757" i="1"/>
  <c r="V86758" i="1"/>
  <c r="V86759" i="1"/>
  <c r="V86760" i="1"/>
  <c r="V86761" i="1"/>
  <c r="V86762" i="1"/>
  <c r="V86763" i="1"/>
  <c r="V86764" i="1"/>
  <c r="V86765" i="1"/>
  <c r="V86766" i="1"/>
  <c r="V86767" i="1"/>
  <c r="V86768" i="1"/>
  <c r="V86769" i="1"/>
  <c r="V86770" i="1"/>
  <c r="V86771" i="1"/>
  <c r="V86772" i="1"/>
  <c r="V86773" i="1"/>
  <c r="V86774" i="1"/>
  <c r="V86775" i="1"/>
  <c r="V86776" i="1"/>
  <c r="V86777" i="1"/>
  <c r="V86778" i="1"/>
  <c r="V86779" i="1"/>
  <c r="V86780" i="1"/>
  <c r="V86781" i="1"/>
  <c r="V86782" i="1"/>
  <c r="V86783" i="1"/>
  <c r="V86784" i="1"/>
  <c r="V86785" i="1"/>
  <c r="V86786" i="1"/>
  <c r="V86787" i="1"/>
  <c r="V86788" i="1"/>
  <c r="V86789" i="1"/>
  <c r="V86790" i="1"/>
  <c r="V86791" i="1"/>
  <c r="V86792" i="1"/>
  <c r="V86793" i="1"/>
  <c r="V86794" i="1"/>
  <c r="V86795" i="1"/>
  <c r="V86796" i="1"/>
  <c r="V86797" i="1"/>
  <c r="V86798" i="1"/>
  <c r="V86799" i="1"/>
  <c r="V86800" i="1"/>
  <c r="V86801" i="1"/>
  <c r="V86802" i="1"/>
  <c r="V86803" i="1"/>
  <c r="V86804" i="1"/>
  <c r="V86805" i="1"/>
  <c r="V86806" i="1"/>
  <c r="V86807" i="1"/>
  <c r="V86808" i="1"/>
  <c r="V86809" i="1"/>
  <c r="V86810" i="1"/>
  <c r="V86811" i="1"/>
  <c r="V86812" i="1"/>
  <c r="V86813" i="1"/>
  <c r="V86814" i="1"/>
  <c r="V86815" i="1"/>
  <c r="V86816" i="1"/>
  <c r="V86817" i="1"/>
  <c r="V86818" i="1"/>
  <c r="V86819" i="1"/>
  <c r="V86820" i="1"/>
  <c r="V86821" i="1"/>
  <c r="V86822" i="1"/>
  <c r="V86823" i="1"/>
  <c r="V86824" i="1"/>
  <c r="V86825" i="1"/>
  <c r="V86826" i="1"/>
  <c r="V86827" i="1"/>
  <c r="V86828" i="1"/>
  <c r="V86829" i="1"/>
  <c r="V86830" i="1"/>
  <c r="V86831" i="1"/>
  <c r="V86832" i="1"/>
  <c r="V86833" i="1"/>
  <c r="V86834" i="1"/>
  <c r="V86835" i="1"/>
  <c r="V86836" i="1"/>
  <c r="V86837" i="1"/>
  <c r="V86838" i="1"/>
  <c r="V86839" i="1"/>
  <c r="V86840" i="1"/>
  <c r="V86841" i="1"/>
  <c r="V86842" i="1"/>
  <c r="V86843" i="1"/>
  <c r="V86844" i="1"/>
  <c r="V86845" i="1"/>
  <c r="V86846" i="1"/>
  <c r="V86847" i="1"/>
  <c r="V86848" i="1"/>
  <c r="V86849" i="1"/>
  <c r="V86850" i="1"/>
  <c r="V86851" i="1"/>
  <c r="V86852" i="1"/>
  <c r="V86853" i="1"/>
  <c r="V86854" i="1"/>
  <c r="V86855" i="1"/>
  <c r="V86856" i="1"/>
  <c r="V86857" i="1"/>
  <c r="V86858" i="1"/>
  <c r="V86859" i="1"/>
  <c r="V86860" i="1"/>
  <c r="V86861" i="1"/>
  <c r="V86862" i="1"/>
  <c r="V86863" i="1"/>
  <c r="V86864" i="1"/>
  <c r="V86865" i="1"/>
  <c r="V86866" i="1"/>
  <c r="V86867" i="1"/>
  <c r="V86868" i="1"/>
  <c r="V86869" i="1"/>
  <c r="V86870" i="1"/>
  <c r="V86871" i="1"/>
  <c r="V86872" i="1"/>
  <c r="V86873" i="1"/>
  <c r="V86874" i="1"/>
  <c r="V86875" i="1"/>
  <c r="V86876" i="1"/>
  <c r="V86877" i="1"/>
  <c r="V86878" i="1"/>
  <c r="V86879" i="1"/>
  <c r="V86880" i="1"/>
  <c r="V86881" i="1"/>
  <c r="V86882" i="1"/>
  <c r="V86883" i="1"/>
  <c r="V86884" i="1"/>
  <c r="V86885" i="1"/>
  <c r="V86886" i="1"/>
  <c r="V86887" i="1"/>
  <c r="V86888" i="1"/>
  <c r="V86889" i="1"/>
  <c r="V86890" i="1"/>
  <c r="V86891" i="1"/>
  <c r="V86892" i="1"/>
  <c r="V86893" i="1"/>
  <c r="V86894" i="1"/>
  <c r="V86895" i="1"/>
  <c r="V86896" i="1"/>
  <c r="V86897" i="1"/>
  <c r="V86898" i="1"/>
  <c r="V86899" i="1"/>
  <c r="V86900" i="1"/>
  <c r="V86901" i="1"/>
  <c r="V86902" i="1"/>
  <c r="V86903" i="1"/>
  <c r="V86904" i="1"/>
  <c r="V86905" i="1"/>
  <c r="V86906" i="1"/>
  <c r="V86907" i="1"/>
  <c r="V86908" i="1"/>
  <c r="V86909" i="1"/>
  <c r="V86910" i="1"/>
  <c r="V86911" i="1"/>
  <c r="V86912" i="1"/>
  <c r="V86913" i="1"/>
  <c r="V86914" i="1"/>
  <c r="V86915" i="1"/>
  <c r="V86916" i="1"/>
  <c r="V86917" i="1"/>
  <c r="V86918" i="1"/>
  <c r="V86919" i="1"/>
  <c r="V86920" i="1"/>
  <c r="V86921" i="1"/>
  <c r="V86922" i="1"/>
  <c r="V86923" i="1"/>
  <c r="V86924" i="1"/>
  <c r="V86925" i="1"/>
  <c r="V86926" i="1"/>
  <c r="V86927" i="1"/>
  <c r="V86928" i="1"/>
  <c r="V86929" i="1"/>
  <c r="V86930" i="1"/>
  <c r="V86931" i="1"/>
  <c r="V86932" i="1"/>
  <c r="V86933" i="1"/>
  <c r="V86934" i="1"/>
  <c r="V86935" i="1"/>
  <c r="V86936" i="1"/>
  <c r="V86937" i="1"/>
  <c r="V86938" i="1"/>
  <c r="V86939" i="1"/>
  <c r="V86940" i="1"/>
  <c r="V86941" i="1"/>
  <c r="V86942" i="1"/>
  <c r="V86943" i="1"/>
  <c r="V86944" i="1"/>
  <c r="V86945" i="1"/>
  <c r="V86946" i="1"/>
  <c r="V86947" i="1"/>
  <c r="V86948" i="1"/>
  <c r="V86949" i="1"/>
  <c r="V86950" i="1"/>
  <c r="V86951" i="1"/>
  <c r="V86952" i="1"/>
  <c r="V86953" i="1"/>
  <c r="V86954" i="1"/>
  <c r="V86955" i="1"/>
  <c r="V86956" i="1"/>
  <c r="V86957" i="1"/>
  <c r="V86958" i="1"/>
  <c r="V86959" i="1"/>
  <c r="V86960" i="1"/>
  <c r="V86961" i="1"/>
  <c r="V86962" i="1"/>
  <c r="V86963" i="1"/>
  <c r="V86964" i="1"/>
  <c r="V86965" i="1"/>
  <c r="V86966" i="1"/>
  <c r="V86967" i="1"/>
  <c r="V86968" i="1"/>
  <c r="V86969" i="1"/>
  <c r="V86970" i="1"/>
  <c r="V86971" i="1"/>
  <c r="V86972" i="1"/>
  <c r="V86973" i="1"/>
  <c r="V86974" i="1"/>
  <c r="V86975" i="1"/>
  <c r="V86976" i="1"/>
  <c r="V86977" i="1"/>
  <c r="V86978" i="1"/>
  <c r="V86979" i="1"/>
  <c r="V86980" i="1"/>
  <c r="V86981" i="1"/>
  <c r="V86982" i="1"/>
  <c r="V86983" i="1"/>
  <c r="V86984" i="1"/>
  <c r="V86985" i="1"/>
  <c r="V86986" i="1"/>
  <c r="V86987" i="1"/>
  <c r="V86988" i="1"/>
  <c r="V86989" i="1"/>
  <c r="V86990" i="1"/>
  <c r="V86991" i="1"/>
  <c r="V86992" i="1"/>
  <c r="V86993" i="1"/>
  <c r="V86994" i="1"/>
  <c r="V86995" i="1"/>
  <c r="V86996" i="1"/>
  <c r="V86997" i="1"/>
  <c r="V86998" i="1"/>
  <c r="V86999" i="1"/>
  <c r="V87000" i="1"/>
  <c r="V87001" i="1"/>
  <c r="V87002" i="1"/>
  <c r="V87003" i="1"/>
  <c r="V87004" i="1"/>
  <c r="V87005" i="1"/>
  <c r="V87006" i="1"/>
  <c r="V87007" i="1"/>
  <c r="V87008" i="1"/>
  <c r="V87009" i="1"/>
  <c r="V87010" i="1"/>
  <c r="V87011" i="1"/>
  <c r="V87012" i="1"/>
  <c r="V87013" i="1"/>
  <c r="V87014" i="1"/>
  <c r="V87015" i="1"/>
  <c r="V87016" i="1"/>
  <c r="V87017" i="1"/>
  <c r="V87018" i="1"/>
  <c r="V87019" i="1"/>
  <c r="V87020" i="1"/>
  <c r="V87021" i="1"/>
  <c r="V87022" i="1"/>
  <c r="V87023" i="1"/>
  <c r="V87024" i="1"/>
  <c r="V87025" i="1"/>
  <c r="V87026" i="1"/>
  <c r="V87027" i="1"/>
  <c r="V87028" i="1"/>
  <c r="V87029" i="1"/>
  <c r="V87030" i="1"/>
  <c r="V87031" i="1"/>
  <c r="V87032" i="1"/>
  <c r="V87033" i="1"/>
  <c r="V87034" i="1"/>
  <c r="V87035" i="1"/>
  <c r="V87036" i="1"/>
  <c r="V87037" i="1"/>
  <c r="V87038" i="1"/>
  <c r="V87039" i="1"/>
  <c r="V87040" i="1"/>
  <c r="V87041" i="1"/>
  <c r="V87042" i="1"/>
  <c r="V87043" i="1"/>
  <c r="V87044" i="1"/>
  <c r="V87045" i="1"/>
  <c r="V87046" i="1"/>
  <c r="V87047" i="1"/>
  <c r="V87048" i="1"/>
  <c r="V87049" i="1"/>
  <c r="V87050" i="1"/>
  <c r="V87051" i="1"/>
  <c r="V87052" i="1"/>
  <c r="V87053" i="1"/>
  <c r="V87054" i="1"/>
  <c r="V87055" i="1"/>
  <c r="V87056" i="1"/>
  <c r="V87057" i="1"/>
  <c r="V87058" i="1"/>
  <c r="V87059" i="1"/>
  <c r="V87060" i="1"/>
  <c r="V87061" i="1"/>
  <c r="V87062" i="1"/>
  <c r="V87063" i="1"/>
  <c r="V87064" i="1"/>
  <c r="V87065" i="1"/>
  <c r="V87066" i="1"/>
  <c r="V87067" i="1"/>
  <c r="V87068" i="1"/>
  <c r="V87069" i="1"/>
  <c r="V87070" i="1"/>
  <c r="V87071" i="1"/>
  <c r="V87072" i="1"/>
  <c r="V87073" i="1"/>
  <c r="V87074" i="1"/>
  <c r="V87075" i="1"/>
  <c r="V87076" i="1"/>
  <c r="V87077" i="1"/>
  <c r="V87078" i="1"/>
  <c r="V87079" i="1"/>
  <c r="V87080" i="1"/>
  <c r="V87081" i="1"/>
  <c r="V87082" i="1"/>
  <c r="V87083" i="1"/>
  <c r="V87084" i="1"/>
  <c r="V87085" i="1"/>
  <c r="V87086" i="1"/>
  <c r="V87087" i="1"/>
  <c r="V87088" i="1"/>
  <c r="V87089" i="1"/>
  <c r="V87090" i="1"/>
  <c r="V87091" i="1"/>
  <c r="V87092" i="1"/>
  <c r="V87093" i="1"/>
  <c r="V87094" i="1"/>
  <c r="V87095" i="1"/>
  <c r="V87096" i="1"/>
  <c r="V87097" i="1"/>
  <c r="V87098" i="1"/>
  <c r="V87099" i="1"/>
  <c r="V87100" i="1"/>
  <c r="V87101" i="1"/>
  <c r="V87102" i="1"/>
  <c r="V87103" i="1"/>
  <c r="V87104" i="1"/>
  <c r="V87105" i="1"/>
  <c r="V87106" i="1"/>
  <c r="V87107" i="1"/>
  <c r="V87108" i="1"/>
  <c r="V87109" i="1"/>
  <c r="V87110" i="1"/>
  <c r="V87111" i="1"/>
  <c r="V87112" i="1"/>
  <c r="V87113" i="1"/>
  <c r="V87114" i="1"/>
  <c r="V87115" i="1"/>
  <c r="V87116" i="1"/>
  <c r="V87117" i="1"/>
  <c r="V87118" i="1"/>
  <c r="V87119" i="1"/>
  <c r="V87120" i="1"/>
  <c r="V87121" i="1"/>
  <c r="V87122" i="1"/>
  <c r="V87123" i="1"/>
  <c r="V87124" i="1"/>
  <c r="V87125" i="1"/>
  <c r="V87126" i="1"/>
  <c r="V87127" i="1"/>
  <c r="V87128" i="1"/>
  <c r="V87129" i="1"/>
  <c r="V87130" i="1"/>
  <c r="V87131" i="1"/>
  <c r="V87132" i="1"/>
  <c r="V87133" i="1"/>
  <c r="V87134" i="1"/>
  <c r="V87135" i="1"/>
  <c r="V87136" i="1"/>
  <c r="V87137" i="1"/>
  <c r="V87138" i="1"/>
  <c r="V87139" i="1"/>
  <c r="V87140" i="1"/>
  <c r="V87141" i="1"/>
  <c r="V87142" i="1"/>
  <c r="V87143" i="1"/>
  <c r="V87144" i="1"/>
  <c r="V87145" i="1"/>
  <c r="V87146" i="1"/>
  <c r="V87147" i="1"/>
  <c r="V87148" i="1"/>
  <c r="V87149" i="1"/>
  <c r="V87150" i="1"/>
  <c r="V87151" i="1"/>
  <c r="V87152" i="1"/>
  <c r="V87153" i="1"/>
  <c r="V87154" i="1"/>
  <c r="V87155" i="1"/>
  <c r="V87156" i="1"/>
  <c r="V87157" i="1"/>
  <c r="V87158" i="1"/>
  <c r="V87159" i="1"/>
  <c r="V87160" i="1"/>
  <c r="V87161" i="1"/>
  <c r="V87162" i="1"/>
  <c r="V87163" i="1"/>
  <c r="V87164" i="1"/>
  <c r="V87165" i="1"/>
  <c r="V87166" i="1"/>
  <c r="V87167" i="1"/>
  <c r="V87168" i="1"/>
  <c r="V87169" i="1"/>
  <c r="V87170" i="1"/>
  <c r="V87171" i="1"/>
  <c r="V87172" i="1"/>
  <c r="V87173" i="1"/>
  <c r="V87174" i="1"/>
  <c r="V87175" i="1"/>
  <c r="V87176" i="1"/>
  <c r="V87177" i="1"/>
  <c r="V87178" i="1"/>
  <c r="V87179" i="1"/>
  <c r="V87180" i="1"/>
  <c r="V87181" i="1"/>
  <c r="V87182" i="1"/>
  <c r="V87183" i="1"/>
  <c r="V87184" i="1"/>
  <c r="V87185" i="1"/>
  <c r="V87186" i="1"/>
  <c r="V87187" i="1"/>
  <c r="V87188" i="1"/>
  <c r="V87189" i="1"/>
  <c r="V87190" i="1"/>
  <c r="V87191" i="1"/>
  <c r="V87192" i="1"/>
  <c r="V87193" i="1"/>
  <c r="V87194" i="1"/>
  <c r="V87195" i="1"/>
  <c r="V87196" i="1"/>
  <c r="V87197" i="1"/>
  <c r="V87198" i="1"/>
  <c r="V87199" i="1"/>
  <c r="V87200" i="1"/>
  <c r="V87201" i="1"/>
  <c r="V87202" i="1"/>
  <c r="V87203" i="1"/>
  <c r="V87204" i="1"/>
  <c r="V87205" i="1"/>
  <c r="V87206" i="1"/>
  <c r="V87207" i="1"/>
  <c r="V87208" i="1"/>
  <c r="V87209" i="1"/>
  <c r="V87210" i="1"/>
  <c r="V87211" i="1"/>
  <c r="V87212" i="1"/>
  <c r="V87213" i="1"/>
  <c r="V87214" i="1"/>
  <c r="V87215" i="1"/>
  <c r="V87216" i="1"/>
  <c r="V87217" i="1"/>
  <c r="V87218" i="1"/>
  <c r="V87219" i="1"/>
  <c r="V87220" i="1"/>
  <c r="V87221" i="1"/>
  <c r="V87222" i="1"/>
  <c r="V87223" i="1"/>
  <c r="V87224" i="1"/>
  <c r="V87225" i="1"/>
  <c r="V87226" i="1"/>
  <c r="V87227" i="1"/>
  <c r="V87228" i="1"/>
  <c r="V87229" i="1"/>
  <c r="V87230" i="1"/>
  <c r="V87231" i="1"/>
  <c r="V87232" i="1"/>
  <c r="V87233" i="1"/>
  <c r="V87234" i="1"/>
  <c r="V87235" i="1"/>
  <c r="V87236" i="1"/>
  <c r="V87237" i="1"/>
  <c r="V87238" i="1"/>
  <c r="V87239" i="1"/>
  <c r="V87240" i="1"/>
  <c r="V87241" i="1"/>
  <c r="V87242" i="1"/>
  <c r="V87243" i="1"/>
  <c r="V87244" i="1"/>
  <c r="V87245" i="1"/>
  <c r="V87246" i="1"/>
  <c r="V87247" i="1"/>
  <c r="V87248" i="1"/>
  <c r="V87249" i="1"/>
  <c r="V87250" i="1"/>
  <c r="V87251" i="1"/>
  <c r="V87252" i="1"/>
  <c r="V87253" i="1"/>
  <c r="V87254" i="1"/>
  <c r="V87255" i="1"/>
  <c r="V87256" i="1"/>
  <c r="V87257" i="1"/>
  <c r="V87258" i="1"/>
  <c r="V87259" i="1"/>
  <c r="V87260" i="1"/>
  <c r="V87261" i="1"/>
  <c r="V87262" i="1"/>
  <c r="V87263" i="1"/>
  <c r="V87264" i="1"/>
  <c r="V87265" i="1"/>
  <c r="V87266" i="1"/>
  <c r="V87267" i="1"/>
  <c r="V87268" i="1"/>
  <c r="V87269" i="1"/>
  <c r="V87270" i="1"/>
  <c r="V87271" i="1"/>
  <c r="V87272" i="1"/>
  <c r="V87273" i="1"/>
  <c r="V87274" i="1"/>
  <c r="V87275" i="1"/>
  <c r="V87276" i="1"/>
  <c r="V87277" i="1"/>
  <c r="V87278" i="1"/>
  <c r="V87279" i="1"/>
  <c r="V87280" i="1"/>
  <c r="V87281" i="1"/>
  <c r="V87282" i="1"/>
  <c r="V87283" i="1"/>
  <c r="V87284" i="1"/>
  <c r="V87285" i="1"/>
  <c r="V87286" i="1"/>
  <c r="V87287" i="1"/>
  <c r="V87288" i="1"/>
  <c r="V87289" i="1"/>
  <c r="V87290" i="1"/>
  <c r="V87291" i="1"/>
  <c r="V87292" i="1"/>
  <c r="V87293" i="1"/>
  <c r="V87294" i="1"/>
  <c r="V87295" i="1"/>
  <c r="V87296" i="1"/>
  <c r="V87297" i="1"/>
  <c r="V87298" i="1"/>
  <c r="V87299" i="1"/>
  <c r="V87300" i="1"/>
  <c r="V87301" i="1"/>
  <c r="V87302" i="1"/>
  <c r="V87303" i="1"/>
  <c r="V87304" i="1"/>
  <c r="V87305" i="1"/>
  <c r="V87306" i="1"/>
  <c r="V87307" i="1"/>
  <c r="V87308" i="1"/>
  <c r="V87309" i="1"/>
  <c r="V87310" i="1"/>
  <c r="V87311" i="1"/>
  <c r="V87312" i="1"/>
  <c r="V87313" i="1"/>
  <c r="V87314" i="1"/>
  <c r="V87315" i="1"/>
  <c r="V87316" i="1"/>
  <c r="V87317" i="1"/>
  <c r="V87318" i="1"/>
  <c r="V87319" i="1"/>
  <c r="V87320" i="1"/>
  <c r="V87321" i="1"/>
  <c r="V87322" i="1"/>
  <c r="V87323" i="1"/>
  <c r="V87324" i="1"/>
  <c r="V87325" i="1"/>
  <c r="V87326" i="1"/>
  <c r="V87327" i="1"/>
  <c r="V87328" i="1"/>
  <c r="V87329" i="1"/>
  <c r="V87330" i="1"/>
  <c r="V87331" i="1"/>
  <c r="V87332" i="1"/>
  <c r="V87333" i="1"/>
  <c r="V87334" i="1"/>
  <c r="V87335" i="1"/>
  <c r="V87336" i="1"/>
  <c r="V87337" i="1"/>
  <c r="V87338" i="1"/>
  <c r="V87339" i="1"/>
  <c r="V87340" i="1"/>
  <c r="V87341" i="1"/>
  <c r="V87342" i="1"/>
  <c r="V87343" i="1"/>
  <c r="V87344" i="1"/>
  <c r="V87345" i="1"/>
  <c r="V87346" i="1"/>
  <c r="V87347" i="1"/>
  <c r="V87348" i="1"/>
  <c r="V87349" i="1"/>
  <c r="V87350" i="1"/>
  <c r="V87351" i="1"/>
  <c r="V87352" i="1"/>
  <c r="V87353" i="1"/>
  <c r="V87354" i="1"/>
  <c r="V87355" i="1"/>
  <c r="V87356" i="1"/>
  <c r="V87357" i="1"/>
  <c r="V87358" i="1"/>
  <c r="V87359" i="1"/>
  <c r="V87360" i="1"/>
  <c r="V87361" i="1"/>
  <c r="V87362" i="1"/>
  <c r="V87363" i="1"/>
  <c r="V87364" i="1"/>
  <c r="V87365" i="1"/>
  <c r="V87366" i="1"/>
  <c r="V87367" i="1"/>
  <c r="V87368" i="1"/>
  <c r="V87369" i="1"/>
  <c r="V87370" i="1"/>
  <c r="V87371" i="1"/>
  <c r="V87372" i="1"/>
  <c r="V87373" i="1"/>
  <c r="V87374" i="1"/>
  <c r="V87375" i="1"/>
  <c r="V87376" i="1"/>
  <c r="V87377" i="1"/>
  <c r="V87378" i="1"/>
  <c r="V87379" i="1"/>
  <c r="V87380" i="1"/>
  <c r="V87381" i="1"/>
  <c r="V87382" i="1"/>
  <c r="V87383" i="1"/>
  <c r="V87384" i="1"/>
  <c r="V87385" i="1"/>
  <c r="V87386" i="1"/>
  <c r="V87387" i="1"/>
  <c r="V87388" i="1"/>
  <c r="V87389" i="1"/>
  <c r="V87390" i="1"/>
  <c r="V87391" i="1"/>
  <c r="V87392" i="1"/>
  <c r="V87393" i="1"/>
  <c r="V87394" i="1"/>
  <c r="V87395" i="1"/>
  <c r="V87396" i="1"/>
  <c r="V87397" i="1"/>
  <c r="V87398" i="1"/>
  <c r="V87399" i="1"/>
  <c r="V87400" i="1"/>
  <c r="V87401" i="1"/>
  <c r="V87402" i="1"/>
  <c r="V87403" i="1"/>
  <c r="V87404" i="1"/>
  <c r="V87405" i="1"/>
  <c r="V87406" i="1"/>
  <c r="V87407" i="1"/>
  <c r="V87408" i="1"/>
  <c r="V87409" i="1"/>
  <c r="V87410" i="1"/>
  <c r="V87411" i="1"/>
  <c r="V87412" i="1"/>
  <c r="V87413" i="1"/>
  <c r="V87414" i="1"/>
  <c r="V87415" i="1"/>
  <c r="V87416" i="1"/>
  <c r="V87417" i="1"/>
  <c r="V87418" i="1"/>
  <c r="V87419" i="1"/>
  <c r="V87420" i="1"/>
  <c r="V87421" i="1"/>
  <c r="V87422" i="1"/>
  <c r="V87423" i="1"/>
  <c r="V87424" i="1"/>
  <c r="V87425" i="1"/>
  <c r="V87426" i="1"/>
  <c r="V87427" i="1"/>
  <c r="V87428" i="1"/>
  <c r="V87429" i="1"/>
  <c r="V87430" i="1"/>
  <c r="V87431" i="1"/>
  <c r="V87432" i="1"/>
  <c r="V87433" i="1"/>
  <c r="V87434" i="1"/>
  <c r="V87435" i="1"/>
  <c r="V87436" i="1"/>
  <c r="V87437" i="1"/>
  <c r="V87438" i="1"/>
  <c r="V87439" i="1"/>
  <c r="V87440" i="1"/>
  <c r="V87441" i="1"/>
  <c r="V87442" i="1"/>
  <c r="V87443" i="1"/>
  <c r="V87444" i="1"/>
  <c r="V87445" i="1"/>
  <c r="V87446" i="1"/>
  <c r="V87447" i="1"/>
  <c r="V87448" i="1"/>
  <c r="V87449" i="1"/>
  <c r="V87450" i="1"/>
  <c r="V87451" i="1"/>
  <c r="V87452" i="1"/>
  <c r="V87453" i="1"/>
  <c r="V87454" i="1"/>
  <c r="V87455" i="1"/>
  <c r="V87456" i="1"/>
  <c r="V87457" i="1"/>
  <c r="V87458" i="1"/>
  <c r="V87459" i="1"/>
  <c r="V87460" i="1"/>
  <c r="V87461" i="1"/>
  <c r="V87462" i="1"/>
  <c r="V87463" i="1"/>
  <c r="V87464" i="1"/>
  <c r="V87465" i="1"/>
  <c r="V87466" i="1"/>
  <c r="V87467" i="1"/>
  <c r="V87468" i="1"/>
  <c r="V87469" i="1"/>
  <c r="V87470" i="1"/>
  <c r="V87471" i="1"/>
  <c r="V87472" i="1"/>
  <c r="V87473" i="1"/>
  <c r="V87474" i="1"/>
  <c r="V87475" i="1"/>
  <c r="V87476" i="1"/>
  <c r="V87477" i="1"/>
  <c r="V87478" i="1"/>
  <c r="V87479" i="1"/>
  <c r="V87480" i="1"/>
  <c r="V87481" i="1"/>
  <c r="V87482" i="1"/>
  <c r="V87483" i="1"/>
  <c r="V87484" i="1"/>
  <c r="V87485" i="1"/>
  <c r="V87486" i="1"/>
  <c r="V87487" i="1"/>
  <c r="V87488" i="1"/>
  <c r="V87489" i="1"/>
  <c r="V87490" i="1"/>
  <c r="V87491" i="1"/>
  <c r="V87492" i="1"/>
  <c r="V87493" i="1"/>
  <c r="V87494" i="1"/>
  <c r="V87495" i="1"/>
  <c r="V87496" i="1"/>
  <c r="V87497" i="1"/>
  <c r="V87498" i="1"/>
  <c r="V87499" i="1"/>
  <c r="V87500" i="1"/>
  <c r="V87501" i="1"/>
  <c r="V87502" i="1"/>
  <c r="V87503" i="1"/>
  <c r="V87504" i="1"/>
  <c r="V87505" i="1"/>
  <c r="V87506" i="1"/>
  <c r="V87507" i="1"/>
  <c r="V87508" i="1"/>
  <c r="V87509" i="1"/>
  <c r="V87510" i="1"/>
  <c r="V87511" i="1"/>
  <c r="V87512" i="1"/>
  <c r="V87513" i="1"/>
  <c r="V87514" i="1"/>
  <c r="V87515" i="1"/>
  <c r="V87516" i="1"/>
  <c r="V87517" i="1"/>
  <c r="V87518" i="1"/>
  <c r="V87519" i="1"/>
  <c r="V87520" i="1"/>
  <c r="V87521" i="1"/>
  <c r="V87522" i="1"/>
  <c r="V87523" i="1"/>
  <c r="V87524" i="1"/>
  <c r="V87525" i="1"/>
  <c r="V87526" i="1"/>
  <c r="V87527" i="1"/>
  <c r="V87528" i="1"/>
  <c r="V87529" i="1"/>
  <c r="V87530" i="1"/>
  <c r="V87531" i="1"/>
  <c r="V87532" i="1"/>
  <c r="V87533" i="1"/>
  <c r="V87534" i="1"/>
  <c r="V87535" i="1"/>
  <c r="V87536" i="1"/>
  <c r="V87537" i="1"/>
  <c r="V87538" i="1"/>
  <c r="V87539" i="1"/>
  <c r="V87540" i="1"/>
  <c r="V87541" i="1"/>
  <c r="V87542" i="1"/>
  <c r="V87543" i="1"/>
  <c r="V87544" i="1"/>
  <c r="V87545" i="1"/>
  <c r="V87546" i="1"/>
  <c r="V87547" i="1"/>
  <c r="V87548" i="1"/>
  <c r="V87549" i="1"/>
  <c r="V87550" i="1"/>
  <c r="V87551" i="1"/>
  <c r="V87552" i="1"/>
  <c r="V87553" i="1"/>
  <c r="V87554" i="1"/>
  <c r="V87555" i="1"/>
  <c r="V87556" i="1"/>
  <c r="V87557" i="1"/>
  <c r="V87558" i="1"/>
  <c r="V87559" i="1"/>
  <c r="V87560" i="1"/>
  <c r="V87561" i="1"/>
  <c r="V87562" i="1"/>
  <c r="V87563" i="1"/>
  <c r="V87564" i="1"/>
  <c r="V87565" i="1"/>
  <c r="V87566" i="1"/>
  <c r="V87567" i="1"/>
  <c r="V87568" i="1"/>
  <c r="V87569" i="1"/>
  <c r="V87570" i="1"/>
  <c r="V87571" i="1"/>
  <c r="V87572" i="1"/>
  <c r="V87573" i="1"/>
  <c r="V87574" i="1"/>
  <c r="V87575" i="1"/>
  <c r="V87576" i="1"/>
  <c r="V87577" i="1"/>
  <c r="V87578" i="1"/>
  <c r="V87579" i="1"/>
  <c r="V87580" i="1"/>
  <c r="V87581" i="1"/>
  <c r="V87582" i="1"/>
  <c r="V87583" i="1"/>
  <c r="V87584" i="1"/>
  <c r="V87585" i="1"/>
  <c r="V87586" i="1"/>
  <c r="V87587" i="1"/>
  <c r="V87588" i="1"/>
  <c r="V87589" i="1"/>
  <c r="V87590" i="1"/>
  <c r="V87591" i="1"/>
  <c r="V87592" i="1"/>
  <c r="V87593" i="1"/>
  <c r="V87594" i="1"/>
  <c r="V87595" i="1"/>
  <c r="V87596" i="1"/>
  <c r="V87597" i="1"/>
  <c r="V87598" i="1"/>
  <c r="V87599" i="1"/>
  <c r="V87600" i="1"/>
  <c r="V87601" i="1"/>
  <c r="V87602" i="1"/>
  <c r="V87603" i="1"/>
  <c r="V87604" i="1"/>
  <c r="V87605" i="1"/>
  <c r="V87606" i="1"/>
  <c r="V87607" i="1"/>
  <c r="V87608" i="1"/>
  <c r="V87609" i="1"/>
  <c r="V87610" i="1"/>
  <c r="V87611" i="1"/>
  <c r="V87612" i="1"/>
  <c r="V87613" i="1"/>
  <c r="V87614" i="1"/>
  <c r="V87615" i="1"/>
  <c r="V87616" i="1"/>
  <c r="V87617" i="1"/>
  <c r="V87618" i="1"/>
  <c r="V87619" i="1"/>
  <c r="V87620" i="1"/>
  <c r="V87621" i="1"/>
  <c r="V87622" i="1"/>
  <c r="V87623" i="1"/>
  <c r="V87624" i="1"/>
  <c r="V87625" i="1"/>
  <c r="V87626" i="1"/>
  <c r="V87627" i="1"/>
  <c r="V87628" i="1"/>
  <c r="V87629" i="1"/>
  <c r="V87630" i="1"/>
  <c r="V87631" i="1"/>
  <c r="V87632" i="1"/>
  <c r="V87633" i="1"/>
  <c r="V87634" i="1"/>
  <c r="V87635" i="1"/>
  <c r="V87636" i="1"/>
  <c r="V87637" i="1"/>
  <c r="V87638" i="1"/>
  <c r="V87639" i="1"/>
  <c r="V87640" i="1"/>
  <c r="V87641" i="1"/>
  <c r="V87642" i="1"/>
  <c r="V87643" i="1"/>
  <c r="V87644" i="1"/>
  <c r="V87645" i="1"/>
  <c r="V87646" i="1"/>
  <c r="V87647" i="1"/>
  <c r="V87648" i="1"/>
  <c r="V87649" i="1"/>
  <c r="V87650" i="1"/>
  <c r="V87651" i="1"/>
  <c r="V87652" i="1"/>
  <c r="V87653" i="1"/>
  <c r="V87654" i="1"/>
  <c r="V87655" i="1"/>
  <c r="V87656" i="1"/>
  <c r="V87657" i="1"/>
  <c r="V87658" i="1"/>
  <c r="V87659" i="1"/>
  <c r="V87660" i="1"/>
  <c r="V87661" i="1"/>
  <c r="V87662" i="1"/>
  <c r="V87663" i="1"/>
  <c r="V87664" i="1"/>
  <c r="V87665" i="1"/>
  <c r="V87666" i="1"/>
  <c r="V87667" i="1"/>
  <c r="V87668" i="1"/>
  <c r="V87669" i="1"/>
  <c r="V87670" i="1"/>
  <c r="V87671" i="1"/>
  <c r="V87672" i="1"/>
  <c r="V87673" i="1"/>
  <c r="V87674" i="1"/>
  <c r="V87675" i="1"/>
  <c r="V87676" i="1"/>
  <c r="V87677" i="1"/>
  <c r="V87678" i="1"/>
  <c r="V87679" i="1"/>
  <c r="V87680" i="1"/>
  <c r="V87681" i="1"/>
  <c r="V87682" i="1"/>
  <c r="V87683" i="1"/>
  <c r="V87684" i="1"/>
  <c r="V87685" i="1"/>
  <c r="V87686" i="1"/>
  <c r="V87687" i="1"/>
  <c r="V87688" i="1"/>
  <c r="V87689" i="1"/>
  <c r="V87690" i="1"/>
  <c r="V87691" i="1"/>
  <c r="V87692" i="1"/>
  <c r="V87693" i="1"/>
  <c r="V87694" i="1"/>
  <c r="V87695" i="1"/>
  <c r="V87696" i="1"/>
  <c r="V87697" i="1"/>
  <c r="V87698" i="1"/>
  <c r="V87699" i="1"/>
  <c r="V87700" i="1"/>
  <c r="V87701" i="1"/>
  <c r="V87702" i="1"/>
  <c r="V87703" i="1"/>
  <c r="V87704" i="1"/>
  <c r="V87705" i="1"/>
  <c r="V87706" i="1"/>
  <c r="V87707" i="1"/>
  <c r="V87708" i="1"/>
  <c r="V87709" i="1"/>
  <c r="V87710" i="1"/>
  <c r="V87711" i="1"/>
  <c r="V87712" i="1"/>
  <c r="V87713" i="1"/>
  <c r="V87714" i="1"/>
  <c r="V87715" i="1"/>
  <c r="V87716" i="1"/>
  <c r="V87717" i="1"/>
  <c r="V87718" i="1"/>
  <c r="V87719" i="1"/>
  <c r="V87720" i="1"/>
  <c r="V87721" i="1"/>
  <c r="V87722" i="1"/>
  <c r="V87723" i="1"/>
  <c r="V87724" i="1"/>
  <c r="V87725" i="1"/>
  <c r="V87726" i="1"/>
  <c r="V87727" i="1"/>
  <c r="V87728" i="1"/>
  <c r="V87729" i="1"/>
  <c r="V87730" i="1"/>
  <c r="V87731" i="1"/>
  <c r="V87732" i="1"/>
  <c r="V87733" i="1"/>
  <c r="V87734" i="1"/>
  <c r="V87735" i="1"/>
  <c r="V87736" i="1"/>
  <c r="V87737" i="1"/>
  <c r="V87738" i="1"/>
  <c r="V87739" i="1"/>
  <c r="V87740" i="1"/>
  <c r="V87741" i="1"/>
  <c r="V87742" i="1"/>
  <c r="V87743" i="1"/>
  <c r="V87744" i="1"/>
  <c r="V87745" i="1"/>
  <c r="V87746" i="1"/>
  <c r="V87747" i="1"/>
  <c r="V87748" i="1"/>
  <c r="V87749" i="1"/>
  <c r="V87750" i="1"/>
  <c r="V87751" i="1"/>
  <c r="V87752" i="1"/>
  <c r="V87753" i="1"/>
  <c r="V87754" i="1"/>
  <c r="V87755" i="1"/>
  <c r="V87756" i="1"/>
  <c r="V87757" i="1"/>
  <c r="V87758" i="1"/>
  <c r="V87759" i="1"/>
  <c r="V87760" i="1"/>
  <c r="V87761" i="1"/>
  <c r="V87762" i="1"/>
  <c r="V87763" i="1"/>
  <c r="V87764" i="1"/>
  <c r="V87765" i="1"/>
  <c r="V87766" i="1"/>
  <c r="V87767" i="1"/>
  <c r="V87768" i="1"/>
  <c r="V87769" i="1"/>
  <c r="V87770" i="1"/>
  <c r="V87771" i="1"/>
  <c r="V87772" i="1"/>
  <c r="V87773" i="1"/>
  <c r="V87774" i="1"/>
  <c r="V87775" i="1"/>
  <c r="V87776" i="1"/>
  <c r="V87777" i="1"/>
  <c r="V87778" i="1"/>
  <c r="V87779" i="1"/>
  <c r="V87780" i="1"/>
  <c r="V87781" i="1"/>
  <c r="V87782" i="1"/>
  <c r="V87783" i="1"/>
  <c r="V87784" i="1"/>
  <c r="V87785" i="1"/>
  <c r="V87786" i="1"/>
  <c r="V87787" i="1"/>
  <c r="V87788" i="1"/>
  <c r="V87789" i="1"/>
  <c r="V87790" i="1"/>
  <c r="V87791" i="1"/>
  <c r="V87792" i="1"/>
  <c r="V87793" i="1"/>
  <c r="V87794" i="1"/>
  <c r="V87795" i="1"/>
  <c r="V87796" i="1"/>
  <c r="V87797" i="1"/>
  <c r="V87798" i="1"/>
  <c r="V87799" i="1"/>
  <c r="V87800" i="1"/>
  <c r="V87801" i="1"/>
  <c r="V87802" i="1"/>
  <c r="V87803" i="1"/>
  <c r="V87804" i="1"/>
  <c r="V87805" i="1"/>
  <c r="V87806" i="1"/>
  <c r="V87807" i="1"/>
  <c r="V87808" i="1"/>
  <c r="V87809" i="1"/>
  <c r="V87810" i="1"/>
  <c r="V87811" i="1"/>
  <c r="V87812" i="1"/>
  <c r="V87813" i="1"/>
  <c r="V87814" i="1"/>
  <c r="V87815" i="1"/>
  <c r="V87816" i="1"/>
  <c r="V87817" i="1"/>
  <c r="V87818" i="1"/>
  <c r="V87819" i="1"/>
  <c r="V87820" i="1"/>
  <c r="V87821" i="1"/>
  <c r="V87822" i="1"/>
  <c r="V87823" i="1"/>
  <c r="V87824" i="1"/>
  <c r="V87825" i="1"/>
  <c r="V87826" i="1"/>
  <c r="V87827" i="1"/>
  <c r="V87828" i="1"/>
  <c r="V87829" i="1"/>
  <c r="V87830" i="1"/>
  <c r="V87831" i="1"/>
  <c r="V87832" i="1"/>
  <c r="V87833" i="1"/>
  <c r="V87834" i="1"/>
  <c r="V87835" i="1"/>
  <c r="V87836" i="1"/>
  <c r="V87837" i="1"/>
  <c r="V87838" i="1"/>
  <c r="V87839" i="1"/>
  <c r="V87840" i="1"/>
  <c r="V87841" i="1"/>
  <c r="V87842" i="1"/>
  <c r="V87843" i="1"/>
  <c r="V87844" i="1"/>
  <c r="V87845" i="1"/>
  <c r="V87846" i="1"/>
  <c r="V87847" i="1"/>
  <c r="V87848" i="1"/>
  <c r="V87849" i="1"/>
  <c r="V87850" i="1"/>
  <c r="V87851" i="1"/>
  <c r="V87852" i="1"/>
  <c r="V87853" i="1"/>
  <c r="V87854" i="1"/>
  <c r="V87855" i="1"/>
  <c r="V87856" i="1"/>
  <c r="V87857" i="1"/>
  <c r="V87858" i="1"/>
  <c r="V87859" i="1"/>
  <c r="V87860" i="1"/>
  <c r="V87861" i="1"/>
  <c r="V87862" i="1"/>
  <c r="V87863" i="1"/>
  <c r="V87864" i="1"/>
  <c r="V87865" i="1"/>
  <c r="V87866" i="1"/>
  <c r="V87867" i="1"/>
  <c r="V87868" i="1"/>
  <c r="V87869" i="1"/>
  <c r="V87870" i="1"/>
  <c r="V87871" i="1"/>
  <c r="V87872" i="1"/>
  <c r="V87873" i="1"/>
  <c r="V87874" i="1"/>
  <c r="V87875" i="1"/>
  <c r="V87876" i="1"/>
  <c r="V87877" i="1"/>
  <c r="V87878" i="1"/>
  <c r="V87879" i="1"/>
  <c r="V87880" i="1"/>
  <c r="V87881" i="1"/>
  <c r="V87882" i="1"/>
  <c r="V87883" i="1"/>
  <c r="V87884" i="1"/>
  <c r="V87885" i="1"/>
  <c r="V87886" i="1"/>
  <c r="V87887" i="1"/>
  <c r="V87888" i="1"/>
  <c r="V87889" i="1"/>
  <c r="V87890" i="1"/>
  <c r="V87891" i="1"/>
  <c r="V87892" i="1"/>
  <c r="V87893" i="1"/>
  <c r="V87894" i="1"/>
  <c r="V87895" i="1"/>
  <c r="V87896" i="1"/>
  <c r="V87897" i="1"/>
  <c r="V87898" i="1"/>
  <c r="V87899" i="1"/>
  <c r="V87900" i="1"/>
  <c r="V87901" i="1"/>
  <c r="V87902" i="1"/>
  <c r="V87903" i="1"/>
  <c r="V87904" i="1"/>
  <c r="V87905" i="1"/>
  <c r="V87906" i="1"/>
  <c r="V87907" i="1"/>
  <c r="V87908" i="1"/>
  <c r="V87909" i="1"/>
  <c r="V87910" i="1"/>
  <c r="V87911" i="1"/>
  <c r="V87912" i="1"/>
  <c r="V87913" i="1"/>
  <c r="V87914" i="1"/>
  <c r="V87915" i="1"/>
  <c r="V87916" i="1"/>
  <c r="V87917" i="1"/>
  <c r="V87918" i="1"/>
  <c r="V87919" i="1"/>
  <c r="V87920" i="1"/>
  <c r="V87921" i="1"/>
  <c r="V87922" i="1"/>
  <c r="V87923" i="1"/>
  <c r="V87924" i="1"/>
  <c r="V87925" i="1"/>
  <c r="V87926" i="1"/>
  <c r="V87927" i="1"/>
  <c r="V87928" i="1"/>
  <c r="V87929" i="1"/>
  <c r="V87930" i="1"/>
  <c r="V87931" i="1"/>
  <c r="V87932" i="1"/>
  <c r="V87933" i="1"/>
  <c r="V87934" i="1"/>
  <c r="V87935" i="1"/>
  <c r="V87936" i="1"/>
  <c r="V87937" i="1"/>
  <c r="V87938" i="1"/>
  <c r="V87939" i="1"/>
  <c r="V87940" i="1"/>
  <c r="V87941" i="1"/>
  <c r="V87942" i="1"/>
  <c r="V87943" i="1"/>
  <c r="V87944" i="1"/>
  <c r="V87945" i="1"/>
  <c r="V87946" i="1"/>
  <c r="V87947" i="1"/>
  <c r="V87948" i="1"/>
  <c r="V87949" i="1"/>
  <c r="V87950" i="1"/>
  <c r="V87951" i="1"/>
  <c r="V87952" i="1"/>
  <c r="V87953" i="1"/>
  <c r="V87954" i="1"/>
  <c r="V87955" i="1"/>
  <c r="V87956" i="1"/>
  <c r="V87957" i="1"/>
  <c r="V87958" i="1"/>
  <c r="V87959" i="1"/>
  <c r="V87960" i="1"/>
  <c r="V87961" i="1"/>
  <c r="V87962" i="1"/>
  <c r="V87963" i="1"/>
  <c r="V87964" i="1"/>
  <c r="V87965" i="1"/>
  <c r="V87966" i="1"/>
  <c r="V87967" i="1"/>
  <c r="V87968" i="1"/>
  <c r="V87969" i="1"/>
  <c r="V87970" i="1"/>
  <c r="V87971" i="1"/>
  <c r="V87972" i="1"/>
  <c r="V87973" i="1"/>
  <c r="V87974" i="1"/>
  <c r="V87975" i="1"/>
  <c r="V87976" i="1"/>
  <c r="V87977" i="1"/>
  <c r="V87978" i="1"/>
  <c r="V87979" i="1"/>
  <c r="V87980" i="1"/>
  <c r="V87981" i="1"/>
  <c r="V87982" i="1"/>
  <c r="V87983" i="1"/>
  <c r="V87984" i="1"/>
  <c r="V87985" i="1"/>
  <c r="V87986" i="1"/>
  <c r="V87987" i="1"/>
  <c r="V87988" i="1"/>
  <c r="V87989" i="1"/>
  <c r="V87990" i="1"/>
  <c r="V87991" i="1"/>
  <c r="V87992" i="1"/>
  <c r="V87993" i="1"/>
  <c r="V87994" i="1"/>
  <c r="V87995" i="1"/>
  <c r="V87996" i="1"/>
  <c r="V87997" i="1"/>
  <c r="V87998" i="1"/>
  <c r="V87999" i="1"/>
  <c r="V88000" i="1"/>
  <c r="V88001" i="1"/>
  <c r="V88002" i="1"/>
  <c r="V88003" i="1"/>
  <c r="V88004" i="1"/>
  <c r="V88005" i="1"/>
  <c r="V88006" i="1"/>
  <c r="V88007" i="1"/>
  <c r="V88008" i="1"/>
  <c r="V88009" i="1"/>
  <c r="V88010" i="1"/>
  <c r="V88011" i="1"/>
  <c r="V88012" i="1"/>
  <c r="V88013" i="1"/>
  <c r="V88014" i="1"/>
  <c r="V88015" i="1"/>
  <c r="V88016" i="1"/>
  <c r="V88017" i="1"/>
  <c r="V88018" i="1"/>
  <c r="V88019" i="1"/>
  <c r="V88020" i="1"/>
  <c r="V88021" i="1"/>
  <c r="V88022" i="1"/>
  <c r="V88023" i="1"/>
  <c r="V88024" i="1"/>
  <c r="V88025" i="1"/>
  <c r="V88026" i="1"/>
  <c r="V88027" i="1"/>
  <c r="V88028" i="1"/>
  <c r="V88029" i="1"/>
  <c r="V88030" i="1"/>
  <c r="V88031" i="1"/>
  <c r="V88032" i="1"/>
  <c r="V88033" i="1"/>
  <c r="V88034" i="1"/>
  <c r="V88035" i="1"/>
  <c r="V88036" i="1"/>
  <c r="V88037" i="1"/>
  <c r="V88038" i="1"/>
  <c r="V88039" i="1"/>
  <c r="V88040" i="1"/>
  <c r="V88041" i="1"/>
  <c r="V88042" i="1"/>
  <c r="V88043" i="1"/>
  <c r="V88044" i="1"/>
  <c r="V88045" i="1"/>
  <c r="V88046" i="1"/>
  <c r="V88047" i="1"/>
  <c r="V88048" i="1"/>
  <c r="V88049" i="1"/>
  <c r="V88050" i="1"/>
  <c r="V88051" i="1"/>
  <c r="V88052" i="1"/>
  <c r="V88053" i="1"/>
  <c r="V88054" i="1"/>
  <c r="V88055" i="1"/>
  <c r="V88056" i="1"/>
  <c r="V88057" i="1"/>
  <c r="V88058" i="1"/>
  <c r="V88059" i="1"/>
  <c r="V88060" i="1"/>
  <c r="V88061" i="1"/>
  <c r="V88062" i="1"/>
  <c r="V88063" i="1"/>
  <c r="V88064" i="1"/>
  <c r="V88065" i="1"/>
  <c r="V88066" i="1"/>
  <c r="V88067" i="1"/>
  <c r="V88068" i="1"/>
  <c r="V88069" i="1"/>
  <c r="V88070" i="1"/>
  <c r="V88071" i="1"/>
  <c r="V88072" i="1"/>
  <c r="V88073" i="1"/>
  <c r="V88074" i="1"/>
  <c r="V88075" i="1"/>
  <c r="V88076" i="1"/>
  <c r="V88077" i="1"/>
  <c r="V88078" i="1"/>
  <c r="V88079" i="1"/>
  <c r="V88080" i="1"/>
  <c r="V88081" i="1"/>
  <c r="V88082" i="1"/>
  <c r="V88083" i="1"/>
  <c r="V88084" i="1"/>
  <c r="V88085" i="1"/>
  <c r="V88086" i="1"/>
  <c r="V88087" i="1"/>
  <c r="V88088" i="1"/>
  <c r="V88089" i="1"/>
  <c r="V88090" i="1"/>
  <c r="V88091" i="1"/>
  <c r="V88092" i="1"/>
  <c r="V88093" i="1"/>
  <c r="V88094" i="1"/>
  <c r="V88095" i="1"/>
  <c r="V88096" i="1"/>
  <c r="V88097" i="1"/>
  <c r="V88098" i="1"/>
  <c r="V88099" i="1"/>
  <c r="V88100" i="1"/>
  <c r="V88101" i="1"/>
  <c r="V88102" i="1"/>
  <c r="V88103" i="1"/>
  <c r="V88104" i="1"/>
  <c r="V88105" i="1"/>
  <c r="V88106" i="1"/>
  <c r="V88107" i="1"/>
  <c r="V88108" i="1"/>
  <c r="V88109" i="1"/>
  <c r="V88110" i="1"/>
  <c r="V88111" i="1"/>
  <c r="V88112" i="1"/>
  <c r="V88113" i="1"/>
  <c r="V88114" i="1"/>
  <c r="V88115" i="1"/>
  <c r="V88116" i="1"/>
  <c r="V88117" i="1"/>
  <c r="V88118" i="1"/>
  <c r="V88119" i="1"/>
  <c r="V88120" i="1"/>
  <c r="V88121" i="1"/>
  <c r="V88122" i="1"/>
  <c r="V88123" i="1"/>
  <c r="V88124" i="1"/>
  <c r="V88125" i="1"/>
  <c r="V88126" i="1"/>
  <c r="V88127" i="1"/>
  <c r="V88128" i="1"/>
  <c r="V88129" i="1"/>
  <c r="V88130" i="1"/>
  <c r="V88131" i="1"/>
  <c r="V88132" i="1"/>
  <c r="V88133" i="1"/>
  <c r="V88134" i="1"/>
  <c r="V88135" i="1"/>
  <c r="V88136" i="1"/>
  <c r="V88137" i="1"/>
  <c r="V88138" i="1"/>
  <c r="V88139" i="1"/>
  <c r="V88140" i="1"/>
  <c r="V88141" i="1"/>
  <c r="V88142" i="1"/>
  <c r="V88143" i="1"/>
  <c r="V88144" i="1"/>
  <c r="V88145" i="1"/>
  <c r="V88146" i="1"/>
  <c r="V88147" i="1"/>
  <c r="V88148" i="1"/>
  <c r="V88149" i="1"/>
  <c r="V88150" i="1"/>
  <c r="V88151" i="1"/>
  <c r="V88152" i="1"/>
  <c r="V88153" i="1"/>
  <c r="V88154" i="1"/>
  <c r="V88155" i="1"/>
  <c r="V88156" i="1"/>
  <c r="V88157" i="1"/>
  <c r="V88158" i="1"/>
  <c r="V88159" i="1"/>
  <c r="V88160" i="1"/>
  <c r="V88161" i="1"/>
  <c r="V88162" i="1"/>
  <c r="V88163" i="1"/>
  <c r="V88164" i="1"/>
  <c r="V88165" i="1"/>
  <c r="V88166" i="1"/>
  <c r="V88167" i="1"/>
  <c r="V88168" i="1"/>
  <c r="V88169" i="1"/>
  <c r="V88170" i="1"/>
  <c r="V88171" i="1"/>
  <c r="V88172" i="1"/>
  <c r="V88173" i="1"/>
  <c r="V88174" i="1"/>
  <c r="V88175" i="1"/>
  <c r="V88176" i="1"/>
  <c r="V88177" i="1"/>
  <c r="V88178" i="1"/>
  <c r="V88179" i="1"/>
  <c r="V88180" i="1"/>
  <c r="V88181" i="1"/>
  <c r="V88182" i="1"/>
  <c r="V88183" i="1"/>
  <c r="V88184" i="1"/>
  <c r="V88185" i="1"/>
  <c r="V88186" i="1"/>
  <c r="V88187" i="1"/>
  <c r="V88188" i="1"/>
  <c r="V88189" i="1"/>
  <c r="V88190" i="1"/>
  <c r="V88191" i="1"/>
  <c r="V88192" i="1"/>
  <c r="V88193" i="1"/>
  <c r="V88194" i="1"/>
  <c r="V88195" i="1"/>
  <c r="V88196" i="1"/>
  <c r="V88197" i="1"/>
  <c r="V88198" i="1"/>
  <c r="V88199" i="1"/>
  <c r="V88200" i="1"/>
  <c r="V88201" i="1"/>
  <c r="V88202" i="1"/>
  <c r="V88203" i="1"/>
  <c r="V88204" i="1"/>
  <c r="V88205" i="1"/>
  <c r="V88206" i="1"/>
  <c r="V88207" i="1"/>
  <c r="V88208" i="1"/>
  <c r="V88209" i="1"/>
  <c r="V88210" i="1"/>
  <c r="V88211" i="1"/>
  <c r="V88212" i="1"/>
  <c r="V88213" i="1"/>
  <c r="V88214" i="1"/>
  <c r="V88215" i="1"/>
  <c r="V88216" i="1"/>
  <c r="V88217" i="1"/>
  <c r="V88218" i="1"/>
  <c r="V88219" i="1"/>
  <c r="V88220" i="1"/>
  <c r="V88221" i="1"/>
  <c r="V88222" i="1"/>
  <c r="V88223" i="1"/>
  <c r="V88224" i="1"/>
  <c r="V88225" i="1"/>
  <c r="V88226" i="1"/>
  <c r="V88227" i="1"/>
  <c r="V88228" i="1"/>
  <c r="V88229" i="1"/>
  <c r="V88230" i="1"/>
  <c r="V88231" i="1"/>
  <c r="V88232" i="1"/>
  <c r="V88233" i="1"/>
  <c r="V88234" i="1"/>
  <c r="V88235" i="1"/>
  <c r="V88236" i="1"/>
  <c r="V88237" i="1"/>
  <c r="V88238" i="1"/>
  <c r="V88239" i="1"/>
  <c r="V88240" i="1"/>
  <c r="V88241" i="1"/>
  <c r="V88242" i="1"/>
  <c r="V88243" i="1"/>
  <c r="V88244" i="1"/>
  <c r="V88245" i="1"/>
  <c r="V88246" i="1"/>
  <c r="V88247" i="1"/>
  <c r="V88248" i="1"/>
  <c r="V88249" i="1"/>
  <c r="V88250" i="1"/>
  <c r="V88251" i="1"/>
  <c r="V88252" i="1"/>
  <c r="V88253" i="1"/>
  <c r="V88254" i="1"/>
  <c r="V88255" i="1"/>
  <c r="V88256" i="1"/>
  <c r="V88257" i="1"/>
  <c r="V88258" i="1"/>
  <c r="V88259" i="1"/>
  <c r="V88260" i="1"/>
  <c r="V88261" i="1"/>
  <c r="V88262" i="1"/>
  <c r="V88263" i="1"/>
  <c r="V88264" i="1"/>
  <c r="V88265" i="1"/>
  <c r="V88266" i="1"/>
  <c r="V88267" i="1"/>
  <c r="V88268" i="1"/>
  <c r="V88269" i="1"/>
  <c r="V88270" i="1"/>
  <c r="V88271" i="1"/>
  <c r="V88272" i="1"/>
  <c r="V88273" i="1"/>
  <c r="V88274" i="1"/>
  <c r="V88275" i="1"/>
  <c r="V88276" i="1"/>
  <c r="V88277" i="1"/>
  <c r="V88278" i="1"/>
  <c r="V88279" i="1"/>
  <c r="V88280" i="1"/>
  <c r="V88281" i="1"/>
  <c r="V88282" i="1"/>
  <c r="V88283" i="1"/>
  <c r="V88284" i="1"/>
  <c r="V88285" i="1"/>
  <c r="V88286" i="1"/>
  <c r="V88287" i="1"/>
  <c r="V88288" i="1"/>
  <c r="V88289" i="1"/>
  <c r="V88290" i="1"/>
  <c r="V88291" i="1"/>
  <c r="V88292" i="1"/>
  <c r="V88293" i="1"/>
  <c r="V88294" i="1"/>
  <c r="V88295" i="1"/>
  <c r="V88296" i="1"/>
  <c r="V88297" i="1"/>
  <c r="V88298" i="1"/>
  <c r="V88299" i="1"/>
  <c r="V88300" i="1"/>
  <c r="V88301" i="1"/>
  <c r="V88302" i="1"/>
  <c r="V88303" i="1"/>
  <c r="V88304" i="1"/>
  <c r="V88305" i="1"/>
  <c r="V88306" i="1"/>
  <c r="V88307" i="1"/>
  <c r="V88308" i="1"/>
  <c r="V88309" i="1"/>
  <c r="V88310" i="1"/>
  <c r="V88311" i="1"/>
  <c r="V88312" i="1"/>
  <c r="V88313" i="1"/>
  <c r="V88314" i="1"/>
  <c r="V88315" i="1"/>
  <c r="V88316" i="1"/>
  <c r="V88317" i="1"/>
  <c r="V88318" i="1"/>
  <c r="V88319" i="1"/>
  <c r="V88320" i="1"/>
  <c r="V88321" i="1"/>
  <c r="V88322" i="1"/>
  <c r="V88323" i="1"/>
  <c r="V88324" i="1"/>
  <c r="V88325" i="1"/>
  <c r="V88326" i="1"/>
  <c r="V88327" i="1"/>
  <c r="V88328" i="1"/>
  <c r="V88329" i="1"/>
  <c r="V88330" i="1"/>
  <c r="V88331" i="1"/>
  <c r="V88332" i="1"/>
  <c r="V88333" i="1"/>
  <c r="V88334" i="1"/>
  <c r="V88335" i="1"/>
  <c r="V88336" i="1"/>
  <c r="V88337" i="1"/>
  <c r="V88338" i="1"/>
  <c r="V88339" i="1"/>
  <c r="V88340" i="1"/>
  <c r="V88341" i="1"/>
  <c r="V88342" i="1"/>
  <c r="V88343" i="1"/>
  <c r="V88344" i="1"/>
  <c r="V88345" i="1"/>
  <c r="V88346" i="1"/>
  <c r="V88347" i="1"/>
  <c r="V88348" i="1"/>
  <c r="V88349" i="1"/>
  <c r="V88350" i="1"/>
  <c r="V88351" i="1"/>
  <c r="V88352" i="1"/>
  <c r="V88353" i="1"/>
  <c r="V88354" i="1"/>
  <c r="V88355" i="1"/>
  <c r="V88356" i="1"/>
  <c r="V88357" i="1"/>
  <c r="V88358" i="1"/>
  <c r="V88359" i="1"/>
  <c r="V88360" i="1"/>
  <c r="V88361" i="1"/>
  <c r="V88362" i="1"/>
  <c r="V88363" i="1"/>
  <c r="V88364" i="1"/>
  <c r="V88365" i="1"/>
  <c r="V88366" i="1"/>
  <c r="V88367" i="1"/>
  <c r="V88368" i="1"/>
  <c r="V88369" i="1"/>
  <c r="V88370" i="1"/>
  <c r="V88371" i="1"/>
  <c r="V88372" i="1"/>
  <c r="V88373" i="1"/>
  <c r="V88374" i="1"/>
  <c r="V88375" i="1"/>
  <c r="V88376" i="1"/>
  <c r="V88377" i="1"/>
  <c r="V88378" i="1"/>
  <c r="V88379" i="1"/>
  <c r="V88380" i="1"/>
  <c r="V88381" i="1"/>
  <c r="V88382" i="1"/>
  <c r="V88383" i="1"/>
  <c r="V88384" i="1"/>
  <c r="V88385" i="1"/>
  <c r="V88386" i="1"/>
  <c r="V88387" i="1"/>
  <c r="V88388" i="1"/>
  <c r="V88389" i="1"/>
  <c r="V88390" i="1"/>
  <c r="V88391" i="1"/>
  <c r="V88392" i="1"/>
  <c r="V88393" i="1"/>
  <c r="V88394" i="1"/>
  <c r="V88395" i="1"/>
  <c r="V88396" i="1"/>
  <c r="V88397" i="1"/>
  <c r="V88398" i="1"/>
  <c r="V88399" i="1"/>
  <c r="V88400" i="1"/>
  <c r="V88401" i="1"/>
  <c r="V88402" i="1"/>
  <c r="V88403" i="1"/>
  <c r="V88404" i="1"/>
  <c r="V88405" i="1"/>
  <c r="V88406" i="1"/>
  <c r="V88407" i="1"/>
  <c r="V88408" i="1"/>
  <c r="V88409" i="1"/>
  <c r="V88410" i="1"/>
  <c r="V88411" i="1"/>
  <c r="V88412" i="1"/>
  <c r="V88413" i="1"/>
  <c r="V88414" i="1"/>
  <c r="V88415" i="1"/>
  <c r="V88416" i="1"/>
  <c r="V88417" i="1"/>
  <c r="V88418" i="1"/>
  <c r="V88419" i="1"/>
  <c r="V88420" i="1"/>
  <c r="V88421" i="1"/>
  <c r="V88422" i="1"/>
  <c r="V88423" i="1"/>
  <c r="V88424" i="1"/>
  <c r="V88425" i="1"/>
  <c r="V88426" i="1"/>
  <c r="V88427" i="1"/>
  <c r="V88428" i="1"/>
  <c r="V88429" i="1"/>
  <c r="V88430" i="1"/>
  <c r="V88431" i="1"/>
  <c r="V88432" i="1"/>
  <c r="V88433" i="1"/>
  <c r="V88434" i="1"/>
  <c r="V88435" i="1"/>
  <c r="V88436" i="1"/>
  <c r="V88437" i="1"/>
  <c r="V88438" i="1"/>
  <c r="V88439" i="1"/>
  <c r="V88440" i="1"/>
  <c r="V88441" i="1"/>
  <c r="V88442" i="1"/>
  <c r="V88443" i="1"/>
  <c r="V88444" i="1"/>
  <c r="V88445" i="1"/>
  <c r="V88446" i="1"/>
  <c r="V88447" i="1"/>
  <c r="V88448" i="1"/>
  <c r="V88449" i="1"/>
  <c r="V88450" i="1"/>
  <c r="V88451" i="1"/>
  <c r="V88452" i="1"/>
  <c r="V88453" i="1"/>
  <c r="V88454" i="1"/>
  <c r="V88455" i="1"/>
  <c r="V88456" i="1"/>
  <c r="V88457" i="1"/>
  <c r="V88458" i="1"/>
  <c r="V88459" i="1"/>
  <c r="V88460" i="1"/>
  <c r="V88461" i="1"/>
  <c r="V88462" i="1"/>
  <c r="V88463" i="1"/>
  <c r="V88464" i="1"/>
  <c r="V88465" i="1"/>
  <c r="V88466" i="1"/>
  <c r="V88467" i="1"/>
  <c r="V88468" i="1"/>
  <c r="V88469" i="1"/>
  <c r="V88470" i="1"/>
  <c r="V88471" i="1"/>
  <c r="V88472" i="1"/>
  <c r="V88473" i="1"/>
  <c r="V88474" i="1"/>
  <c r="V88475" i="1"/>
  <c r="V88476" i="1"/>
  <c r="V88477" i="1"/>
  <c r="V88478" i="1"/>
  <c r="V88479" i="1"/>
  <c r="V88480" i="1"/>
  <c r="V88481" i="1"/>
  <c r="V88482" i="1"/>
  <c r="V88483" i="1"/>
  <c r="V88484" i="1"/>
  <c r="V88485" i="1"/>
  <c r="V88486" i="1"/>
  <c r="V88487" i="1"/>
  <c r="V88488" i="1"/>
  <c r="V88489" i="1"/>
  <c r="V88490" i="1"/>
  <c r="V88491" i="1"/>
  <c r="V88492" i="1"/>
  <c r="V88493" i="1"/>
  <c r="V88494" i="1"/>
  <c r="V88495" i="1"/>
  <c r="V88496" i="1"/>
  <c r="V88497" i="1"/>
  <c r="V88498" i="1"/>
  <c r="V88499" i="1"/>
  <c r="V88500" i="1"/>
  <c r="V88501" i="1"/>
  <c r="V88502" i="1"/>
  <c r="V88503" i="1"/>
  <c r="V88504" i="1"/>
  <c r="V88505" i="1"/>
  <c r="V88506" i="1"/>
  <c r="V88507" i="1"/>
  <c r="V88508" i="1"/>
  <c r="V88509" i="1"/>
  <c r="V88510" i="1"/>
  <c r="V88511" i="1"/>
  <c r="V88512" i="1"/>
  <c r="V88513" i="1"/>
  <c r="V88514" i="1"/>
  <c r="V88515" i="1"/>
  <c r="V88516" i="1"/>
  <c r="V88517" i="1"/>
  <c r="V88518" i="1"/>
  <c r="V88519" i="1"/>
  <c r="V88520" i="1"/>
  <c r="V88521" i="1"/>
  <c r="V88522" i="1"/>
  <c r="V88523" i="1"/>
  <c r="V88524" i="1"/>
  <c r="V88525" i="1"/>
  <c r="V88526" i="1"/>
  <c r="V88527" i="1"/>
  <c r="V88528" i="1"/>
  <c r="V88529" i="1"/>
  <c r="V88530" i="1"/>
  <c r="V88531" i="1"/>
  <c r="V88532" i="1"/>
  <c r="V88533" i="1"/>
  <c r="V88534" i="1"/>
  <c r="V88535" i="1"/>
  <c r="V88536" i="1"/>
  <c r="V88537" i="1"/>
  <c r="V88538" i="1"/>
  <c r="V88539" i="1"/>
  <c r="V88540" i="1"/>
  <c r="V88541" i="1"/>
  <c r="V88542" i="1"/>
  <c r="V88543" i="1"/>
  <c r="V88544" i="1"/>
  <c r="V88545" i="1"/>
  <c r="V88546" i="1"/>
  <c r="V88547" i="1"/>
  <c r="V88548" i="1"/>
  <c r="V88549" i="1"/>
  <c r="V88550" i="1"/>
  <c r="V88551" i="1"/>
  <c r="V88552" i="1"/>
  <c r="V88553" i="1"/>
  <c r="V88554" i="1"/>
  <c r="V88555" i="1"/>
  <c r="V88556" i="1"/>
  <c r="V88557" i="1"/>
  <c r="V88558" i="1"/>
  <c r="V88559" i="1"/>
  <c r="V88560" i="1"/>
  <c r="V88561" i="1"/>
  <c r="V88562" i="1"/>
  <c r="V88563" i="1"/>
  <c r="V88564" i="1"/>
  <c r="V88565" i="1"/>
  <c r="V88566" i="1"/>
  <c r="V88567" i="1"/>
  <c r="V88568" i="1"/>
  <c r="V88569" i="1"/>
  <c r="V88570" i="1"/>
  <c r="V88571" i="1"/>
  <c r="V88572" i="1"/>
  <c r="V88573" i="1"/>
  <c r="V88574" i="1"/>
  <c r="V88575" i="1"/>
  <c r="V88576" i="1"/>
  <c r="V88577" i="1"/>
  <c r="V88578" i="1"/>
  <c r="V88579" i="1"/>
  <c r="V88580" i="1"/>
  <c r="V88581" i="1"/>
  <c r="V88582" i="1"/>
  <c r="V88583" i="1"/>
  <c r="V88584" i="1"/>
  <c r="V88585" i="1"/>
  <c r="V88586" i="1"/>
  <c r="V88587" i="1"/>
  <c r="V88588" i="1"/>
  <c r="V88589" i="1"/>
  <c r="V88590" i="1"/>
  <c r="V88591" i="1"/>
  <c r="V88592" i="1"/>
  <c r="V88593" i="1"/>
  <c r="V88594" i="1"/>
  <c r="V88595" i="1"/>
  <c r="V88596" i="1"/>
  <c r="V88597" i="1"/>
  <c r="V88598" i="1"/>
  <c r="V88599" i="1"/>
  <c r="V88600" i="1"/>
  <c r="V88601" i="1"/>
  <c r="V88602" i="1"/>
  <c r="V88603" i="1"/>
  <c r="V88604" i="1"/>
  <c r="V88605" i="1"/>
  <c r="V88606" i="1"/>
  <c r="V88607" i="1"/>
  <c r="V88608" i="1"/>
  <c r="V88609" i="1"/>
  <c r="V88610" i="1"/>
  <c r="V88611" i="1"/>
  <c r="V88612" i="1"/>
  <c r="V88613" i="1"/>
  <c r="V88614" i="1"/>
  <c r="V88615" i="1"/>
  <c r="V88616" i="1"/>
  <c r="V88617" i="1"/>
  <c r="V88618" i="1"/>
  <c r="V88619" i="1"/>
  <c r="V88620" i="1"/>
  <c r="V88621" i="1"/>
  <c r="V88622" i="1"/>
  <c r="V88623" i="1"/>
  <c r="V88624" i="1"/>
  <c r="V88625" i="1"/>
  <c r="V88626" i="1"/>
  <c r="V88627" i="1"/>
  <c r="V88628" i="1"/>
  <c r="V88629" i="1"/>
  <c r="V88630" i="1"/>
  <c r="V88631" i="1"/>
  <c r="V88632" i="1"/>
  <c r="V88633" i="1"/>
  <c r="V88634" i="1"/>
  <c r="V88635" i="1"/>
  <c r="V88636" i="1"/>
  <c r="V88637" i="1"/>
  <c r="V88638" i="1"/>
  <c r="V88639" i="1"/>
  <c r="V88640" i="1"/>
  <c r="V88641" i="1"/>
  <c r="V88642" i="1"/>
  <c r="V88643" i="1"/>
  <c r="V88644" i="1"/>
  <c r="V88645" i="1"/>
  <c r="V88646" i="1"/>
  <c r="V88647" i="1"/>
  <c r="V88648" i="1"/>
  <c r="V88649" i="1"/>
  <c r="V88650" i="1"/>
  <c r="V88651" i="1"/>
  <c r="V88652" i="1"/>
  <c r="V88653" i="1"/>
  <c r="V88654" i="1"/>
  <c r="V88655" i="1"/>
  <c r="V88656" i="1"/>
  <c r="V88657" i="1"/>
  <c r="V88658" i="1"/>
  <c r="V88659" i="1"/>
  <c r="V88660" i="1"/>
  <c r="V88661" i="1"/>
  <c r="V88662" i="1"/>
  <c r="V88663" i="1"/>
  <c r="V88664" i="1"/>
  <c r="V88665" i="1"/>
  <c r="V88666" i="1"/>
  <c r="V88667" i="1"/>
  <c r="V88668" i="1"/>
  <c r="V88669" i="1"/>
  <c r="V88670" i="1"/>
  <c r="V88671" i="1"/>
  <c r="V88672" i="1"/>
  <c r="V88673" i="1"/>
  <c r="V88674" i="1"/>
  <c r="V88675" i="1"/>
  <c r="V88676" i="1"/>
  <c r="V88677" i="1"/>
  <c r="V88678" i="1"/>
  <c r="V88679" i="1"/>
  <c r="V88680" i="1"/>
  <c r="V88681" i="1"/>
  <c r="V88682" i="1"/>
  <c r="V88683" i="1"/>
  <c r="V88684" i="1"/>
  <c r="V88685" i="1"/>
  <c r="V88686" i="1"/>
  <c r="V88687" i="1"/>
  <c r="V88688" i="1"/>
  <c r="V88689" i="1"/>
  <c r="V88690" i="1"/>
  <c r="V88691" i="1"/>
  <c r="V88692" i="1"/>
  <c r="V88693" i="1"/>
  <c r="V88694" i="1"/>
  <c r="V88695" i="1"/>
  <c r="V88696" i="1"/>
  <c r="V88697" i="1"/>
  <c r="V88698" i="1"/>
  <c r="V88699" i="1"/>
  <c r="V88700" i="1"/>
  <c r="V88701" i="1"/>
  <c r="V88702" i="1"/>
  <c r="V88703" i="1"/>
  <c r="V88704" i="1"/>
  <c r="V88705" i="1"/>
  <c r="V88706" i="1"/>
  <c r="V88707" i="1"/>
  <c r="V88708" i="1"/>
  <c r="V88709" i="1"/>
  <c r="V88710" i="1"/>
  <c r="V88711" i="1"/>
  <c r="V88712" i="1"/>
  <c r="V88713" i="1"/>
  <c r="V88714" i="1"/>
  <c r="V88715" i="1"/>
  <c r="V88716" i="1"/>
  <c r="V88717" i="1"/>
  <c r="V88718" i="1"/>
  <c r="V88719" i="1"/>
  <c r="V88720" i="1"/>
  <c r="V88721" i="1"/>
  <c r="V88722" i="1"/>
  <c r="V88723" i="1"/>
  <c r="V88724" i="1"/>
  <c r="V88725" i="1"/>
  <c r="V88726" i="1"/>
  <c r="V88727" i="1"/>
  <c r="V88728" i="1"/>
  <c r="V88729" i="1"/>
  <c r="V88730" i="1"/>
  <c r="V88731" i="1"/>
  <c r="V88732" i="1"/>
  <c r="V88733" i="1"/>
  <c r="V88734" i="1"/>
  <c r="V88735" i="1"/>
  <c r="V88736" i="1"/>
  <c r="V88737" i="1"/>
  <c r="V88738" i="1"/>
  <c r="V88739" i="1"/>
  <c r="V88740" i="1"/>
  <c r="V88741" i="1"/>
  <c r="V88742" i="1"/>
  <c r="V88743" i="1"/>
  <c r="V88744" i="1"/>
  <c r="V88745" i="1"/>
  <c r="V88746" i="1"/>
  <c r="V88747" i="1"/>
  <c r="V88748" i="1"/>
  <c r="V88749" i="1"/>
  <c r="V88750" i="1"/>
  <c r="V88751" i="1"/>
  <c r="V88752" i="1"/>
  <c r="V88753" i="1"/>
  <c r="V88754" i="1"/>
  <c r="V88755" i="1"/>
  <c r="V88756" i="1"/>
  <c r="V88757" i="1"/>
  <c r="V88758" i="1"/>
  <c r="V88759" i="1"/>
  <c r="V88760" i="1"/>
  <c r="V88761" i="1"/>
  <c r="V88762" i="1"/>
  <c r="V88763" i="1"/>
  <c r="V88764" i="1"/>
  <c r="V88765" i="1"/>
  <c r="V88766" i="1"/>
  <c r="V88767" i="1"/>
  <c r="V88768" i="1"/>
  <c r="V88769" i="1"/>
  <c r="V88770" i="1"/>
  <c r="V88771" i="1"/>
  <c r="V88772" i="1"/>
  <c r="V88773" i="1"/>
  <c r="V88774" i="1"/>
  <c r="V88775" i="1"/>
  <c r="V88776" i="1"/>
  <c r="V88777" i="1"/>
  <c r="V88778" i="1"/>
  <c r="V88779" i="1"/>
  <c r="V88780" i="1"/>
  <c r="V88781" i="1"/>
  <c r="V88782" i="1"/>
  <c r="V88783" i="1"/>
  <c r="V88784" i="1"/>
  <c r="V88785" i="1"/>
  <c r="V88786" i="1"/>
  <c r="V88787" i="1"/>
  <c r="V88788" i="1"/>
  <c r="V88789" i="1"/>
  <c r="V88790" i="1"/>
  <c r="V88791" i="1"/>
  <c r="V88792" i="1"/>
  <c r="V88793" i="1"/>
  <c r="V88794" i="1"/>
  <c r="V88795" i="1"/>
  <c r="V88796" i="1"/>
  <c r="V88797" i="1"/>
  <c r="V88798" i="1"/>
  <c r="V88799" i="1"/>
  <c r="V88800" i="1"/>
  <c r="V88801" i="1"/>
  <c r="V88802" i="1"/>
  <c r="V88803" i="1"/>
  <c r="V88804" i="1"/>
  <c r="V88805" i="1"/>
  <c r="V88806" i="1"/>
  <c r="V88807" i="1"/>
  <c r="V88808" i="1"/>
  <c r="V88809" i="1"/>
  <c r="V88810" i="1"/>
  <c r="V88811" i="1"/>
  <c r="V88812" i="1"/>
  <c r="V88813" i="1"/>
  <c r="V88814" i="1"/>
  <c r="V88815" i="1"/>
  <c r="V88816" i="1"/>
  <c r="V88817" i="1"/>
  <c r="V88818" i="1"/>
  <c r="V88819" i="1"/>
  <c r="V88820" i="1"/>
  <c r="V88821" i="1"/>
  <c r="V88822" i="1"/>
  <c r="V88823" i="1"/>
  <c r="V88824" i="1"/>
  <c r="V88825" i="1"/>
  <c r="V88826" i="1"/>
  <c r="V88827" i="1"/>
  <c r="V88828" i="1"/>
  <c r="V88829" i="1"/>
  <c r="V88830" i="1"/>
  <c r="V88831" i="1"/>
  <c r="V88832" i="1"/>
  <c r="V88833" i="1"/>
  <c r="V88834" i="1"/>
  <c r="V88835" i="1"/>
  <c r="V88836" i="1"/>
  <c r="V88837" i="1"/>
  <c r="V88838" i="1"/>
  <c r="V88839" i="1"/>
  <c r="V88840" i="1"/>
  <c r="V88841" i="1"/>
  <c r="V88842" i="1"/>
  <c r="V88843" i="1"/>
  <c r="V88844" i="1"/>
  <c r="V88845" i="1"/>
  <c r="V88846" i="1"/>
  <c r="V88847" i="1"/>
  <c r="V88848" i="1"/>
  <c r="V88849" i="1"/>
  <c r="V88850" i="1"/>
  <c r="V88851" i="1"/>
  <c r="V88852" i="1"/>
  <c r="V88853" i="1"/>
  <c r="V88854" i="1"/>
  <c r="V88855" i="1"/>
  <c r="V88856" i="1"/>
  <c r="V88857" i="1"/>
  <c r="V88858" i="1"/>
  <c r="V88859" i="1"/>
  <c r="V88860" i="1"/>
  <c r="V88861" i="1"/>
  <c r="V88862" i="1"/>
  <c r="V88863" i="1"/>
  <c r="V88864" i="1"/>
  <c r="V88865" i="1"/>
  <c r="V88866" i="1"/>
  <c r="V88867" i="1"/>
  <c r="V88868" i="1"/>
  <c r="V88869" i="1"/>
  <c r="V88870" i="1"/>
  <c r="V88871" i="1"/>
  <c r="V88872" i="1"/>
  <c r="V88873" i="1"/>
  <c r="V88874" i="1"/>
  <c r="V88875" i="1"/>
  <c r="V88876" i="1"/>
  <c r="V88877" i="1"/>
  <c r="V88878" i="1"/>
  <c r="V88879" i="1"/>
  <c r="V88880" i="1"/>
  <c r="V88881" i="1"/>
  <c r="V88882" i="1"/>
  <c r="V88883" i="1"/>
  <c r="V88884" i="1"/>
  <c r="V88885" i="1"/>
  <c r="V88886" i="1"/>
  <c r="V88887" i="1"/>
  <c r="V88888" i="1"/>
  <c r="V88889" i="1"/>
  <c r="V88890" i="1"/>
  <c r="V88891" i="1"/>
  <c r="V88892" i="1"/>
  <c r="V88893" i="1"/>
  <c r="V88894" i="1"/>
  <c r="V88895" i="1"/>
  <c r="V88896" i="1"/>
  <c r="V88897" i="1"/>
  <c r="V88898" i="1"/>
  <c r="V88899" i="1"/>
  <c r="V88900" i="1"/>
  <c r="V88901" i="1"/>
  <c r="V88902" i="1"/>
  <c r="V88903" i="1"/>
  <c r="V88904" i="1"/>
  <c r="V88905" i="1"/>
  <c r="V88906" i="1"/>
  <c r="V88907" i="1"/>
  <c r="V88908" i="1"/>
  <c r="V88909" i="1"/>
  <c r="V88910" i="1"/>
  <c r="V88911" i="1"/>
  <c r="V88912" i="1"/>
  <c r="V88913" i="1"/>
  <c r="V88914" i="1"/>
  <c r="V88915" i="1"/>
  <c r="V88916" i="1"/>
  <c r="V88917" i="1"/>
  <c r="V88918" i="1"/>
  <c r="V88919" i="1"/>
  <c r="V88920" i="1"/>
  <c r="V88921" i="1"/>
  <c r="V88922" i="1"/>
  <c r="V88923" i="1"/>
  <c r="V88924" i="1"/>
  <c r="V88925" i="1"/>
  <c r="V88926" i="1"/>
  <c r="V88927" i="1"/>
  <c r="V88928" i="1"/>
  <c r="V88929" i="1"/>
  <c r="V88930" i="1"/>
  <c r="V88931" i="1"/>
  <c r="V88932" i="1"/>
  <c r="V88933" i="1"/>
  <c r="V88934" i="1"/>
  <c r="V88935" i="1"/>
  <c r="V88936" i="1"/>
  <c r="V88937" i="1"/>
  <c r="V88938" i="1"/>
  <c r="V88939" i="1"/>
  <c r="V88940" i="1"/>
  <c r="V88941" i="1"/>
  <c r="V88942" i="1"/>
  <c r="V88943" i="1"/>
  <c r="V88944" i="1"/>
  <c r="V88945" i="1"/>
  <c r="V88946" i="1"/>
  <c r="V88947" i="1"/>
  <c r="V88948" i="1"/>
  <c r="V88949" i="1"/>
  <c r="V88950" i="1"/>
  <c r="V88951" i="1"/>
  <c r="V88952" i="1"/>
  <c r="V88953" i="1"/>
  <c r="V88954" i="1"/>
  <c r="V88955" i="1"/>
  <c r="V88956" i="1"/>
  <c r="V88957" i="1"/>
  <c r="V88958" i="1"/>
  <c r="V88959" i="1"/>
  <c r="V88960" i="1"/>
  <c r="V88961" i="1"/>
  <c r="V88962" i="1"/>
  <c r="V88963" i="1"/>
  <c r="V88964" i="1"/>
  <c r="V88965" i="1"/>
  <c r="V88966" i="1"/>
  <c r="V88967" i="1"/>
  <c r="V88968" i="1"/>
  <c r="V88969" i="1"/>
  <c r="V88970" i="1"/>
  <c r="V88971" i="1"/>
  <c r="V88972" i="1"/>
  <c r="V88973" i="1"/>
  <c r="V88974" i="1"/>
  <c r="V88975" i="1"/>
  <c r="V88976" i="1"/>
  <c r="V88977" i="1"/>
  <c r="V88978" i="1"/>
  <c r="V88979" i="1"/>
  <c r="V88980" i="1"/>
  <c r="V88981" i="1"/>
  <c r="V88982" i="1"/>
  <c r="V88983" i="1"/>
  <c r="V88984" i="1"/>
  <c r="V88985" i="1"/>
  <c r="V88986" i="1"/>
  <c r="V88987" i="1"/>
  <c r="V88988" i="1"/>
  <c r="V88989" i="1"/>
  <c r="V88990" i="1"/>
  <c r="V88991" i="1"/>
  <c r="V88992" i="1"/>
  <c r="V88993" i="1"/>
  <c r="V88994" i="1"/>
  <c r="V88995" i="1"/>
  <c r="V88996" i="1"/>
  <c r="V88997" i="1"/>
  <c r="V88998" i="1"/>
  <c r="V88999" i="1"/>
  <c r="V89000" i="1"/>
  <c r="V89001" i="1"/>
  <c r="V89002" i="1"/>
  <c r="V89003" i="1"/>
  <c r="V89004" i="1"/>
  <c r="V89005" i="1"/>
  <c r="V89006" i="1"/>
  <c r="V89007" i="1"/>
  <c r="V89008" i="1"/>
  <c r="V89009" i="1"/>
  <c r="V89010" i="1"/>
  <c r="V89011" i="1"/>
  <c r="V89012" i="1"/>
  <c r="V89013" i="1"/>
  <c r="V89014" i="1"/>
  <c r="V89015" i="1"/>
  <c r="V89016" i="1"/>
  <c r="V89017" i="1"/>
  <c r="V89018" i="1"/>
  <c r="V89019" i="1"/>
  <c r="V89020" i="1"/>
  <c r="V89021" i="1"/>
  <c r="V89022" i="1"/>
  <c r="V89023" i="1"/>
  <c r="V89024" i="1"/>
  <c r="V89025" i="1"/>
  <c r="V89026" i="1"/>
  <c r="V89027" i="1"/>
  <c r="V89028" i="1"/>
  <c r="V89029" i="1"/>
  <c r="V89030" i="1"/>
  <c r="V89031" i="1"/>
  <c r="V89032" i="1"/>
  <c r="V89033" i="1"/>
  <c r="V89034" i="1"/>
  <c r="V89035" i="1"/>
  <c r="V89036" i="1"/>
  <c r="V89037" i="1"/>
  <c r="V89038" i="1"/>
  <c r="V89039" i="1"/>
  <c r="V89040" i="1"/>
  <c r="V89041" i="1"/>
  <c r="V89042" i="1"/>
  <c r="V89043" i="1"/>
  <c r="V89044" i="1"/>
  <c r="V89045" i="1"/>
  <c r="V89046" i="1"/>
  <c r="V89047" i="1"/>
  <c r="V89048" i="1"/>
  <c r="V89049" i="1"/>
  <c r="V89050" i="1"/>
  <c r="V89051" i="1"/>
  <c r="V89052" i="1"/>
  <c r="V89053" i="1"/>
  <c r="V89054" i="1"/>
  <c r="V89055" i="1"/>
  <c r="V89056" i="1"/>
  <c r="V89057" i="1"/>
  <c r="V89058" i="1"/>
  <c r="V89059" i="1"/>
  <c r="V89060" i="1"/>
  <c r="V89061" i="1"/>
  <c r="V89062" i="1"/>
  <c r="V89063" i="1"/>
  <c r="V89064" i="1"/>
  <c r="V89065" i="1"/>
  <c r="V89066" i="1"/>
  <c r="V89067" i="1"/>
  <c r="V89068" i="1"/>
  <c r="V89069" i="1"/>
  <c r="V89070" i="1"/>
  <c r="V89071" i="1"/>
  <c r="V89072" i="1"/>
  <c r="V89073" i="1"/>
  <c r="V89074" i="1"/>
  <c r="V89075" i="1"/>
  <c r="V89076" i="1"/>
  <c r="V89077" i="1"/>
  <c r="V89078" i="1"/>
  <c r="V89079" i="1"/>
  <c r="V89080" i="1"/>
  <c r="V89081" i="1"/>
  <c r="V89082" i="1"/>
  <c r="V89083" i="1"/>
  <c r="V89084" i="1"/>
  <c r="V89085" i="1"/>
  <c r="V89086" i="1"/>
  <c r="V89087" i="1"/>
  <c r="V89088" i="1"/>
  <c r="V89089" i="1"/>
  <c r="V89090" i="1"/>
  <c r="V89091" i="1"/>
  <c r="V89092" i="1"/>
  <c r="V89093" i="1"/>
  <c r="V89094" i="1"/>
  <c r="V89095" i="1"/>
  <c r="V89096" i="1"/>
  <c r="V89097" i="1"/>
  <c r="V89098" i="1"/>
  <c r="V89099" i="1"/>
  <c r="V89100" i="1"/>
  <c r="V89101" i="1"/>
  <c r="V89102" i="1"/>
  <c r="V89103" i="1"/>
  <c r="V89104" i="1"/>
  <c r="V89105" i="1"/>
  <c r="V89106" i="1"/>
  <c r="V89107" i="1"/>
  <c r="V89108" i="1"/>
  <c r="V89109" i="1"/>
  <c r="V89110" i="1"/>
  <c r="V89111" i="1"/>
  <c r="V89112" i="1"/>
  <c r="V89113" i="1"/>
  <c r="V89114" i="1"/>
  <c r="V89115" i="1"/>
  <c r="V89116" i="1"/>
  <c r="V89117" i="1"/>
  <c r="V89118" i="1"/>
  <c r="V89119" i="1"/>
  <c r="V89120" i="1"/>
  <c r="V89121" i="1"/>
  <c r="V89122" i="1"/>
  <c r="V89123" i="1"/>
  <c r="V89124" i="1"/>
  <c r="V89125" i="1"/>
  <c r="V89126" i="1"/>
  <c r="V89127" i="1"/>
  <c r="V89128" i="1"/>
  <c r="V89129" i="1"/>
  <c r="V89130" i="1"/>
  <c r="V89131" i="1"/>
  <c r="V89132" i="1"/>
  <c r="V89133" i="1"/>
  <c r="V89134" i="1"/>
  <c r="V89135" i="1"/>
  <c r="V89136" i="1"/>
  <c r="V89137" i="1"/>
  <c r="V89138" i="1"/>
  <c r="V89139" i="1"/>
  <c r="V89140" i="1"/>
  <c r="V89141" i="1"/>
  <c r="V89142" i="1"/>
  <c r="V89143" i="1"/>
  <c r="V89144" i="1"/>
  <c r="V89145" i="1"/>
  <c r="V89146" i="1"/>
  <c r="V89147" i="1"/>
  <c r="V89148" i="1"/>
  <c r="V89149" i="1"/>
  <c r="V89150" i="1"/>
  <c r="V89151" i="1"/>
  <c r="V89152" i="1"/>
  <c r="V89153" i="1"/>
  <c r="V89154" i="1"/>
  <c r="V89155" i="1"/>
  <c r="V89156" i="1"/>
  <c r="V89157" i="1"/>
  <c r="V89158" i="1"/>
  <c r="V89159" i="1"/>
  <c r="V89160" i="1"/>
  <c r="V89161" i="1"/>
  <c r="V89162" i="1"/>
  <c r="V89163" i="1"/>
  <c r="V89164" i="1"/>
  <c r="V89165" i="1"/>
  <c r="V89166" i="1"/>
  <c r="V89167" i="1"/>
  <c r="V89168" i="1"/>
  <c r="V89169" i="1"/>
  <c r="V89170" i="1"/>
  <c r="V89171" i="1"/>
  <c r="V89172" i="1"/>
  <c r="V89173" i="1"/>
  <c r="V89174" i="1"/>
  <c r="V89175" i="1"/>
  <c r="V89176" i="1"/>
  <c r="V89177" i="1"/>
  <c r="V89178" i="1"/>
  <c r="V89179" i="1"/>
  <c r="V89180" i="1"/>
  <c r="V89181" i="1"/>
  <c r="V89182" i="1"/>
  <c r="V89183" i="1"/>
  <c r="V89184" i="1"/>
  <c r="V89185" i="1"/>
  <c r="V89186" i="1"/>
  <c r="V89187" i="1"/>
  <c r="V89188" i="1"/>
  <c r="V89189" i="1"/>
  <c r="V89190" i="1"/>
  <c r="V89191" i="1"/>
  <c r="V89192" i="1"/>
  <c r="V89193" i="1"/>
  <c r="V89194" i="1"/>
  <c r="V89195" i="1"/>
  <c r="V89196" i="1"/>
  <c r="V89197" i="1"/>
  <c r="V89198" i="1"/>
  <c r="V89199" i="1"/>
  <c r="V89200" i="1"/>
  <c r="V89201" i="1"/>
  <c r="V89202" i="1"/>
  <c r="V89203" i="1"/>
  <c r="V89204" i="1"/>
  <c r="V89205" i="1"/>
  <c r="V89206" i="1"/>
  <c r="V89207" i="1"/>
  <c r="V89208" i="1"/>
  <c r="V89209" i="1"/>
  <c r="V89210" i="1"/>
  <c r="V89211" i="1"/>
  <c r="V89212" i="1"/>
  <c r="V89213" i="1"/>
  <c r="V89214" i="1"/>
  <c r="V89215" i="1"/>
  <c r="V89216" i="1"/>
  <c r="V89217" i="1"/>
  <c r="V89218" i="1"/>
  <c r="V89219" i="1"/>
  <c r="V89220" i="1"/>
  <c r="V89221" i="1"/>
  <c r="V89222" i="1"/>
  <c r="V89223" i="1"/>
  <c r="V89224" i="1"/>
  <c r="V89225" i="1"/>
  <c r="V89226" i="1"/>
  <c r="V89227" i="1"/>
  <c r="V89228" i="1"/>
  <c r="V89229" i="1"/>
  <c r="V89230" i="1"/>
  <c r="V89231" i="1"/>
  <c r="V89232" i="1"/>
  <c r="V89233" i="1"/>
  <c r="V89234" i="1"/>
  <c r="V89235" i="1"/>
  <c r="V89236" i="1"/>
  <c r="V89237" i="1"/>
  <c r="V89238" i="1"/>
  <c r="V89239" i="1"/>
  <c r="V89240" i="1"/>
  <c r="V89241" i="1"/>
  <c r="V89242" i="1"/>
  <c r="V89243" i="1"/>
  <c r="V89244" i="1"/>
  <c r="V89245" i="1"/>
  <c r="V89246" i="1"/>
  <c r="V89247" i="1"/>
  <c r="V89248" i="1"/>
  <c r="V89249" i="1"/>
  <c r="V89250" i="1"/>
  <c r="V89251" i="1"/>
  <c r="V89252" i="1"/>
  <c r="V89253" i="1"/>
  <c r="V89254" i="1"/>
  <c r="V89255" i="1"/>
  <c r="V89256" i="1"/>
  <c r="V89257" i="1"/>
  <c r="V89258" i="1"/>
  <c r="V89259" i="1"/>
  <c r="V89260" i="1"/>
  <c r="V89261" i="1"/>
  <c r="V89262" i="1"/>
  <c r="V89263" i="1"/>
  <c r="V89264" i="1"/>
  <c r="V89265" i="1"/>
  <c r="V89266" i="1"/>
  <c r="V89267" i="1"/>
  <c r="V89268" i="1"/>
  <c r="V89269" i="1"/>
  <c r="V89270" i="1"/>
  <c r="V89271" i="1"/>
  <c r="V89272" i="1"/>
  <c r="V89273" i="1"/>
  <c r="V89274" i="1"/>
  <c r="V89275" i="1"/>
  <c r="V89276" i="1"/>
  <c r="V89277" i="1"/>
  <c r="V89278" i="1"/>
  <c r="V89279" i="1"/>
  <c r="V89280" i="1"/>
  <c r="V89281" i="1"/>
  <c r="V89282" i="1"/>
  <c r="V89283" i="1"/>
  <c r="V89284" i="1"/>
  <c r="V89285" i="1"/>
  <c r="V89286" i="1"/>
  <c r="V89287" i="1"/>
  <c r="V89288" i="1"/>
  <c r="V89289" i="1"/>
  <c r="V89290" i="1"/>
  <c r="V89291" i="1"/>
  <c r="V89292" i="1"/>
  <c r="V89293" i="1"/>
  <c r="V89294" i="1"/>
  <c r="V89295" i="1"/>
  <c r="V89296" i="1"/>
  <c r="V89297" i="1"/>
  <c r="V89298" i="1"/>
  <c r="V89299" i="1"/>
  <c r="V89300" i="1"/>
  <c r="V89301" i="1"/>
  <c r="V89302" i="1"/>
  <c r="V89303" i="1"/>
  <c r="V89304" i="1"/>
  <c r="V89305" i="1"/>
  <c r="V89306" i="1"/>
  <c r="V89307" i="1"/>
  <c r="V89308" i="1"/>
  <c r="V89309" i="1"/>
  <c r="V89310" i="1"/>
  <c r="V89311" i="1"/>
  <c r="V89312" i="1"/>
  <c r="V89313" i="1"/>
  <c r="V89314" i="1"/>
  <c r="V89315" i="1"/>
  <c r="V89316" i="1"/>
  <c r="V89317" i="1"/>
  <c r="V89318" i="1"/>
  <c r="V89319" i="1"/>
  <c r="V89320" i="1"/>
  <c r="V89321" i="1"/>
  <c r="V89322" i="1"/>
  <c r="V89323" i="1"/>
  <c r="V89324" i="1"/>
  <c r="V89325" i="1"/>
  <c r="V89326" i="1"/>
  <c r="V89327" i="1"/>
  <c r="V89328" i="1"/>
  <c r="V89329" i="1"/>
  <c r="V89330" i="1"/>
  <c r="V89331" i="1"/>
  <c r="V89332" i="1"/>
  <c r="V89333" i="1"/>
  <c r="V89334" i="1"/>
  <c r="V89335" i="1"/>
  <c r="V89336" i="1"/>
  <c r="V89337" i="1"/>
  <c r="V89338" i="1"/>
  <c r="V89339" i="1"/>
  <c r="V89340" i="1"/>
  <c r="V89341" i="1"/>
  <c r="V89342" i="1"/>
  <c r="V89343" i="1"/>
  <c r="V89344" i="1"/>
  <c r="V89345" i="1"/>
  <c r="V89346" i="1"/>
  <c r="V89347" i="1"/>
  <c r="V89348" i="1"/>
  <c r="V89349" i="1"/>
  <c r="V89350" i="1"/>
  <c r="V89351" i="1"/>
  <c r="V89352" i="1"/>
  <c r="V89353" i="1"/>
  <c r="V89354" i="1"/>
  <c r="V89355" i="1"/>
  <c r="V89356" i="1"/>
  <c r="V89357" i="1"/>
  <c r="V89358" i="1"/>
  <c r="V89359" i="1"/>
  <c r="V89360" i="1"/>
  <c r="V89361" i="1"/>
  <c r="V89362" i="1"/>
  <c r="V89363" i="1"/>
  <c r="V89364" i="1"/>
  <c r="V89365" i="1"/>
  <c r="V89366" i="1"/>
  <c r="V89367" i="1"/>
  <c r="V89368" i="1"/>
  <c r="V89369" i="1"/>
  <c r="V89370" i="1"/>
  <c r="V89371" i="1"/>
  <c r="V89372" i="1"/>
  <c r="V89373" i="1"/>
  <c r="V89374" i="1"/>
  <c r="V89375" i="1"/>
  <c r="V89376" i="1"/>
  <c r="V89377" i="1"/>
  <c r="V89378" i="1"/>
  <c r="V89379" i="1"/>
  <c r="V89380" i="1"/>
  <c r="V89381" i="1"/>
  <c r="V89382" i="1"/>
  <c r="V89383" i="1"/>
  <c r="V89384" i="1"/>
  <c r="V89385" i="1"/>
  <c r="V89386" i="1"/>
  <c r="V89387" i="1"/>
  <c r="V89388" i="1"/>
  <c r="V89389" i="1"/>
  <c r="V89390" i="1"/>
  <c r="V89391" i="1"/>
  <c r="V89392" i="1"/>
  <c r="V89393" i="1"/>
  <c r="V89394" i="1"/>
  <c r="V89395" i="1"/>
  <c r="V89396" i="1"/>
  <c r="V89397" i="1"/>
  <c r="V89398" i="1"/>
  <c r="V89399" i="1"/>
  <c r="V89400" i="1"/>
  <c r="V89401" i="1"/>
  <c r="V89402" i="1"/>
  <c r="V89403" i="1"/>
  <c r="V89404" i="1"/>
  <c r="V89405" i="1"/>
  <c r="V89406" i="1"/>
  <c r="V89407" i="1"/>
  <c r="V89408" i="1"/>
  <c r="V89409" i="1"/>
  <c r="V89410" i="1"/>
  <c r="V89411" i="1"/>
  <c r="V89412" i="1"/>
  <c r="V89413" i="1"/>
  <c r="V89414" i="1"/>
  <c r="V89415" i="1"/>
  <c r="V89416" i="1"/>
  <c r="V89417" i="1"/>
  <c r="V89418" i="1"/>
  <c r="V89419" i="1"/>
  <c r="V89420" i="1"/>
  <c r="V89421" i="1"/>
  <c r="V89422" i="1"/>
  <c r="V89423" i="1"/>
  <c r="V89424" i="1"/>
  <c r="V89425" i="1"/>
  <c r="V89426" i="1"/>
  <c r="V89427" i="1"/>
  <c r="V89428" i="1"/>
  <c r="V89429" i="1"/>
  <c r="V89430" i="1"/>
  <c r="V89431" i="1"/>
  <c r="V89432" i="1"/>
  <c r="V89433" i="1"/>
  <c r="V89434" i="1"/>
  <c r="V89435" i="1"/>
  <c r="V89436" i="1"/>
  <c r="V89437" i="1"/>
  <c r="V89438" i="1"/>
  <c r="V89439" i="1"/>
  <c r="V89440" i="1"/>
  <c r="V89441" i="1"/>
  <c r="V89442" i="1"/>
  <c r="V89443" i="1"/>
  <c r="V89444" i="1"/>
  <c r="V89445" i="1"/>
  <c r="V89446" i="1"/>
  <c r="V89447" i="1"/>
  <c r="V89448" i="1"/>
  <c r="V89449" i="1"/>
  <c r="V89450" i="1"/>
  <c r="V89451" i="1"/>
  <c r="V89452" i="1"/>
  <c r="V89453" i="1"/>
  <c r="V89454" i="1"/>
  <c r="V89455" i="1"/>
  <c r="V89456" i="1"/>
  <c r="V89457" i="1"/>
  <c r="V89458" i="1"/>
  <c r="V89459" i="1"/>
  <c r="V89460" i="1"/>
  <c r="V89461" i="1"/>
  <c r="V89462" i="1"/>
  <c r="V89463" i="1"/>
  <c r="V89464" i="1"/>
  <c r="V89465" i="1"/>
  <c r="V89466" i="1"/>
  <c r="V89467" i="1"/>
  <c r="V89468" i="1"/>
  <c r="V89469" i="1"/>
  <c r="V89470" i="1"/>
  <c r="V89471" i="1"/>
  <c r="V89472" i="1"/>
  <c r="V89473" i="1"/>
  <c r="V89474" i="1"/>
  <c r="V89475" i="1"/>
  <c r="V89476" i="1"/>
  <c r="V89477" i="1"/>
  <c r="V89478" i="1"/>
  <c r="V89479" i="1"/>
  <c r="V89480" i="1"/>
  <c r="V89481" i="1"/>
  <c r="V89482" i="1"/>
  <c r="V89483" i="1"/>
  <c r="V89484" i="1"/>
  <c r="V89485" i="1"/>
  <c r="V89486" i="1"/>
  <c r="V89487" i="1"/>
  <c r="V89488" i="1"/>
  <c r="V89489" i="1"/>
  <c r="V89490" i="1"/>
  <c r="V89491" i="1"/>
  <c r="V89492" i="1"/>
  <c r="V89493" i="1"/>
  <c r="V89494" i="1"/>
  <c r="V89495" i="1"/>
  <c r="V89496" i="1"/>
  <c r="V89497" i="1"/>
  <c r="V89498" i="1"/>
  <c r="V89499" i="1"/>
  <c r="V89500" i="1"/>
  <c r="V89501" i="1"/>
  <c r="V89502" i="1"/>
  <c r="V89503" i="1"/>
  <c r="V89504" i="1"/>
  <c r="V89505" i="1"/>
  <c r="V89506" i="1"/>
  <c r="V89507" i="1"/>
  <c r="V89508" i="1"/>
  <c r="V89509" i="1"/>
  <c r="V89510" i="1"/>
  <c r="V89511" i="1"/>
  <c r="V89512" i="1"/>
  <c r="V89513" i="1"/>
  <c r="V89514" i="1"/>
  <c r="V89515" i="1"/>
  <c r="V89516" i="1"/>
  <c r="V89517" i="1"/>
  <c r="V89518" i="1"/>
  <c r="V89519" i="1"/>
  <c r="V89520" i="1"/>
  <c r="V89521" i="1"/>
  <c r="V89522" i="1"/>
  <c r="V89523" i="1"/>
  <c r="V89524" i="1"/>
  <c r="V89525" i="1"/>
  <c r="V89526" i="1"/>
  <c r="V89527" i="1"/>
  <c r="V89528" i="1"/>
  <c r="V89529" i="1"/>
  <c r="V89530" i="1"/>
  <c r="V89531" i="1"/>
  <c r="V89532" i="1"/>
  <c r="V89533" i="1"/>
  <c r="V89534" i="1"/>
  <c r="V89535" i="1"/>
  <c r="V89536" i="1"/>
  <c r="V89537" i="1"/>
  <c r="V89538" i="1"/>
  <c r="V89539" i="1"/>
  <c r="V89540" i="1"/>
  <c r="V89541" i="1"/>
  <c r="V89542" i="1"/>
  <c r="V89543" i="1"/>
  <c r="V89544" i="1"/>
  <c r="V89545" i="1"/>
  <c r="V89546" i="1"/>
  <c r="V89547" i="1"/>
  <c r="V89548" i="1"/>
  <c r="V89549" i="1"/>
  <c r="V89550" i="1"/>
  <c r="V89551" i="1"/>
  <c r="V89552" i="1"/>
  <c r="V89553" i="1"/>
  <c r="V89554" i="1"/>
  <c r="V89555" i="1"/>
  <c r="V89556" i="1"/>
  <c r="V89557" i="1"/>
  <c r="V89558" i="1"/>
  <c r="V89559" i="1"/>
  <c r="V89560" i="1"/>
  <c r="V89561" i="1"/>
  <c r="V89562" i="1"/>
  <c r="V89563" i="1"/>
  <c r="V89564" i="1"/>
  <c r="V89565" i="1"/>
  <c r="V89566" i="1"/>
  <c r="V89567" i="1"/>
  <c r="V89568" i="1"/>
  <c r="V89569" i="1"/>
  <c r="V89570" i="1"/>
  <c r="V89571" i="1"/>
  <c r="V89572" i="1"/>
  <c r="V89573" i="1"/>
  <c r="V89574" i="1"/>
  <c r="V89575" i="1"/>
  <c r="V89576" i="1"/>
  <c r="V89577" i="1"/>
  <c r="V89578" i="1"/>
  <c r="V89579" i="1"/>
  <c r="V89580" i="1"/>
  <c r="V89581" i="1"/>
  <c r="V89582" i="1"/>
  <c r="V89583" i="1"/>
  <c r="V89584" i="1"/>
  <c r="V89585" i="1"/>
  <c r="V89586" i="1"/>
  <c r="V89587" i="1"/>
  <c r="V89588" i="1"/>
  <c r="V89589" i="1"/>
  <c r="V89590" i="1"/>
  <c r="V89591" i="1"/>
  <c r="V89592" i="1"/>
  <c r="V89593" i="1"/>
  <c r="V89594" i="1"/>
  <c r="V89595" i="1"/>
  <c r="V89596" i="1"/>
  <c r="V89597" i="1"/>
  <c r="V89598" i="1"/>
  <c r="V89599" i="1"/>
  <c r="V89600" i="1"/>
  <c r="V89601" i="1"/>
  <c r="V89602" i="1"/>
  <c r="V89603" i="1"/>
  <c r="V89604" i="1"/>
  <c r="V89605" i="1"/>
  <c r="V89606" i="1"/>
  <c r="V89607" i="1"/>
  <c r="V89608" i="1"/>
  <c r="V89609" i="1"/>
  <c r="V89610" i="1"/>
  <c r="V89611" i="1"/>
  <c r="V89612" i="1"/>
  <c r="V89613" i="1"/>
  <c r="V89614" i="1"/>
  <c r="V89615" i="1"/>
  <c r="V89616" i="1"/>
  <c r="V89617" i="1"/>
  <c r="V89618" i="1"/>
  <c r="V89619" i="1"/>
  <c r="V89620" i="1"/>
  <c r="V89621" i="1"/>
  <c r="V89622" i="1"/>
  <c r="V89623" i="1"/>
  <c r="V89624" i="1"/>
  <c r="V89625" i="1"/>
  <c r="V89626" i="1"/>
  <c r="V89627" i="1"/>
  <c r="V89628" i="1"/>
  <c r="V89629" i="1"/>
  <c r="V89630" i="1"/>
  <c r="V89631" i="1"/>
  <c r="V89632" i="1"/>
  <c r="V89633" i="1"/>
  <c r="V89634" i="1"/>
  <c r="V89635" i="1"/>
  <c r="V89636" i="1"/>
  <c r="V89637" i="1"/>
  <c r="V89638" i="1"/>
  <c r="V89639" i="1"/>
  <c r="V89640" i="1"/>
  <c r="V89641" i="1"/>
  <c r="V89642" i="1"/>
  <c r="V89643" i="1"/>
  <c r="V89644" i="1"/>
  <c r="V89645" i="1"/>
  <c r="V89646" i="1"/>
  <c r="V89647" i="1"/>
  <c r="V89648" i="1"/>
  <c r="V89649" i="1"/>
  <c r="V89650" i="1"/>
  <c r="V89651" i="1"/>
  <c r="V89652" i="1"/>
  <c r="V89653" i="1"/>
  <c r="V89654" i="1"/>
  <c r="V89655" i="1"/>
  <c r="V89656" i="1"/>
  <c r="V89657" i="1"/>
  <c r="V89658" i="1"/>
  <c r="V89659" i="1"/>
  <c r="V89660" i="1"/>
  <c r="V89661" i="1"/>
  <c r="V89662" i="1"/>
  <c r="V89663" i="1"/>
  <c r="V89664" i="1"/>
  <c r="V89665" i="1"/>
  <c r="V89666" i="1"/>
  <c r="V89667" i="1"/>
  <c r="V89668" i="1"/>
  <c r="V89669" i="1"/>
  <c r="V89670" i="1"/>
  <c r="V89671" i="1"/>
  <c r="V89672" i="1"/>
  <c r="V89673" i="1"/>
  <c r="V89674" i="1"/>
  <c r="V89675" i="1"/>
  <c r="V89676" i="1"/>
  <c r="V89677" i="1"/>
  <c r="V89678" i="1"/>
  <c r="V89679" i="1"/>
  <c r="V89680" i="1"/>
  <c r="V89681" i="1"/>
  <c r="V89682" i="1"/>
  <c r="V89683" i="1"/>
  <c r="V89684" i="1"/>
  <c r="V89685" i="1"/>
  <c r="V89686" i="1"/>
  <c r="V89687" i="1"/>
  <c r="V89688" i="1"/>
  <c r="V89689" i="1"/>
  <c r="V89690" i="1"/>
  <c r="V89691" i="1"/>
  <c r="V89692" i="1"/>
  <c r="V89693" i="1"/>
  <c r="V89694" i="1"/>
  <c r="V89695" i="1"/>
  <c r="V89696" i="1"/>
  <c r="V89697" i="1"/>
  <c r="V89698" i="1"/>
  <c r="V89699" i="1"/>
  <c r="V89700" i="1"/>
  <c r="V89701" i="1"/>
  <c r="V89702" i="1"/>
  <c r="V89703" i="1"/>
  <c r="V89704" i="1"/>
  <c r="V89705" i="1"/>
  <c r="V89706" i="1"/>
  <c r="V89707" i="1"/>
  <c r="V89708" i="1"/>
  <c r="V89709" i="1"/>
  <c r="V89710" i="1"/>
  <c r="V89711" i="1"/>
  <c r="V89712" i="1"/>
  <c r="V89713" i="1"/>
  <c r="V89714" i="1"/>
  <c r="V89715" i="1"/>
  <c r="V89716" i="1"/>
  <c r="V89717" i="1"/>
  <c r="V89718" i="1"/>
  <c r="V89719" i="1"/>
  <c r="V89720" i="1"/>
  <c r="V89721" i="1"/>
  <c r="V89722" i="1"/>
  <c r="V89723" i="1"/>
  <c r="V89724" i="1"/>
  <c r="V89725" i="1"/>
  <c r="V89726" i="1"/>
  <c r="V89727" i="1"/>
  <c r="V89728" i="1"/>
  <c r="V89729" i="1"/>
  <c r="V89730" i="1"/>
  <c r="V89731" i="1"/>
  <c r="V89732" i="1"/>
  <c r="V89733" i="1"/>
  <c r="V89734" i="1"/>
  <c r="V89735" i="1"/>
  <c r="V89736" i="1"/>
  <c r="V89737" i="1"/>
  <c r="V89738" i="1"/>
  <c r="V89739" i="1"/>
  <c r="V89740" i="1"/>
  <c r="V89741" i="1"/>
  <c r="V89742" i="1"/>
  <c r="V89743" i="1"/>
  <c r="V89744" i="1"/>
  <c r="V89745" i="1"/>
  <c r="V89746" i="1"/>
  <c r="V89747" i="1"/>
  <c r="V89748" i="1"/>
  <c r="V89749" i="1"/>
  <c r="V89750" i="1"/>
  <c r="V89751" i="1"/>
  <c r="V89752" i="1"/>
  <c r="V89753" i="1"/>
  <c r="V89754" i="1"/>
  <c r="V89755" i="1"/>
  <c r="V89756" i="1"/>
  <c r="V89757" i="1"/>
  <c r="V89758" i="1"/>
  <c r="V89759" i="1"/>
  <c r="V89760" i="1"/>
  <c r="V89761" i="1"/>
  <c r="V89762" i="1"/>
  <c r="V89763" i="1"/>
  <c r="V89764" i="1"/>
  <c r="V89765" i="1"/>
  <c r="V89766" i="1"/>
  <c r="V89767" i="1"/>
  <c r="V89768" i="1"/>
  <c r="V89769" i="1"/>
  <c r="V89770" i="1"/>
  <c r="V89771" i="1"/>
  <c r="V89772" i="1"/>
  <c r="V89773" i="1"/>
  <c r="V89774" i="1"/>
  <c r="V89775" i="1"/>
  <c r="V89776" i="1"/>
  <c r="V89777" i="1"/>
  <c r="V89778" i="1"/>
  <c r="V89779" i="1"/>
  <c r="V89780" i="1"/>
  <c r="V89781" i="1"/>
  <c r="V89782" i="1"/>
  <c r="V89783" i="1"/>
  <c r="V89784" i="1"/>
  <c r="V89785" i="1"/>
  <c r="V89786" i="1"/>
  <c r="V89787" i="1"/>
  <c r="V89788" i="1"/>
  <c r="V89789" i="1"/>
  <c r="V89790" i="1"/>
  <c r="V89791" i="1"/>
  <c r="V89792" i="1"/>
  <c r="V89793" i="1"/>
  <c r="V89794" i="1"/>
  <c r="V89795" i="1"/>
  <c r="V89796" i="1"/>
  <c r="V89797" i="1"/>
  <c r="V89798" i="1"/>
  <c r="V89799" i="1"/>
  <c r="V89800" i="1"/>
  <c r="V89801" i="1"/>
  <c r="V89802" i="1"/>
  <c r="V89803" i="1"/>
  <c r="V89804" i="1"/>
  <c r="V89805" i="1"/>
  <c r="V89806" i="1"/>
  <c r="V89807" i="1"/>
  <c r="V89808" i="1"/>
  <c r="V89809" i="1"/>
  <c r="V89810" i="1"/>
  <c r="V89811" i="1"/>
  <c r="V89812" i="1"/>
  <c r="V89813" i="1"/>
  <c r="V89814" i="1"/>
  <c r="V89815" i="1"/>
  <c r="V89816" i="1"/>
  <c r="V89817" i="1"/>
  <c r="V89818" i="1"/>
  <c r="V89819" i="1"/>
  <c r="V89820" i="1"/>
  <c r="V89821" i="1"/>
  <c r="V89822" i="1"/>
  <c r="V89823" i="1"/>
  <c r="V89824" i="1"/>
  <c r="V89825" i="1"/>
  <c r="V89826" i="1"/>
  <c r="V89827" i="1"/>
  <c r="V89828" i="1"/>
  <c r="V89829" i="1"/>
  <c r="V89830" i="1"/>
  <c r="V89831" i="1"/>
  <c r="V89832" i="1"/>
  <c r="V89833" i="1"/>
  <c r="V89834" i="1"/>
  <c r="V89835" i="1"/>
  <c r="V89836" i="1"/>
  <c r="V89837" i="1"/>
  <c r="V89838" i="1"/>
  <c r="V89839" i="1"/>
  <c r="V89840" i="1"/>
  <c r="V89841" i="1"/>
  <c r="V89842" i="1"/>
  <c r="V89843" i="1"/>
  <c r="V89844" i="1"/>
  <c r="V89845" i="1"/>
  <c r="V89846" i="1"/>
  <c r="V89847" i="1"/>
  <c r="V89848" i="1"/>
  <c r="V89849" i="1"/>
  <c r="V89850" i="1"/>
  <c r="V89851" i="1"/>
  <c r="V89852" i="1"/>
  <c r="V89853" i="1"/>
  <c r="V89854" i="1"/>
  <c r="V89855" i="1"/>
  <c r="V89856" i="1"/>
  <c r="V89857" i="1"/>
  <c r="V89858" i="1"/>
  <c r="V89859" i="1"/>
  <c r="V89860" i="1"/>
  <c r="V89861" i="1"/>
  <c r="V89862" i="1"/>
  <c r="V89863" i="1"/>
  <c r="V89864" i="1"/>
  <c r="V89865" i="1"/>
  <c r="V89866" i="1"/>
  <c r="V89867" i="1"/>
  <c r="V89868" i="1"/>
  <c r="V89869" i="1"/>
  <c r="V89870" i="1"/>
  <c r="V89871" i="1"/>
  <c r="V89872" i="1"/>
  <c r="V89873" i="1"/>
  <c r="V89874" i="1"/>
  <c r="V89875" i="1"/>
  <c r="V89876" i="1"/>
  <c r="V89877" i="1"/>
  <c r="V89878" i="1"/>
  <c r="V89879" i="1"/>
  <c r="V89880" i="1"/>
  <c r="V89881" i="1"/>
  <c r="V89882" i="1"/>
  <c r="V89883" i="1"/>
  <c r="V89884" i="1"/>
  <c r="V89885" i="1"/>
  <c r="V89886" i="1"/>
  <c r="V89887" i="1"/>
  <c r="V89888" i="1"/>
  <c r="V89889" i="1"/>
  <c r="V89890" i="1"/>
  <c r="V89891" i="1"/>
  <c r="V89892" i="1"/>
  <c r="V89893" i="1"/>
  <c r="V89894" i="1"/>
  <c r="V89895" i="1"/>
  <c r="V89896" i="1"/>
  <c r="V89897" i="1"/>
  <c r="V89898" i="1"/>
  <c r="V89899" i="1"/>
  <c r="V89900" i="1"/>
  <c r="V89901" i="1"/>
  <c r="V89902" i="1"/>
  <c r="V89903" i="1"/>
  <c r="V89904" i="1"/>
  <c r="V89905" i="1"/>
  <c r="V89906" i="1"/>
  <c r="V89907" i="1"/>
  <c r="V89908" i="1"/>
  <c r="V89909" i="1"/>
  <c r="V89910" i="1"/>
  <c r="V89911" i="1"/>
  <c r="V89912" i="1"/>
  <c r="V89913" i="1"/>
  <c r="V89914" i="1"/>
  <c r="V89915" i="1"/>
  <c r="V89916" i="1"/>
  <c r="V89917" i="1"/>
  <c r="V89918" i="1"/>
  <c r="V89919" i="1"/>
  <c r="V89920" i="1"/>
  <c r="V89921" i="1"/>
  <c r="V89922" i="1"/>
  <c r="V89923" i="1"/>
  <c r="V89924" i="1"/>
  <c r="V89925" i="1"/>
  <c r="V89926" i="1"/>
  <c r="V89927" i="1"/>
  <c r="V89928" i="1"/>
  <c r="V89929" i="1"/>
  <c r="V89930" i="1"/>
  <c r="V89931" i="1"/>
  <c r="V89932" i="1"/>
  <c r="V89933" i="1"/>
  <c r="V89934" i="1"/>
  <c r="V89935" i="1"/>
  <c r="V89936" i="1"/>
  <c r="V89937" i="1"/>
  <c r="V89938" i="1"/>
  <c r="V89939" i="1"/>
  <c r="V89940" i="1"/>
  <c r="V89941" i="1"/>
  <c r="V89942" i="1"/>
  <c r="V89943" i="1"/>
  <c r="V89944" i="1"/>
  <c r="V89945" i="1"/>
  <c r="V89946" i="1"/>
  <c r="V89947" i="1"/>
  <c r="V89948" i="1"/>
  <c r="V89949" i="1"/>
  <c r="V89950" i="1"/>
  <c r="V89951" i="1"/>
  <c r="V89952" i="1"/>
  <c r="V89953" i="1"/>
  <c r="V89954" i="1"/>
  <c r="V89955" i="1"/>
  <c r="V89956" i="1"/>
  <c r="V89957" i="1"/>
  <c r="V89958" i="1"/>
  <c r="V89959" i="1"/>
  <c r="V89960" i="1"/>
  <c r="V89961" i="1"/>
  <c r="V89962" i="1"/>
  <c r="V89963" i="1"/>
  <c r="V89964" i="1"/>
  <c r="V89965" i="1"/>
  <c r="V89966" i="1"/>
  <c r="V89967" i="1"/>
  <c r="V89968" i="1"/>
  <c r="V89969" i="1"/>
  <c r="V89970" i="1"/>
  <c r="V89971" i="1"/>
  <c r="V89972" i="1"/>
  <c r="V89973" i="1"/>
  <c r="V89974" i="1"/>
  <c r="V89975" i="1"/>
  <c r="V89976" i="1"/>
  <c r="V89977" i="1"/>
  <c r="V89978" i="1"/>
  <c r="V89979" i="1"/>
  <c r="V89980" i="1"/>
  <c r="V89981" i="1"/>
  <c r="V89982" i="1"/>
  <c r="V89983" i="1"/>
  <c r="V89984" i="1"/>
  <c r="V89985" i="1"/>
  <c r="V89986" i="1"/>
  <c r="V89987" i="1"/>
  <c r="V89988" i="1"/>
  <c r="V89989" i="1"/>
  <c r="V89990" i="1"/>
  <c r="V89991" i="1"/>
  <c r="V89992" i="1"/>
  <c r="V89993" i="1"/>
  <c r="V89994" i="1"/>
  <c r="V89995" i="1"/>
  <c r="V89996" i="1"/>
  <c r="V89997" i="1"/>
  <c r="V89998" i="1"/>
  <c r="V89999" i="1"/>
  <c r="V90000" i="1"/>
  <c r="V90001" i="1"/>
  <c r="V90002" i="1"/>
  <c r="V90003" i="1"/>
  <c r="V90004" i="1"/>
  <c r="V90005" i="1"/>
  <c r="V90006" i="1"/>
  <c r="V90007" i="1"/>
  <c r="V90008" i="1"/>
  <c r="V90009" i="1"/>
  <c r="V90010" i="1"/>
  <c r="V90011" i="1"/>
  <c r="V90012" i="1"/>
  <c r="V90013" i="1"/>
  <c r="V90014" i="1"/>
  <c r="V90015" i="1"/>
  <c r="V90016" i="1"/>
  <c r="V90017" i="1"/>
  <c r="V90018" i="1"/>
  <c r="V90019" i="1"/>
  <c r="V90020" i="1"/>
  <c r="V90021" i="1"/>
  <c r="V90022" i="1"/>
  <c r="V90023" i="1"/>
  <c r="V90024" i="1"/>
  <c r="V90025" i="1"/>
  <c r="V90026" i="1"/>
  <c r="V90027" i="1"/>
  <c r="V90028" i="1"/>
  <c r="V90029" i="1"/>
  <c r="V90030" i="1"/>
  <c r="V90031" i="1"/>
  <c r="V90032" i="1"/>
  <c r="V90033" i="1"/>
  <c r="V90034" i="1"/>
  <c r="V90035" i="1"/>
  <c r="V90036" i="1"/>
  <c r="V90037" i="1"/>
  <c r="V90038" i="1"/>
  <c r="V90039" i="1"/>
  <c r="V90040" i="1"/>
  <c r="V90041" i="1"/>
  <c r="V90042" i="1"/>
  <c r="V90043" i="1"/>
  <c r="V90044" i="1"/>
  <c r="V90045" i="1"/>
  <c r="V90046" i="1"/>
  <c r="V90047" i="1"/>
  <c r="V90048" i="1"/>
  <c r="V90049" i="1"/>
  <c r="V90050" i="1"/>
  <c r="V90051" i="1"/>
  <c r="V90052" i="1"/>
  <c r="V90053" i="1"/>
  <c r="V90054" i="1"/>
  <c r="V90055" i="1"/>
  <c r="V90056" i="1"/>
  <c r="V90057" i="1"/>
  <c r="V90058" i="1"/>
  <c r="V90059" i="1"/>
  <c r="V90060" i="1"/>
  <c r="V90061" i="1"/>
  <c r="V90062" i="1"/>
  <c r="V90063" i="1"/>
  <c r="V90064" i="1"/>
  <c r="V90065" i="1"/>
  <c r="V90066" i="1"/>
  <c r="V90067" i="1"/>
  <c r="V90068" i="1"/>
  <c r="V90069" i="1"/>
  <c r="V90070" i="1"/>
  <c r="V90071" i="1"/>
  <c r="V90072" i="1"/>
  <c r="V90073" i="1"/>
  <c r="V90074" i="1"/>
  <c r="V90075" i="1"/>
  <c r="V90076" i="1"/>
  <c r="V90077" i="1"/>
  <c r="V90078" i="1"/>
  <c r="V90079" i="1"/>
  <c r="V90080" i="1"/>
  <c r="V90081" i="1"/>
  <c r="V90082" i="1"/>
  <c r="V90083" i="1"/>
  <c r="V90084" i="1"/>
  <c r="V90085" i="1"/>
  <c r="V90086" i="1"/>
  <c r="V90087" i="1"/>
  <c r="V90088" i="1"/>
  <c r="V90089" i="1"/>
  <c r="V90090" i="1"/>
  <c r="V90091" i="1"/>
  <c r="V90092" i="1"/>
  <c r="V90093" i="1"/>
  <c r="V90094" i="1"/>
  <c r="V90095" i="1"/>
  <c r="V90096" i="1"/>
  <c r="V90097" i="1"/>
  <c r="V90098" i="1"/>
  <c r="V90099" i="1"/>
  <c r="V90100" i="1"/>
  <c r="V90101" i="1"/>
  <c r="V90102" i="1"/>
  <c r="V90103" i="1"/>
  <c r="V90104" i="1"/>
  <c r="V90105" i="1"/>
  <c r="V90106" i="1"/>
  <c r="V90107" i="1"/>
  <c r="V90108" i="1"/>
  <c r="V90109" i="1"/>
  <c r="V90110" i="1"/>
  <c r="V90111" i="1"/>
  <c r="V90112" i="1"/>
  <c r="V90113" i="1"/>
  <c r="V90114" i="1"/>
  <c r="V90115" i="1"/>
  <c r="V90116" i="1"/>
  <c r="V90117" i="1"/>
  <c r="V90118" i="1"/>
  <c r="V90119" i="1"/>
  <c r="V90120" i="1"/>
  <c r="V90121" i="1"/>
  <c r="V90122" i="1"/>
  <c r="V90123" i="1"/>
  <c r="V90124" i="1"/>
  <c r="V90125" i="1"/>
  <c r="V90126" i="1"/>
  <c r="V90127" i="1"/>
  <c r="V90128" i="1"/>
  <c r="V90129" i="1"/>
  <c r="V90130" i="1"/>
  <c r="V90131" i="1"/>
  <c r="V90132" i="1"/>
  <c r="V90133" i="1"/>
  <c r="V90134" i="1"/>
  <c r="V90135" i="1"/>
  <c r="V90136" i="1"/>
  <c r="V90137" i="1"/>
  <c r="V90138" i="1"/>
  <c r="V90139" i="1"/>
  <c r="V90140" i="1"/>
  <c r="V90141" i="1"/>
  <c r="V90142" i="1"/>
  <c r="V90143" i="1"/>
  <c r="V90144" i="1"/>
  <c r="V90145" i="1"/>
  <c r="V90146" i="1"/>
  <c r="V90147" i="1"/>
  <c r="V90148" i="1"/>
  <c r="V90149" i="1"/>
  <c r="V90150" i="1"/>
  <c r="V90151" i="1"/>
  <c r="V90152" i="1"/>
  <c r="V90153" i="1"/>
  <c r="V90154" i="1"/>
  <c r="V90155" i="1"/>
  <c r="V90156" i="1"/>
  <c r="V90157" i="1"/>
  <c r="V90158" i="1"/>
  <c r="V90159" i="1"/>
  <c r="V90160" i="1"/>
  <c r="V90161" i="1"/>
  <c r="V90162" i="1"/>
  <c r="V90163" i="1"/>
  <c r="V90164" i="1"/>
  <c r="V90165" i="1"/>
  <c r="V90166" i="1"/>
  <c r="V90167" i="1"/>
  <c r="V90168" i="1"/>
  <c r="V90169" i="1"/>
  <c r="V90170" i="1"/>
  <c r="V90171" i="1"/>
  <c r="V90172" i="1"/>
  <c r="V90173" i="1"/>
  <c r="V90174" i="1"/>
  <c r="V90175" i="1"/>
  <c r="V90176" i="1"/>
  <c r="V90177" i="1"/>
  <c r="V90178" i="1"/>
  <c r="V90179" i="1"/>
  <c r="V90180" i="1"/>
  <c r="V90181" i="1"/>
  <c r="V90182" i="1"/>
  <c r="V90183" i="1"/>
  <c r="V90184" i="1"/>
  <c r="V90185" i="1"/>
  <c r="V90186" i="1"/>
  <c r="V90187" i="1"/>
  <c r="V90188" i="1"/>
  <c r="V90189" i="1"/>
  <c r="V90190" i="1"/>
  <c r="V90191" i="1"/>
  <c r="V90192" i="1"/>
  <c r="V90193" i="1"/>
  <c r="V90194" i="1"/>
  <c r="V90195" i="1"/>
  <c r="V90196" i="1"/>
  <c r="V90197" i="1"/>
  <c r="V90198" i="1"/>
  <c r="V90199" i="1"/>
  <c r="V90200" i="1"/>
  <c r="V90201" i="1"/>
  <c r="V90202" i="1"/>
  <c r="V90203" i="1"/>
  <c r="V90204" i="1"/>
  <c r="V90205" i="1"/>
  <c r="V90206" i="1"/>
  <c r="V90207" i="1"/>
  <c r="V90208" i="1"/>
  <c r="V90209" i="1"/>
  <c r="V90210" i="1"/>
  <c r="V90211" i="1"/>
  <c r="V90212" i="1"/>
  <c r="V90213" i="1"/>
  <c r="V90214" i="1"/>
  <c r="V90215" i="1"/>
  <c r="V90216" i="1"/>
  <c r="V90217" i="1"/>
  <c r="V90218" i="1"/>
  <c r="V90219" i="1"/>
  <c r="V90220" i="1"/>
  <c r="V90221" i="1"/>
  <c r="V90222" i="1"/>
  <c r="V90223" i="1"/>
  <c r="V90224" i="1"/>
  <c r="V90225" i="1"/>
  <c r="V90226" i="1"/>
  <c r="V90227" i="1"/>
  <c r="V90228" i="1"/>
  <c r="V90229" i="1"/>
  <c r="V90230" i="1"/>
  <c r="V90231" i="1"/>
  <c r="V90232" i="1"/>
  <c r="V90233" i="1"/>
  <c r="V90234" i="1"/>
  <c r="V90235" i="1"/>
  <c r="V90236" i="1"/>
  <c r="V90237" i="1"/>
  <c r="V90238" i="1"/>
  <c r="V90239" i="1"/>
  <c r="V90240" i="1"/>
  <c r="V90241" i="1"/>
  <c r="V90242" i="1"/>
  <c r="V90243" i="1"/>
  <c r="V90244" i="1"/>
  <c r="V90245" i="1"/>
  <c r="V90246" i="1"/>
  <c r="V90247" i="1"/>
  <c r="V90248" i="1"/>
  <c r="V90249" i="1"/>
  <c r="V90250" i="1"/>
  <c r="V90251" i="1"/>
  <c r="V90252" i="1"/>
  <c r="V90253" i="1"/>
  <c r="V90254" i="1"/>
  <c r="V90255" i="1"/>
  <c r="V90256" i="1"/>
  <c r="V90257" i="1"/>
  <c r="V90258" i="1"/>
  <c r="V90259" i="1"/>
  <c r="V90260" i="1"/>
  <c r="V90261" i="1"/>
  <c r="V90262" i="1"/>
  <c r="V90263" i="1"/>
  <c r="V90264" i="1"/>
  <c r="V90265" i="1"/>
  <c r="V90266" i="1"/>
  <c r="V90267" i="1"/>
  <c r="V90268" i="1"/>
  <c r="V90269" i="1"/>
  <c r="V90270" i="1"/>
  <c r="V90271" i="1"/>
  <c r="V90272" i="1"/>
  <c r="V90273" i="1"/>
  <c r="V90274" i="1"/>
  <c r="V90275" i="1"/>
  <c r="V90276" i="1"/>
  <c r="V90277" i="1"/>
  <c r="V90278" i="1"/>
  <c r="V90279" i="1"/>
  <c r="V90280" i="1"/>
  <c r="V90281" i="1"/>
  <c r="V90282" i="1"/>
  <c r="V90283" i="1"/>
  <c r="V90284" i="1"/>
  <c r="V90285" i="1"/>
  <c r="V90286" i="1"/>
  <c r="V90287" i="1"/>
  <c r="V90288" i="1"/>
  <c r="V90289" i="1"/>
  <c r="V90290" i="1"/>
  <c r="V90291" i="1"/>
  <c r="V90292" i="1"/>
  <c r="V90293" i="1"/>
  <c r="V90294" i="1"/>
  <c r="V90295" i="1"/>
  <c r="V90296" i="1"/>
  <c r="V90297" i="1"/>
  <c r="V90298" i="1"/>
  <c r="V90299" i="1"/>
  <c r="V90300" i="1"/>
  <c r="V90301" i="1"/>
  <c r="V90302" i="1"/>
  <c r="V90303" i="1"/>
  <c r="V90304" i="1"/>
  <c r="V90305" i="1"/>
  <c r="V90306" i="1"/>
  <c r="V90307" i="1"/>
  <c r="V90308" i="1"/>
  <c r="V90309" i="1"/>
  <c r="V90310" i="1"/>
  <c r="V90311" i="1"/>
  <c r="V90312" i="1"/>
  <c r="V90313" i="1"/>
  <c r="V90314" i="1"/>
  <c r="V90315" i="1"/>
  <c r="V90316" i="1"/>
  <c r="V90317" i="1"/>
  <c r="V90318" i="1"/>
  <c r="V90319" i="1"/>
  <c r="V90320" i="1"/>
  <c r="V90321" i="1"/>
  <c r="V90322" i="1"/>
  <c r="V90323" i="1"/>
  <c r="V90324" i="1"/>
  <c r="V90325" i="1"/>
  <c r="V90326" i="1"/>
  <c r="V90327" i="1"/>
  <c r="V90328" i="1"/>
  <c r="V90329" i="1"/>
  <c r="V90330" i="1"/>
  <c r="V90331" i="1"/>
  <c r="V90332" i="1"/>
  <c r="V90333" i="1"/>
  <c r="V90334" i="1"/>
  <c r="V90335" i="1"/>
  <c r="V90336" i="1"/>
  <c r="V90337" i="1"/>
  <c r="V90338" i="1"/>
  <c r="V90339" i="1"/>
  <c r="V90340" i="1"/>
  <c r="V90341" i="1"/>
  <c r="V90342" i="1"/>
  <c r="V90343" i="1"/>
  <c r="V90344" i="1"/>
  <c r="V90345" i="1"/>
  <c r="V90346" i="1"/>
  <c r="V90347" i="1"/>
  <c r="V90348" i="1"/>
  <c r="V90349" i="1"/>
  <c r="V90350" i="1"/>
  <c r="V90351" i="1"/>
  <c r="V90352" i="1"/>
  <c r="V90353" i="1"/>
  <c r="V90354" i="1"/>
  <c r="V90355" i="1"/>
  <c r="V90356" i="1"/>
  <c r="V90357" i="1"/>
  <c r="V90358" i="1"/>
  <c r="V90359" i="1"/>
  <c r="V90360" i="1"/>
  <c r="V90361" i="1"/>
  <c r="V90362" i="1"/>
  <c r="V90363" i="1"/>
  <c r="V90364" i="1"/>
  <c r="V90365" i="1"/>
  <c r="V90366" i="1"/>
  <c r="V90367" i="1"/>
  <c r="V90368" i="1"/>
  <c r="V90369" i="1"/>
  <c r="V90370" i="1"/>
  <c r="V90371" i="1"/>
  <c r="V90372" i="1"/>
  <c r="V90373" i="1"/>
  <c r="V90374" i="1"/>
  <c r="V90375" i="1"/>
  <c r="V90376" i="1"/>
  <c r="V90377" i="1"/>
  <c r="V90378" i="1"/>
  <c r="V90379" i="1"/>
  <c r="V90380" i="1"/>
  <c r="V90381" i="1"/>
  <c r="V90382" i="1"/>
  <c r="V90383" i="1"/>
  <c r="V90384" i="1"/>
  <c r="V90385" i="1"/>
  <c r="V90386" i="1"/>
  <c r="V90387" i="1"/>
  <c r="V90388" i="1"/>
  <c r="V90389" i="1"/>
  <c r="V90390" i="1"/>
  <c r="V90391" i="1"/>
  <c r="V90392" i="1"/>
  <c r="V90393" i="1"/>
  <c r="V90394" i="1"/>
  <c r="V90395" i="1"/>
  <c r="V90396" i="1"/>
  <c r="V90397" i="1"/>
  <c r="V90398" i="1"/>
  <c r="V90399" i="1"/>
  <c r="V90400" i="1"/>
  <c r="V90401" i="1"/>
  <c r="V90402" i="1"/>
  <c r="V90403" i="1"/>
  <c r="V90404" i="1"/>
  <c r="V90405" i="1"/>
  <c r="V90406" i="1"/>
  <c r="V90407" i="1"/>
  <c r="V90408" i="1"/>
  <c r="V90409" i="1"/>
  <c r="V90410" i="1"/>
  <c r="V90411" i="1"/>
  <c r="V90412" i="1"/>
  <c r="V90413" i="1"/>
  <c r="V90414" i="1"/>
  <c r="V90415" i="1"/>
  <c r="V90416" i="1"/>
  <c r="V90417" i="1"/>
  <c r="V90418" i="1"/>
  <c r="V90419" i="1"/>
  <c r="V90420" i="1"/>
  <c r="V90421" i="1"/>
  <c r="V90422" i="1"/>
  <c r="V90423" i="1"/>
  <c r="V90424" i="1"/>
  <c r="V90425" i="1"/>
  <c r="V90426" i="1"/>
  <c r="V90427" i="1"/>
  <c r="V90428" i="1"/>
  <c r="V90429" i="1"/>
  <c r="V90430" i="1"/>
  <c r="V90431" i="1"/>
  <c r="V90432" i="1"/>
  <c r="V90433" i="1"/>
  <c r="V90434" i="1"/>
  <c r="V90435" i="1"/>
  <c r="V90436" i="1"/>
  <c r="V90437" i="1"/>
  <c r="V90438" i="1"/>
  <c r="V90439" i="1"/>
  <c r="V90440" i="1"/>
  <c r="V90441" i="1"/>
  <c r="V90442" i="1"/>
  <c r="V90443" i="1"/>
  <c r="V90444" i="1"/>
  <c r="V90445" i="1"/>
  <c r="V90446" i="1"/>
  <c r="V90447" i="1"/>
  <c r="V90448" i="1"/>
  <c r="V90449" i="1"/>
  <c r="V90450" i="1"/>
  <c r="V90451" i="1"/>
  <c r="V90452" i="1"/>
  <c r="V90453" i="1"/>
  <c r="V90454" i="1"/>
  <c r="V90455" i="1"/>
  <c r="V90456" i="1"/>
  <c r="V90457" i="1"/>
  <c r="V90458" i="1"/>
  <c r="V90459" i="1"/>
  <c r="V90460" i="1"/>
  <c r="V90461" i="1"/>
  <c r="V90462" i="1"/>
  <c r="V90463" i="1"/>
  <c r="V90464" i="1"/>
  <c r="V90465" i="1"/>
  <c r="V90466" i="1"/>
  <c r="V90467" i="1"/>
  <c r="V90468" i="1"/>
  <c r="V90469" i="1"/>
  <c r="V90470" i="1"/>
  <c r="V90471" i="1"/>
  <c r="V90472" i="1"/>
  <c r="V90473" i="1"/>
  <c r="V90474" i="1"/>
  <c r="V90475" i="1"/>
  <c r="V90476" i="1"/>
  <c r="V90477" i="1"/>
  <c r="V90478" i="1"/>
  <c r="V90479" i="1"/>
  <c r="V90480" i="1"/>
  <c r="V90481" i="1"/>
  <c r="V90482" i="1"/>
  <c r="V90483" i="1"/>
  <c r="V90484" i="1"/>
  <c r="V90485" i="1"/>
  <c r="V90486" i="1"/>
  <c r="V90487" i="1"/>
  <c r="V90488" i="1"/>
  <c r="V90489" i="1"/>
  <c r="V90490" i="1"/>
  <c r="V90491" i="1"/>
  <c r="V90492" i="1"/>
  <c r="V90493" i="1"/>
  <c r="V90494" i="1"/>
  <c r="V90495" i="1"/>
  <c r="V90496" i="1"/>
  <c r="V90497" i="1"/>
  <c r="V90498" i="1"/>
  <c r="V90499" i="1"/>
  <c r="V90500" i="1"/>
  <c r="V90501" i="1"/>
  <c r="V90502" i="1"/>
  <c r="V90503" i="1"/>
  <c r="V90504" i="1"/>
  <c r="V90505" i="1"/>
  <c r="V90506" i="1"/>
  <c r="V90507" i="1"/>
  <c r="V90508" i="1"/>
  <c r="V90509" i="1"/>
  <c r="V90510" i="1"/>
  <c r="V90511" i="1"/>
  <c r="V90512" i="1"/>
  <c r="V90513" i="1"/>
  <c r="V90514" i="1"/>
  <c r="V90515" i="1"/>
  <c r="V90516" i="1"/>
  <c r="V90517" i="1"/>
  <c r="V90518" i="1"/>
  <c r="V90519" i="1"/>
  <c r="V90520" i="1"/>
  <c r="V90521" i="1"/>
  <c r="V90522" i="1"/>
  <c r="V90523" i="1"/>
  <c r="V90524" i="1"/>
  <c r="V90525" i="1"/>
  <c r="V90526" i="1"/>
  <c r="V90527" i="1"/>
  <c r="V90528" i="1"/>
  <c r="V90529" i="1"/>
  <c r="V90530" i="1"/>
  <c r="V90531" i="1"/>
  <c r="V90532" i="1"/>
  <c r="V90533" i="1"/>
  <c r="V90534" i="1"/>
  <c r="V90535" i="1"/>
  <c r="V90536" i="1"/>
  <c r="V90537" i="1"/>
  <c r="V90538" i="1"/>
  <c r="V90539" i="1"/>
  <c r="V90540" i="1"/>
  <c r="V90541" i="1"/>
  <c r="V90542" i="1"/>
  <c r="V90543" i="1"/>
  <c r="V90544" i="1"/>
  <c r="V90545" i="1"/>
  <c r="V90546" i="1"/>
  <c r="V90547" i="1"/>
  <c r="V90548" i="1"/>
  <c r="V90549" i="1"/>
  <c r="V90550" i="1"/>
  <c r="V90551" i="1"/>
  <c r="V90552" i="1"/>
  <c r="V90553" i="1"/>
  <c r="V90554" i="1"/>
  <c r="V90555" i="1"/>
  <c r="V90556" i="1"/>
  <c r="V90557" i="1"/>
  <c r="V90558" i="1"/>
  <c r="V90559" i="1"/>
  <c r="V90560" i="1"/>
  <c r="V90561" i="1"/>
  <c r="V90562" i="1"/>
  <c r="V90563" i="1"/>
  <c r="V90564" i="1"/>
  <c r="V90565" i="1"/>
  <c r="V90566" i="1"/>
  <c r="V90567" i="1"/>
  <c r="V90568" i="1"/>
  <c r="V90569" i="1"/>
  <c r="V90570" i="1"/>
  <c r="V90571" i="1"/>
  <c r="V90572" i="1"/>
  <c r="V90573" i="1"/>
  <c r="V90574" i="1"/>
  <c r="V90575" i="1"/>
  <c r="V90576" i="1"/>
  <c r="V90577" i="1"/>
  <c r="V90578" i="1"/>
  <c r="V90579" i="1"/>
  <c r="V90580" i="1"/>
  <c r="V90581" i="1"/>
  <c r="V90582" i="1"/>
  <c r="V90583" i="1"/>
  <c r="V90584" i="1"/>
  <c r="V90585" i="1"/>
  <c r="V90586" i="1"/>
  <c r="V90587" i="1"/>
  <c r="V90588" i="1"/>
  <c r="V90589" i="1"/>
  <c r="V90590" i="1"/>
  <c r="V90591" i="1"/>
  <c r="V90592" i="1"/>
  <c r="V90593" i="1"/>
  <c r="V90594" i="1"/>
  <c r="V90595" i="1"/>
  <c r="V90596" i="1"/>
  <c r="V90597" i="1"/>
  <c r="V90598" i="1"/>
  <c r="V90599" i="1"/>
  <c r="V90600" i="1"/>
  <c r="V90601" i="1"/>
  <c r="V90602" i="1"/>
  <c r="V90603" i="1"/>
  <c r="V90604" i="1"/>
  <c r="V90605" i="1"/>
  <c r="V90606" i="1"/>
  <c r="V90607" i="1"/>
  <c r="V90608" i="1"/>
  <c r="V90609" i="1"/>
  <c r="V90610" i="1"/>
  <c r="V90611" i="1"/>
  <c r="V90612" i="1"/>
  <c r="V90613" i="1"/>
  <c r="V90614" i="1"/>
  <c r="V90615" i="1"/>
  <c r="V90616" i="1"/>
  <c r="V90617" i="1"/>
  <c r="V90618" i="1"/>
  <c r="V90619" i="1"/>
  <c r="V90620" i="1"/>
  <c r="V90621" i="1"/>
  <c r="V90622" i="1"/>
  <c r="V90623" i="1"/>
  <c r="V90624" i="1"/>
  <c r="V90625" i="1"/>
  <c r="V90626" i="1"/>
  <c r="V90627" i="1"/>
  <c r="V90628" i="1"/>
  <c r="V90629" i="1"/>
  <c r="V90630" i="1"/>
  <c r="V90631" i="1"/>
  <c r="V90632" i="1"/>
  <c r="V90633" i="1"/>
  <c r="V90634" i="1"/>
  <c r="V90635" i="1"/>
  <c r="V90636" i="1"/>
  <c r="V90637" i="1"/>
  <c r="V90638" i="1"/>
  <c r="V90639" i="1"/>
  <c r="V90640" i="1"/>
  <c r="V90641" i="1"/>
  <c r="V90642" i="1"/>
  <c r="V90643" i="1"/>
  <c r="V90644" i="1"/>
  <c r="V90645" i="1"/>
  <c r="V90646" i="1"/>
  <c r="V90647" i="1"/>
  <c r="V90648" i="1"/>
  <c r="V90649" i="1"/>
  <c r="V90650" i="1"/>
  <c r="V90651" i="1"/>
  <c r="V90652" i="1"/>
  <c r="V90653" i="1"/>
  <c r="V90654" i="1"/>
  <c r="V90655" i="1"/>
  <c r="V90656" i="1"/>
  <c r="V90657" i="1"/>
  <c r="V90658" i="1"/>
  <c r="V90659" i="1"/>
  <c r="V90660" i="1"/>
  <c r="V90661" i="1"/>
  <c r="V90662" i="1"/>
  <c r="V90663" i="1"/>
  <c r="V90664" i="1"/>
  <c r="V90665" i="1"/>
  <c r="V90666" i="1"/>
  <c r="V90667" i="1"/>
  <c r="V90668" i="1"/>
  <c r="V90669" i="1"/>
  <c r="V90670" i="1"/>
  <c r="V90671" i="1"/>
  <c r="V90672" i="1"/>
  <c r="V90673" i="1"/>
  <c r="V90674" i="1"/>
  <c r="V90675" i="1"/>
  <c r="V90676" i="1"/>
  <c r="V90677" i="1"/>
  <c r="V90678" i="1"/>
  <c r="V90679" i="1"/>
  <c r="V90680" i="1"/>
  <c r="V90681" i="1"/>
  <c r="V90682" i="1"/>
  <c r="V90683" i="1"/>
  <c r="V90684" i="1"/>
  <c r="V90685" i="1"/>
  <c r="V90686" i="1"/>
  <c r="V90687" i="1"/>
  <c r="V90688" i="1"/>
  <c r="V90689" i="1"/>
  <c r="V90690" i="1"/>
  <c r="V90691" i="1"/>
  <c r="V90692" i="1"/>
  <c r="V90693" i="1"/>
  <c r="V90694" i="1"/>
  <c r="V90695" i="1"/>
  <c r="V90696" i="1"/>
  <c r="V90697" i="1"/>
  <c r="V90698" i="1"/>
  <c r="V90699" i="1"/>
  <c r="V90700" i="1"/>
  <c r="V90701" i="1"/>
  <c r="V90702" i="1"/>
  <c r="V90703" i="1"/>
  <c r="V90704" i="1"/>
  <c r="V90705" i="1"/>
  <c r="V90706" i="1"/>
  <c r="V90707" i="1"/>
  <c r="V90708" i="1"/>
  <c r="V90709" i="1"/>
  <c r="V90710" i="1"/>
  <c r="V90711" i="1"/>
  <c r="V90712" i="1"/>
  <c r="V90713" i="1"/>
  <c r="V90714" i="1"/>
  <c r="V90715" i="1"/>
  <c r="V90716" i="1"/>
  <c r="V90717" i="1"/>
  <c r="V90718" i="1"/>
  <c r="V90719" i="1"/>
  <c r="V90720" i="1"/>
  <c r="V90721" i="1"/>
  <c r="V90722" i="1"/>
  <c r="V90723" i="1"/>
  <c r="V90724" i="1"/>
  <c r="V90725" i="1"/>
  <c r="V90726" i="1"/>
  <c r="V90727" i="1"/>
  <c r="V90728" i="1"/>
  <c r="V90729" i="1"/>
  <c r="V90730" i="1"/>
  <c r="V90731" i="1"/>
  <c r="V90732" i="1"/>
  <c r="V90733" i="1"/>
  <c r="V90734" i="1"/>
  <c r="V90735" i="1"/>
  <c r="V90736" i="1"/>
  <c r="V90737" i="1"/>
  <c r="V90738" i="1"/>
  <c r="V90739" i="1"/>
  <c r="V90740" i="1"/>
  <c r="V90741" i="1"/>
  <c r="V90742" i="1"/>
  <c r="V90743" i="1"/>
  <c r="V90744" i="1"/>
  <c r="V90745" i="1"/>
  <c r="V90746" i="1"/>
  <c r="V90747" i="1"/>
  <c r="V90748" i="1"/>
  <c r="V90749" i="1"/>
  <c r="V90750" i="1"/>
  <c r="V90751" i="1"/>
  <c r="V90752" i="1"/>
  <c r="V90753" i="1"/>
  <c r="V90754" i="1"/>
  <c r="V90755" i="1"/>
  <c r="V90756" i="1"/>
  <c r="V90757" i="1"/>
  <c r="V90758" i="1"/>
  <c r="V90759" i="1"/>
  <c r="V90760" i="1"/>
  <c r="V90761" i="1"/>
  <c r="V90762" i="1"/>
  <c r="V90763" i="1"/>
  <c r="V90764" i="1"/>
  <c r="V90765" i="1"/>
  <c r="V90766" i="1"/>
  <c r="V90767" i="1"/>
  <c r="V90768" i="1"/>
  <c r="V90769" i="1"/>
  <c r="V90770" i="1"/>
  <c r="V90771" i="1"/>
  <c r="V90772" i="1"/>
  <c r="V90773" i="1"/>
  <c r="V90774" i="1"/>
  <c r="V90775" i="1"/>
  <c r="V90776" i="1"/>
  <c r="V90777" i="1"/>
  <c r="V90778" i="1"/>
  <c r="V90779" i="1"/>
  <c r="V90780" i="1"/>
  <c r="V90781" i="1"/>
  <c r="V90782" i="1"/>
  <c r="V90783" i="1"/>
  <c r="V90784" i="1"/>
  <c r="V90785" i="1"/>
  <c r="V90786" i="1"/>
  <c r="V90787" i="1"/>
  <c r="V90788" i="1"/>
  <c r="V90789" i="1"/>
  <c r="V90790" i="1"/>
  <c r="V90791" i="1"/>
  <c r="V90792" i="1"/>
  <c r="V90793" i="1"/>
  <c r="V90794" i="1"/>
  <c r="V90795" i="1"/>
  <c r="V90796" i="1"/>
  <c r="V90797" i="1"/>
  <c r="V90798" i="1"/>
  <c r="V90799" i="1"/>
  <c r="V90800" i="1"/>
  <c r="V90801" i="1"/>
  <c r="V90802" i="1"/>
  <c r="V90803" i="1"/>
  <c r="V90804" i="1"/>
  <c r="V90805" i="1"/>
  <c r="V90806" i="1"/>
  <c r="V90807" i="1"/>
  <c r="V90808" i="1"/>
  <c r="V90809" i="1"/>
  <c r="V90810" i="1"/>
  <c r="V90811" i="1"/>
  <c r="V90812" i="1"/>
  <c r="V90813" i="1"/>
  <c r="V90814" i="1"/>
  <c r="V90815" i="1"/>
  <c r="V90816" i="1"/>
  <c r="V90817" i="1"/>
  <c r="V90818" i="1"/>
  <c r="V90819" i="1"/>
  <c r="V90820" i="1"/>
  <c r="V90821" i="1"/>
  <c r="V90822" i="1"/>
  <c r="V90823" i="1"/>
  <c r="V90824" i="1"/>
  <c r="V90825" i="1"/>
  <c r="V90826" i="1"/>
  <c r="V90827" i="1"/>
  <c r="V90828" i="1"/>
  <c r="V90829" i="1"/>
  <c r="V90830" i="1"/>
  <c r="V90831" i="1"/>
  <c r="V90832" i="1"/>
  <c r="V90833" i="1"/>
  <c r="V90834" i="1"/>
  <c r="V90835" i="1"/>
  <c r="V90836" i="1"/>
  <c r="V90837" i="1"/>
  <c r="V90838" i="1"/>
  <c r="V90839" i="1"/>
  <c r="V90840" i="1"/>
  <c r="V90841" i="1"/>
  <c r="V90842" i="1"/>
  <c r="V90843" i="1"/>
  <c r="V90844" i="1"/>
  <c r="V90845" i="1"/>
  <c r="V90846" i="1"/>
  <c r="V90847" i="1"/>
  <c r="V90848" i="1"/>
  <c r="V90849" i="1"/>
  <c r="V90850" i="1"/>
  <c r="V90851" i="1"/>
  <c r="V90852" i="1"/>
  <c r="V90853" i="1"/>
  <c r="V90854" i="1"/>
  <c r="V90855" i="1"/>
  <c r="V90856" i="1"/>
  <c r="V90857" i="1"/>
  <c r="V90858" i="1"/>
  <c r="V90859" i="1"/>
  <c r="V90860" i="1"/>
  <c r="V90861" i="1"/>
  <c r="V90862" i="1"/>
  <c r="V90863" i="1"/>
  <c r="V90864" i="1"/>
  <c r="V90865" i="1"/>
  <c r="V90866" i="1"/>
  <c r="V90867" i="1"/>
  <c r="V90868" i="1"/>
  <c r="V90869" i="1"/>
  <c r="V90870" i="1"/>
  <c r="V90871" i="1"/>
  <c r="V90872" i="1"/>
  <c r="V90873" i="1"/>
  <c r="V90874" i="1"/>
  <c r="V90875" i="1"/>
  <c r="V90876" i="1"/>
  <c r="V90877" i="1"/>
  <c r="V90878" i="1"/>
  <c r="V90879" i="1"/>
  <c r="V90880" i="1"/>
  <c r="V90881" i="1"/>
  <c r="V90882" i="1"/>
  <c r="V90883" i="1"/>
  <c r="V90884" i="1"/>
  <c r="V90885" i="1"/>
  <c r="V90886" i="1"/>
  <c r="V90887" i="1"/>
  <c r="V90888" i="1"/>
  <c r="V90889" i="1"/>
  <c r="V90890" i="1"/>
  <c r="V90891" i="1"/>
  <c r="V90892" i="1"/>
  <c r="V90893" i="1"/>
  <c r="V90894" i="1"/>
  <c r="V90895" i="1"/>
  <c r="V90896" i="1"/>
  <c r="V90897" i="1"/>
  <c r="V90898" i="1"/>
  <c r="V90899" i="1"/>
  <c r="V90900" i="1"/>
  <c r="V90901" i="1"/>
  <c r="V90902" i="1"/>
  <c r="V90903" i="1"/>
  <c r="V90904" i="1"/>
  <c r="V90905" i="1"/>
  <c r="V90906" i="1"/>
  <c r="V90907" i="1"/>
  <c r="V90908" i="1"/>
  <c r="V90909" i="1"/>
  <c r="V90910" i="1"/>
  <c r="V90911" i="1"/>
  <c r="V90912" i="1"/>
  <c r="V90913" i="1"/>
  <c r="V90914" i="1"/>
  <c r="V90915" i="1"/>
  <c r="V90916" i="1"/>
  <c r="V90917" i="1"/>
  <c r="V90918" i="1"/>
  <c r="V90919" i="1"/>
  <c r="V90920" i="1"/>
  <c r="V90921" i="1"/>
  <c r="V90922" i="1"/>
  <c r="V90923" i="1"/>
  <c r="V90924" i="1"/>
  <c r="V90925" i="1"/>
  <c r="V90926" i="1"/>
  <c r="V90927" i="1"/>
  <c r="V90928" i="1"/>
  <c r="V90929" i="1"/>
  <c r="V90930" i="1"/>
  <c r="V90931" i="1"/>
  <c r="V90932" i="1"/>
  <c r="V90933" i="1"/>
  <c r="V90934" i="1"/>
  <c r="V90935" i="1"/>
  <c r="V90936" i="1"/>
  <c r="V90937" i="1"/>
  <c r="V90938" i="1"/>
  <c r="V90939" i="1"/>
  <c r="V90940" i="1"/>
  <c r="V90941" i="1"/>
  <c r="V90942" i="1"/>
  <c r="V90943" i="1"/>
  <c r="V90944" i="1"/>
  <c r="V90945" i="1"/>
  <c r="V90946" i="1"/>
  <c r="V90947" i="1"/>
  <c r="V90948" i="1"/>
  <c r="V90949" i="1"/>
  <c r="V90950" i="1"/>
  <c r="V90951" i="1"/>
  <c r="V90952" i="1"/>
  <c r="V90953" i="1"/>
  <c r="V90954" i="1"/>
  <c r="V90955" i="1"/>
  <c r="V90956" i="1"/>
  <c r="V90957" i="1"/>
  <c r="V90958" i="1"/>
  <c r="V90959" i="1"/>
  <c r="V90960" i="1"/>
  <c r="V90961" i="1"/>
  <c r="V90962" i="1"/>
  <c r="V90963" i="1"/>
  <c r="V90964" i="1"/>
  <c r="V90965" i="1"/>
  <c r="V90966" i="1"/>
  <c r="V90967" i="1"/>
  <c r="V90968" i="1"/>
  <c r="V90969" i="1"/>
  <c r="V90970" i="1"/>
  <c r="V90971" i="1"/>
  <c r="V90972" i="1"/>
  <c r="V90973" i="1"/>
  <c r="V90974" i="1"/>
  <c r="V90975" i="1"/>
  <c r="V90976" i="1"/>
  <c r="V90977" i="1"/>
  <c r="V90978" i="1"/>
  <c r="V90979" i="1"/>
  <c r="V90980" i="1"/>
  <c r="V90981" i="1"/>
  <c r="V90982" i="1"/>
  <c r="V90983" i="1"/>
  <c r="V90984" i="1"/>
  <c r="V90985" i="1"/>
  <c r="V90986" i="1"/>
  <c r="V90987" i="1"/>
  <c r="V90988" i="1"/>
  <c r="V90989" i="1"/>
  <c r="V90990" i="1"/>
  <c r="V90991" i="1"/>
  <c r="V90992" i="1"/>
  <c r="V90993" i="1"/>
  <c r="V90994" i="1"/>
  <c r="V90995" i="1"/>
  <c r="V90996" i="1"/>
  <c r="V90997" i="1"/>
  <c r="V90998" i="1"/>
  <c r="V90999" i="1"/>
  <c r="V91000" i="1"/>
  <c r="V91001" i="1"/>
  <c r="V91002" i="1"/>
  <c r="V91003" i="1"/>
  <c r="V91004" i="1"/>
  <c r="V91005" i="1"/>
  <c r="V91006" i="1"/>
  <c r="V91007" i="1"/>
  <c r="V91008" i="1"/>
  <c r="V91009" i="1"/>
  <c r="V91010" i="1"/>
  <c r="V91011" i="1"/>
  <c r="V91012" i="1"/>
  <c r="V91013" i="1"/>
  <c r="V91014" i="1"/>
  <c r="V91015" i="1"/>
  <c r="V91016" i="1"/>
  <c r="V91017" i="1"/>
  <c r="V91018" i="1"/>
  <c r="V91019" i="1"/>
  <c r="V91020" i="1"/>
  <c r="V91021" i="1"/>
  <c r="V91022" i="1"/>
  <c r="V91023" i="1"/>
  <c r="V91024" i="1"/>
  <c r="V91025" i="1"/>
  <c r="V91026" i="1"/>
  <c r="V91027" i="1"/>
  <c r="V91028" i="1"/>
  <c r="V91029" i="1"/>
  <c r="V91030" i="1"/>
  <c r="V91031" i="1"/>
  <c r="V91032" i="1"/>
  <c r="V91033" i="1"/>
  <c r="V91034" i="1"/>
  <c r="V91035" i="1"/>
  <c r="V91036" i="1"/>
  <c r="V91037" i="1"/>
  <c r="V91038" i="1"/>
  <c r="V91039" i="1"/>
  <c r="V91040" i="1"/>
  <c r="V91041" i="1"/>
  <c r="V91042" i="1"/>
  <c r="V91043" i="1"/>
  <c r="V91044" i="1"/>
  <c r="V91045" i="1"/>
  <c r="V91046" i="1"/>
  <c r="V91047" i="1"/>
  <c r="V91048" i="1"/>
  <c r="V91049" i="1"/>
  <c r="V91050" i="1"/>
  <c r="V91051" i="1"/>
  <c r="V91052" i="1"/>
  <c r="V91053" i="1"/>
  <c r="V91054" i="1"/>
  <c r="V91055" i="1"/>
  <c r="V91056" i="1"/>
  <c r="V91057" i="1"/>
  <c r="V91058" i="1"/>
  <c r="V91059" i="1"/>
  <c r="V91060" i="1"/>
  <c r="V91061" i="1"/>
  <c r="V91062" i="1"/>
  <c r="V91063" i="1"/>
  <c r="V91064" i="1"/>
  <c r="V91065" i="1"/>
  <c r="V91066" i="1"/>
  <c r="V91067" i="1"/>
  <c r="V91068" i="1"/>
  <c r="V91069" i="1"/>
  <c r="V91070" i="1"/>
  <c r="V91071" i="1"/>
  <c r="V91072" i="1"/>
  <c r="V91073" i="1"/>
  <c r="V91074" i="1"/>
  <c r="V91075" i="1"/>
  <c r="V91076" i="1"/>
  <c r="V91077" i="1"/>
  <c r="V91078" i="1"/>
  <c r="V91079" i="1"/>
  <c r="V91080" i="1"/>
  <c r="V91081" i="1"/>
  <c r="V91082" i="1"/>
  <c r="V91083" i="1"/>
  <c r="V91084" i="1"/>
  <c r="V91085" i="1"/>
  <c r="V91086" i="1"/>
  <c r="V91087" i="1"/>
  <c r="V91088" i="1"/>
  <c r="V91089" i="1"/>
  <c r="V91090" i="1"/>
  <c r="V91091" i="1"/>
  <c r="V91092" i="1"/>
  <c r="V91093" i="1"/>
  <c r="V91094" i="1"/>
  <c r="V91095" i="1"/>
  <c r="V91096" i="1"/>
  <c r="V91097" i="1"/>
  <c r="V91098" i="1"/>
  <c r="V91099" i="1"/>
  <c r="V91100" i="1"/>
  <c r="V91101" i="1"/>
  <c r="V91102" i="1"/>
  <c r="V91103" i="1"/>
  <c r="V91104" i="1"/>
  <c r="V91105" i="1"/>
  <c r="V91106" i="1"/>
  <c r="V91107" i="1"/>
  <c r="V91108" i="1"/>
  <c r="V91109" i="1"/>
  <c r="V91110" i="1"/>
  <c r="V91111" i="1"/>
  <c r="V91112" i="1"/>
  <c r="V91113" i="1"/>
  <c r="V91114" i="1"/>
  <c r="V91115" i="1"/>
  <c r="V91116" i="1"/>
  <c r="V91117" i="1"/>
  <c r="V91118" i="1"/>
  <c r="V91119" i="1"/>
  <c r="V91120" i="1"/>
  <c r="V91121" i="1"/>
  <c r="V91122" i="1"/>
  <c r="V91123" i="1"/>
  <c r="V91124" i="1"/>
  <c r="V91125" i="1"/>
  <c r="V91126" i="1"/>
  <c r="V91127" i="1"/>
  <c r="V91128" i="1"/>
  <c r="V91129" i="1"/>
  <c r="V91130" i="1"/>
  <c r="V91131" i="1"/>
  <c r="V91132" i="1"/>
  <c r="V91133" i="1"/>
  <c r="V91134" i="1"/>
  <c r="V91135" i="1"/>
  <c r="V91136" i="1"/>
  <c r="V91137" i="1"/>
  <c r="V91138" i="1"/>
  <c r="V91139" i="1"/>
  <c r="V91140" i="1"/>
  <c r="V91141" i="1"/>
  <c r="V91142" i="1"/>
  <c r="V91143" i="1"/>
  <c r="V91144" i="1"/>
  <c r="V91145" i="1"/>
  <c r="V91146" i="1"/>
  <c r="V91147" i="1"/>
  <c r="V91148" i="1"/>
  <c r="V91149" i="1"/>
  <c r="V91150" i="1"/>
  <c r="V91151" i="1"/>
  <c r="V91152" i="1"/>
  <c r="V91153" i="1"/>
  <c r="V91154" i="1"/>
  <c r="V91155" i="1"/>
  <c r="V91156" i="1"/>
  <c r="V91157" i="1"/>
  <c r="V91158" i="1"/>
  <c r="V91159" i="1"/>
  <c r="V91160" i="1"/>
  <c r="V91161" i="1"/>
  <c r="V91162" i="1"/>
  <c r="V91163" i="1"/>
  <c r="V91164" i="1"/>
  <c r="V91165" i="1"/>
  <c r="V91166" i="1"/>
  <c r="V91167" i="1"/>
  <c r="V91168" i="1"/>
  <c r="V91169" i="1"/>
  <c r="V91170" i="1"/>
  <c r="V91171" i="1"/>
  <c r="V91172" i="1"/>
  <c r="V91173" i="1"/>
  <c r="V91174" i="1"/>
  <c r="V91175" i="1"/>
  <c r="V91176" i="1"/>
  <c r="V91177" i="1"/>
  <c r="V91178" i="1"/>
  <c r="V91179" i="1"/>
  <c r="V91180" i="1"/>
  <c r="V91181" i="1"/>
  <c r="V91182" i="1"/>
  <c r="V91183" i="1"/>
  <c r="V91184" i="1"/>
  <c r="V91185" i="1"/>
  <c r="V91186" i="1"/>
  <c r="V91187" i="1"/>
  <c r="V91188" i="1"/>
  <c r="V91189" i="1"/>
  <c r="V91190" i="1"/>
  <c r="V91191" i="1"/>
  <c r="V91192" i="1"/>
  <c r="V91193" i="1"/>
  <c r="V91194" i="1"/>
  <c r="V91195" i="1"/>
  <c r="V91196" i="1"/>
  <c r="V91197" i="1"/>
  <c r="V91198" i="1"/>
  <c r="V91199" i="1"/>
  <c r="V91200" i="1"/>
  <c r="V91201" i="1"/>
  <c r="V91202" i="1"/>
  <c r="V91203" i="1"/>
  <c r="V91204" i="1"/>
  <c r="V91205" i="1"/>
  <c r="V91206" i="1"/>
  <c r="V91207" i="1"/>
  <c r="V91208" i="1"/>
  <c r="V91209" i="1"/>
  <c r="V91210" i="1"/>
  <c r="V91211" i="1"/>
  <c r="V91212" i="1"/>
  <c r="V91213" i="1"/>
  <c r="V91214" i="1"/>
  <c r="V91215" i="1"/>
  <c r="V91216" i="1"/>
  <c r="V91217" i="1"/>
  <c r="V91218" i="1"/>
  <c r="V91219" i="1"/>
  <c r="V91220" i="1"/>
  <c r="V91221" i="1"/>
  <c r="V91222" i="1"/>
  <c r="V91223" i="1"/>
  <c r="V91224" i="1"/>
  <c r="V91225" i="1"/>
  <c r="V91226" i="1"/>
  <c r="V91227" i="1"/>
  <c r="V91228" i="1"/>
  <c r="V91229" i="1"/>
  <c r="V91230" i="1"/>
  <c r="V91231" i="1"/>
  <c r="V91232" i="1"/>
  <c r="V91233" i="1"/>
  <c r="V91234" i="1"/>
  <c r="V91235" i="1"/>
  <c r="V91236" i="1"/>
  <c r="V91237" i="1"/>
  <c r="V91238" i="1"/>
  <c r="V91239" i="1"/>
  <c r="V91240" i="1"/>
  <c r="V91241" i="1"/>
  <c r="V91242" i="1"/>
  <c r="V91243" i="1"/>
  <c r="V91244" i="1"/>
  <c r="V91245" i="1"/>
  <c r="V91246" i="1"/>
  <c r="V91247" i="1"/>
  <c r="V91248" i="1"/>
  <c r="V91249" i="1"/>
  <c r="V91250" i="1"/>
  <c r="V91251" i="1"/>
  <c r="V91252" i="1"/>
  <c r="V91253" i="1"/>
  <c r="V91254" i="1"/>
  <c r="V91255" i="1"/>
  <c r="V91256" i="1"/>
  <c r="V91257" i="1"/>
  <c r="V91258" i="1"/>
  <c r="V91259" i="1"/>
  <c r="V91260" i="1"/>
  <c r="V91261" i="1"/>
  <c r="V91262" i="1"/>
  <c r="V91263" i="1"/>
  <c r="V91264" i="1"/>
  <c r="V91265" i="1"/>
  <c r="V91266" i="1"/>
  <c r="V91267" i="1"/>
  <c r="V91268" i="1"/>
  <c r="V91269" i="1"/>
  <c r="V91270" i="1"/>
  <c r="V91271" i="1"/>
  <c r="V91272" i="1"/>
  <c r="V91273" i="1"/>
  <c r="V91274" i="1"/>
  <c r="V91275" i="1"/>
  <c r="V91276" i="1"/>
  <c r="V91277" i="1"/>
  <c r="V91278" i="1"/>
  <c r="V91279" i="1"/>
  <c r="V91280" i="1"/>
  <c r="V91281" i="1"/>
  <c r="V91282" i="1"/>
  <c r="V91283" i="1"/>
  <c r="V91284" i="1"/>
  <c r="V91285" i="1"/>
  <c r="V91286" i="1"/>
  <c r="V91287" i="1"/>
  <c r="V91288" i="1"/>
  <c r="V91289" i="1"/>
  <c r="V91290" i="1"/>
  <c r="V91291" i="1"/>
  <c r="V91292" i="1"/>
  <c r="V91293" i="1"/>
  <c r="V91294" i="1"/>
  <c r="V91295" i="1"/>
  <c r="V91296" i="1"/>
  <c r="V91297" i="1"/>
  <c r="V91298" i="1"/>
  <c r="V91299" i="1"/>
  <c r="V91300" i="1"/>
  <c r="V91301" i="1"/>
  <c r="V91302" i="1"/>
  <c r="V91303" i="1"/>
  <c r="V91304" i="1"/>
  <c r="V91305" i="1"/>
  <c r="V91306" i="1"/>
  <c r="V91307" i="1"/>
  <c r="V91308" i="1"/>
  <c r="V91309" i="1"/>
  <c r="V91310" i="1"/>
  <c r="V91311" i="1"/>
  <c r="V91312" i="1"/>
  <c r="V91313" i="1"/>
  <c r="V91314" i="1"/>
  <c r="V91315" i="1"/>
  <c r="V91316" i="1"/>
  <c r="V91317" i="1"/>
  <c r="V91318" i="1"/>
  <c r="V91319" i="1"/>
  <c r="V91320" i="1"/>
  <c r="V91321" i="1"/>
  <c r="V91322" i="1"/>
  <c r="V91323" i="1"/>
  <c r="V91324" i="1"/>
  <c r="V91325" i="1"/>
  <c r="V91326" i="1"/>
  <c r="V91327" i="1"/>
  <c r="V91328" i="1"/>
  <c r="V91329" i="1"/>
  <c r="V91330" i="1"/>
  <c r="V91331" i="1"/>
  <c r="V91332" i="1"/>
  <c r="V91333" i="1"/>
  <c r="V91334" i="1"/>
  <c r="V91335" i="1"/>
  <c r="V91336" i="1"/>
  <c r="V91337" i="1"/>
  <c r="V91338" i="1"/>
  <c r="V91339" i="1"/>
  <c r="V91340" i="1"/>
  <c r="V91341" i="1"/>
  <c r="V91342" i="1"/>
  <c r="V91343" i="1"/>
  <c r="V91344" i="1"/>
  <c r="V91345" i="1"/>
  <c r="V91346" i="1"/>
  <c r="V91347" i="1"/>
  <c r="V91348" i="1"/>
  <c r="V91349" i="1"/>
  <c r="V91350" i="1"/>
  <c r="V91351" i="1"/>
  <c r="V91352" i="1"/>
  <c r="V91353" i="1"/>
  <c r="V91354" i="1"/>
  <c r="V91355" i="1"/>
  <c r="V91356" i="1"/>
  <c r="V91357" i="1"/>
  <c r="V91358" i="1"/>
  <c r="V91359" i="1"/>
  <c r="V91360" i="1"/>
  <c r="V91361" i="1"/>
  <c r="V91362" i="1"/>
  <c r="V91363" i="1"/>
  <c r="V91364" i="1"/>
  <c r="V91365" i="1"/>
  <c r="V91366" i="1"/>
  <c r="V91367" i="1"/>
  <c r="V91368" i="1"/>
  <c r="V91369" i="1"/>
  <c r="V91370" i="1"/>
  <c r="V91371" i="1"/>
  <c r="V91372" i="1"/>
  <c r="V91373" i="1"/>
  <c r="V91374" i="1"/>
  <c r="V91375" i="1"/>
  <c r="V91376" i="1"/>
  <c r="V91377" i="1"/>
  <c r="V91378" i="1"/>
  <c r="V91379" i="1"/>
  <c r="V91380" i="1"/>
  <c r="V91381" i="1"/>
  <c r="V91382" i="1"/>
  <c r="V91383" i="1"/>
  <c r="V91384" i="1"/>
  <c r="V91385" i="1"/>
  <c r="V91386" i="1"/>
  <c r="V91387" i="1"/>
  <c r="V91388" i="1"/>
  <c r="V91389" i="1"/>
  <c r="V91390" i="1"/>
  <c r="V91391" i="1"/>
  <c r="V91392" i="1"/>
  <c r="V91393" i="1"/>
  <c r="V91394" i="1"/>
  <c r="V91395" i="1"/>
  <c r="V91396" i="1"/>
  <c r="V91397" i="1"/>
  <c r="V91398" i="1"/>
  <c r="V91399" i="1"/>
  <c r="V91400" i="1"/>
  <c r="V91401" i="1"/>
  <c r="V91402" i="1"/>
  <c r="V91403" i="1"/>
  <c r="V91404" i="1"/>
  <c r="V91405" i="1"/>
  <c r="V91406" i="1"/>
  <c r="V91407" i="1"/>
  <c r="V91408" i="1"/>
  <c r="V91409" i="1"/>
  <c r="V91410" i="1"/>
  <c r="V91411" i="1"/>
  <c r="V91412" i="1"/>
  <c r="V91413" i="1"/>
  <c r="V91414" i="1"/>
  <c r="V91415" i="1"/>
  <c r="V91416" i="1"/>
  <c r="V91417" i="1"/>
  <c r="V91418" i="1"/>
  <c r="V91419" i="1"/>
  <c r="V91420" i="1"/>
  <c r="V91421" i="1"/>
  <c r="V91422" i="1"/>
  <c r="V91423" i="1"/>
  <c r="V91424" i="1"/>
  <c r="V91425" i="1"/>
  <c r="V91426" i="1"/>
  <c r="V91427" i="1"/>
  <c r="V91428" i="1"/>
  <c r="V91429" i="1"/>
  <c r="V91430" i="1"/>
  <c r="V91431" i="1"/>
  <c r="V91432" i="1"/>
  <c r="V91433" i="1"/>
  <c r="V91434" i="1"/>
  <c r="V91435" i="1"/>
  <c r="V91436" i="1"/>
  <c r="V91437" i="1"/>
  <c r="V91438" i="1"/>
  <c r="V91439" i="1"/>
  <c r="V91440" i="1"/>
  <c r="V91441" i="1"/>
  <c r="V91442" i="1"/>
  <c r="V91443" i="1"/>
  <c r="V91444" i="1"/>
  <c r="V91445" i="1"/>
  <c r="V91446" i="1"/>
  <c r="V91447" i="1"/>
  <c r="V91448" i="1"/>
  <c r="V91449" i="1"/>
  <c r="V91450" i="1"/>
  <c r="V91451" i="1"/>
  <c r="V91452" i="1"/>
  <c r="V91453" i="1"/>
  <c r="V91454" i="1"/>
  <c r="V91455" i="1"/>
  <c r="V91456" i="1"/>
  <c r="V91457" i="1"/>
  <c r="V91458" i="1"/>
  <c r="V91459" i="1"/>
  <c r="V91460" i="1"/>
  <c r="V91461" i="1"/>
  <c r="V91462" i="1"/>
  <c r="V91463" i="1"/>
  <c r="V91464" i="1"/>
  <c r="V91465" i="1"/>
  <c r="V91466" i="1"/>
  <c r="V91467" i="1"/>
  <c r="V91468" i="1"/>
  <c r="V91469" i="1"/>
  <c r="V91470" i="1"/>
  <c r="V91471" i="1"/>
  <c r="V91472" i="1"/>
  <c r="V91473" i="1"/>
  <c r="V91474" i="1"/>
  <c r="V91475" i="1"/>
  <c r="V91476" i="1"/>
  <c r="V91477" i="1"/>
  <c r="V91478" i="1"/>
  <c r="V91479" i="1"/>
  <c r="V91480" i="1"/>
  <c r="V91481" i="1"/>
  <c r="V91482" i="1"/>
  <c r="V91483" i="1"/>
  <c r="V91484" i="1"/>
  <c r="V91485" i="1"/>
  <c r="V91486" i="1"/>
  <c r="V91487" i="1"/>
  <c r="V91488" i="1"/>
  <c r="V91489" i="1"/>
  <c r="V91490" i="1"/>
  <c r="V91491" i="1"/>
  <c r="V91492" i="1"/>
  <c r="V91493" i="1"/>
  <c r="V91494" i="1"/>
  <c r="V91495" i="1"/>
  <c r="V91496" i="1"/>
  <c r="V91497" i="1"/>
  <c r="V91498" i="1"/>
  <c r="V91499" i="1"/>
  <c r="V91500" i="1"/>
  <c r="V91501" i="1"/>
  <c r="V91502" i="1"/>
  <c r="V91503" i="1"/>
  <c r="V91504" i="1"/>
  <c r="V91505" i="1"/>
  <c r="V91506" i="1"/>
  <c r="V91507" i="1"/>
  <c r="V91508" i="1"/>
  <c r="V91509" i="1"/>
  <c r="V91510" i="1"/>
  <c r="V91511" i="1"/>
  <c r="V91512" i="1"/>
  <c r="V91513" i="1"/>
  <c r="V91514" i="1"/>
  <c r="V91515" i="1"/>
  <c r="V91516" i="1"/>
  <c r="V91517" i="1"/>
  <c r="V91518" i="1"/>
  <c r="V91519" i="1"/>
  <c r="V91520" i="1"/>
  <c r="V91521" i="1"/>
  <c r="V91522" i="1"/>
  <c r="V91523" i="1"/>
  <c r="V91524" i="1"/>
  <c r="V91525" i="1"/>
  <c r="V91526" i="1"/>
  <c r="V91527" i="1"/>
  <c r="V91528" i="1"/>
  <c r="V91529" i="1"/>
  <c r="V91530" i="1"/>
  <c r="V91531" i="1"/>
  <c r="V91532" i="1"/>
  <c r="V91533" i="1"/>
  <c r="V91534" i="1"/>
  <c r="V91535" i="1"/>
  <c r="V91536" i="1"/>
  <c r="V91537" i="1"/>
  <c r="V91538" i="1"/>
  <c r="V91539" i="1"/>
  <c r="V91540" i="1"/>
  <c r="V91541" i="1"/>
  <c r="V91542" i="1"/>
  <c r="V91543" i="1"/>
  <c r="V91544" i="1"/>
  <c r="V91545" i="1"/>
  <c r="V91546" i="1"/>
  <c r="V91547" i="1"/>
  <c r="V91548" i="1"/>
  <c r="V91549" i="1"/>
  <c r="V91550" i="1"/>
  <c r="V91551" i="1"/>
  <c r="V91552" i="1"/>
  <c r="V91553" i="1"/>
  <c r="V91554" i="1"/>
  <c r="V91555" i="1"/>
  <c r="V91556" i="1"/>
  <c r="V91557" i="1"/>
  <c r="V91558" i="1"/>
  <c r="V91559" i="1"/>
  <c r="V91560" i="1"/>
  <c r="V91561" i="1"/>
  <c r="V91562" i="1"/>
  <c r="V91563" i="1"/>
  <c r="V91564" i="1"/>
  <c r="V91565" i="1"/>
  <c r="V91566" i="1"/>
  <c r="V91567" i="1"/>
  <c r="V91568" i="1"/>
  <c r="V91569" i="1"/>
  <c r="V91570" i="1"/>
  <c r="V91571" i="1"/>
  <c r="V91572" i="1"/>
  <c r="V91573" i="1"/>
  <c r="V91574" i="1"/>
  <c r="V91575" i="1"/>
  <c r="V91576" i="1"/>
  <c r="V91577" i="1"/>
  <c r="V91578" i="1"/>
  <c r="V91579" i="1"/>
  <c r="V91580" i="1"/>
  <c r="V91581" i="1"/>
  <c r="V91582" i="1"/>
  <c r="V91583" i="1"/>
  <c r="V91584" i="1"/>
  <c r="V91585" i="1"/>
  <c r="V91586" i="1"/>
  <c r="V91587" i="1"/>
  <c r="V91588" i="1"/>
  <c r="V91589" i="1"/>
  <c r="V91590" i="1"/>
  <c r="V91591" i="1"/>
  <c r="V91592" i="1"/>
  <c r="V91593" i="1"/>
  <c r="V91594" i="1"/>
  <c r="V91595" i="1"/>
  <c r="V91596" i="1"/>
  <c r="V91597" i="1"/>
  <c r="V91598" i="1"/>
  <c r="V91599" i="1"/>
  <c r="V91600" i="1"/>
  <c r="V91601" i="1"/>
  <c r="V91602" i="1"/>
  <c r="V91603" i="1"/>
  <c r="V91604" i="1"/>
  <c r="V91605" i="1"/>
  <c r="V91606" i="1"/>
  <c r="V91607" i="1"/>
  <c r="V91608" i="1"/>
  <c r="V91609" i="1"/>
  <c r="V91610" i="1"/>
  <c r="V91611" i="1"/>
  <c r="V91612" i="1"/>
  <c r="V91613" i="1"/>
  <c r="V91614" i="1"/>
  <c r="V91615" i="1"/>
  <c r="V91616" i="1"/>
  <c r="V91617" i="1"/>
  <c r="V91618" i="1"/>
  <c r="V91619" i="1"/>
  <c r="V91620" i="1"/>
  <c r="V91621" i="1"/>
  <c r="V91622" i="1"/>
  <c r="V91623" i="1"/>
  <c r="V91624" i="1"/>
  <c r="V91625" i="1"/>
  <c r="V91626" i="1"/>
  <c r="V91627" i="1"/>
  <c r="V91628" i="1"/>
  <c r="V91629" i="1"/>
  <c r="V91630" i="1"/>
  <c r="V91631" i="1"/>
  <c r="V91632" i="1"/>
  <c r="V91633" i="1"/>
  <c r="V91634" i="1"/>
  <c r="V91635" i="1"/>
  <c r="V91636" i="1"/>
  <c r="V91637" i="1"/>
  <c r="V91638" i="1"/>
  <c r="V91639" i="1"/>
  <c r="V91640" i="1"/>
  <c r="V91641" i="1"/>
  <c r="V91642" i="1"/>
  <c r="V91643" i="1"/>
  <c r="V91644" i="1"/>
  <c r="V91645" i="1"/>
  <c r="V91646" i="1"/>
  <c r="V91647" i="1"/>
  <c r="V91648" i="1"/>
  <c r="V91649" i="1"/>
  <c r="V91650" i="1"/>
  <c r="V91651" i="1"/>
  <c r="V91652" i="1"/>
  <c r="V91653" i="1"/>
  <c r="V91654" i="1"/>
  <c r="V91655" i="1"/>
  <c r="V91656" i="1"/>
  <c r="V91657" i="1"/>
  <c r="V91658" i="1"/>
  <c r="V91659" i="1"/>
  <c r="V91660" i="1"/>
  <c r="V91661" i="1"/>
  <c r="V91662" i="1"/>
  <c r="V91663" i="1"/>
  <c r="V91664" i="1"/>
  <c r="V91665" i="1"/>
  <c r="V91666" i="1"/>
  <c r="V91667" i="1"/>
  <c r="V91668" i="1"/>
  <c r="V91669" i="1"/>
  <c r="V91670" i="1"/>
  <c r="V91671" i="1"/>
  <c r="V91672" i="1"/>
  <c r="V91673" i="1"/>
  <c r="V91674" i="1"/>
  <c r="V91675" i="1"/>
  <c r="V91676" i="1"/>
  <c r="V91677" i="1"/>
  <c r="V91678" i="1"/>
  <c r="V91679" i="1"/>
  <c r="V91680" i="1"/>
  <c r="V91681" i="1"/>
  <c r="V91682" i="1"/>
  <c r="V91683" i="1"/>
  <c r="V91684" i="1"/>
  <c r="V91685" i="1"/>
  <c r="V91686" i="1"/>
  <c r="V91687" i="1"/>
  <c r="V91688" i="1"/>
  <c r="V91689" i="1"/>
  <c r="V91690" i="1"/>
  <c r="V91691" i="1"/>
  <c r="V91692" i="1"/>
  <c r="V91693" i="1"/>
  <c r="V91694" i="1"/>
  <c r="V91695" i="1"/>
  <c r="V91696" i="1"/>
  <c r="V91697" i="1"/>
  <c r="V91698" i="1"/>
  <c r="V91699" i="1"/>
  <c r="V91700" i="1"/>
  <c r="V91701" i="1"/>
  <c r="V91702" i="1"/>
  <c r="V91703" i="1"/>
  <c r="V91704" i="1"/>
  <c r="V91705" i="1"/>
  <c r="V91706" i="1"/>
  <c r="V91707" i="1"/>
  <c r="V91708" i="1"/>
  <c r="V91709" i="1"/>
  <c r="V91710" i="1"/>
  <c r="V91711" i="1"/>
  <c r="V91712" i="1"/>
  <c r="V91713" i="1"/>
  <c r="V91714" i="1"/>
  <c r="V91715" i="1"/>
  <c r="V91716" i="1"/>
  <c r="V91717" i="1"/>
  <c r="V91718" i="1"/>
  <c r="V91719" i="1"/>
  <c r="V91720" i="1"/>
  <c r="V91721" i="1"/>
  <c r="V91722" i="1"/>
  <c r="V91723" i="1"/>
  <c r="V91724" i="1"/>
  <c r="V91725" i="1"/>
  <c r="V91726" i="1"/>
  <c r="V91727" i="1"/>
  <c r="V91728" i="1"/>
  <c r="V91729" i="1"/>
  <c r="V91730" i="1"/>
  <c r="V91731" i="1"/>
  <c r="V91732" i="1"/>
  <c r="V91733" i="1"/>
  <c r="V91734" i="1"/>
  <c r="V91735" i="1"/>
  <c r="V91736" i="1"/>
  <c r="V91737" i="1"/>
  <c r="V91738" i="1"/>
  <c r="V91739" i="1"/>
  <c r="V91740" i="1"/>
  <c r="V91741" i="1"/>
  <c r="V91742" i="1"/>
  <c r="V91743" i="1"/>
  <c r="V91744" i="1"/>
  <c r="V91745" i="1"/>
  <c r="V91746" i="1"/>
  <c r="V91747" i="1"/>
  <c r="V91748" i="1"/>
  <c r="V91749" i="1"/>
  <c r="V91750" i="1"/>
  <c r="V91751" i="1"/>
  <c r="V91752" i="1"/>
  <c r="V91753" i="1"/>
  <c r="V91754" i="1"/>
  <c r="V91755" i="1"/>
  <c r="V91756" i="1"/>
  <c r="V91757" i="1"/>
  <c r="V91758" i="1"/>
  <c r="V91759" i="1"/>
  <c r="V91760" i="1"/>
  <c r="V91761" i="1"/>
  <c r="V91762" i="1"/>
  <c r="V91763" i="1"/>
  <c r="V91764" i="1"/>
  <c r="V91765" i="1"/>
  <c r="V91766" i="1"/>
  <c r="V91767" i="1"/>
  <c r="V91768" i="1"/>
  <c r="V91769" i="1"/>
  <c r="V91770" i="1"/>
  <c r="V91771" i="1"/>
  <c r="V91772" i="1"/>
  <c r="V91773" i="1"/>
  <c r="V91774" i="1"/>
  <c r="V91775" i="1"/>
  <c r="V91776" i="1"/>
  <c r="V91777" i="1"/>
  <c r="V91778" i="1"/>
  <c r="V91779" i="1"/>
  <c r="V91780" i="1"/>
  <c r="V91781" i="1"/>
  <c r="V91782" i="1"/>
  <c r="V91783" i="1"/>
  <c r="V91784" i="1"/>
  <c r="V91785" i="1"/>
  <c r="V91786" i="1"/>
  <c r="V91787" i="1"/>
  <c r="V91788" i="1"/>
  <c r="V91789" i="1"/>
  <c r="V91790" i="1"/>
  <c r="V91791" i="1"/>
  <c r="V91792" i="1"/>
  <c r="V91793" i="1"/>
  <c r="V91794" i="1"/>
  <c r="V91795" i="1"/>
  <c r="V91796" i="1"/>
  <c r="V91797" i="1"/>
  <c r="V91798" i="1"/>
  <c r="V91799" i="1"/>
  <c r="V91800" i="1"/>
  <c r="V91801" i="1"/>
  <c r="V91802" i="1"/>
  <c r="V91803" i="1"/>
  <c r="V91804" i="1"/>
  <c r="V91805" i="1"/>
  <c r="V91806" i="1"/>
  <c r="V91807" i="1"/>
  <c r="V91808" i="1"/>
  <c r="V91809" i="1"/>
  <c r="V91810" i="1"/>
  <c r="V91811" i="1"/>
  <c r="V91812" i="1"/>
  <c r="V91813" i="1"/>
  <c r="V91814" i="1"/>
  <c r="V91815" i="1"/>
  <c r="V91816" i="1"/>
  <c r="V91817" i="1"/>
  <c r="V91818" i="1"/>
  <c r="V91819" i="1"/>
  <c r="V91820" i="1"/>
  <c r="V91821" i="1"/>
  <c r="V91822" i="1"/>
  <c r="V91823" i="1"/>
  <c r="V91824" i="1"/>
  <c r="V91825" i="1"/>
  <c r="V91826" i="1"/>
  <c r="V91827" i="1"/>
  <c r="V91828" i="1"/>
  <c r="V91829" i="1"/>
  <c r="V91830" i="1"/>
  <c r="V91831" i="1"/>
  <c r="V91832" i="1"/>
  <c r="V91833" i="1"/>
  <c r="V91834" i="1"/>
  <c r="V91835" i="1"/>
  <c r="V91836" i="1"/>
  <c r="V91837" i="1"/>
  <c r="V91838" i="1"/>
  <c r="V91839" i="1"/>
  <c r="V91840" i="1"/>
  <c r="V91841" i="1"/>
  <c r="V91842" i="1"/>
  <c r="V91843" i="1"/>
  <c r="V91844" i="1"/>
  <c r="V91845" i="1"/>
  <c r="V91846" i="1"/>
  <c r="V91847" i="1"/>
  <c r="V91848" i="1"/>
  <c r="V91849" i="1"/>
  <c r="V91850" i="1"/>
  <c r="V91851" i="1"/>
  <c r="V91852" i="1"/>
  <c r="V91853" i="1"/>
  <c r="V91854" i="1"/>
  <c r="V91855" i="1"/>
  <c r="V91856" i="1"/>
  <c r="V91857" i="1"/>
  <c r="V91858" i="1"/>
  <c r="V91859" i="1"/>
  <c r="V91860" i="1"/>
  <c r="V91861" i="1"/>
  <c r="V91862" i="1"/>
  <c r="V91863" i="1"/>
  <c r="V91864" i="1"/>
  <c r="V91865" i="1"/>
  <c r="V91866" i="1"/>
  <c r="V91867" i="1"/>
  <c r="V91868" i="1"/>
  <c r="V91869" i="1"/>
  <c r="V91870" i="1"/>
  <c r="V91871" i="1"/>
  <c r="V91872" i="1"/>
  <c r="V91873" i="1"/>
  <c r="V91874" i="1"/>
  <c r="V91875" i="1"/>
  <c r="V91876" i="1"/>
  <c r="V91877" i="1"/>
  <c r="V91878" i="1"/>
  <c r="V91879" i="1"/>
  <c r="V91880" i="1"/>
  <c r="V91881" i="1"/>
  <c r="V91882" i="1"/>
  <c r="V91883" i="1"/>
  <c r="V91884" i="1"/>
  <c r="V91885" i="1"/>
  <c r="V91886" i="1"/>
  <c r="V91887" i="1"/>
  <c r="V91888" i="1"/>
  <c r="V91889" i="1"/>
  <c r="V91890" i="1"/>
  <c r="V91891" i="1"/>
  <c r="V91892" i="1"/>
  <c r="V91893" i="1"/>
  <c r="V91894" i="1"/>
  <c r="V91895" i="1"/>
  <c r="V91896" i="1"/>
  <c r="V91897" i="1"/>
  <c r="V91898" i="1"/>
  <c r="V91899" i="1"/>
  <c r="V91900" i="1"/>
  <c r="V91901" i="1"/>
  <c r="V91902" i="1"/>
  <c r="V91903" i="1"/>
  <c r="V91904" i="1"/>
  <c r="V91905" i="1"/>
  <c r="V91906" i="1"/>
  <c r="V91907" i="1"/>
  <c r="V91908" i="1"/>
  <c r="V91909" i="1"/>
  <c r="V91910" i="1"/>
  <c r="V91911" i="1"/>
  <c r="V91912" i="1"/>
  <c r="V91913" i="1"/>
  <c r="V91914" i="1"/>
  <c r="V91915" i="1"/>
  <c r="V91916" i="1"/>
  <c r="V91917" i="1"/>
  <c r="V91918" i="1"/>
  <c r="V91919" i="1"/>
  <c r="V91920" i="1"/>
  <c r="V91921" i="1"/>
  <c r="V91922" i="1"/>
  <c r="V91923" i="1"/>
  <c r="V91924" i="1"/>
  <c r="V91925" i="1"/>
  <c r="V91926" i="1"/>
  <c r="V91927" i="1"/>
  <c r="V91928" i="1"/>
  <c r="V91929" i="1"/>
  <c r="V91930" i="1"/>
  <c r="V91931" i="1"/>
  <c r="V91932" i="1"/>
  <c r="V91933" i="1"/>
  <c r="V91934" i="1"/>
  <c r="V91935" i="1"/>
  <c r="V91936" i="1"/>
  <c r="V91937" i="1"/>
  <c r="V91938" i="1"/>
  <c r="V91939" i="1"/>
  <c r="V91940" i="1"/>
  <c r="V91941" i="1"/>
  <c r="V91942" i="1"/>
  <c r="V91943" i="1"/>
  <c r="V91944" i="1"/>
  <c r="V91945" i="1"/>
  <c r="V91946" i="1"/>
  <c r="V91947" i="1"/>
  <c r="V91948" i="1"/>
  <c r="V91949" i="1"/>
  <c r="V91950" i="1"/>
  <c r="V91951" i="1"/>
  <c r="V91952" i="1"/>
  <c r="V91953" i="1"/>
  <c r="V91954" i="1"/>
  <c r="V91955" i="1"/>
  <c r="V91956" i="1"/>
  <c r="V91957" i="1"/>
  <c r="V91958" i="1"/>
  <c r="V91959" i="1"/>
  <c r="V91960" i="1"/>
  <c r="V91961" i="1"/>
  <c r="V91962" i="1"/>
  <c r="V91963" i="1"/>
  <c r="V91964" i="1"/>
  <c r="V91965" i="1"/>
  <c r="V91966" i="1"/>
  <c r="V91967" i="1"/>
  <c r="V91968" i="1"/>
  <c r="V91969" i="1"/>
  <c r="V91970" i="1"/>
  <c r="V91971" i="1"/>
  <c r="V91972" i="1"/>
  <c r="V91973" i="1"/>
  <c r="V91974" i="1"/>
  <c r="V91975" i="1"/>
  <c r="V91976" i="1"/>
  <c r="V91977" i="1"/>
  <c r="V91978" i="1"/>
  <c r="V91979" i="1"/>
  <c r="V91980" i="1"/>
  <c r="V91981" i="1"/>
  <c r="V91982" i="1"/>
  <c r="V91983" i="1"/>
  <c r="V91984" i="1"/>
  <c r="V91985" i="1"/>
  <c r="V91986" i="1"/>
  <c r="V91987" i="1"/>
  <c r="V91988" i="1"/>
  <c r="V91989" i="1"/>
  <c r="V91990" i="1"/>
  <c r="V91991" i="1"/>
  <c r="V91992" i="1"/>
  <c r="V91993" i="1"/>
  <c r="V91994" i="1"/>
  <c r="V91995" i="1"/>
  <c r="V91996" i="1"/>
  <c r="V91997" i="1"/>
  <c r="V91998" i="1"/>
  <c r="V91999" i="1"/>
  <c r="V92000" i="1"/>
  <c r="V92001" i="1"/>
  <c r="V92002" i="1"/>
  <c r="V92003" i="1"/>
  <c r="V92004" i="1"/>
  <c r="V92005" i="1"/>
  <c r="V92006" i="1"/>
  <c r="V92007" i="1"/>
  <c r="V92008" i="1"/>
  <c r="V92009" i="1"/>
  <c r="V92010" i="1"/>
  <c r="V92011" i="1"/>
  <c r="V92012" i="1"/>
  <c r="V92013" i="1"/>
  <c r="V92014" i="1"/>
  <c r="V92015" i="1"/>
  <c r="V92016" i="1"/>
  <c r="V92017" i="1"/>
  <c r="V92018" i="1"/>
  <c r="V92019" i="1"/>
  <c r="V92020" i="1"/>
  <c r="V92021" i="1"/>
  <c r="V92022" i="1"/>
  <c r="V92023" i="1"/>
  <c r="V92024" i="1"/>
  <c r="V92025" i="1"/>
  <c r="V92026" i="1"/>
  <c r="V92027" i="1"/>
  <c r="V92028" i="1"/>
  <c r="V92029" i="1"/>
  <c r="V92030" i="1"/>
  <c r="V92031" i="1"/>
  <c r="V92032" i="1"/>
  <c r="V92033" i="1"/>
  <c r="V92034" i="1"/>
  <c r="V92035" i="1"/>
  <c r="V92036" i="1"/>
  <c r="V92037" i="1"/>
  <c r="V92038" i="1"/>
  <c r="V92039" i="1"/>
  <c r="V92040" i="1"/>
  <c r="V92041" i="1"/>
  <c r="V92042" i="1"/>
  <c r="V92043" i="1"/>
  <c r="V92044" i="1"/>
  <c r="V92045" i="1"/>
  <c r="V92046" i="1"/>
  <c r="V92047" i="1"/>
  <c r="V92048" i="1"/>
  <c r="V92049" i="1"/>
  <c r="V92050" i="1"/>
  <c r="V92051" i="1"/>
  <c r="V92052" i="1"/>
  <c r="V92053" i="1"/>
  <c r="V92054" i="1"/>
  <c r="V92055" i="1"/>
  <c r="V92056" i="1"/>
  <c r="V92057" i="1"/>
  <c r="V92058" i="1"/>
  <c r="V92059" i="1"/>
  <c r="V92060" i="1"/>
  <c r="V92061" i="1"/>
  <c r="V92062" i="1"/>
  <c r="V92063" i="1"/>
  <c r="V92064" i="1"/>
  <c r="V92065" i="1"/>
  <c r="V92066" i="1"/>
  <c r="V92067" i="1"/>
  <c r="V92068" i="1"/>
  <c r="V92069" i="1"/>
  <c r="V92070" i="1"/>
  <c r="V92071" i="1"/>
  <c r="V92072" i="1"/>
  <c r="V92073" i="1"/>
  <c r="V92074" i="1"/>
  <c r="V92075" i="1"/>
  <c r="V92076" i="1"/>
  <c r="V92077" i="1"/>
  <c r="V92078" i="1"/>
  <c r="V92079" i="1"/>
  <c r="V92080" i="1"/>
  <c r="V92081" i="1"/>
  <c r="V92082" i="1"/>
  <c r="V92083" i="1"/>
  <c r="V92084" i="1"/>
  <c r="V92085" i="1"/>
  <c r="V92086" i="1"/>
  <c r="V92087" i="1"/>
  <c r="V92088" i="1"/>
  <c r="V92089" i="1"/>
  <c r="V92090" i="1"/>
  <c r="V92091" i="1"/>
  <c r="V92092" i="1"/>
  <c r="V92093" i="1"/>
  <c r="V92094" i="1"/>
  <c r="V92095" i="1"/>
  <c r="V92096" i="1"/>
  <c r="V92097" i="1"/>
  <c r="V92098" i="1"/>
  <c r="V92099" i="1"/>
  <c r="V92100" i="1"/>
  <c r="V92101" i="1"/>
  <c r="V92102" i="1"/>
  <c r="V92103" i="1"/>
  <c r="V92104" i="1"/>
  <c r="V92105" i="1"/>
  <c r="V92106" i="1"/>
  <c r="V92107" i="1"/>
  <c r="V92108" i="1"/>
  <c r="V92109" i="1"/>
  <c r="V92110" i="1"/>
  <c r="V92111" i="1"/>
  <c r="V92112" i="1"/>
  <c r="V92113" i="1"/>
  <c r="V92114" i="1"/>
  <c r="V92115" i="1"/>
  <c r="V92116" i="1"/>
  <c r="V92117" i="1"/>
  <c r="V92118" i="1"/>
  <c r="V92119" i="1"/>
  <c r="V92120" i="1"/>
  <c r="V92121" i="1"/>
  <c r="V92122" i="1"/>
  <c r="V92123" i="1"/>
  <c r="V92124" i="1"/>
  <c r="V92125" i="1"/>
  <c r="V92126" i="1"/>
  <c r="V92127" i="1"/>
  <c r="V92128" i="1"/>
  <c r="V92129" i="1"/>
  <c r="V92130" i="1"/>
  <c r="V92131" i="1"/>
  <c r="V92132" i="1"/>
  <c r="V92133" i="1"/>
  <c r="V92134" i="1"/>
  <c r="V92135" i="1"/>
  <c r="V92136" i="1"/>
  <c r="V92137" i="1"/>
  <c r="V92138" i="1"/>
  <c r="V92139" i="1"/>
  <c r="V92140" i="1"/>
  <c r="V92141" i="1"/>
  <c r="V92142" i="1"/>
  <c r="V92143" i="1"/>
  <c r="V92144" i="1"/>
  <c r="V92145" i="1"/>
  <c r="V92146" i="1"/>
  <c r="V92147" i="1"/>
  <c r="V92148" i="1"/>
  <c r="V92149" i="1"/>
  <c r="V92150" i="1"/>
  <c r="V92151" i="1"/>
  <c r="V92152" i="1"/>
  <c r="V92153" i="1"/>
  <c r="V92154" i="1"/>
  <c r="V92155" i="1"/>
  <c r="V92156" i="1"/>
  <c r="V92157" i="1"/>
  <c r="V92158" i="1"/>
  <c r="V92159" i="1"/>
  <c r="V92160" i="1"/>
  <c r="V92161" i="1"/>
  <c r="V92162" i="1"/>
  <c r="V92163" i="1"/>
  <c r="V92164" i="1"/>
  <c r="V92165" i="1"/>
  <c r="V92166" i="1"/>
  <c r="V92167" i="1"/>
  <c r="V92168" i="1"/>
  <c r="V92169" i="1"/>
  <c r="V92170" i="1"/>
  <c r="V92171" i="1"/>
  <c r="V92172" i="1"/>
  <c r="V92173" i="1"/>
  <c r="V92174" i="1"/>
  <c r="V92175" i="1"/>
  <c r="V92176" i="1"/>
  <c r="V92177" i="1"/>
  <c r="V92178" i="1"/>
  <c r="V92179" i="1"/>
  <c r="V92180" i="1"/>
  <c r="V92181" i="1"/>
  <c r="V92182" i="1"/>
  <c r="V92183" i="1"/>
  <c r="V92184" i="1"/>
  <c r="V92185" i="1"/>
  <c r="V92186" i="1"/>
  <c r="V92187" i="1"/>
  <c r="V92188" i="1"/>
  <c r="V92189" i="1"/>
  <c r="V92190" i="1"/>
  <c r="V92191" i="1"/>
  <c r="V92192" i="1"/>
  <c r="V92193" i="1"/>
  <c r="V92194" i="1"/>
  <c r="V92195" i="1"/>
  <c r="V92196" i="1"/>
  <c r="V92197" i="1"/>
  <c r="V92198" i="1"/>
  <c r="V92199" i="1"/>
  <c r="V92200" i="1"/>
  <c r="V92201" i="1"/>
  <c r="V92202" i="1"/>
  <c r="V92203" i="1"/>
  <c r="V92204" i="1"/>
  <c r="V92205" i="1"/>
  <c r="V92206" i="1"/>
  <c r="V92207" i="1"/>
  <c r="V92208" i="1"/>
  <c r="V92209" i="1"/>
  <c r="V92210" i="1"/>
  <c r="V92211" i="1"/>
  <c r="V92212" i="1"/>
  <c r="V92213" i="1"/>
  <c r="V92214" i="1"/>
  <c r="V92215" i="1"/>
  <c r="V92216" i="1"/>
  <c r="V92217" i="1"/>
  <c r="V92218" i="1"/>
  <c r="V92219" i="1"/>
  <c r="V92220" i="1"/>
  <c r="V92221" i="1"/>
  <c r="V92222" i="1"/>
  <c r="V92223" i="1"/>
  <c r="V92224" i="1"/>
  <c r="V92225" i="1"/>
  <c r="V92226" i="1"/>
  <c r="V92227" i="1"/>
  <c r="V92228" i="1"/>
  <c r="V92229" i="1"/>
  <c r="V92230" i="1"/>
  <c r="V92231" i="1"/>
  <c r="V92232" i="1"/>
  <c r="V92233" i="1"/>
  <c r="V92234" i="1"/>
  <c r="V92235" i="1"/>
  <c r="V92236" i="1"/>
  <c r="V92237" i="1"/>
  <c r="V92238" i="1"/>
  <c r="V92239" i="1"/>
  <c r="V92240" i="1"/>
  <c r="V92241" i="1"/>
  <c r="V92242" i="1"/>
  <c r="V92243" i="1"/>
  <c r="V92244" i="1"/>
  <c r="V92245" i="1"/>
  <c r="V92246" i="1"/>
  <c r="V92247" i="1"/>
  <c r="V92248" i="1"/>
  <c r="V92249" i="1"/>
  <c r="V92250" i="1"/>
  <c r="V92251" i="1"/>
  <c r="V92252" i="1"/>
  <c r="V92253" i="1"/>
  <c r="V92254" i="1"/>
  <c r="V92255" i="1"/>
  <c r="V92256" i="1"/>
  <c r="V92257" i="1"/>
  <c r="V92258" i="1"/>
  <c r="V92259" i="1"/>
  <c r="V92260" i="1"/>
  <c r="V92261" i="1"/>
  <c r="V92262" i="1"/>
  <c r="V92263" i="1"/>
  <c r="V92264" i="1"/>
  <c r="V92265" i="1"/>
  <c r="V92266" i="1"/>
  <c r="V92267" i="1"/>
  <c r="V92268" i="1"/>
  <c r="V92269" i="1"/>
  <c r="V92270" i="1"/>
  <c r="V92271" i="1"/>
  <c r="V92272" i="1"/>
  <c r="V92273" i="1"/>
  <c r="V92274" i="1"/>
  <c r="V92275" i="1"/>
  <c r="V92276" i="1"/>
  <c r="V92277" i="1"/>
  <c r="V92278" i="1"/>
  <c r="V92279" i="1"/>
  <c r="V92280" i="1"/>
  <c r="V92281" i="1"/>
  <c r="V92282" i="1"/>
  <c r="V92283" i="1"/>
  <c r="V92284" i="1"/>
  <c r="V92285" i="1"/>
  <c r="V92286" i="1"/>
  <c r="V92287" i="1"/>
  <c r="V92288" i="1"/>
  <c r="V92289" i="1"/>
  <c r="V92290" i="1"/>
  <c r="V92291" i="1"/>
  <c r="V92292" i="1"/>
  <c r="V92293" i="1"/>
  <c r="V92294" i="1"/>
  <c r="V92295" i="1"/>
  <c r="V92296" i="1"/>
  <c r="V92297" i="1"/>
  <c r="V92298" i="1"/>
  <c r="V92299" i="1"/>
  <c r="V92300" i="1"/>
  <c r="V92301" i="1"/>
  <c r="V92302" i="1"/>
  <c r="V92303" i="1"/>
  <c r="V92304" i="1"/>
  <c r="V92305" i="1"/>
  <c r="V92306" i="1"/>
  <c r="V92307" i="1"/>
  <c r="V92308" i="1"/>
  <c r="V92309" i="1"/>
  <c r="V92310" i="1"/>
  <c r="V92311" i="1"/>
  <c r="V92312" i="1"/>
  <c r="V92313" i="1"/>
  <c r="V92314" i="1"/>
  <c r="V92315" i="1"/>
  <c r="V92316" i="1"/>
  <c r="V92317" i="1"/>
  <c r="V92318" i="1"/>
  <c r="V92319" i="1"/>
  <c r="V92320" i="1"/>
  <c r="V92321" i="1"/>
  <c r="V92322" i="1"/>
  <c r="V92323" i="1"/>
  <c r="V92324" i="1"/>
  <c r="V92325" i="1"/>
  <c r="V92326" i="1"/>
  <c r="V92327" i="1"/>
  <c r="V92328" i="1"/>
  <c r="V92329" i="1"/>
  <c r="V92330" i="1"/>
  <c r="V92331" i="1"/>
  <c r="V92332" i="1"/>
  <c r="V92333" i="1"/>
  <c r="V92334" i="1"/>
  <c r="V92335" i="1"/>
  <c r="V92336" i="1"/>
  <c r="V92337" i="1"/>
  <c r="V92338" i="1"/>
  <c r="V92339" i="1"/>
  <c r="V92340" i="1"/>
  <c r="V92341" i="1"/>
  <c r="V92342" i="1"/>
  <c r="V92343" i="1"/>
  <c r="V92344" i="1"/>
  <c r="V92345" i="1"/>
  <c r="V92346" i="1"/>
  <c r="V92347" i="1"/>
  <c r="V92348" i="1"/>
  <c r="V92349" i="1"/>
  <c r="V92350" i="1"/>
  <c r="V92351" i="1"/>
  <c r="V92352" i="1"/>
  <c r="V92353" i="1"/>
  <c r="V92354" i="1"/>
  <c r="V92355" i="1"/>
  <c r="V92356" i="1"/>
  <c r="V92357" i="1"/>
  <c r="V92358" i="1"/>
  <c r="V92359" i="1"/>
  <c r="V92360" i="1"/>
  <c r="V92361" i="1"/>
  <c r="V92362" i="1"/>
  <c r="V92363" i="1"/>
  <c r="V92364" i="1"/>
  <c r="V92365" i="1"/>
  <c r="V92366" i="1"/>
  <c r="V92367" i="1"/>
  <c r="V92368" i="1"/>
  <c r="V92369" i="1"/>
  <c r="V92370" i="1"/>
  <c r="V92371" i="1"/>
  <c r="V92372" i="1"/>
  <c r="V92373" i="1"/>
  <c r="V92374" i="1"/>
  <c r="V92375" i="1"/>
  <c r="V92376" i="1"/>
  <c r="V92377" i="1"/>
  <c r="V92378" i="1"/>
  <c r="V92379" i="1"/>
  <c r="V92380" i="1"/>
  <c r="V92381" i="1"/>
  <c r="V92382" i="1"/>
  <c r="V92383" i="1"/>
  <c r="V92384" i="1"/>
  <c r="V92385" i="1"/>
  <c r="V92386" i="1"/>
  <c r="V92387" i="1"/>
  <c r="V92388" i="1"/>
  <c r="V92389" i="1"/>
  <c r="V92390" i="1"/>
  <c r="V92391" i="1"/>
  <c r="V92392" i="1"/>
  <c r="V92393" i="1"/>
  <c r="V92394" i="1"/>
  <c r="V92395" i="1"/>
  <c r="V92396" i="1"/>
  <c r="V92397" i="1"/>
  <c r="V92398" i="1"/>
  <c r="V92399" i="1"/>
  <c r="V92400" i="1"/>
  <c r="V92401" i="1"/>
  <c r="V92402" i="1"/>
  <c r="V92403" i="1"/>
  <c r="V92404" i="1"/>
  <c r="V92405" i="1"/>
  <c r="V92406" i="1"/>
  <c r="V92407" i="1"/>
  <c r="V92408" i="1"/>
  <c r="V92409" i="1"/>
  <c r="V92410" i="1"/>
  <c r="V92411" i="1"/>
  <c r="V92412" i="1"/>
  <c r="V92413" i="1"/>
  <c r="V92414" i="1"/>
  <c r="V92415" i="1"/>
  <c r="V92416" i="1"/>
  <c r="V92417" i="1"/>
  <c r="V92418" i="1"/>
  <c r="V92419" i="1"/>
  <c r="V92420" i="1"/>
  <c r="V92421" i="1"/>
  <c r="V92422" i="1"/>
  <c r="V92423" i="1"/>
  <c r="V92424" i="1"/>
  <c r="V92425" i="1"/>
  <c r="V92426" i="1"/>
  <c r="V92427" i="1"/>
  <c r="V92428" i="1"/>
  <c r="V92429" i="1"/>
  <c r="V92430" i="1"/>
  <c r="V92431" i="1"/>
  <c r="V92432" i="1"/>
  <c r="V92433" i="1"/>
  <c r="V92434" i="1"/>
  <c r="V92435" i="1"/>
  <c r="V92436" i="1"/>
  <c r="V92437" i="1"/>
  <c r="V92438" i="1"/>
  <c r="V92439" i="1"/>
  <c r="V92440" i="1"/>
  <c r="V92441" i="1"/>
  <c r="V92442" i="1"/>
  <c r="V92443" i="1"/>
  <c r="V92444" i="1"/>
  <c r="V92445" i="1"/>
  <c r="V92446" i="1"/>
  <c r="V92447" i="1"/>
  <c r="V92448" i="1"/>
  <c r="V92449" i="1"/>
  <c r="V92450" i="1"/>
  <c r="V92451" i="1"/>
  <c r="V92452" i="1"/>
  <c r="V92453" i="1"/>
  <c r="V92454" i="1"/>
  <c r="V92455" i="1"/>
  <c r="V92456" i="1"/>
  <c r="V92457" i="1"/>
  <c r="V92458" i="1"/>
  <c r="V92459" i="1"/>
  <c r="V92460" i="1"/>
  <c r="V92461" i="1"/>
  <c r="V92462" i="1"/>
  <c r="V92463" i="1"/>
  <c r="V92464" i="1"/>
  <c r="V92465" i="1"/>
  <c r="V92466" i="1"/>
  <c r="V92467" i="1"/>
  <c r="V92468" i="1"/>
  <c r="V92469" i="1"/>
  <c r="V92470" i="1"/>
  <c r="V92471" i="1"/>
  <c r="V92472" i="1"/>
  <c r="V92473" i="1"/>
  <c r="V92474" i="1"/>
  <c r="V92475" i="1"/>
  <c r="V92476" i="1"/>
  <c r="V92477" i="1"/>
  <c r="V92478" i="1"/>
  <c r="V92479" i="1"/>
  <c r="V92480" i="1"/>
  <c r="V92481" i="1"/>
  <c r="V92482" i="1"/>
  <c r="V92483" i="1"/>
  <c r="V92484" i="1"/>
  <c r="V92485" i="1"/>
  <c r="V92486" i="1"/>
  <c r="V92487" i="1"/>
  <c r="V92488" i="1"/>
  <c r="V92489" i="1"/>
  <c r="V92490" i="1"/>
  <c r="V92491" i="1"/>
  <c r="V92492" i="1"/>
  <c r="V92493" i="1"/>
  <c r="V92494" i="1"/>
  <c r="V92495" i="1"/>
  <c r="V92496" i="1"/>
  <c r="V92497" i="1"/>
  <c r="V92498" i="1"/>
  <c r="V92499" i="1"/>
  <c r="V92500" i="1"/>
  <c r="V92501" i="1"/>
  <c r="V92502" i="1"/>
  <c r="V92503" i="1"/>
  <c r="V92504" i="1"/>
  <c r="V92505" i="1"/>
  <c r="V92506" i="1"/>
  <c r="V92507" i="1"/>
  <c r="V92508" i="1"/>
  <c r="V92509" i="1"/>
  <c r="V92510" i="1"/>
  <c r="V92511" i="1"/>
  <c r="V92512" i="1"/>
  <c r="V92513" i="1"/>
  <c r="V92514" i="1"/>
  <c r="V92515" i="1"/>
  <c r="V92516" i="1"/>
  <c r="V92517" i="1"/>
  <c r="V92518" i="1"/>
  <c r="V92519" i="1"/>
  <c r="V92520" i="1"/>
  <c r="V92521" i="1"/>
  <c r="V92522" i="1"/>
  <c r="V92523" i="1"/>
  <c r="V92524" i="1"/>
  <c r="V92525" i="1"/>
  <c r="V92526" i="1"/>
  <c r="V92527" i="1"/>
  <c r="V92528" i="1"/>
  <c r="V92529" i="1"/>
  <c r="V92530" i="1"/>
  <c r="V92531" i="1"/>
  <c r="V92532" i="1"/>
  <c r="V92533" i="1"/>
  <c r="V92534" i="1"/>
  <c r="V92535" i="1"/>
  <c r="V92536" i="1"/>
  <c r="V92537" i="1"/>
  <c r="V92538" i="1"/>
  <c r="V92539" i="1"/>
  <c r="V92540" i="1"/>
  <c r="V92541" i="1"/>
  <c r="V92542" i="1"/>
  <c r="V92543" i="1"/>
  <c r="V92544" i="1"/>
  <c r="V92545" i="1"/>
  <c r="V92546" i="1"/>
  <c r="V92547" i="1"/>
  <c r="V92548" i="1"/>
  <c r="V92549" i="1"/>
  <c r="V92550" i="1"/>
  <c r="V92551" i="1"/>
  <c r="V92552" i="1"/>
  <c r="V92553" i="1"/>
  <c r="V92554" i="1"/>
  <c r="V92555" i="1"/>
  <c r="V92556" i="1"/>
  <c r="V92557" i="1"/>
  <c r="V92558" i="1"/>
  <c r="V92559" i="1"/>
  <c r="V92560" i="1"/>
  <c r="V92561" i="1"/>
  <c r="V92562" i="1"/>
  <c r="V92563" i="1"/>
  <c r="V92564" i="1"/>
  <c r="V92565" i="1"/>
  <c r="V92566" i="1"/>
  <c r="V92567" i="1"/>
  <c r="V92568" i="1"/>
  <c r="V92569" i="1"/>
  <c r="V92570" i="1"/>
  <c r="V92571" i="1"/>
  <c r="V92572" i="1"/>
  <c r="V92573" i="1"/>
  <c r="V92574" i="1"/>
  <c r="V92575" i="1"/>
  <c r="V92576" i="1"/>
  <c r="V92577" i="1"/>
  <c r="V92578" i="1"/>
  <c r="V92579" i="1"/>
  <c r="V92580" i="1"/>
  <c r="V92581" i="1"/>
  <c r="V92582" i="1"/>
  <c r="V92583" i="1"/>
  <c r="V92584" i="1"/>
  <c r="V92585" i="1"/>
  <c r="V92586" i="1"/>
  <c r="V92587" i="1"/>
  <c r="V92588" i="1"/>
  <c r="V92589" i="1"/>
  <c r="V92590" i="1"/>
  <c r="V92591" i="1"/>
  <c r="V92592" i="1"/>
  <c r="V92593" i="1"/>
  <c r="V92594" i="1"/>
  <c r="V92595" i="1"/>
  <c r="V92596" i="1"/>
  <c r="V92597" i="1"/>
  <c r="V92598" i="1"/>
  <c r="V92599" i="1"/>
  <c r="V92600" i="1"/>
  <c r="V92601" i="1"/>
  <c r="V92602" i="1"/>
  <c r="V92603" i="1"/>
  <c r="V92604" i="1"/>
  <c r="V92605" i="1"/>
  <c r="V92606" i="1"/>
  <c r="V92607" i="1"/>
  <c r="V92608" i="1"/>
  <c r="V92609" i="1"/>
  <c r="V92610" i="1"/>
  <c r="V92611" i="1"/>
  <c r="V92612" i="1"/>
  <c r="V92613" i="1"/>
  <c r="V92614" i="1"/>
  <c r="V92615" i="1"/>
  <c r="V92616" i="1"/>
  <c r="V92617" i="1"/>
  <c r="V92618" i="1"/>
  <c r="V92619" i="1"/>
  <c r="V92620" i="1"/>
  <c r="V92621" i="1"/>
  <c r="V92622" i="1"/>
  <c r="V92623" i="1"/>
  <c r="V92624" i="1"/>
  <c r="V92625" i="1"/>
  <c r="V92626" i="1"/>
  <c r="V92627" i="1"/>
  <c r="V92628" i="1"/>
  <c r="V92629" i="1"/>
  <c r="V92630" i="1"/>
  <c r="V92631" i="1"/>
  <c r="V92632" i="1"/>
  <c r="V92633" i="1"/>
  <c r="V92634" i="1"/>
  <c r="V92635" i="1"/>
  <c r="V92636" i="1"/>
  <c r="V92637" i="1"/>
  <c r="V92638" i="1"/>
  <c r="V92639" i="1"/>
  <c r="V92640" i="1"/>
  <c r="V92641" i="1"/>
  <c r="V92642" i="1"/>
  <c r="V92643" i="1"/>
  <c r="V92644" i="1"/>
  <c r="V92645" i="1"/>
  <c r="V92646" i="1"/>
  <c r="V92647" i="1"/>
  <c r="V92648" i="1"/>
  <c r="V92649" i="1"/>
  <c r="V92650" i="1"/>
  <c r="V92651" i="1"/>
  <c r="V92652" i="1"/>
  <c r="V92653" i="1"/>
  <c r="V92654" i="1"/>
  <c r="V92655" i="1"/>
  <c r="V92656" i="1"/>
  <c r="V92657" i="1"/>
  <c r="V92658" i="1"/>
  <c r="V92659" i="1"/>
  <c r="V92660" i="1"/>
  <c r="V92661" i="1"/>
  <c r="V92662" i="1"/>
  <c r="V92663" i="1"/>
  <c r="V92664" i="1"/>
  <c r="V92665" i="1"/>
  <c r="V92666" i="1"/>
  <c r="V92667" i="1"/>
  <c r="V92668" i="1"/>
  <c r="V92669" i="1"/>
  <c r="V92670" i="1"/>
  <c r="V92671" i="1"/>
  <c r="V92672" i="1"/>
  <c r="V92673" i="1"/>
  <c r="V92674" i="1"/>
  <c r="V92675" i="1"/>
  <c r="V92676" i="1"/>
  <c r="V92677" i="1"/>
  <c r="V92678" i="1"/>
  <c r="V92679" i="1"/>
  <c r="V92680" i="1"/>
  <c r="V92681" i="1"/>
  <c r="V92682" i="1"/>
  <c r="V92683" i="1"/>
  <c r="V92684" i="1"/>
  <c r="V92685" i="1"/>
  <c r="V92686" i="1"/>
  <c r="V92687" i="1"/>
  <c r="V92688" i="1"/>
  <c r="V92689" i="1"/>
  <c r="V92690" i="1"/>
  <c r="V92691" i="1"/>
  <c r="V92692" i="1"/>
  <c r="V92693" i="1"/>
  <c r="V92694" i="1"/>
  <c r="V92695" i="1"/>
  <c r="V92696" i="1"/>
  <c r="V92697" i="1"/>
  <c r="V92698" i="1"/>
  <c r="V92699" i="1"/>
  <c r="V92700" i="1"/>
  <c r="V92701" i="1"/>
  <c r="V92702" i="1"/>
  <c r="V92703" i="1"/>
  <c r="V92704" i="1"/>
  <c r="V92705" i="1"/>
  <c r="V92706" i="1"/>
  <c r="V92707" i="1"/>
  <c r="V92708" i="1"/>
  <c r="V92709" i="1"/>
  <c r="V92710" i="1"/>
  <c r="V92711" i="1"/>
  <c r="V92712" i="1"/>
  <c r="V92713" i="1"/>
  <c r="V92714" i="1"/>
  <c r="V92715" i="1"/>
  <c r="V92716" i="1"/>
  <c r="V92717" i="1"/>
  <c r="V92718" i="1"/>
  <c r="V92719" i="1"/>
  <c r="V92720" i="1"/>
  <c r="V92721" i="1"/>
  <c r="V92722" i="1"/>
  <c r="V92723" i="1"/>
  <c r="V92724" i="1"/>
  <c r="V92725" i="1"/>
  <c r="V92726" i="1"/>
  <c r="V92727" i="1"/>
  <c r="V92728" i="1"/>
  <c r="V92729" i="1"/>
  <c r="V92730" i="1"/>
  <c r="V92731" i="1"/>
  <c r="V92732" i="1"/>
  <c r="V92733" i="1"/>
  <c r="V92734" i="1"/>
  <c r="V92735" i="1"/>
  <c r="V92736" i="1"/>
  <c r="V92737" i="1"/>
  <c r="V92738" i="1"/>
  <c r="V92739" i="1"/>
  <c r="V92740" i="1"/>
  <c r="V92741" i="1"/>
  <c r="V92742" i="1"/>
  <c r="V92743" i="1"/>
  <c r="V92744" i="1"/>
  <c r="V92745" i="1"/>
  <c r="V92746" i="1"/>
  <c r="V92747" i="1"/>
  <c r="V92748" i="1"/>
  <c r="V92749" i="1"/>
  <c r="V92750" i="1"/>
  <c r="V92751" i="1"/>
  <c r="V92752" i="1"/>
  <c r="V92753" i="1"/>
  <c r="V92754" i="1"/>
  <c r="V92755" i="1"/>
  <c r="V92756" i="1"/>
  <c r="V92757" i="1"/>
  <c r="V92758" i="1"/>
  <c r="V92759" i="1"/>
  <c r="V92760" i="1"/>
  <c r="V92761" i="1"/>
  <c r="V92762" i="1"/>
  <c r="V92763" i="1"/>
  <c r="V92764" i="1"/>
  <c r="V92765" i="1"/>
  <c r="V92766" i="1"/>
  <c r="V92767" i="1"/>
  <c r="V92768" i="1"/>
  <c r="V92769" i="1"/>
  <c r="V92770" i="1"/>
  <c r="V92771" i="1"/>
  <c r="V92772" i="1"/>
  <c r="V92773" i="1"/>
  <c r="V92774" i="1"/>
  <c r="V92775" i="1"/>
  <c r="V92776" i="1"/>
  <c r="V92777" i="1"/>
  <c r="V92778" i="1"/>
  <c r="V92779" i="1"/>
  <c r="V92780" i="1"/>
  <c r="V92781" i="1"/>
  <c r="V92782" i="1"/>
  <c r="V92783" i="1"/>
  <c r="V92784" i="1"/>
  <c r="V92785" i="1"/>
  <c r="V92786" i="1"/>
  <c r="V92787" i="1"/>
  <c r="V92788" i="1"/>
  <c r="V92789" i="1"/>
  <c r="V92790" i="1"/>
  <c r="V92791" i="1"/>
  <c r="V92792" i="1"/>
  <c r="V92793" i="1"/>
  <c r="V92794" i="1"/>
  <c r="V92795" i="1"/>
  <c r="V92796" i="1"/>
  <c r="V92797" i="1"/>
  <c r="V92798" i="1"/>
  <c r="V92799" i="1"/>
  <c r="V92800" i="1"/>
  <c r="V92801" i="1"/>
  <c r="V92802" i="1"/>
  <c r="V92803" i="1"/>
  <c r="V92804" i="1"/>
  <c r="V92805" i="1"/>
  <c r="V92806" i="1"/>
  <c r="V92807" i="1"/>
  <c r="V92808" i="1"/>
  <c r="V92809" i="1"/>
  <c r="V92810" i="1"/>
  <c r="V92811" i="1"/>
  <c r="V92812" i="1"/>
  <c r="V92813" i="1"/>
  <c r="V92814" i="1"/>
  <c r="V92815" i="1"/>
  <c r="V92816" i="1"/>
  <c r="V92817" i="1"/>
  <c r="V92818" i="1"/>
  <c r="V92819" i="1"/>
  <c r="V92820" i="1"/>
  <c r="V92821" i="1"/>
  <c r="V92822" i="1"/>
  <c r="V92823" i="1"/>
  <c r="V92824" i="1"/>
  <c r="V92825" i="1"/>
  <c r="V92826" i="1"/>
  <c r="V92827" i="1"/>
  <c r="V92828" i="1"/>
  <c r="V92829" i="1"/>
  <c r="V92830" i="1"/>
  <c r="V92831" i="1"/>
  <c r="V92832" i="1"/>
  <c r="V92833" i="1"/>
  <c r="V92834" i="1"/>
  <c r="V92835" i="1"/>
  <c r="V92836" i="1"/>
  <c r="V92837" i="1"/>
  <c r="V92838" i="1"/>
  <c r="V92839" i="1"/>
  <c r="V92840" i="1"/>
  <c r="V92841" i="1"/>
  <c r="V92842" i="1"/>
  <c r="V92843" i="1"/>
  <c r="V92844" i="1"/>
  <c r="V92845" i="1"/>
  <c r="V92846" i="1"/>
  <c r="V92847" i="1"/>
  <c r="V92848" i="1"/>
  <c r="V92849" i="1"/>
  <c r="V92850" i="1"/>
  <c r="V92851" i="1"/>
  <c r="V92852" i="1"/>
  <c r="V92853" i="1"/>
  <c r="V92854" i="1"/>
  <c r="V92855" i="1"/>
  <c r="V92856" i="1"/>
  <c r="V92857" i="1"/>
  <c r="V92858" i="1"/>
  <c r="V92859" i="1"/>
  <c r="V92860" i="1"/>
  <c r="V92861" i="1"/>
  <c r="V92862" i="1"/>
  <c r="V92863" i="1"/>
  <c r="V92864" i="1"/>
  <c r="V92865" i="1"/>
  <c r="V92866" i="1"/>
  <c r="V92867" i="1"/>
  <c r="V92868" i="1"/>
  <c r="V92869" i="1"/>
  <c r="V92870" i="1"/>
  <c r="V92871" i="1"/>
  <c r="V92872" i="1"/>
  <c r="V92873" i="1"/>
  <c r="V92874" i="1"/>
  <c r="V92875" i="1"/>
  <c r="V92876" i="1"/>
  <c r="V92877" i="1"/>
  <c r="V92878" i="1"/>
  <c r="V92879" i="1"/>
  <c r="V92880" i="1"/>
  <c r="V92881" i="1"/>
  <c r="V92882" i="1"/>
  <c r="V92883" i="1"/>
  <c r="V92884" i="1"/>
  <c r="V92885" i="1"/>
  <c r="V92886" i="1"/>
  <c r="V92887" i="1"/>
  <c r="V92888" i="1"/>
  <c r="V92889" i="1"/>
  <c r="V92890" i="1"/>
  <c r="V92891" i="1"/>
  <c r="V92892" i="1"/>
  <c r="V92893" i="1"/>
  <c r="V92894" i="1"/>
  <c r="V92895" i="1"/>
  <c r="V92896" i="1"/>
  <c r="V92897" i="1"/>
  <c r="V92898" i="1"/>
  <c r="V92899" i="1"/>
  <c r="V92900" i="1"/>
  <c r="V92901" i="1"/>
  <c r="V92902" i="1"/>
  <c r="V92903" i="1"/>
  <c r="V92904" i="1"/>
  <c r="V92905" i="1"/>
  <c r="V92906" i="1"/>
  <c r="V92907" i="1"/>
  <c r="V92908" i="1"/>
  <c r="V92909" i="1"/>
  <c r="V92910" i="1"/>
  <c r="V92911" i="1"/>
  <c r="V92912" i="1"/>
  <c r="V92913" i="1"/>
  <c r="V92914" i="1"/>
  <c r="V92915" i="1"/>
  <c r="V92916" i="1"/>
  <c r="V92917" i="1"/>
  <c r="V92918" i="1"/>
  <c r="V92919" i="1"/>
  <c r="V92920" i="1"/>
  <c r="V92921" i="1"/>
  <c r="V92922" i="1"/>
  <c r="V92923" i="1"/>
  <c r="V92924" i="1"/>
  <c r="V92925" i="1"/>
  <c r="V92926" i="1"/>
  <c r="V92927" i="1"/>
  <c r="V92928" i="1"/>
  <c r="V92929" i="1"/>
  <c r="V92930" i="1"/>
  <c r="V92931" i="1"/>
  <c r="V92932" i="1"/>
  <c r="V92933" i="1"/>
  <c r="V92934" i="1"/>
  <c r="V92935" i="1"/>
  <c r="V92936" i="1"/>
  <c r="V92937" i="1"/>
  <c r="V92938" i="1"/>
  <c r="V92939" i="1"/>
  <c r="V92940" i="1"/>
  <c r="V92941" i="1"/>
  <c r="V92942" i="1"/>
  <c r="V92943" i="1"/>
  <c r="V92944" i="1"/>
  <c r="V92945" i="1"/>
  <c r="V92946" i="1"/>
  <c r="V92947" i="1"/>
  <c r="V92948" i="1"/>
  <c r="V92949" i="1"/>
  <c r="V92950" i="1"/>
  <c r="V92951" i="1"/>
  <c r="V92952" i="1"/>
  <c r="V92953" i="1"/>
  <c r="V92954" i="1"/>
  <c r="V92955" i="1"/>
  <c r="V92956" i="1"/>
  <c r="V92957" i="1"/>
  <c r="V92958" i="1"/>
  <c r="V92959" i="1"/>
  <c r="V92960" i="1"/>
  <c r="V92961" i="1"/>
  <c r="V92962" i="1"/>
  <c r="V92963" i="1"/>
  <c r="V92964" i="1"/>
  <c r="V92965" i="1"/>
  <c r="V92966" i="1"/>
  <c r="V92967" i="1"/>
  <c r="V92968" i="1"/>
  <c r="V92969" i="1"/>
  <c r="V92970" i="1"/>
  <c r="V92971" i="1"/>
  <c r="V92972" i="1"/>
  <c r="V92973" i="1"/>
  <c r="V92974" i="1"/>
  <c r="V92975" i="1"/>
  <c r="V92976" i="1"/>
  <c r="V92977" i="1"/>
  <c r="V92978" i="1"/>
  <c r="V92979" i="1"/>
  <c r="V92980" i="1"/>
  <c r="V92981" i="1"/>
  <c r="V92982" i="1"/>
  <c r="V92983" i="1"/>
  <c r="V92984" i="1"/>
  <c r="V92985" i="1"/>
  <c r="V92986" i="1"/>
  <c r="V92987" i="1"/>
  <c r="V92988" i="1"/>
  <c r="V92989" i="1"/>
  <c r="V92990" i="1"/>
  <c r="V92991" i="1"/>
  <c r="V92992" i="1"/>
  <c r="V92993" i="1"/>
  <c r="V92994" i="1"/>
  <c r="V92995" i="1"/>
  <c r="V92996" i="1"/>
  <c r="V92997" i="1"/>
  <c r="V92998" i="1"/>
  <c r="V92999" i="1"/>
  <c r="V93000" i="1"/>
  <c r="V93001" i="1"/>
  <c r="V93002" i="1"/>
  <c r="V93003" i="1"/>
  <c r="V93004" i="1"/>
  <c r="V93005" i="1"/>
  <c r="V93006" i="1"/>
  <c r="V93007" i="1"/>
  <c r="V93008" i="1"/>
  <c r="V93009" i="1"/>
  <c r="V93010" i="1"/>
  <c r="V93011" i="1"/>
  <c r="V93012" i="1"/>
  <c r="V93013" i="1"/>
  <c r="V93014" i="1"/>
  <c r="V93015" i="1"/>
  <c r="V93016" i="1"/>
  <c r="V93017" i="1"/>
  <c r="V93018" i="1"/>
  <c r="V93019" i="1"/>
  <c r="V93020" i="1"/>
  <c r="V93021" i="1"/>
  <c r="V93022" i="1"/>
  <c r="V93023" i="1"/>
  <c r="V93024" i="1"/>
  <c r="V93025" i="1"/>
  <c r="V93026" i="1"/>
  <c r="V93027" i="1"/>
  <c r="V93028" i="1"/>
  <c r="V93029" i="1"/>
  <c r="V93030" i="1"/>
  <c r="V93031" i="1"/>
  <c r="V93032" i="1"/>
  <c r="V93033" i="1"/>
  <c r="V93034" i="1"/>
  <c r="V93035" i="1"/>
  <c r="V93036" i="1"/>
  <c r="V93037" i="1"/>
  <c r="V93038" i="1"/>
  <c r="V93039" i="1"/>
  <c r="V93040" i="1"/>
  <c r="V93041" i="1"/>
  <c r="V93042" i="1"/>
  <c r="V93043" i="1"/>
  <c r="V93044" i="1"/>
  <c r="V93045" i="1"/>
  <c r="V93046" i="1"/>
  <c r="V93047" i="1"/>
  <c r="V93048" i="1"/>
  <c r="V93049" i="1"/>
  <c r="V93050" i="1"/>
  <c r="V93051" i="1"/>
  <c r="V93052" i="1"/>
  <c r="V93053" i="1"/>
  <c r="V93054" i="1"/>
  <c r="V93055" i="1"/>
  <c r="V93056" i="1"/>
  <c r="V93057" i="1"/>
  <c r="V93058" i="1"/>
  <c r="V93059" i="1"/>
  <c r="V93060" i="1"/>
  <c r="V93061" i="1"/>
  <c r="V93062" i="1"/>
  <c r="V93063" i="1"/>
  <c r="V93064" i="1"/>
  <c r="V93065" i="1"/>
  <c r="V93066" i="1"/>
  <c r="V93067" i="1"/>
  <c r="V93068" i="1"/>
  <c r="V93069" i="1"/>
  <c r="V93070" i="1"/>
  <c r="V93071" i="1"/>
  <c r="V93072" i="1"/>
  <c r="V93073" i="1"/>
  <c r="V93074" i="1"/>
  <c r="V93075" i="1"/>
  <c r="V93076" i="1"/>
  <c r="V93077" i="1"/>
  <c r="V93078" i="1"/>
  <c r="V93079" i="1"/>
  <c r="V93080" i="1"/>
  <c r="V93081" i="1"/>
  <c r="V93082" i="1"/>
  <c r="V93083" i="1"/>
  <c r="V93084" i="1"/>
  <c r="V93085" i="1"/>
  <c r="V93086" i="1"/>
  <c r="V93087" i="1"/>
  <c r="V93088" i="1"/>
  <c r="V93089" i="1"/>
  <c r="V93090" i="1"/>
  <c r="V93091" i="1"/>
  <c r="V93092" i="1"/>
  <c r="V93093" i="1"/>
  <c r="V93094" i="1"/>
  <c r="V93095" i="1"/>
  <c r="V93096" i="1"/>
  <c r="V93097" i="1"/>
  <c r="V93098" i="1"/>
  <c r="V93099" i="1"/>
  <c r="V93100" i="1"/>
  <c r="V93101" i="1"/>
  <c r="V93102" i="1"/>
  <c r="V93103" i="1"/>
  <c r="V93104" i="1"/>
  <c r="V93105" i="1"/>
  <c r="V93106" i="1"/>
  <c r="V93107" i="1"/>
  <c r="V93108" i="1"/>
  <c r="V93109" i="1"/>
  <c r="V93110" i="1"/>
  <c r="V93111" i="1"/>
  <c r="V93112" i="1"/>
  <c r="V93113" i="1"/>
  <c r="V93114" i="1"/>
  <c r="V93115" i="1"/>
  <c r="V93116" i="1"/>
  <c r="V93117" i="1"/>
  <c r="V93118" i="1"/>
  <c r="V93119" i="1"/>
  <c r="V93120" i="1"/>
  <c r="V93121" i="1"/>
  <c r="V93122" i="1"/>
  <c r="V93123" i="1"/>
  <c r="V93124" i="1"/>
  <c r="V93125" i="1"/>
  <c r="V93126" i="1"/>
  <c r="V93127" i="1"/>
  <c r="V93128" i="1"/>
  <c r="V93129" i="1"/>
  <c r="V93130" i="1"/>
  <c r="V93131" i="1"/>
  <c r="V93132" i="1"/>
  <c r="V93133" i="1"/>
  <c r="V93134" i="1"/>
  <c r="V93135" i="1"/>
  <c r="V93136" i="1"/>
  <c r="V93137" i="1"/>
  <c r="V93138" i="1"/>
  <c r="V93139" i="1"/>
  <c r="V93140" i="1"/>
  <c r="V93141" i="1"/>
  <c r="V93142" i="1"/>
  <c r="V93143" i="1"/>
  <c r="V93144" i="1"/>
  <c r="V93145" i="1"/>
  <c r="V93146" i="1"/>
  <c r="V93147" i="1"/>
  <c r="V93148" i="1"/>
  <c r="V93149" i="1"/>
  <c r="V93150" i="1"/>
  <c r="V93151" i="1"/>
  <c r="V93152" i="1"/>
  <c r="V93153" i="1"/>
  <c r="V93154" i="1"/>
  <c r="V93155" i="1"/>
  <c r="V93156" i="1"/>
  <c r="V93157" i="1"/>
  <c r="V93158" i="1"/>
  <c r="V93159" i="1"/>
  <c r="V93160" i="1"/>
  <c r="V93161" i="1"/>
  <c r="V93162" i="1"/>
  <c r="V93163" i="1"/>
  <c r="V93164" i="1"/>
  <c r="V93165" i="1"/>
  <c r="V93166" i="1"/>
  <c r="V93167" i="1"/>
  <c r="V93168" i="1"/>
  <c r="V93169" i="1"/>
  <c r="V93170" i="1"/>
  <c r="V93171" i="1"/>
  <c r="V93172" i="1"/>
  <c r="V93173" i="1"/>
  <c r="V93174" i="1"/>
  <c r="V93175" i="1"/>
  <c r="V93176" i="1"/>
  <c r="V93177" i="1"/>
  <c r="V93178" i="1"/>
  <c r="V93179" i="1"/>
  <c r="V93180" i="1"/>
  <c r="V93181" i="1"/>
  <c r="V93182" i="1"/>
  <c r="V93183" i="1"/>
  <c r="V93184" i="1"/>
  <c r="V93185" i="1"/>
  <c r="V93186" i="1"/>
  <c r="V93187" i="1"/>
  <c r="V93188" i="1"/>
  <c r="V93189" i="1"/>
  <c r="V93190" i="1"/>
  <c r="V93191" i="1"/>
  <c r="V93192" i="1"/>
  <c r="V93193" i="1"/>
  <c r="V93194" i="1"/>
  <c r="V93195" i="1"/>
  <c r="V93196" i="1"/>
  <c r="V93197" i="1"/>
  <c r="V93198" i="1"/>
  <c r="V93199" i="1"/>
  <c r="V93200" i="1"/>
  <c r="V93201" i="1"/>
  <c r="V93202" i="1"/>
  <c r="V93203" i="1"/>
  <c r="V93204" i="1"/>
  <c r="V93205" i="1"/>
  <c r="V93206" i="1"/>
  <c r="V93207" i="1"/>
  <c r="V93208" i="1"/>
  <c r="V93209" i="1"/>
  <c r="V93210" i="1"/>
  <c r="V93211" i="1"/>
  <c r="V93212" i="1"/>
  <c r="V93213" i="1"/>
  <c r="V93214" i="1"/>
  <c r="V93215" i="1"/>
  <c r="V93216" i="1"/>
  <c r="V93217" i="1"/>
  <c r="V93218" i="1"/>
  <c r="V93219" i="1"/>
  <c r="V93220" i="1"/>
  <c r="V93221" i="1"/>
  <c r="V93222" i="1"/>
  <c r="V93223" i="1"/>
  <c r="V93224" i="1"/>
  <c r="V93225" i="1"/>
  <c r="V93226" i="1"/>
  <c r="V93227" i="1"/>
  <c r="V93228" i="1"/>
  <c r="V93229" i="1"/>
  <c r="V93230" i="1"/>
  <c r="V93231" i="1"/>
  <c r="V93232" i="1"/>
  <c r="V93233" i="1"/>
  <c r="V93234" i="1"/>
  <c r="V93235" i="1"/>
  <c r="V93236" i="1"/>
  <c r="V93237" i="1"/>
  <c r="V93238" i="1"/>
  <c r="V93239" i="1"/>
  <c r="V93240" i="1"/>
  <c r="V93241" i="1"/>
  <c r="V93242" i="1"/>
  <c r="V93243" i="1"/>
  <c r="V93244" i="1"/>
  <c r="V93245" i="1"/>
  <c r="V93246" i="1"/>
  <c r="V93247" i="1"/>
  <c r="V93248" i="1"/>
  <c r="V93249" i="1"/>
  <c r="V93250" i="1"/>
  <c r="V93251" i="1"/>
  <c r="V93252" i="1"/>
  <c r="V93253" i="1"/>
  <c r="V93254" i="1"/>
  <c r="V93255" i="1"/>
  <c r="V93256" i="1"/>
  <c r="V93257" i="1"/>
  <c r="V93258" i="1"/>
  <c r="V93259" i="1"/>
  <c r="V93260" i="1"/>
  <c r="V93261" i="1"/>
  <c r="V93262" i="1"/>
  <c r="V93263" i="1"/>
  <c r="V93264" i="1"/>
  <c r="V93265" i="1"/>
  <c r="V93266" i="1"/>
  <c r="V93267" i="1"/>
  <c r="V93268" i="1"/>
  <c r="V93269" i="1"/>
  <c r="V93270" i="1"/>
  <c r="V93271" i="1"/>
  <c r="V93272" i="1"/>
  <c r="V93273" i="1"/>
  <c r="V93274" i="1"/>
  <c r="V93275" i="1"/>
  <c r="V93276" i="1"/>
  <c r="V93277" i="1"/>
  <c r="V93278" i="1"/>
  <c r="V93279" i="1"/>
  <c r="V93280" i="1"/>
  <c r="V93281" i="1"/>
  <c r="V93282" i="1"/>
  <c r="V93283" i="1"/>
  <c r="V93284" i="1"/>
  <c r="V93285" i="1"/>
  <c r="V93286" i="1"/>
  <c r="V93287" i="1"/>
  <c r="V93288" i="1"/>
  <c r="V93289" i="1"/>
  <c r="V93290" i="1"/>
  <c r="V93291" i="1"/>
  <c r="V93292" i="1"/>
  <c r="V93293" i="1"/>
  <c r="V93294" i="1"/>
  <c r="V93295" i="1"/>
  <c r="V93296" i="1"/>
  <c r="V93297" i="1"/>
  <c r="V93298" i="1"/>
  <c r="V93299" i="1"/>
  <c r="V93300" i="1"/>
  <c r="V93301" i="1"/>
  <c r="V93302" i="1"/>
  <c r="V93303" i="1"/>
  <c r="V93304" i="1"/>
  <c r="V93305" i="1"/>
  <c r="V93306" i="1"/>
  <c r="V93307" i="1"/>
  <c r="V93308" i="1"/>
  <c r="V93309" i="1"/>
  <c r="V93310" i="1"/>
  <c r="V93311" i="1"/>
  <c r="V93312" i="1"/>
  <c r="V93313" i="1"/>
  <c r="V93314" i="1"/>
  <c r="V93315" i="1"/>
  <c r="V93316" i="1"/>
  <c r="V93317" i="1"/>
  <c r="V93318" i="1"/>
  <c r="V93319" i="1"/>
  <c r="V93320" i="1"/>
  <c r="V93321" i="1"/>
  <c r="V93322" i="1"/>
  <c r="V93323" i="1"/>
  <c r="V93324" i="1"/>
  <c r="V93325" i="1"/>
  <c r="V93326" i="1"/>
  <c r="V93327" i="1"/>
  <c r="V93328" i="1"/>
  <c r="V93329" i="1"/>
  <c r="V93330" i="1"/>
  <c r="V93331" i="1"/>
  <c r="V93332" i="1"/>
  <c r="V93333" i="1"/>
  <c r="V93334" i="1"/>
  <c r="V93335" i="1"/>
  <c r="V93336" i="1"/>
  <c r="V93337" i="1"/>
  <c r="V93338" i="1"/>
  <c r="V93339" i="1"/>
  <c r="V93340" i="1"/>
  <c r="V93341" i="1"/>
  <c r="V93342" i="1"/>
  <c r="V93343" i="1"/>
  <c r="V93344" i="1"/>
  <c r="V93345" i="1"/>
  <c r="V93346" i="1"/>
  <c r="V93347" i="1"/>
  <c r="V93348" i="1"/>
  <c r="V93349" i="1"/>
  <c r="V93350" i="1"/>
  <c r="V93351" i="1"/>
  <c r="V93352" i="1"/>
  <c r="V93353" i="1"/>
  <c r="V93354" i="1"/>
  <c r="V93355" i="1"/>
  <c r="V93356" i="1"/>
  <c r="V93357" i="1"/>
  <c r="V93358" i="1"/>
  <c r="V93359" i="1"/>
  <c r="V93360" i="1"/>
  <c r="V93361" i="1"/>
  <c r="V93362" i="1"/>
  <c r="V93363" i="1"/>
  <c r="V93364" i="1"/>
  <c r="V93365" i="1"/>
  <c r="V93366" i="1"/>
  <c r="V93367" i="1"/>
  <c r="V93368" i="1"/>
  <c r="V93369" i="1"/>
  <c r="V93370" i="1"/>
  <c r="V93371" i="1"/>
  <c r="V93372" i="1"/>
  <c r="V93373" i="1"/>
  <c r="V93374" i="1"/>
  <c r="V93375" i="1"/>
  <c r="V93376" i="1"/>
  <c r="V93377" i="1"/>
  <c r="V93378" i="1"/>
  <c r="V93379" i="1"/>
  <c r="V93380" i="1"/>
  <c r="V93381" i="1"/>
  <c r="V93382" i="1"/>
  <c r="V93383" i="1"/>
  <c r="V93384" i="1"/>
  <c r="V93385" i="1"/>
  <c r="V93386" i="1"/>
  <c r="V93387" i="1"/>
  <c r="V93388" i="1"/>
  <c r="V93389" i="1"/>
  <c r="V93390" i="1"/>
  <c r="V93391" i="1"/>
  <c r="V93392" i="1"/>
  <c r="V93393" i="1"/>
  <c r="V93394" i="1"/>
  <c r="V93395" i="1"/>
  <c r="V93396" i="1"/>
  <c r="V93397" i="1"/>
  <c r="V93398" i="1"/>
  <c r="V93399" i="1"/>
  <c r="V93400" i="1"/>
  <c r="V93401" i="1"/>
  <c r="V93402" i="1"/>
  <c r="V93403" i="1"/>
  <c r="V93404" i="1"/>
  <c r="V93405" i="1"/>
  <c r="V93406" i="1"/>
  <c r="V93407" i="1"/>
  <c r="V93408" i="1"/>
  <c r="V93409" i="1"/>
  <c r="V93410" i="1"/>
  <c r="V93411" i="1"/>
  <c r="V93412" i="1"/>
  <c r="V93413" i="1"/>
  <c r="V93414" i="1"/>
  <c r="V93415" i="1"/>
  <c r="V93416" i="1"/>
  <c r="V93417" i="1"/>
  <c r="V93418" i="1"/>
  <c r="V93419" i="1"/>
  <c r="V93420" i="1"/>
  <c r="V93421" i="1"/>
  <c r="V93422" i="1"/>
  <c r="V93423" i="1"/>
  <c r="V93424" i="1"/>
  <c r="V93425" i="1"/>
  <c r="V93426" i="1"/>
  <c r="V93427" i="1"/>
  <c r="V93428" i="1"/>
  <c r="V93429" i="1"/>
  <c r="V93430" i="1"/>
  <c r="V93431" i="1"/>
  <c r="V93432" i="1"/>
  <c r="V93433" i="1"/>
  <c r="V93434" i="1"/>
  <c r="V93435" i="1"/>
  <c r="V93436" i="1"/>
  <c r="V93437" i="1"/>
  <c r="V93438" i="1"/>
  <c r="V93439" i="1"/>
  <c r="V93440" i="1"/>
  <c r="V93441" i="1"/>
  <c r="V93442" i="1"/>
  <c r="V93443" i="1"/>
  <c r="V93444" i="1"/>
  <c r="V93445" i="1"/>
  <c r="V93446" i="1"/>
  <c r="V93447" i="1"/>
  <c r="V93448" i="1"/>
  <c r="V93449" i="1"/>
  <c r="V93450" i="1"/>
  <c r="V93451" i="1"/>
  <c r="V93452" i="1"/>
  <c r="V93453" i="1"/>
  <c r="V93454" i="1"/>
  <c r="V93455" i="1"/>
  <c r="V93456" i="1"/>
  <c r="V93457" i="1"/>
  <c r="V93458" i="1"/>
  <c r="V93459" i="1"/>
  <c r="V93460" i="1"/>
  <c r="V93461" i="1"/>
  <c r="V93462" i="1"/>
  <c r="V93463" i="1"/>
  <c r="V93464" i="1"/>
  <c r="V93465" i="1"/>
  <c r="V93466" i="1"/>
  <c r="V93467" i="1"/>
  <c r="V93468" i="1"/>
  <c r="V93469" i="1"/>
  <c r="V93470" i="1"/>
  <c r="V93471" i="1"/>
  <c r="V93472" i="1"/>
  <c r="V93473" i="1"/>
  <c r="V93474" i="1"/>
  <c r="V93475" i="1"/>
  <c r="V93476" i="1"/>
  <c r="V93477" i="1"/>
  <c r="V93478" i="1"/>
  <c r="V93479" i="1"/>
  <c r="V93480" i="1"/>
  <c r="V93481" i="1"/>
  <c r="V93482" i="1"/>
  <c r="V93483" i="1"/>
  <c r="V93484" i="1"/>
  <c r="V93485" i="1"/>
  <c r="V93486" i="1"/>
  <c r="V93487" i="1"/>
  <c r="V93488" i="1"/>
  <c r="V93489" i="1"/>
  <c r="V93490" i="1"/>
  <c r="V93491" i="1"/>
  <c r="V93492" i="1"/>
  <c r="V93493" i="1"/>
  <c r="V93494" i="1"/>
  <c r="V93495" i="1"/>
  <c r="V93496" i="1"/>
  <c r="V93497" i="1"/>
  <c r="V93498" i="1"/>
  <c r="V93499" i="1"/>
  <c r="V93500" i="1"/>
  <c r="V93501" i="1"/>
  <c r="V93502" i="1"/>
  <c r="V93503" i="1"/>
  <c r="V93504" i="1"/>
  <c r="V93505" i="1"/>
  <c r="V93506" i="1"/>
  <c r="V93507" i="1"/>
  <c r="V93508" i="1"/>
  <c r="V93509" i="1"/>
  <c r="V93510" i="1"/>
  <c r="V93511" i="1"/>
  <c r="V93512" i="1"/>
  <c r="V93513" i="1"/>
  <c r="V93514" i="1"/>
  <c r="V93515" i="1"/>
  <c r="V93516" i="1"/>
  <c r="V93517" i="1"/>
  <c r="V93518" i="1"/>
  <c r="V93519" i="1"/>
  <c r="V93520" i="1"/>
  <c r="V93521" i="1"/>
  <c r="V93522" i="1"/>
  <c r="V93523" i="1"/>
  <c r="V93524" i="1"/>
  <c r="V93525" i="1"/>
  <c r="V93526" i="1"/>
  <c r="V93527" i="1"/>
  <c r="V93528" i="1"/>
  <c r="V93529" i="1"/>
  <c r="V93530" i="1"/>
  <c r="V93531" i="1"/>
  <c r="V93532" i="1"/>
  <c r="V93533" i="1"/>
  <c r="V93534" i="1"/>
  <c r="V93535" i="1"/>
  <c r="V93536" i="1"/>
  <c r="V93537" i="1"/>
  <c r="V93538" i="1"/>
  <c r="V93539" i="1"/>
  <c r="V93540" i="1"/>
  <c r="V93541" i="1"/>
  <c r="V93542" i="1"/>
  <c r="V93543" i="1"/>
  <c r="V93544" i="1"/>
  <c r="V93545" i="1"/>
  <c r="V93546" i="1"/>
  <c r="V93547" i="1"/>
  <c r="V93548" i="1"/>
  <c r="V93549" i="1"/>
  <c r="V93550" i="1"/>
  <c r="V93551" i="1"/>
  <c r="V93552" i="1"/>
  <c r="V93553" i="1"/>
  <c r="V93554" i="1"/>
  <c r="V93555" i="1"/>
  <c r="V93556" i="1"/>
  <c r="V93557" i="1"/>
  <c r="V93558" i="1"/>
  <c r="V93559" i="1"/>
  <c r="V93560" i="1"/>
  <c r="V93561" i="1"/>
  <c r="V93562" i="1"/>
  <c r="V93563" i="1"/>
  <c r="V93564" i="1"/>
  <c r="V93565" i="1"/>
  <c r="V93566" i="1"/>
  <c r="V93567" i="1"/>
  <c r="V93568" i="1"/>
  <c r="V93569" i="1"/>
  <c r="V93570" i="1"/>
  <c r="V93571" i="1"/>
  <c r="V93572" i="1"/>
  <c r="V93573" i="1"/>
  <c r="V93574" i="1"/>
  <c r="V93575" i="1"/>
  <c r="V93576" i="1"/>
  <c r="V93577" i="1"/>
  <c r="V93578" i="1"/>
  <c r="V93579" i="1"/>
  <c r="V93580" i="1"/>
  <c r="V93581" i="1"/>
  <c r="V93582" i="1"/>
  <c r="V93583" i="1"/>
  <c r="V93584" i="1"/>
  <c r="V93585" i="1"/>
  <c r="V93586" i="1"/>
  <c r="V93587" i="1"/>
  <c r="V93588" i="1"/>
  <c r="V93589" i="1"/>
  <c r="V93590" i="1"/>
  <c r="V93591" i="1"/>
  <c r="V93592" i="1"/>
  <c r="V93593" i="1"/>
  <c r="V93594" i="1"/>
  <c r="V93595" i="1"/>
  <c r="V93596" i="1"/>
  <c r="V93597" i="1"/>
  <c r="V93598" i="1"/>
  <c r="V93599" i="1"/>
  <c r="V93600" i="1"/>
  <c r="V93601" i="1"/>
  <c r="V93602" i="1"/>
  <c r="V93603" i="1"/>
  <c r="V93604" i="1"/>
  <c r="V93605" i="1"/>
  <c r="V93606" i="1"/>
  <c r="V93607" i="1"/>
  <c r="V93608" i="1"/>
  <c r="V93609" i="1"/>
  <c r="V93610" i="1"/>
  <c r="V93611" i="1"/>
  <c r="V93612" i="1"/>
  <c r="V93613" i="1"/>
  <c r="V93614" i="1"/>
  <c r="V93615" i="1"/>
  <c r="V93616" i="1"/>
  <c r="V93617" i="1"/>
  <c r="V93618" i="1"/>
  <c r="V93619" i="1"/>
  <c r="V93620" i="1"/>
  <c r="V93621" i="1"/>
  <c r="V93622" i="1"/>
  <c r="V93623" i="1"/>
  <c r="V93624" i="1"/>
  <c r="V93625" i="1"/>
  <c r="V93626" i="1"/>
  <c r="V93627" i="1"/>
  <c r="V93628" i="1"/>
  <c r="V93629" i="1"/>
  <c r="V93630" i="1"/>
  <c r="V93631" i="1"/>
  <c r="V93632" i="1"/>
  <c r="V93633" i="1"/>
  <c r="V93634" i="1"/>
  <c r="V93635" i="1"/>
  <c r="V93636" i="1"/>
  <c r="V93637" i="1"/>
  <c r="V93638" i="1"/>
  <c r="V93639" i="1"/>
  <c r="V93640" i="1"/>
  <c r="V93641" i="1"/>
  <c r="V93642" i="1"/>
  <c r="V93643" i="1"/>
  <c r="V93644" i="1"/>
  <c r="V93645" i="1"/>
  <c r="V93646" i="1"/>
  <c r="V93647" i="1"/>
  <c r="V93648" i="1"/>
  <c r="V93649" i="1"/>
  <c r="V93650" i="1"/>
  <c r="V93651" i="1"/>
  <c r="V93652" i="1"/>
  <c r="V93653" i="1"/>
  <c r="V93654" i="1"/>
  <c r="V93655" i="1"/>
  <c r="V93656" i="1"/>
  <c r="V93657" i="1"/>
  <c r="V93658" i="1"/>
  <c r="V93659" i="1"/>
  <c r="V93660" i="1"/>
  <c r="V93661" i="1"/>
  <c r="V93662" i="1"/>
  <c r="V93663" i="1"/>
  <c r="V93664" i="1"/>
  <c r="V93665" i="1"/>
  <c r="V93666" i="1"/>
  <c r="V93667" i="1"/>
  <c r="V93668" i="1"/>
  <c r="V93669" i="1"/>
  <c r="V93670" i="1"/>
  <c r="V93671" i="1"/>
  <c r="V93672" i="1"/>
  <c r="V93673" i="1"/>
  <c r="V93674" i="1"/>
  <c r="V93675" i="1"/>
  <c r="V93676" i="1"/>
  <c r="V93677" i="1"/>
  <c r="V93678" i="1"/>
  <c r="V93679" i="1"/>
  <c r="V93680" i="1"/>
  <c r="V93681" i="1"/>
  <c r="V93682" i="1"/>
  <c r="V93683" i="1"/>
  <c r="V93684" i="1"/>
  <c r="V93685" i="1"/>
  <c r="V93686" i="1"/>
  <c r="V93687" i="1"/>
  <c r="V93688" i="1"/>
  <c r="V93689" i="1"/>
  <c r="V93690" i="1"/>
  <c r="V93691" i="1"/>
  <c r="V93692" i="1"/>
  <c r="V93693" i="1"/>
  <c r="V93694" i="1"/>
  <c r="V93695" i="1"/>
  <c r="V93696" i="1"/>
  <c r="V93697" i="1"/>
  <c r="V93698" i="1"/>
  <c r="V93699" i="1"/>
  <c r="V93700" i="1"/>
  <c r="V93701" i="1"/>
  <c r="V93702" i="1"/>
  <c r="V93703" i="1"/>
  <c r="V93704" i="1"/>
  <c r="V93705" i="1"/>
  <c r="V93706" i="1"/>
  <c r="V93707" i="1"/>
  <c r="V93708" i="1"/>
  <c r="V93709" i="1"/>
  <c r="V93710" i="1"/>
  <c r="V93711" i="1"/>
  <c r="V93712" i="1"/>
  <c r="V93713" i="1"/>
  <c r="V93714" i="1"/>
  <c r="V93715" i="1"/>
  <c r="V93716" i="1"/>
  <c r="V93717" i="1"/>
  <c r="V93718" i="1"/>
  <c r="V93719" i="1"/>
  <c r="V93720" i="1"/>
  <c r="V93721" i="1"/>
  <c r="V93722" i="1"/>
  <c r="V93723" i="1"/>
  <c r="V93724" i="1"/>
  <c r="V93725" i="1"/>
  <c r="V93726" i="1"/>
  <c r="V93727" i="1"/>
  <c r="V93728" i="1"/>
  <c r="V93729" i="1"/>
  <c r="V93730" i="1"/>
  <c r="V93731" i="1"/>
  <c r="V93732" i="1"/>
  <c r="V93733" i="1"/>
  <c r="V93734" i="1"/>
  <c r="V93735" i="1"/>
  <c r="V93736" i="1"/>
  <c r="V93737" i="1"/>
  <c r="V93738" i="1"/>
  <c r="V93739" i="1"/>
  <c r="V93740" i="1"/>
  <c r="V93741" i="1"/>
  <c r="V93742" i="1"/>
  <c r="V93743" i="1"/>
  <c r="V93744" i="1"/>
  <c r="V93745" i="1"/>
  <c r="V93746" i="1"/>
  <c r="V93747" i="1"/>
  <c r="V93748" i="1"/>
  <c r="V93749" i="1"/>
  <c r="V93750" i="1"/>
  <c r="V93751" i="1"/>
  <c r="V93752" i="1"/>
  <c r="V93753" i="1"/>
  <c r="V93754" i="1"/>
  <c r="V93755" i="1"/>
  <c r="V93756" i="1"/>
  <c r="V93757" i="1"/>
  <c r="V93758" i="1"/>
  <c r="V93759" i="1"/>
  <c r="V93760" i="1"/>
  <c r="V93761" i="1"/>
  <c r="V93762" i="1"/>
  <c r="V93763" i="1"/>
  <c r="V93764" i="1"/>
  <c r="V93765" i="1"/>
  <c r="V93766" i="1"/>
  <c r="V93767" i="1"/>
  <c r="V93768" i="1"/>
  <c r="V93769" i="1"/>
  <c r="V93770" i="1"/>
  <c r="V93771" i="1"/>
  <c r="V93772" i="1"/>
  <c r="V93773" i="1"/>
  <c r="V93774" i="1"/>
  <c r="V93775" i="1"/>
  <c r="V93776" i="1"/>
  <c r="V93777" i="1"/>
  <c r="V93778" i="1"/>
  <c r="V93779" i="1"/>
  <c r="V93780" i="1"/>
  <c r="V93781" i="1"/>
  <c r="V93782" i="1"/>
  <c r="V93783" i="1"/>
  <c r="V93784" i="1"/>
  <c r="V93785" i="1"/>
  <c r="V93786" i="1"/>
  <c r="V93787" i="1"/>
  <c r="V93788" i="1"/>
  <c r="V93789" i="1"/>
  <c r="V93790" i="1"/>
  <c r="V93791" i="1"/>
  <c r="V93792" i="1"/>
  <c r="V93793" i="1"/>
  <c r="V93794" i="1"/>
  <c r="V93795" i="1"/>
  <c r="V93796" i="1"/>
  <c r="V93797" i="1"/>
  <c r="V93798" i="1"/>
  <c r="V93799" i="1"/>
  <c r="V93800" i="1"/>
  <c r="V93801" i="1"/>
  <c r="V93802" i="1"/>
  <c r="V93803" i="1"/>
  <c r="V93804" i="1"/>
  <c r="V93805" i="1"/>
  <c r="V93806" i="1"/>
  <c r="V93807" i="1"/>
  <c r="V93808" i="1"/>
  <c r="V93809" i="1"/>
  <c r="V93810" i="1"/>
  <c r="V93811" i="1"/>
  <c r="V93812" i="1"/>
  <c r="V93813" i="1"/>
  <c r="V93814" i="1"/>
  <c r="V93815" i="1"/>
  <c r="V93816" i="1"/>
  <c r="V93817" i="1"/>
  <c r="V93818" i="1"/>
  <c r="V93819" i="1"/>
  <c r="V93820" i="1"/>
  <c r="V93821" i="1"/>
  <c r="V93822" i="1"/>
  <c r="V93823" i="1"/>
  <c r="V93824" i="1"/>
  <c r="V93825" i="1"/>
  <c r="V93826" i="1"/>
  <c r="V93827" i="1"/>
  <c r="V93828" i="1"/>
  <c r="V93829" i="1"/>
  <c r="V93830" i="1"/>
  <c r="V93831" i="1"/>
  <c r="V93832" i="1"/>
  <c r="V93833" i="1"/>
  <c r="V93834" i="1"/>
  <c r="V93835" i="1"/>
  <c r="V93836" i="1"/>
  <c r="V93837" i="1"/>
  <c r="V93838" i="1"/>
  <c r="V93839" i="1"/>
  <c r="V93840" i="1"/>
  <c r="V93841" i="1"/>
  <c r="V93842" i="1"/>
  <c r="V93843" i="1"/>
  <c r="V93844" i="1"/>
  <c r="V93845" i="1"/>
  <c r="V93846" i="1"/>
  <c r="V93847" i="1"/>
  <c r="V93848" i="1"/>
  <c r="V93849" i="1"/>
  <c r="V93850" i="1"/>
  <c r="V93851" i="1"/>
  <c r="V93852" i="1"/>
  <c r="V93853" i="1"/>
  <c r="V93854" i="1"/>
  <c r="V93855" i="1"/>
  <c r="V93856" i="1"/>
  <c r="V93857" i="1"/>
  <c r="V93858" i="1"/>
  <c r="V93859" i="1"/>
  <c r="V93860" i="1"/>
  <c r="V93861" i="1"/>
  <c r="V93862" i="1"/>
  <c r="V93863" i="1"/>
  <c r="V93864" i="1"/>
  <c r="V93865" i="1"/>
  <c r="V93866" i="1"/>
  <c r="V93867" i="1"/>
  <c r="V93868" i="1"/>
  <c r="V93869" i="1"/>
  <c r="V93870" i="1"/>
  <c r="V93871" i="1"/>
  <c r="V93872" i="1"/>
  <c r="V93873" i="1"/>
  <c r="V93874" i="1"/>
  <c r="V93875" i="1"/>
  <c r="V93876" i="1"/>
  <c r="V93877" i="1"/>
  <c r="V93878" i="1"/>
  <c r="V93879" i="1"/>
  <c r="V93880" i="1"/>
  <c r="V93881" i="1"/>
  <c r="V93882" i="1"/>
  <c r="V93883" i="1"/>
  <c r="V93884" i="1"/>
  <c r="V93885" i="1"/>
  <c r="V93886" i="1"/>
  <c r="V93887" i="1"/>
  <c r="V93888" i="1"/>
  <c r="V93889" i="1"/>
  <c r="V93890" i="1"/>
  <c r="V93891" i="1"/>
  <c r="V93892" i="1"/>
  <c r="V93893" i="1"/>
  <c r="V93894" i="1"/>
  <c r="V93895" i="1"/>
  <c r="V93896" i="1"/>
  <c r="V93897" i="1"/>
  <c r="V93898" i="1"/>
  <c r="V93899" i="1"/>
  <c r="V93900" i="1"/>
  <c r="V93901" i="1"/>
  <c r="V93902" i="1"/>
  <c r="V93903" i="1"/>
  <c r="V93904" i="1"/>
  <c r="V93905" i="1"/>
  <c r="V93906" i="1"/>
  <c r="V93907" i="1"/>
  <c r="V93908" i="1"/>
  <c r="V93909" i="1"/>
  <c r="V93910" i="1"/>
  <c r="V93911" i="1"/>
  <c r="V93912" i="1"/>
  <c r="V93913" i="1"/>
  <c r="V93914" i="1"/>
  <c r="V93915" i="1"/>
  <c r="V93916" i="1"/>
  <c r="V93917" i="1"/>
  <c r="V93918" i="1"/>
  <c r="V93919" i="1"/>
  <c r="V93920" i="1"/>
  <c r="V93921" i="1"/>
  <c r="V93922" i="1"/>
  <c r="V93923" i="1"/>
  <c r="V93924" i="1"/>
  <c r="V93925" i="1"/>
  <c r="V93926" i="1"/>
  <c r="V93927" i="1"/>
  <c r="V93928" i="1"/>
  <c r="V93929" i="1"/>
  <c r="V93930" i="1"/>
  <c r="V93931" i="1"/>
  <c r="V93932" i="1"/>
  <c r="V93933" i="1"/>
  <c r="V93934" i="1"/>
  <c r="V93935" i="1"/>
  <c r="V93936" i="1"/>
  <c r="V93937" i="1"/>
  <c r="V93938" i="1"/>
  <c r="V93939" i="1"/>
  <c r="V93940" i="1"/>
  <c r="V93941" i="1"/>
  <c r="V93942" i="1"/>
  <c r="V93943" i="1"/>
  <c r="V93944" i="1"/>
  <c r="V93945" i="1"/>
  <c r="V93946" i="1"/>
  <c r="V93947" i="1"/>
  <c r="V93948" i="1"/>
  <c r="V93949" i="1"/>
  <c r="V93950" i="1"/>
  <c r="V93951" i="1"/>
  <c r="V93952" i="1"/>
  <c r="V93953" i="1"/>
  <c r="V93954" i="1"/>
  <c r="V93955" i="1"/>
  <c r="V93956" i="1"/>
  <c r="V93957" i="1"/>
  <c r="V93958" i="1"/>
  <c r="V93959" i="1"/>
  <c r="V93960" i="1"/>
  <c r="V93961" i="1"/>
  <c r="V93962" i="1"/>
  <c r="V93963" i="1"/>
  <c r="V93964" i="1"/>
  <c r="V93965" i="1"/>
  <c r="V93966" i="1"/>
  <c r="V93967" i="1"/>
  <c r="V93968" i="1"/>
  <c r="V93969" i="1"/>
  <c r="V93970" i="1"/>
  <c r="V93971" i="1"/>
  <c r="V93972" i="1"/>
  <c r="V93973" i="1"/>
  <c r="V93974" i="1"/>
  <c r="V93975" i="1"/>
  <c r="V93976" i="1"/>
  <c r="V93977" i="1"/>
  <c r="V93978" i="1"/>
  <c r="V93979" i="1"/>
  <c r="V93980" i="1"/>
  <c r="V93981" i="1"/>
  <c r="V93982" i="1"/>
  <c r="V93983" i="1"/>
  <c r="V93984" i="1"/>
  <c r="V93985" i="1"/>
  <c r="V93986" i="1"/>
  <c r="V93987" i="1"/>
  <c r="V93988" i="1"/>
  <c r="V93989" i="1"/>
  <c r="V93990" i="1"/>
  <c r="V93991" i="1"/>
  <c r="V93992" i="1"/>
  <c r="V93993" i="1"/>
  <c r="V93994" i="1"/>
  <c r="V93995" i="1"/>
  <c r="V93996" i="1"/>
  <c r="V93997" i="1"/>
  <c r="V93998" i="1"/>
  <c r="V93999" i="1"/>
  <c r="V94000" i="1"/>
  <c r="V94001" i="1"/>
  <c r="V94002" i="1"/>
  <c r="V94003" i="1"/>
  <c r="V94004" i="1"/>
  <c r="V94005" i="1"/>
  <c r="V94006" i="1"/>
  <c r="V94007" i="1"/>
  <c r="V94008" i="1"/>
  <c r="V94009" i="1"/>
  <c r="V94010" i="1"/>
  <c r="V94011" i="1"/>
  <c r="V94012" i="1"/>
  <c r="V94013" i="1"/>
  <c r="V94014" i="1"/>
  <c r="V94015" i="1"/>
  <c r="V94016" i="1"/>
  <c r="V94017" i="1"/>
  <c r="V94018" i="1"/>
  <c r="V94019" i="1"/>
  <c r="V94020" i="1"/>
  <c r="V94021" i="1"/>
  <c r="V94022" i="1"/>
  <c r="V94023" i="1"/>
  <c r="V94024" i="1"/>
  <c r="V94025" i="1"/>
  <c r="V94026" i="1"/>
  <c r="V94027" i="1"/>
  <c r="V94028" i="1"/>
  <c r="V94029" i="1"/>
  <c r="V94030" i="1"/>
  <c r="V94031" i="1"/>
  <c r="V94032" i="1"/>
  <c r="V94033" i="1"/>
  <c r="V94034" i="1"/>
  <c r="V94035" i="1"/>
  <c r="V94036" i="1"/>
  <c r="V94037" i="1"/>
  <c r="V94038" i="1"/>
  <c r="V94039" i="1"/>
  <c r="V94040" i="1"/>
  <c r="V94041" i="1"/>
  <c r="V94042" i="1"/>
  <c r="V94043" i="1"/>
  <c r="V94044" i="1"/>
  <c r="V94045" i="1"/>
  <c r="V94046" i="1"/>
  <c r="V94047" i="1"/>
  <c r="V94048" i="1"/>
  <c r="V94049" i="1"/>
  <c r="V94050" i="1"/>
  <c r="V94051" i="1"/>
  <c r="V94052" i="1"/>
  <c r="V94053" i="1"/>
  <c r="V94054" i="1"/>
  <c r="V94055" i="1"/>
  <c r="V94056" i="1"/>
  <c r="V94057" i="1"/>
  <c r="V94058" i="1"/>
  <c r="V94059" i="1"/>
  <c r="V94060" i="1"/>
  <c r="V94061" i="1"/>
  <c r="V94062" i="1"/>
  <c r="V94063" i="1"/>
  <c r="V94064" i="1"/>
  <c r="V94065" i="1"/>
  <c r="V94066" i="1"/>
  <c r="V94067" i="1"/>
  <c r="V94068" i="1"/>
  <c r="V94069" i="1"/>
  <c r="V94070" i="1"/>
  <c r="V94071" i="1"/>
  <c r="V94072" i="1"/>
  <c r="V94073" i="1"/>
  <c r="V94074" i="1"/>
  <c r="V94075" i="1"/>
  <c r="V94076" i="1"/>
  <c r="V94077" i="1"/>
  <c r="V94078" i="1"/>
  <c r="V94079" i="1"/>
  <c r="V94080" i="1"/>
  <c r="V94081" i="1"/>
  <c r="V94082" i="1"/>
  <c r="V94083" i="1"/>
  <c r="V94084" i="1"/>
  <c r="V94085" i="1"/>
  <c r="V94086" i="1"/>
  <c r="V94087" i="1"/>
  <c r="V94088" i="1"/>
  <c r="V94089" i="1"/>
  <c r="V94090" i="1"/>
  <c r="V94091" i="1"/>
  <c r="V94092" i="1"/>
  <c r="V94093" i="1"/>
  <c r="V94094" i="1"/>
  <c r="V94095" i="1"/>
  <c r="V94096" i="1"/>
  <c r="V94097" i="1"/>
  <c r="V94098" i="1"/>
  <c r="V94099" i="1"/>
  <c r="V94100" i="1"/>
  <c r="V94101" i="1"/>
  <c r="V94102" i="1"/>
  <c r="V94103" i="1"/>
  <c r="V94104" i="1"/>
  <c r="V94105" i="1"/>
  <c r="V94106" i="1"/>
  <c r="V94107" i="1"/>
  <c r="V94108" i="1"/>
  <c r="V94109" i="1"/>
  <c r="V94110" i="1"/>
  <c r="V94111" i="1"/>
  <c r="V94112" i="1"/>
  <c r="V94113" i="1"/>
  <c r="V94114" i="1"/>
  <c r="V94115" i="1"/>
  <c r="V94116" i="1"/>
  <c r="V94117" i="1"/>
  <c r="V94118" i="1"/>
  <c r="V94119" i="1"/>
  <c r="V94120" i="1"/>
  <c r="V94121" i="1"/>
  <c r="V94122" i="1"/>
  <c r="V94123" i="1"/>
  <c r="V94124" i="1"/>
  <c r="V94125" i="1"/>
  <c r="V94126" i="1"/>
  <c r="V94127" i="1"/>
  <c r="V94128" i="1"/>
  <c r="V94129" i="1"/>
  <c r="V94130" i="1"/>
  <c r="V94131" i="1"/>
  <c r="V94132" i="1"/>
  <c r="V94133" i="1"/>
  <c r="V94134" i="1"/>
  <c r="V94135" i="1"/>
  <c r="V94136" i="1"/>
  <c r="V94137" i="1"/>
  <c r="V94138" i="1"/>
  <c r="V94139" i="1"/>
  <c r="V94140" i="1"/>
  <c r="V94141" i="1"/>
  <c r="V94142" i="1"/>
  <c r="V94143" i="1"/>
  <c r="V94144" i="1"/>
  <c r="V94145" i="1"/>
  <c r="V94146" i="1"/>
  <c r="V94147" i="1"/>
  <c r="V94148" i="1"/>
  <c r="V94149" i="1"/>
  <c r="V94150" i="1"/>
  <c r="V94151" i="1"/>
  <c r="V94152" i="1"/>
  <c r="V94153" i="1"/>
  <c r="V94154" i="1"/>
  <c r="V94155" i="1"/>
  <c r="V94156" i="1"/>
  <c r="V94157" i="1"/>
  <c r="V94158" i="1"/>
  <c r="V94159" i="1"/>
  <c r="V94160" i="1"/>
  <c r="V94161" i="1"/>
  <c r="V94162" i="1"/>
  <c r="V94163" i="1"/>
  <c r="V94164" i="1"/>
  <c r="V94165" i="1"/>
  <c r="V94166" i="1"/>
  <c r="V94167" i="1"/>
  <c r="V94168" i="1"/>
  <c r="V94169" i="1"/>
  <c r="V94170" i="1"/>
  <c r="V94171" i="1"/>
  <c r="V94172" i="1"/>
  <c r="V94173" i="1"/>
  <c r="V94174" i="1"/>
  <c r="V94175" i="1"/>
  <c r="V94176" i="1"/>
  <c r="V94177" i="1"/>
  <c r="V94178" i="1"/>
  <c r="V94179" i="1"/>
  <c r="V94180" i="1"/>
  <c r="V94181" i="1"/>
  <c r="V94182" i="1"/>
  <c r="V94183" i="1"/>
  <c r="V94184" i="1"/>
  <c r="V94185" i="1"/>
  <c r="V94186" i="1"/>
  <c r="V94187" i="1"/>
  <c r="V94188" i="1"/>
  <c r="V94189" i="1"/>
  <c r="V94190" i="1"/>
  <c r="V94191" i="1"/>
  <c r="V94192" i="1"/>
  <c r="V94193" i="1"/>
  <c r="V94194" i="1"/>
  <c r="V94195" i="1"/>
  <c r="V94196" i="1"/>
  <c r="V94197" i="1"/>
  <c r="V94198" i="1"/>
  <c r="V94199" i="1"/>
  <c r="V94200" i="1"/>
  <c r="V94201" i="1"/>
  <c r="V94202" i="1"/>
  <c r="V94203" i="1"/>
  <c r="V94204" i="1"/>
  <c r="V94205" i="1"/>
  <c r="V94206" i="1"/>
  <c r="V94207" i="1"/>
  <c r="V94208" i="1"/>
  <c r="V94209" i="1"/>
  <c r="V94210" i="1"/>
  <c r="V94211" i="1"/>
  <c r="V94212" i="1"/>
  <c r="V94213" i="1"/>
  <c r="V94214" i="1"/>
  <c r="V94215" i="1"/>
  <c r="V94216" i="1"/>
  <c r="V94217" i="1"/>
  <c r="V94218" i="1"/>
  <c r="V94219" i="1"/>
  <c r="V94220" i="1"/>
  <c r="V94221" i="1"/>
  <c r="V94222" i="1"/>
  <c r="V94223" i="1"/>
  <c r="V94224" i="1"/>
  <c r="V94225" i="1"/>
  <c r="V94226" i="1"/>
  <c r="V94227" i="1"/>
  <c r="V94228" i="1"/>
  <c r="V94229" i="1"/>
  <c r="V94230" i="1"/>
  <c r="V94231" i="1"/>
  <c r="V94232" i="1"/>
  <c r="V94233" i="1"/>
  <c r="V94234" i="1"/>
  <c r="V94235" i="1"/>
  <c r="V94236" i="1"/>
  <c r="V94237" i="1"/>
  <c r="V94238" i="1"/>
  <c r="V94239" i="1"/>
  <c r="V94240" i="1"/>
  <c r="V94241" i="1"/>
  <c r="V94242" i="1"/>
  <c r="V94243" i="1"/>
  <c r="V94244" i="1"/>
  <c r="V94245" i="1"/>
  <c r="V94246" i="1"/>
  <c r="V94247" i="1"/>
  <c r="V94248" i="1"/>
  <c r="V94249" i="1"/>
  <c r="V94250" i="1"/>
  <c r="V94251" i="1"/>
  <c r="V94252" i="1"/>
  <c r="V94253" i="1"/>
  <c r="V94254" i="1"/>
  <c r="V94255" i="1"/>
  <c r="V94256" i="1"/>
  <c r="V94257" i="1"/>
  <c r="V94258" i="1"/>
  <c r="V94259" i="1"/>
  <c r="V94260" i="1"/>
  <c r="V94261" i="1"/>
  <c r="V94262" i="1"/>
  <c r="V94263" i="1"/>
  <c r="V94264" i="1"/>
  <c r="V94265" i="1"/>
  <c r="V94266" i="1"/>
  <c r="V94267" i="1"/>
  <c r="V94268" i="1"/>
  <c r="V94269" i="1"/>
  <c r="V94270" i="1"/>
  <c r="V94271" i="1"/>
  <c r="V94272" i="1"/>
  <c r="V94273" i="1"/>
  <c r="V94274" i="1"/>
  <c r="V94275" i="1"/>
  <c r="V94276" i="1"/>
  <c r="V94277" i="1"/>
  <c r="V94278" i="1"/>
  <c r="V94279" i="1"/>
  <c r="V94280" i="1"/>
  <c r="V94281" i="1"/>
  <c r="V94282" i="1"/>
  <c r="V94283" i="1"/>
  <c r="V94284" i="1"/>
  <c r="V94285" i="1"/>
  <c r="V94286" i="1"/>
  <c r="V94287" i="1"/>
  <c r="V94288" i="1"/>
  <c r="V94289" i="1"/>
  <c r="V94290" i="1"/>
  <c r="V94291" i="1"/>
  <c r="V94292" i="1"/>
  <c r="V94293" i="1"/>
  <c r="V94294" i="1"/>
  <c r="V94295" i="1"/>
  <c r="V94296" i="1"/>
  <c r="V94297" i="1"/>
  <c r="V94298" i="1"/>
  <c r="V94299" i="1"/>
  <c r="V94300" i="1"/>
  <c r="V94301" i="1"/>
  <c r="V94302" i="1"/>
  <c r="V94303" i="1"/>
  <c r="V94304" i="1"/>
  <c r="V94305" i="1"/>
  <c r="V94306" i="1"/>
  <c r="V94307" i="1"/>
  <c r="V94308" i="1"/>
  <c r="V94309" i="1"/>
  <c r="V94310" i="1"/>
  <c r="V94311" i="1"/>
  <c r="V94312" i="1"/>
  <c r="V94313" i="1"/>
  <c r="V94314" i="1"/>
  <c r="V94315" i="1"/>
  <c r="V94316" i="1"/>
  <c r="V94317" i="1"/>
  <c r="V94318" i="1"/>
  <c r="V94319" i="1"/>
  <c r="V94320" i="1"/>
  <c r="V94321" i="1"/>
  <c r="V94322" i="1"/>
  <c r="V94323" i="1"/>
  <c r="V94324" i="1"/>
  <c r="V94325" i="1"/>
  <c r="V94326" i="1"/>
  <c r="V94327" i="1"/>
  <c r="V94328" i="1"/>
  <c r="V94329" i="1"/>
  <c r="V94330" i="1"/>
  <c r="V94331" i="1"/>
  <c r="V94332" i="1"/>
  <c r="V94333" i="1"/>
  <c r="V94334" i="1"/>
  <c r="V94335" i="1"/>
  <c r="V94336" i="1"/>
  <c r="V94337" i="1"/>
  <c r="V94338" i="1"/>
  <c r="V94339" i="1"/>
  <c r="V94340" i="1"/>
  <c r="V94341" i="1"/>
  <c r="V94342" i="1"/>
  <c r="V94343" i="1"/>
  <c r="V94344" i="1"/>
  <c r="V94345" i="1"/>
  <c r="V94346" i="1"/>
  <c r="V94347" i="1"/>
  <c r="V94348" i="1"/>
  <c r="V94349" i="1"/>
  <c r="V94350" i="1"/>
  <c r="V94351" i="1"/>
  <c r="V94352" i="1"/>
  <c r="V94353" i="1"/>
  <c r="V94354" i="1"/>
  <c r="V94355" i="1"/>
  <c r="V94356" i="1"/>
  <c r="V94357" i="1"/>
  <c r="V94358" i="1"/>
  <c r="V94359" i="1"/>
  <c r="V94360" i="1"/>
  <c r="V94361" i="1"/>
  <c r="V94362" i="1"/>
  <c r="V94363" i="1"/>
  <c r="V94364" i="1"/>
  <c r="V94365" i="1"/>
  <c r="V94366" i="1"/>
  <c r="V94367" i="1"/>
  <c r="V94368" i="1"/>
  <c r="V94369" i="1"/>
  <c r="V94370" i="1"/>
  <c r="V94371" i="1"/>
  <c r="V94372" i="1"/>
  <c r="V94373" i="1"/>
  <c r="V94374" i="1"/>
  <c r="V94375" i="1"/>
  <c r="V94376" i="1"/>
  <c r="V94377" i="1"/>
  <c r="V94378" i="1"/>
  <c r="V94379" i="1"/>
  <c r="V94380" i="1"/>
  <c r="V94381" i="1"/>
  <c r="V94382" i="1"/>
  <c r="V94383" i="1"/>
  <c r="V94384" i="1"/>
  <c r="V94385" i="1"/>
  <c r="V94386" i="1"/>
  <c r="V94387" i="1"/>
  <c r="V94388" i="1"/>
  <c r="V94389" i="1"/>
  <c r="V94390" i="1"/>
  <c r="V94391" i="1"/>
  <c r="V94392" i="1"/>
  <c r="V94393" i="1"/>
  <c r="V94394" i="1"/>
  <c r="V94395" i="1"/>
  <c r="V94396" i="1"/>
  <c r="V94397" i="1"/>
  <c r="V94398" i="1"/>
  <c r="V94399" i="1"/>
  <c r="V94400" i="1"/>
  <c r="V94401" i="1"/>
  <c r="V94402" i="1"/>
  <c r="V94403" i="1"/>
  <c r="V94404" i="1"/>
  <c r="V94405" i="1"/>
  <c r="V94406" i="1"/>
  <c r="V94407" i="1"/>
  <c r="V94408" i="1"/>
  <c r="V94409" i="1"/>
  <c r="V94410" i="1"/>
  <c r="V94411" i="1"/>
  <c r="V94412" i="1"/>
  <c r="V94413" i="1"/>
  <c r="V94414" i="1"/>
  <c r="V94415" i="1"/>
  <c r="V94416" i="1"/>
  <c r="V94417" i="1"/>
  <c r="V94418" i="1"/>
  <c r="V94419" i="1"/>
  <c r="V94420" i="1"/>
  <c r="V94421" i="1"/>
  <c r="V94422" i="1"/>
  <c r="V94423" i="1"/>
  <c r="V94424" i="1"/>
  <c r="V94425" i="1"/>
  <c r="V94426" i="1"/>
  <c r="V94427" i="1"/>
  <c r="V94428" i="1"/>
  <c r="V94429" i="1"/>
  <c r="V94430" i="1"/>
  <c r="V94431" i="1"/>
  <c r="V94432" i="1"/>
  <c r="V94433" i="1"/>
  <c r="V94434" i="1"/>
  <c r="V94435" i="1"/>
  <c r="V94436" i="1"/>
  <c r="V94437" i="1"/>
  <c r="V94438" i="1"/>
  <c r="V94439" i="1"/>
  <c r="V94440" i="1"/>
  <c r="V94441" i="1"/>
  <c r="V94442" i="1"/>
  <c r="V94443" i="1"/>
  <c r="V94444" i="1"/>
  <c r="V94445" i="1"/>
  <c r="V94446" i="1"/>
  <c r="V94447" i="1"/>
  <c r="V94448" i="1"/>
  <c r="V94449" i="1"/>
  <c r="V94450" i="1"/>
  <c r="V94451" i="1"/>
  <c r="V94452" i="1"/>
  <c r="V94453" i="1"/>
  <c r="V94454" i="1"/>
  <c r="V94455" i="1"/>
  <c r="V94456" i="1"/>
  <c r="V94457" i="1"/>
  <c r="V94458" i="1"/>
  <c r="V94459" i="1"/>
  <c r="V94460" i="1"/>
  <c r="V94461" i="1"/>
  <c r="V94462" i="1"/>
  <c r="V94463" i="1"/>
  <c r="V94464" i="1"/>
  <c r="V94465" i="1"/>
  <c r="V94466" i="1"/>
  <c r="V94467" i="1"/>
  <c r="V94468" i="1"/>
  <c r="V94469" i="1"/>
  <c r="V94470" i="1"/>
  <c r="V94471" i="1"/>
  <c r="V94472" i="1"/>
  <c r="V94473" i="1"/>
  <c r="V94474" i="1"/>
  <c r="V94475" i="1"/>
  <c r="V94476" i="1"/>
  <c r="V94477" i="1"/>
  <c r="V94478" i="1"/>
  <c r="V94479" i="1"/>
  <c r="V94480" i="1"/>
  <c r="V94481" i="1"/>
  <c r="V94482" i="1"/>
  <c r="V94483" i="1"/>
  <c r="V94484" i="1"/>
  <c r="V94485" i="1"/>
  <c r="V94486" i="1"/>
  <c r="V94487" i="1"/>
  <c r="V94488" i="1"/>
  <c r="V94489" i="1"/>
  <c r="V94490" i="1"/>
  <c r="V94491" i="1"/>
  <c r="V94492" i="1"/>
  <c r="V94493" i="1"/>
  <c r="V94494" i="1"/>
  <c r="V94495" i="1"/>
  <c r="V94496" i="1"/>
  <c r="V94497" i="1"/>
  <c r="V94498" i="1"/>
  <c r="V94499" i="1"/>
  <c r="V94500" i="1"/>
  <c r="V94501" i="1"/>
  <c r="V94502" i="1"/>
  <c r="V94503" i="1"/>
  <c r="V94504" i="1"/>
  <c r="V94505" i="1"/>
  <c r="V94506" i="1"/>
  <c r="V94507" i="1"/>
  <c r="V94508" i="1"/>
  <c r="V94509" i="1"/>
  <c r="V94510" i="1"/>
  <c r="V94511" i="1"/>
  <c r="V94512" i="1"/>
  <c r="V94513" i="1"/>
  <c r="V94514" i="1"/>
  <c r="V94515" i="1"/>
  <c r="V94516" i="1"/>
  <c r="V94517" i="1"/>
  <c r="V94518" i="1"/>
  <c r="V94519" i="1"/>
  <c r="V94520" i="1"/>
  <c r="V94521" i="1"/>
  <c r="V94522" i="1"/>
  <c r="V94523" i="1"/>
  <c r="V94524" i="1"/>
  <c r="V94525" i="1"/>
  <c r="V94526" i="1"/>
  <c r="V94527" i="1"/>
  <c r="V94528" i="1"/>
  <c r="V94529" i="1"/>
  <c r="V94530" i="1"/>
  <c r="V94531" i="1"/>
  <c r="V94532" i="1"/>
  <c r="V94533" i="1"/>
  <c r="V94534" i="1"/>
  <c r="V94535" i="1"/>
  <c r="V94536" i="1"/>
  <c r="V94537" i="1"/>
  <c r="V94538" i="1"/>
  <c r="V94539" i="1"/>
  <c r="V94540" i="1"/>
  <c r="V94541" i="1"/>
  <c r="V94542" i="1"/>
  <c r="V94543" i="1"/>
  <c r="V94544" i="1"/>
  <c r="V94545" i="1"/>
  <c r="V94546" i="1"/>
  <c r="V94547" i="1"/>
  <c r="V94548" i="1"/>
  <c r="V94549" i="1"/>
  <c r="V94550" i="1"/>
  <c r="V94551" i="1"/>
  <c r="V94552" i="1"/>
  <c r="V94553" i="1"/>
  <c r="V94554" i="1"/>
  <c r="V94555" i="1"/>
  <c r="V94556" i="1"/>
  <c r="V94557" i="1"/>
  <c r="V94558" i="1"/>
  <c r="V94559" i="1"/>
  <c r="V94560" i="1"/>
  <c r="V94561" i="1"/>
  <c r="V94562" i="1"/>
  <c r="V94563" i="1"/>
  <c r="V94564" i="1"/>
  <c r="V94565" i="1"/>
  <c r="V94566" i="1"/>
  <c r="V94567" i="1"/>
  <c r="V94568" i="1"/>
  <c r="V94569" i="1"/>
  <c r="V94570" i="1"/>
  <c r="V94571" i="1"/>
  <c r="V94572" i="1"/>
  <c r="V94573" i="1"/>
  <c r="V94574" i="1"/>
  <c r="V94575" i="1"/>
  <c r="V94576" i="1"/>
  <c r="V94577" i="1"/>
  <c r="V94578" i="1"/>
  <c r="V94579" i="1"/>
  <c r="V94580" i="1"/>
  <c r="V94581" i="1"/>
  <c r="V94582" i="1"/>
  <c r="V94583" i="1"/>
  <c r="V94584" i="1"/>
  <c r="V94585" i="1"/>
  <c r="V94586" i="1"/>
  <c r="V94587" i="1"/>
  <c r="V94588" i="1"/>
  <c r="V94589" i="1"/>
  <c r="V94590" i="1"/>
  <c r="V94591" i="1"/>
  <c r="V94592" i="1"/>
  <c r="V94593" i="1"/>
  <c r="V94594" i="1"/>
  <c r="V94595" i="1"/>
  <c r="V94596" i="1"/>
  <c r="V94597" i="1"/>
  <c r="V94598" i="1"/>
  <c r="V94599" i="1"/>
  <c r="V94600" i="1"/>
  <c r="V94601" i="1"/>
  <c r="V94602" i="1"/>
  <c r="V94603" i="1"/>
  <c r="V94604" i="1"/>
  <c r="V94605" i="1"/>
  <c r="V94606" i="1"/>
  <c r="V94607" i="1"/>
  <c r="V94608" i="1"/>
  <c r="V94609" i="1"/>
  <c r="V94610" i="1"/>
  <c r="V94611" i="1"/>
  <c r="V94612" i="1"/>
  <c r="V94613" i="1"/>
  <c r="V94614" i="1"/>
  <c r="V94615" i="1"/>
  <c r="V94616" i="1"/>
  <c r="V94617" i="1"/>
  <c r="V94618" i="1"/>
  <c r="V94619" i="1"/>
  <c r="V94620" i="1"/>
  <c r="V94621" i="1"/>
  <c r="V94622" i="1"/>
  <c r="V94623" i="1"/>
  <c r="V94624" i="1"/>
  <c r="V94625" i="1"/>
  <c r="V94626" i="1"/>
  <c r="V94627" i="1"/>
  <c r="V94628" i="1"/>
  <c r="V94629" i="1"/>
  <c r="V94630" i="1"/>
  <c r="V94631" i="1"/>
  <c r="V94632" i="1"/>
  <c r="V94633" i="1"/>
  <c r="V94634" i="1"/>
  <c r="V94635" i="1"/>
  <c r="V94636" i="1"/>
  <c r="V94637" i="1"/>
  <c r="V94638" i="1"/>
  <c r="V94639" i="1"/>
  <c r="V94640" i="1"/>
  <c r="V94641" i="1"/>
  <c r="V94642" i="1"/>
  <c r="V94643" i="1"/>
  <c r="V94644" i="1"/>
  <c r="V94645" i="1"/>
  <c r="V94646" i="1"/>
  <c r="V94647" i="1"/>
  <c r="V94648" i="1"/>
  <c r="V94649" i="1"/>
  <c r="V94650" i="1"/>
  <c r="V94651" i="1"/>
  <c r="V94652" i="1"/>
  <c r="V94653" i="1"/>
  <c r="V94654" i="1"/>
  <c r="V94655" i="1"/>
  <c r="V94656" i="1"/>
  <c r="V94657" i="1"/>
  <c r="V94658" i="1"/>
  <c r="V94659" i="1"/>
  <c r="V94660" i="1"/>
  <c r="V94661" i="1"/>
  <c r="V94662" i="1"/>
  <c r="V94663" i="1"/>
  <c r="V94664" i="1"/>
  <c r="V94665" i="1"/>
  <c r="V94666" i="1"/>
  <c r="V94667" i="1"/>
  <c r="V94668" i="1"/>
  <c r="V94669" i="1"/>
  <c r="V94670" i="1"/>
  <c r="V94671" i="1"/>
  <c r="V94672" i="1"/>
  <c r="V94673" i="1"/>
  <c r="V94674" i="1"/>
  <c r="V94675" i="1"/>
  <c r="V94676" i="1"/>
  <c r="V94677" i="1"/>
  <c r="V94678" i="1"/>
  <c r="V94679" i="1"/>
  <c r="V94680" i="1"/>
  <c r="V94681" i="1"/>
  <c r="V94682" i="1"/>
  <c r="V94683" i="1"/>
  <c r="V94684" i="1"/>
  <c r="V94685" i="1"/>
  <c r="V94686" i="1"/>
  <c r="V94687" i="1"/>
  <c r="V94688" i="1"/>
  <c r="V94689" i="1"/>
  <c r="V94690" i="1"/>
  <c r="V94691" i="1"/>
  <c r="V94692" i="1"/>
  <c r="V94693" i="1"/>
  <c r="V94694" i="1"/>
  <c r="V94695" i="1"/>
  <c r="V94696" i="1"/>
  <c r="V94697" i="1"/>
  <c r="V94698" i="1"/>
  <c r="V94699" i="1"/>
  <c r="V94700" i="1"/>
  <c r="V94701" i="1"/>
  <c r="V94702" i="1"/>
  <c r="V94703" i="1"/>
  <c r="V94704" i="1"/>
  <c r="V94705" i="1"/>
  <c r="V94706" i="1"/>
  <c r="V94707" i="1"/>
  <c r="V94708" i="1"/>
  <c r="V94709" i="1"/>
  <c r="V94710" i="1"/>
  <c r="V94711" i="1"/>
  <c r="V94712" i="1"/>
  <c r="V94713" i="1"/>
  <c r="V94714" i="1"/>
  <c r="V94715" i="1"/>
  <c r="V94716" i="1"/>
  <c r="V94717" i="1"/>
  <c r="V94718" i="1"/>
  <c r="V94719" i="1"/>
  <c r="V94720" i="1"/>
  <c r="V94721" i="1"/>
  <c r="V94722" i="1"/>
  <c r="V94723" i="1"/>
  <c r="V94724" i="1"/>
  <c r="V94725" i="1"/>
  <c r="V94726" i="1"/>
  <c r="V94727" i="1"/>
  <c r="V94728" i="1"/>
  <c r="V94729" i="1"/>
  <c r="V94730" i="1"/>
  <c r="V94731" i="1"/>
  <c r="V94732" i="1"/>
  <c r="V94733" i="1"/>
  <c r="V94734" i="1"/>
  <c r="V94735" i="1"/>
  <c r="V94736" i="1"/>
  <c r="V94737" i="1"/>
  <c r="V94738" i="1"/>
  <c r="V94739" i="1"/>
  <c r="V94740" i="1"/>
  <c r="V94741" i="1"/>
  <c r="V94742" i="1"/>
  <c r="V94743" i="1"/>
  <c r="V94744" i="1"/>
  <c r="V94745" i="1"/>
  <c r="V94746" i="1"/>
  <c r="V94747" i="1"/>
  <c r="V94748" i="1"/>
  <c r="V94749" i="1"/>
  <c r="V94750" i="1"/>
  <c r="V94751" i="1"/>
  <c r="V94752" i="1"/>
  <c r="V94753" i="1"/>
  <c r="V94754" i="1"/>
  <c r="V94755" i="1"/>
  <c r="V94756" i="1"/>
  <c r="V94757" i="1"/>
  <c r="V94758" i="1"/>
  <c r="V94759" i="1"/>
  <c r="V94760" i="1"/>
  <c r="V94761" i="1"/>
  <c r="V94762" i="1"/>
  <c r="V94763" i="1"/>
  <c r="V94764" i="1"/>
  <c r="V94765" i="1"/>
  <c r="V94766" i="1"/>
  <c r="V94767" i="1"/>
  <c r="V94768" i="1"/>
  <c r="V94769" i="1"/>
  <c r="V94770" i="1"/>
  <c r="V94771" i="1"/>
  <c r="V94772" i="1"/>
  <c r="V94773" i="1"/>
  <c r="V94774" i="1"/>
  <c r="V94775" i="1"/>
  <c r="V94776" i="1"/>
  <c r="V94777" i="1"/>
  <c r="V94778" i="1"/>
  <c r="V94779" i="1"/>
  <c r="V94780" i="1"/>
  <c r="V94781" i="1"/>
  <c r="V94782" i="1"/>
  <c r="V94783" i="1"/>
  <c r="V94784" i="1"/>
  <c r="V94785" i="1"/>
  <c r="V94786" i="1"/>
  <c r="V94787" i="1"/>
  <c r="V94788" i="1"/>
  <c r="V94789" i="1"/>
  <c r="V94790" i="1"/>
  <c r="V94791" i="1"/>
  <c r="V94792" i="1"/>
  <c r="V94793" i="1"/>
  <c r="V94794" i="1"/>
  <c r="V94795" i="1"/>
  <c r="V94796" i="1"/>
  <c r="V94797" i="1"/>
  <c r="V94798" i="1"/>
  <c r="V94799" i="1"/>
  <c r="V94800" i="1"/>
  <c r="V94801" i="1"/>
  <c r="V94802" i="1"/>
  <c r="V94803" i="1"/>
  <c r="V94804" i="1"/>
  <c r="V94805" i="1"/>
  <c r="V94806" i="1"/>
  <c r="V94807" i="1"/>
  <c r="V94808" i="1"/>
  <c r="V94809" i="1"/>
  <c r="V94810" i="1"/>
  <c r="V94811" i="1"/>
  <c r="V94812" i="1"/>
  <c r="V94813" i="1"/>
  <c r="V94814" i="1"/>
  <c r="V94815" i="1"/>
  <c r="V94816" i="1"/>
  <c r="V94817" i="1"/>
  <c r="V94818" i="1"/>
  <c r="V94819" i="1"/>
  <c r="V94820" i="1"/>
  <c r="V94821" i="1"/>
  <c r="V94822" i="1"/>
  <c r="V94823" i="1"/>
  <c r="V94824" i="1"/>
  <c r="V94825" i="1"/>
  <c r="V94826" i="1"/>
  <c r="V94827" i="1"/>
  <c r="V94828" i="1"/>
  <c r="V94829" i="1"/>
  <c r="V94830" i="1"/>
  <c r="V94831" i="1"/>
  <c r="V94832" i="1"/>
  <c r="V94833" i="1"/>
  <c r="V94834" i="1"/>
  <c r="V94835" i="1"/>
  <c r="V94836" i="1"/>
  <c r="V94837" i="1"/>
  <c r="V94838" i="1"/>
  <c r="V94839" i="1"/>
  <c r="V94840" i="1"/>
  <c r="V94841" i="1"/>
  <c r="V94842" i="1"/>
  <c r="V94843" i="1"/>
  <c r="V94844" i="1"/>
  <c r="V94845" i="1"/>
  <c r="V94846" i="1"/>
  <c r="V94847" i="1"/>
  <c r="V94848" i="1"/>
  <c r="V94849" i="1"/>
  <c r="V94850" i="1"/>
  <c r="V94851" i="1"/>
  <c r="V94852" i="1"/>
  <c r="V94853" i="1"/>
  <c r="V94854" i="1"/>
  <c r="V94855" i="1"/>
  <c r="V94856" i="1"/>
  <c r="V94857" i="1"/>
  <c r="V94858" i="1"/>
  <c r="V94859" i="1"/>
  <c r="V94860" i="1"/>
  <c r="V94861" i="1"/>
  <c r="V94862" i="1"/>
  <c r="V94863" i="1"/>
  <c r="V94864" i="1"/>
  <c r="V94865" i="1"/>
  <c r="V94866" i="1"/>
  <c r="V94867" i="1"/>
  <c r="V94868" i="1"/>
  <c r="V94869" i="1"/>
  <c r="V94870" i="1"/>
  <c r="V94871" i="1"/>
  <c r="V94872" i="1"/>
  <c r="V94873" i="1"/>
  <c r="V94874" i="1"/>
  <c r="V94875" i="1"/>
  <c r="V94876" i="1"/>
  <c r="V94877" i="1"/>
  <c r="V94878" i="1"/>
  <c r="V94879" i="1"/>
  <c r="V94880" i="1"/>
  <c r="V94881" i="1"/>
  <c r="V94882" i="1"/>
  <c r="V94883" i="1"/>
  <c r="V94884" i="1"/>
  <c r="V94885" i="1"/>
  <c r="V94886" i="1"/>
  <c r="V94887" i="1"/>
  <c r="V94888" i="1"/>
  <c r="V94889" i="1"/>
  <c r="V94890" i="1"/>
  <c r="V94891" i="1"/>
  <c r="V94892" i="1"/>
  <c r="V94893" i="1"/>
  <c r="V94894" i="1"/>
  <c r="V94895" i="1"/>
  <c r="V94896" i="1"/>
  <c r="V94897" i="1"/>
  <c r="V94898" i="1"/>
  <c r="V94899" i="1"/>
  <c r="V94900" i="1"/>
  <c r="V94901" i="1"/>
  <c r="V94902" i="1"/>
  <c r="V94903" i="1"/>
  <c r="V94904" i="1"/>
  <c r="V94905" i="1"/>
  <c r="V94906" i="1"/>
  <c r="V94907" i="1"/>
  <c r="V94908" i="1"/>
  <c r="V94909" i="1"/>
  <c r="V94910" i="1"/>
  <c r="V94911" i="1"/>
  <c r="V94912" i="1"/>
  <c r="V94913" i="1"/>
  <c r="V94914" i="1"/>
  <c r="V94915" i="1"/>
  <c r="V94916" i="1"/>
  <c r="V94917" i="1"/>
  <c r="V94918" i="1"/>
  <c r="V94919" i="1"/>
  <c r="V94920" i="1"/>
  <c r="V94921" i="1"/>
  <c r="V94922" i="1"/>
  <c r="V94923" i="1"/>
  <c r="V94924" i="1"/>
  <c r="V94925" i="1"/>
  <c r="V94926" i="1"/>
  <c r="V94927" i="1"/>
  <c r="V94928" i="1"/>
  <c r="V94929" i="1"/>
  <c r="V94930" i="1"/>
  <c r="V94931" i="1"/>
  <c r="V94932" i="1"/>
  <c r="V94933" i="1"/>
  <c r="V94934" i="1"/>
  <c r="V94935" i="1"/>
  <c r="V94936" i="1"/>
  <c r="V94937" i="1"/>
  <c r="V94938" i="1"/>
  <c r="V94939" i="1"/>
  <c r="V94940" i="1"/>
  <c r="V94941" i="1"/>
  <c r="V94942" i="1"/>
  <c r="V94943" i="1"/>
  <c r="V94944" i="1"/>
  <c r="V94945" i="1"/>
  <c r="V94946" i="1"/>
  <c r="V94947" i="1"/>
  <c r="V94948" i="1"/>
  <c r="V94949" i="1"/>
  <c r="V94950" i="1"/>
  <c r="V94951" i="1"/>
  <c r="V94952" i="1"/>
  <c r="V94953" i="1"/>
  <c r="V94954" i="1"/>
  <c r="V94955" i="1"/>
  <c r="V94956" i="1"/>
  <c r="V94957" i="1"/>
  <c r="V94958" i="1"/>
  <c r="V94959" i="1"/>
  <c r="V94960" i="1"/>
  <c r="V94961" i="1"/>
  <c r="V94962" i="1"/>
  <c r="V94963" i="1"/>
  <c r="V94964" i="1"/>
  <c r="V94965" i="1"/>
  <c r="V94966" i="1"/>
  <c r="V94967" i="1"/>
  <c r="V94968" i="1"/>
  <c r="V94969" i="1"/>
  <c r="V94970" i="1"/>
  <c r="V94971" i="1"/>
  <c r="V94972" i="1"/>
  <c r="V94973" i="1"/>
  <c r="V94974" i="1"/>
  <c r="V94975" i="1"/>
  <c r="V94976" i="1"/>
  <c r="V94977" i="1"/>
  <c r="V94978" i="1"/>
  <c r="V94979" i="1"/>
  <c r="V94980" i="1"/>
  <c r="V94981" i="1"/>
  <c r="V94982" i="1"/>
  <c r="V94983" i="1"/>
  <c r="V94984" i="1"/>
  <c r="V94985" i="1"/>
  <c r="V94986" i="1"/>
  <c r="V94987" i="1"/>
  <c r="V94988" i="1"/>
  <c r="V94989" i="1"/>
  <c r="V94990" i="1"/>
  <c r="V94991" i="1"/>
  <c r="V94992" i="1"/>
  <c r="V94993" i="1"/>
  <c r="V94994" i="1"/>
  <c r="V94995" i="1"/>
  <c r="V94996" i="1"/>
  <c r="V94997" i="1"/>
  <c r="V94998" i="1"/>
  <c r="V94999" i="1"/>
  <c r="V95000" i="1"/>
  <c r="V95001" i="1"/>
  <c r="V95002" i="1"/>
  <c r="V95003" i="1"/>
  <c r="V95004" i="1"/>
  <c r="V95005" i="1"/>
  <c r="V95006" i="1"/>
  <c r="V95007" i="1"/>
  <c r="V95008" i="1"/>
  <c r="V95009" i="1"/>
  <c r="V95010" i="1"/>
  <c r="V95011" i="1"/>
  <c r="V95012" i="1"/>
  <c r="V95013" i="1"/>
  <c r="V95014" i="1"/>
  <c r="V95015" i="1"/>
  <c r="V95016" i="1"/>
  <c r="V95017" i="1"/>
  <c r="V95018" i="1"/>
  <c r="V95019" i="1"/>
  <c r="V95020" i="1"/>
  <c r="V95021" i="1"/>
  <c r="V95022" i="1"/>
  <c r="V95023" i="1"/>
  <c r="V95024" i="1"/>
  <c r="V95025" i="1"/>
  <c r="V95026" i="1"/>
  <c r="V95027" i="1"/>
  <c r="V95028" i="1"/>
  <c r="V95029" i="1"/>
  <c r="V95030" i="1"/>
  <c r="V95031" i="1"/>
  <c r="V95032" i="1"/>
  <c r="V95033" i="1"/>
  <c r="V95034" i="1"/>
  <c r="V95035" i="1"/>
  <c r="V95036" i="1"/>
  <c r="V95037" i="1"/>
  <c r="V95038" i="1"/>
  <c r="V95039" i="1"/>
  <c r="V95040" i="1"/>
  <c r="V95041" i="1"/>
  <c r="V95042" i="1"/>
  <c r="V95043" i="1"/>
  <c r="V95044" i="1"/>
  <c r="V95045" i="1"/>
  <c r="V95046" i="1"/>
  <c r="V95047" i="1"/>
  <c r="V95048" i="1"/>
  <c r="V95049" i="1"/>
  <c r="V95050" i="1"/>
  <c r="V95051" i="1"/>
  <c r="V95052" i="1"/>
  <c r="V95053" i="1"/>
  <c r="V95054" i="1"/>
  <c r="V95055" i="1"/>
  <c r="V95056" i="1"/>
  <c r="V95057" i="1"/>
  <c r="V95058" i="1"/>
  <c r="V95059" i="1"/>
  <c r="V95060" i="1"/>
  <c r="V95061" i="1"/>
  <c r="V95062" i="1"/>
  <c r="V95063" i="1"/>
  <c r="V95064" i="1"/>
  <c r="V95065" i="1"/>
  <c r="V95066" i="1"/>
  <c r="V95067" i="1"/>
  <c r="V95068" i="1"/>
  <c r="V95069" i="1"/>
  <c r="V95070" i="1"/>
  <c r="V95071" i="1"/>
  <c r="V95072" i="1"/>
  <c r="V95073" i="1"/>
  <c r="V95074" i="1"/>
  <c r="V95075" i="1"/>
  <c r="V95076" i="1"/>
  <c r="V95077" i="1"/>
  <c r="V95078" i="1"/>
  <c r="V95079" i="1"/>
  <c r="V95080" i="1"/>
  <c r="V95081" i="1"/>
  <c r="V95082" i="1"/>
  <c r="V95083" i="1"/>
  <c r="V95084" i="1"/>
  <c r="V95085" i="1"/>
  <c r="V95086" i="1"/>
  <c r="V95087" i="1"/>
  <c r="V95088" i="1"/>
  <c r="V95089" i="1"/>
  <c r="V95090" i="1"/>
  <c r="V95091" i="1"/>
  <c r="V95092" i="1"/>
  <c r="V95093" i="1"/>
  <c r="V95094" i="1"/>
  <c r="V95095" i="1"/>
  <c r="V95096" i="1"/>
  <c r="V95097" i="1"/>
  <c r="V95098" i="1"/>
  <c r="V95099" i="1"/>
  <c r="V95100" i="1"/>
  <c r="V95101" i="1"/>
  <c r="V95102" i="1"/>
  <c r="V95103" i="1"/>
  <c r="V95104" i="1"/>
  <c r="V95105" i="1"/>
  <c r="V95106" i="1"/>
  <c r="V95107" i="1"/>
  <c r="V95108" i="1"/>
  <c r="V95109" i="1"/>
  <c r="V95110" i="1"/>
  <c r="V95111" i="1"/>
  <c r="V95112" i="1"/>
  <c r="V95113" i="1"/>
  <c r="V95114" i="1"/>
  <c r="V95115" i="1"/>
  <c r="V95116" i="1"/>
  <c r="V95117" i="1"/>
  <c r="V95118" i="1"/>
  <c r="V95119" i="1"/>
  <c r="V95120" i="1"/>
  <c r="V95121" i="1"/>
  <c r="V95122" i="1"/>
  <c r="V95123" i="1"/>
  <c r="V95124" i="1"/>
  <c r="V95125" i="1"/>
  <c r="V95126" i="1"/>
  <c r="V95127" i="1"/>
  <c r="V95128" i="1"/>
  <c r="V95129" i="1"/>
  <c r="V95130" i="1"/>
  <c r="V95131" i="1"/>
  <c r="V95132" i="1"/>
  <c r="V95133" i="1"/>
  <c r="V95134" i="1"/>
  <c r="V95135" i="1"/>
  <c r="V95136" i="1"/>
  <c r="V95137" i="1"/>
  <c r="V95138" i="1"/>
  <c r="V95139" i="1"/>
  <c r="V95140" i="1"/>
  <c r="V95141" i="1"/>
  <c r="V95142" i="1"/>
  <c r="V95143" i="1"/>
  <c r="V95144" i="1"/>
  <c r="V95145" i="1"/>
  <c r="V95146" i="1"/>
  <c r="V95147" i="1"/>
  <c r="V95148" i="1"/>
  <c r="V95149" i="1"/>
  <c r="V95150" i="1"/>
  <c r="V95151" i="1"/>
  <c r="V95152" i="1"/>
  <c r="V95153" i="1"/>
  <c r="V95154" i="1"/>
  <c r="V95155" i="1"/>
  <c r="V95156" i="1"/>
  <c r="V95157" i="1"/>
  <c r="V95158" i="1"/>
  <c r="V95159" i="1"/>
  <c r="V95160" i="1"/>
  <c r="V95161" i="1"/>
  <c r="V95162" i="1"/>
  <c r="V95163" i="1"/>
  <c r="V95164" i="1"/>
  <c r="V95165" i="1"/>
  <c r="V95166" i="1"/>
  <c r="V95167" i="1"/>
  <c r="V95168" i="1"/>
  <c r="V95169" i="1"/>
  <c r="V95170" i="1"/>
  <c r="V95171" i="1"/>
  <c r="V95172" i="1"/>
  <c r="V95173" i="1"/>
  <c r="V95174" i="1"/>
  <c r="V95175" i="1"/>
  <c r="V95176" i="1"/>
  <c r="V95177" i="1"/>
  <c r="V95178" i="1"/>
  <c r="V95179" i="1"/>
  <c r="V95180" i="1"/>
  <c r="V95181" i="1"/>
  <c r="V95182" i="1"/>
  <c r="V95183" i="1"/>
  <c r="V95184" i="1"/>
  <c r="V95185" i="1"/>
  <c r="V95186" i="1"/>
  <c r="V95187" i="1"/>
  <c r="V95188" i="1"/>
  <c r="V95189" i="1"/>
  <c r="V95190" i="1"/>
  <c r="V95191" i="1"/>
  <c r="V95192" i="1"/>
  <c r="V95193" i="1"/>
  <c r="V95194" i="1"/>
  <c r="V95195" i="1"/>
  <c r="V95196" i="1"/>
  <c r="V95197" i="1"/>
  <c r="V95198" i="1"/>
  <c r="V95199" i="1"/>
  <c r="V95200" i="1"/>
  <c r="V95201" i="1"/>
  <c r="V95202" i="1"/>
  <c r="V95203" i="1"/>
  <c r="V95204" i="1"/>
  <c r="V95205" i="1"/>
  <c r="V95206" i="1"/>
  <c r="V95207" i="1"/>
  <c r="V95208" i="1"/>
  <c r="V95209" i="1"/>
  <c r="V95210" i="1"/>
  <c r="V95211" i="1"/>
  <c r="V95212" i="1"/>
  <c r="V95213" i="1"/>
  <c r="V95214" i="1"/>
  <c r="V95215" i="1"/>
  <c r="V95216" i="1"/>
  <c r="V95217" i="1"/>
  <c r="V95218" i="1"/>
  <c r="V95219" i="1"/>
  <c r="V95220" i="1"/>
  <c r="V95221" i="1"/>
  <c r="V95222" i="1"/>
  <c r="V95223" i="1"/>
  <c r="V95224" i="1"/>
  <c r="V95225" i="1"/>
  <c r="V95226" i="1"/>
  <c r="V95227" i="1"/>
  <c r="V95228" i="1"/>
  <c r="V95229" i="1"/>
  <c r="V95230" i="1"/>
  <c r="V95231" i="1"/>
  <c r="V95232" i="1"/>
  <c r="V95233" i="1"/>
  <c r="V95234" i="1"/>
  <c r="V95235" i="1"/>
  <c r="V95236" i="1"/>
  <c r="V95237" i="1"/>
  <c r="V95238" i="1"/>
  <c r="V95239" i="1"/>
  <c r="V95240" i="1"/>
  <c r="V95241" i="1"/>
  <c r="V95242" i="1"/>
  <c r="V95243" i="1"/>
  <c r="V95244" i="1"/>
  <c r="V95245" i="1"/>
  <c r="V95246" i="1"/>
  <c r="V95247" i="1"/>
  <c r="V95248" i="1"/>
  <c r="V95249" i="1"/>
  <c r="V95250" i="1"/>
  <c r="V95251" i="1"/>
  <c r="V95252" i="1"/>
  <c r="V95253" i="1"/>
  <c r="V95254" i="1"/>
  <c r="V95255" i="1"/>
  <c r="V95256" i="1"/>
  <c r="V95257" i="1"/>
  <c r="V95258" i="1"/>
  <c r="V95259" i="1"/>
  <c r="V95260" i="1"/>
  <c r="V95261" i="1"/>
  <c r="V95262" i="1"/>
  <c r="V95263" i="1"/>
  <c r="V95264" i="1"/>
  <c r="V95265" i="1"/>
  <c r="V95266" i="1"/>
  <c r="V95267" i="1"/>
  <c r="V95268" i="1"/>
  <c r="V95269" i="1"/>
  <c r="V95270" i="1"/>
  <c r="V95271" i="1"/>
  <c r="V95272" i="1"/>
  <c r="V95273" i="1"/>
  <c r="V95274" i="1"/>
  <c r="V95275" i="1"/>
  <c r="V95276" i="1"/>
  <c r="V95277" i="1"/>
  <c r="V95278" i="1"/>
  <c r="V95279" i="1"/>
  <c r="V95280" i="1"/>
  <c r="V95281" i="1"/>
  <c r="V95282" i="1"/>
  <c r="V95283" i="1"/>
  <c r="V95284" i="1"/>
  <c r="V95285" i="1"/>
  <c r="V95286" i="1"/>
  <c r="V95287" i="1"/>
  <c r="V95288" i="1"/>
  <c r="V95289" i="1"/>
  <c r="V95290" i="1"/>
  <c r="V95291" i="1"/>
  <c r="V95292" i="1"/>
  <c r="V95293" i="1"/>
  <c r="V95294" i="1"/>
  <c r="V95295" i="1"/>
  <c r="V95296" i="1"/>
  <c r="V95297" i="1"/>
  <c r="V95298" i="1"/>
  <c r="V95299" i="1"/>
  <c r="V95300" i="1"/>
  <c r="V95301" i="1"/>
  <c r="V95302" i="1"/>
  <c r="V95303" i="1"/>
  <c r="V95304" i="1"/>
  <c r="V95305" i="1"/>
  <c r="V95306" i="1"/>
  <c r="V95307" i="1"/>
  <c r="V95308" i="1"/>
  <c r="V95309" i="1"/>
  <c r="V95310" i="1"/>
  <c r="V95311" i="1"/>
  <c r="V95312" i="1"/>
  <c r="V95313" i="1"/>
  <c r="V95314" i="1"/>
  <c r="V95315" i="1"/>
  <c r="V95316" i="1"/>
  <c r="V95317" i="1"/>
  <c r="V95318" i="1"/>
  <c r="V95319" i="1"/>
  <c r="V95320" i="1"/>
  <c r="V95321" i="1"/>
  <c r="V95322" i="1"/>
  <c r="V95323" i="1"/>
  <c r="V95324" i="1"/>
  <c r="V95325" i="1"/>
  <c r="V95326" i="1"/>
  <c r="V95327" i="1"/>
  <c r="V95328" i="1"/>
  <c r="V95329" i="1"/>
  <c r="V95330" i="1"/>
  <c r="V95331" i="1"/>
  <c r="V95332" i="1"/>
  <c r="V95333" i="1"/>
  <c r="V95334" i="1"/>
  <c r="V95335" i="1"/>
  <c r="V95336" i="1"/>
  <c r="V95337" i="1"/>
  <c r="V95338" i="1"/>
  <c r="V95339" i="1"/>
  <c r="V95340" i="1"/>
  <c r="V95341" i="1"/>
  <c r="V95342" i="1"/>
  <c r="V95343" i="1"/>
  <c r="V95344" i="1"/>
  <c r="V95345" i="1"/>
  <c r="V95346" i="1"/>
  <c r="V95347" i="1"/>
  <c r="V95348" i="1"/>
  <c r="V95349" i="1"/>
  <c r="V95350" i="1"/>
  <c r="V95351" i="1"/>
  <c r="V95352" i="1"/>
  <c r="V95353" i="1"/>
  <c r="V95354" i="1"/>
  <c r="V95355" i="1"/>
  <c r="V95356" i="1"/>
  <c r="V95357" i="1"/>
  <c r="V95358" i="1"/>
  <c r="V95359" i="1"/>
  <c r="V95360" i="1"/>
  <c r="V95361" i="1"/>
  <c r="V95362" i="1"/>
  <c r="V95363" i="1"/>
  <c r="V95364" i="1"/>
  <c r="V95365" i="1"/>
  <c r="V95366" i="1"/>
  <c r="V95367" i="1"/>
  <c r="V95368" i="1"/>
  <c r="V95369" i="1"/>
  <c r="V95370" i="1"/>
  <c r="V95371" i="1"/>
  <c r="V95372" i="1"/>
  <c r="V95373" i="1"/>
  <c r="V95374" i="1"/>
  <c r="V95375" i="1"/>
  <c r="V95376" i="1"/>
  <c r="V95377" i="1"/>
  <c r="V95378" i="1"/>
  <c r="V95379" i="1"/>
  <c r="V95380" i="1"/>
  <c r="V95381" i="1"/>
  <c r="V95382" i="1"/>
  <c r="V95383" i="1"/>
  <c r="V95384" i="1"/>
  <c r="V95385" i="1"/>
  <c r="V95386" i="1"/>
  <c r="V95387" i="1"/>
  <c r="V95388" i="1"/>
  <c r="V95389" i="1"/>
  <c r="V95390" i="1"/>
  <c r="V95391" i="1"/>
  <c r="V95392" i="1"/>
  <c r="V95393" i="1"/>
  <c r="V95394" i="1"/>
  <c r="V95395" i="1"/>
  <c r="V95396" i="1"/>
  <c r="V95397" i="1"/>
  <c r="V95398" i="1"/>
  <c r="V95399" i="1"/>
  <c r="V95400" i="1"/>
  <c r="V95401" i="1"/>
  <c r="V95402" i="1"/>
  <c r="V95403" i="1"/>
  <c r="V95404" i="1"/>
  <c r="V95405" i="1"/>
  <c r="V95406" i="1"/>
  <c r="V95407" i="1"/>
  <c r="V95408" i="1"/>
  <c r="V95409" i="1"/>
  <c r="V95410" i="1"/>
  <c r="V95411" i="1"/>
  <c r="V95412" i="1"/>
  <c r="V95413" i="1"/>
  <c r="V95414" i="1"/>
  <c r="V95415" i="1"/>
  <c r="V95416" i="1"/>
  <c r="V95417" i="1"/>
  <c r="V95418" i="1"/>
  <c r="V95419" i="1"/>
  <c r="V95420" i="1"/>
  <c r="V95421" i="1"/>
  <c r="V95422" i="1"/>
  <c r="V95423" i="1"/>
  <c r="V95424" i="1"/>
  <c r="V95425" i="1"/>
  <c r="V95426" i="1"/>
  <c r="V95427" i="1"/>
  <c r="V95428" i="1"/>
  <c r="V95429" i="1"/>
  <c r="V95430" i="1"/>
  <c r="V95431" i="1"/>
  <c r="V95432" i="1"/>
  <c r="V95433" i="1"/>
  <c r="V95434" i="1"/>
  <c r="V95435" i="1"/>
  <c r="V95436" i="1"/>
  <c r="V95437" i="1"/>
  <c r="V95438" i="1"/>
  <c r="V95439" i="1"/>
  <c r="V95440" i="1"/>
  <c r="V95441" i="1"/>
  <c r="V95442" i="1"/>
  <c r="V95443" i="1"/>
  <c r="V95444" i="1"/>
  <c r="V95445" i="1"/>
  <c r="V95446" i="1"/>
  <c r="V95447" i="1"/>
  <c r="V95448" i="1"/>
  <c r="V2710" i="1"/>
  <c r="T1871" i="1"/>
  <c r="T1872" i="1"/>
  <c r="T1873" i="1"/>
  <c r="T1874" i="1"/>
  <c r="T1875" i="1"/>
  <c r="T1876" i="1"/>
  <c r="T1877" i="1"/>
  <c r="T1878" i="1"/>
  <c r="T1879" i="1"/>
  <c r="T1880" i="1"/>
  <c r="T1881" i="1"/>
  <c r="T1882" i="1"/>
  <c r="T1883" i="1"/>
  <c r="T1884" i="1"/>
  <c r="T1885" i="1"/>
  <c r="T1886" i="1"/>
  <c r="T1887" i="1"/>
  <c r="T1888" i="1"/>
  <c r="T1889" i="1"/>
  <c r="T1890" i="1"/>
  <c r="T1891" i="1"/>
  <c r="T1892" i="1"/>
  <c r="T1893" i="1"/>
  <c r="T1894" i="1"/>
  <c r="T1895" i="1"/>
  <c r="T1896" i="1"/>
  <c r="T1897" i="1"/>
  <c r="T1898" i="1"/>
  <c r="T1899" i="1"/>
  <c r="T1900" i="1"/>
  <c r="T1901" i="1"/>
  <c r="T1902" i="1"/>
  <c r="T1903" i="1"/>
  <c r="T1904" i="1"/>
  <c r="T1905" i="1"/>
  <c r="T1906" i="1"/>
  <c r="T1907" i="1"/>
  <c r="T1908" i="1"/>
  <c r="T1909" i="1"/>
  <c r="T1910" i="1"/>
  <c r="T1911" i="1"/>
  <c r="T1912" i="1"/>
  <c r="T1913" i="1"/>
  <c r="T1914" i="1"/>
  <c r="T1915" i="1"/>
  <c r="T1916" i="1"/>
  <c r="T1917" i="1"/>
  <c r="T1918" i="1"/>
  <c r="T1919" i="1"/>
  <c r="T1920" i="1"/>
  <c r="T1921" i="1"/>
  <c r="T1922" i="1"/>
  <c r="T1923" i="1"/>
  <c r="T1924" i="1"/>
  <c r="T1925" i="1"/>
  <c r="T1926" i="1"/>
  <c r="T1927" i="1"/>
  <c r="T1928" i="1"/>
  <c r="T1929" i="1"/>
  <c r="T1930" i="1"/>
  <c r="T1931" i="1"/>
  <c r="T1932" i="1"/>
  <c r="T1933" i="1"/>
  <c r="T1934" i="1"/>
  <c r="T1935" i="1"/>
  <c r="T1936" i="1"/>
  <c r="T1937" i="1"/>
  <c r="T1938" i="1"/>
  <c r="T1939" i="1"/>
  <c r="T1940" i="1"/>
  <c r="T1941" i="1"/>
  <c r="T1942" i="1"/>
  <c r="T1943" i="1"/>
  <c r="T1944" i="1"/>
  <c r="T1945" i="1"/>
  <c r="T1946" i="1"/>
  <c r="T1947" i="1"/>
  <c r="T1948" i="1"/>
  <c r="T1949" i="1"/>
  <c r="T1950" i="1"/>
  <c r="T1951" i="1"/>
  <c r="T1952" i="1"/>
  <c r="T1953" i="1"/>
  <c r="T1954" i="1"/>
  <c r="T1955" i="1"/>
  <c r="T1956" i="1"/>
  <c r="T1957" i="1"/>
  <c r="T1958" i="1"/>
  <c r="T1959" i="1"/>
  <c r="T1960" i="1"/>
  <c r="T1961" i="1"/>
  <c r="T1962" i="1"/>
  <c r="T1963" i="1"/>
  <c r="T1964" i="1"/>
  <c r="T1965" i="1"/>
  <c r="T1966" i="1"/>
  <c r="T1967" i="1"/>
  <c r="T1968" i="1"/>
  <c r="T1969" i="1"/>
  <c r="T1970" i="1"/>
  <c r="T1971" i="1"/>
  <c r="T1972" i="1"/>
  <c r="T1973" i="1"/>
  <c r="T1974" i="1"/>
  <c r="T1975" i="1"/>
  <c r="T1976" i="1"/>
  <c r="T1977" i="1"/>
  <c r="T1978" i="1"/>
  <c r="T1979" i="1"/>
  <c r="T1980" i="1"/>
  <c r="T1981" i="1"/>
  <c r="T1982" i="1"/>
  <c r="T1983" i="1"/>
  <c r="T1984" i="1"/>
  <c r="T1985" i="1"/>
  <c r="T1986" i="1"/>
  <c r="T1987" i="1"/>
  <c r="T1988" i="1"/>
  <c r="T1989" i="1"/>
  <c r="T1990" i="1"/>
  <c r="T1991" i="1"/>
  <c r="T1992" i="1"/>
  <c r="T1993" i="1"/>
  <c r="T1994" i="1"/>
  <c r="T1995" i="1"/>
  <c r="T1996" i="1"/>
  <c r="T1997" i="1"/>
  <c r="T1998" i="1"/>
  <c r="T1999" i="1"/>
  <c r="T2000" i="1"/>
  <c r="T2001" i="1"/>
  <c r="T2002" i="1"/>
  <c r="T2003" i="1"/>
  <c r="T2004" i="1"/>
  <c r="T2005" i="1"/>
  <c r="T2006" i="1"/>
  <c r="T2007" i="1"/>
  <c r="T2008" i="1"/>
  <c r="T2009" i="1"/>
  <c r="T2010" i="1"/>
  <c r="T2011" i="1"/>
  <c r="T2012" i="1"/>
  <c r="T2013" i="1"/>
  <c r="T2014" i="1"/>
  <c r="T2015" i="1"/>
  <c r="T2016" i="1"/>
  <c r="T2017" i="1"/>
  <c r="T2018" i="1"/>
  <c r="T2019" i="1"/>
  <c r="T2020" i="1"/>
  <c r="T2021" i="1"/>
  <c r="T2022" i="1"/>
  <c r="T2023" i="1"/>
  <c r="T2024" i="1"/>
  <c r="T2025" i="1"/>
  <c r="T2026" i="1"/>
  <c r="T2027" i="1"/>
  <c r="T2028" i="1"/>
  <c r="T2029" i="1"/>
  <c r="T2030" i="1"/>
  <c r="T2031" i="1"/>
  <c r="T2032" i="1"/>
  <c r="T2033" i="1"/>
  <c r="T2034" i="1"/>
  <c r="T2035" i="1"/>
  <c r="T2036" i="1"/>
  <c r="T2037" i="1"/>
  <c r="T2038" i="1"/>
  <c r="T2039" i="1"/>
  <c r="T2040" i="1"/>
  <c r="T2041" i="1"/>
  <c r="T2042" i="1"/>
  <c r="T2043" i="1"/>
  <c r="T2044" i="1"/>
  <c r="T2045" i="1"/>
  <c r="T2046" i="1"/>
  <c r="T2047" i="1"/>
  <c r="T2048" i="1"/>
  <c r="T2049" i="1"/>
  <c r="T2050" i="1"/>
  <c r="T2051" i="1"/>
  <c r="T2052" i="1"/>
  <c r="T2053" i="1"/>
  <c r="T2054" i="1"/>
  <c r="T2055" i="1"/>
  <c r="T2056" i="1"/>
  <c r="T2057" i="1"/>
  <c r="T2058" i="1"/>
  <c r="T2059" i="1"/>
  <c r="T2060" i="1"/>
  <c r="T2061" i="1"/>
  <c r="T2062" i="1"/>
  <c r="T2063" i="1"/>
  <c r="T2064" i="1"/>
  <c r="T2065" i="1"/>
  <c r="T2066" i="1"/>
  <c r="T2067" i="1"/>
  <c r="T2068" i="1"/>
  <c r="T2069" i="1"/>
  <c r="T2070" i="1"/>
  <c r="T2071" i="1"/>
  <c r="T2072" i="1"/>
  <c r="T2073" i="1"/>
  <c r="T2074" i="1"/>
  <c r="T2075" i="1"/>
  <c r="T2076" i="1"/>
  <c r="T2077" i="1"/>
  <c r="T2078" i="1"/>
  <c r="T2079" i="1"/>
  <c r="T2080" i="1"/>
  <c r="T2081" i="1"/>
  <c r="T2082" i="1"/>
  <c r="T2083" i="1"/>
  <c r="T2084" i="1"/>
  <c r="T2085" i="1"/>
  <c r="T2086" i="1"/>
  <c r="T2087" i="1"/>
  <c r="T2088" i="1"/>
  <c r="T2089" i="1"/>
  <c r="T2090" i="1"/>
  <c r="T2091" i="1"/>
  <c r="T2092" i="1"/>
  <c r="T2093" i="1"/>
  <c r="T2094" i="1"/>
  <c r="T2095" i="1"/>
  <c r="T2096" i="1"/>
  <c r="T2097" i="1"/>
  <c r="T2098" i="1"/>
  <c r="T2099" i="1"/>
  <c r="T2100" i="1"/>
  <c r="T2101" i="1"/>
  <c r="T2102" i="1"/>
  <c r="T2103" i="1"/>
  <c r="T2104" i="1"/>
  <c r="T2105" i="1"/>
  <c r="T2106" i="1"/>
  <c r="T2107" i="1"/>
  <c r="T2108" i="1"/>
  <c r="T2109" i="1"/>
  <c r="T2110" i="1"/>
  <c r="T2111" i="1"/>
  <c r="T2112" i="1"/>
  <c r="T2113" i="1"/>
  <c r="T2114" i="1"/>
  <c r="T2115" i="1"/>
  <c r="T2116" i="1"/>
  <c r="T2117" i="1"/>
  <c r="T2118" i="1"/>
  <c r="T2119" i="1"/>
  <c r="T2120" i="1"/>
  <c r="T2121" i="1"/>
  <c r="T2122" i="1"/>
  <c r="T2123" i="1"/>
  <c r="T2124" i="1"/>
  <c r="T2125" i="1"/>
  <c r="T2126" i="1"/>
  <c r="T2127" i="1"/>
  <c r="T2128" i="1"/>
  <c r="T2129" i="1"/>
  <c r="T2130" i="1"/>
  <c r="T2131" i="1"/>
  <c r="T2132" i="1"/>
  <c r="T2133" i="1"/>
  <c r="T2134" i="1"/>
  <c r="T2135" i="1"/>
  <c r="T2136" i="1"/>
  <c r="T2137" i="1"/>
  <c r="T2138" i="1"/>
  <c r="T2139" i="1"/>
  <c r="T2140" i="1"/>
  <c r="T2141" i="1"/>
  <c r="T2142" i="1"/>
  <c r="T2143" i="1"/>
  <c r="T2144" i="1"/>
  <c r="T2145" i="1"/>
  <c r="T2146" i="1"/>
  <c r="T2147" i="1"/>
  <c r="T2148" i="1"/>
  <c r="T2149" i="1"/>
  <c r="T2150" i="1"/>
  <c r="T2151" i="1"/>
  <c r="T2152" i="1"/>
  <c r="T2153" i="1"/>
  <c r="T2154" i="1"/>
  <c r="T2155" i="1"/>
  <c r="T2156" i="1"/>
  <c r="T2157" i="1"/>
  <c r="T2158" i="1"/>
  <c r="T2159" i="1"/>
  <c r="T2160" i="1"/>
  <c r="T2161" i="1"/>
  <c r="T2162" i="1"/>
  <c r="T2163" i="1"/>
  <c r="T2164" i="1"/>
  <c r="T2165" i="1"/>
  <c r="T2166" i="1"/>
  <c r="T2167" i="1"/>
  <c r="T2168" i="1"/>
  <c r="T2169" i="1"/>
  <c r="T2170" i="1"/>
  <c r="T2171" i="1"/>
  <c r="T2172" i="1"/>
  <c r="T2173" i="1"/>
  <c r="T2174" i="1"/>
  <c r="T2175" i="1"/>
  <c r="T2176" i="1"/>
  <c r="T2177" i="1"/>
  <c r="T2178" i="1"/>
  <c r="T2179" i="1"/>
  <c r="T2180" i="1"/>
  <c r="T2181" i="1"/>
  <c r="T2182" i="1"/>
  <c r="T2183" i="1"/>
  <c r="T2184" i="1"/>
  <c r="T2185" i="1"/>
  <c r="T2186" i="1"/>
  <c r="T2187" i="1"/>
  <c r="T2188" i="1"/>
  <c r="T2189" i="1"/>
  <c r="T2190" i="1"/>
  <c r="T2191" i="1"/>
  <c r="T2192" i="1"/>
  <c r="T2193" i="1"/>
  <c r="T2194" i="1"/>
  <c r="T2195" i="1"/>
  <c r="T2196" i="1"/>
  <c r="T2197" i="1"/>
  <c r="T2198" i="1"/>
  <c r="T2199" i="1"/>
  <c r="T2200" i="1"/>
  <c r="T2201" i="1"/>
  <c r="T2202" i="1"/>
  <c r="T2203" i="1"/>
  <c r="T2204" i="1"/>
  <c r="T2205" i="1"/>
  <c r="T2206" i="1"/>
  <c r="T2207" i="1"/>
  <c r="T2208" i="1"/>
  <c r="T2209" i="1"/>
  <c r="T2210" i="1"/>
  <c r="T2211" i="1"/>
  <c r="T2212" i="1"/>
  <c r="T2213" i="1"/>
  <c r="T2214" i="1"/>
  <c r="T2215" i="1"/>
  <c r="T2216" i="1"/>
  <c r="T2217" i="1"/>
  <c r="T2218" i="1"/>
  <c r="T2219" i="1"/>
  <c r="T2220" i="1"/>
  <c r="T2221" i="1"/>
  <c r="T2222" i="1"/>
  <c r="T2223" i="1"/>
  <c r="T2224" i="1"/>
  <c r="T2225" i="1"/>
  <c r="T2226" i="1"/>
  <c r="T2227" i="1"/>
  <c r="T2228" i="1"/>
  <c r="T2229" i="1"/>
  <c r="T2230" i="1"/>
  <c r="T2231" i="1"/>
  <c r="T2232" i="1"/>
  <c r="T2233" i="1"/>
  <c r="T2234" i="1"/>
  <c r="T2235" i="1"/>
  <c r="T2236" i="1"/>
  <c r="T2237" i="1"/>
  <c r="T2238" i="1"/>
  <c r="T2239" i="1"/>
  <c r="T2240" i="1"/>
  <c r="T2241" i="1"/>
  <c r="T2242" i="1"/>
  <c r="T2243" i="1"/>
  <c r="T2244" i="1"/>
  <c r="T2245" i="1"/>
  <c r="T2246" i="1"/>
  <c r="T2247" i="1"/>
  <c r="T2248" i="1"/>
  <c r="T2249" i="1"/>
  <c r="T2250" i="1"/>
  <c r="T2251" i="1"/>
  <c r="T2252" i="1"/>
  <c r="T2253" i="1"/>
  <c r="T2254" i="1"/>
  <c r="T2255" i="1"/>
  <c r="T2256" i="1"/>
  <c r="T2257" i="1"/>
  <c r="T2258" i="1"/>
  <c r="T2259" i="1"/>
  <c r="T2260" i="1"/>
  <c r="T2261" i="1"/>
  <c r="T2262" i="1"/>
  <c r="T2263" i="1"/>
  <c r="T2264" i="1"/>
  <c r="T2265" i="1"/>
  <c r="T2266" i="1"/>
  <c r="T2267" i="1"/>
  <c r="T2268" i="1"/>
  <c r="T2269" i="1"/>
  <c r="T2270" i="1"/>
  <c r="T2271" i="1"/>
  <c r="T2272" i="1"/>
  <c r="T2273" i="1"/>
  <c r="T2274" i="1"/>
  <c r="T2275" i="1"/>
  <c r="T2276" i="1"/>
  <c r="T2277" i="1"/>
  <c r="T2278" i="1"/>
  <c r="T2279" i="1"/>
  <c r="T2280" i="1"/>
  <c r="T2281" i="1"/>
  <c r="T2282" i="1"/>
  <c r="T2283" i="1"/>
  <c r="T2284" i="1"/>
  <c r="T2285" i="1"/>
  <c r="T2286" i="1"/>
  <c r="T2287" i="1"/>
  <c r="T2288" i="1"/>
  <c r="T2289" i="1"/>
  <c r="T2290" i="1"/>
  <c r="T2291" i="1"/>
  <c r="T2292" i="1"/>
  <c r="T2293" i="1"/>
  <c r="T2294" i="1"/>
  <c r="T2295" i="1"/>
  <c r="T2296" i="1"/>
  <c r="T2297" i="1"/>
  <c r="T2298" i="1"/>
  <c r="T2299" i="1"/>
  <c r="T2300" i="1"/>
  <c r="T2301" i="1"/>
  <c r="T2302" i="1"/>
  <c r="T2303" i="1"/>
  <c r="T2304" i="1"/>
  <c r="T2305" i="1"/>
  <c r="T2306" i="1"/>
  <c r="T2307" i="1"/>
  <c r="T2308" i="1"/>
  <c r="T2309" i="1"/>
  <c r="T2310" i="1"/>
  <c r="T2311" i="1"/>
  <c r="T2312" i="1"/>
  <c r="T2313" i="1"/>
  <c r="T2314" i="1"/>
  <c r="T2315" i="1"/>
  <c r="T2316" i="1"/>
  <c r="T2317" i="1"/>
  <c r="T2318" i="1"/>
  <c r="T2319" i="1"/>
  <c r="T2320" i="1"/>
  <c r="T2321" i="1"/>
  <c r="T2322" i="1"/>
  <c r="T2323" i="1"/>
  <c r="T2324" i="1"/>
  <c r="T2325" i="1"/>
  <c r="T2326" i="1"/>
  <c r="T2327" i="1"/>
  <c r="T2328" i="1"/>
  <c r="T2329" i="1"/>
  <c r="T2330" i="1"/>
  <c r="T2331" i="1"/>
  <c r="T2332" i="1"/>
  <c r="T2333" i="1"/>
  <c r="T2334" i="1"/>
  <c r="T2335" i="1"/>
  <c r="T2336" i="1"/>
  <c r="T2337" i="1"/>
  <c r="T2338" i="1"/>
  <c r="T2339" i="1"/>
  <c r="T2340" i="1"/>
  <c r="T2341" i="1"/>
  <c r="T2342" i="1"/>
  <c r="T2343" i="1"/>
  <c r="T2344" i="1"/>
  <c r="T2345" i="1"/>
  <c r="T2346" i="1"/>
  <c r="T2347" i="1"/>
  <c r="T2348" i="1"/>
  <c r="T2349" i="1"/>
  <c r="T2350" i="1"/>
  <c r="T2351" i="1"/>
  <c r="T2352" i="1"/>
  <c r="T2353" i="1"/>
  <c r="T2354" i="1"/>
  <c r="T2355" i="1"/>
  <c r="T2356" i="1"/>
  <c r="T2357" i="1"/>
  <c r="T2358" i="1"/>
  <c r="T2359" i="1"/>
  <c r="T2360" i="1"/>
  <c r="T2361" i="1"/>
  <c r="T2362" i="1"/>
  <c r="T2363" i="1"/>
  <c r="T2364" i="1"/>
  <c r="T2365" i="1"/>
  <c r="T2366" i="1"/>
  <c r="T2367" i="1"/>
  <c r="T2368" i="1"/>
  <c r="T2369" i="1"/>
  <c r="T2370" i="1"/>
  <c r="T2371" i="1"/>
  <c r="T2372" i="1"/>
  <c r="T2373" i="1"/>
  <c r="T2374" i="1"/>
  <c r="T2375" i="1"/>
  <c r="T2376" i="1"/>
  <c r="T2377" i="1"/>
  <c r="T2378" i="1"/>
  <c r="T2379" i="1"/>
  <c r="T2380" i="1"/>
  <c r="T2381" i="1"/>
  <c r="T2382" i="1"/>
  <c r="T2383" i="1"/>
  <c r="T2384" i="1"/>
  <c r="T2385" i="1"/>
  <c r="T2386" i="1"/>
  <c r="T2387" i="1"/>
  <c r="T2388" i="1"/>
  <c r="T2389" i="1"/>
  <c r="T2390" i="1"/>
  <c r="T2391" i="1"/>
  <c r="T2392" i="1"/>
  <c r="T2393" i="1"/>
  <c r="T2394" i="1"/>
  <c r="T2395" i="1"/>
  <c r="T2396" i="1"/>
  <c r="T2397" i="1"/>
  <c r="T2398" i="1"/>
  <c r="T2399" i="1"/>
  <c r="T2400" i="1"/>
  <c r="T2401" i="1"/>
  <c r="T2402" i="1"/>
  <c r="T2403" i="1"/>
  <c r="T2404" i="1"/>
  <c r="T2405" i="1"/>
  <c r="T2406" i="1"/>
  <c r="T2407" i="1"/>
  <c r="T2408" i="1"/>
  <c r="T2409" i="1"/>
  <c r="T2410" i="1"/>
  <c r="T2411" i="1"/>
  <c r="T2412" i="1"/>
  <c r="T2413" i="1"/>
  <c r="T2414" i="1"/>
  <c r="T2415" i="1"/>
  <c r="T2416" i="1"/>
  <c r="T2417" i="1"/>
  <c r="T2418" i="1"/>
  <c r="T2419" i="1"/>
  <c r="T2420" i="1"/>
  <c r="T2421" i="1"/>
  <c r="T2422" i="1"/>
  <c r="T2423" i="1"/>
  <c r="T2424" i="1"/>
  <c r="T2425" i="1"/>
  <c r="T2426" i="1"/>
  <c r="T2427" i="1"/>
  <c r="T2428" i="1"/>
  <c r="T2429" i="1"/>
  <c r="T2430" i="1"/>
  <c r="T2431" i="1"/>
  <c r="T2432" i="1"/>
  <c r="T2433" i="1"/>
  <c r="T2434" i="1"/>
  <c r="T2435" i="1"/>
  <c r="T2436" i="1"/>
  <c r="T2437" i="1"/>
  <c r="T2438" i="1"/>
  <c r="T2439" i="1"/>
  <c r="T2440" i="1"/>
  <c r="T2441" i="1"/>
  <c r="T2442" i="1"/>
  <c r="T2443" i="1"/>
  <c r="T2444" i="1"/>
  <c r="T2445" i="1"/>
  <c r="T2446" i="1"/>
  <c r="T2447" i="1"/>
  <c r="T2448" i="1"/>
  <c r="T2449" i="1"/>
  <c r="T2450" i="1"/>
  <c r="T2451" i="1"/>
  <c r="T2452" i="1"/>
  <c r="T2453" i="1"/>
  <c r="T2454" i="1"/>
  <c r="T2455" i="1"/>
  <c r="T2456" i="1"/>
  <c r="T2457" i="1"/>
  <c r="T2458" i="1"/>
  <c r="T2459" i="1"/>
  <c r="T2460" i="1"/>
  <c r="T2461" i="1"/>
  <c r="T2462" i="1"/>
  <c r="T2463" i="1"/>
  <c r="T2464" i="1"/>
  <c r="T2465" i="1"/>
  <c r="T2466" i="1"/>
  <c r="T2467" i="1"/>
  <c r="T2468" i="1"/>
  <c r="T2469" i="1"/>
  <c r="T2470" i="1"/>
  <c r="T2471" i="1"/>
  <c r="T2472" i="1"/>
  <c r="T2473" i="1"/>
  <c r="T2474" i="1"/>
  <c r="T2475" i="1"/>
  <c r="T2476" i="1"/>
  <c r="T2477" i="1"/>
  <c r="T2478" i="1"/>
  <c r="T2479" i="1"/>
  <c r="T2480" i="1"/>
  <c r="T2481" i="1"/>
  <c r="T2482" i="1"/>
  <c r="T2483" i="1"/>
  <c r="T2484" i="1"/>
  <c r="T2485" i="1"/>
  <c r="T2486" i="1"/>
  <c r="T2487" i="1"/>
  <c r="T2488" i="1"/>
  <c r="T2489" i="1"/>
  <c r="T2490" i="1"/>
  <c r="T2491" i="1"/>
  <c r="T2492" i="1"/>
  <c r="T2493" i="1"/>
  <c r="T2494" i="1"/>
  <c r="T2495" i="1"/>
  <c r="T2496" i="1"/>
  <c r="T2497" i="1"/>
  <c r="T2498" i="1"/>
  <c r="T2499" i="1"/>
  <c r="T2500" i="1"/>
  <c r="T2501" i="1"/>
  <c r="T2502" i="1"/>
  <c r="T2503" i="1"/>
  <c r="T2504" i="1"/>
  <c r="T2505" i="1"/>
  <c r="T2506" i="1"/>
  <c r="T2507" i="1"/>
  <c r="T2508" i="1"/>
  <c r="T2509" i="1"/>
  <c r="T2510" i="1"/>
  <c r="T2511" i="1"/>
  <c r="T2512" i="1"/>
  <c r="T2513" i="1"/>
  <c r="T2514" i="1"/>
  <c r="T2515" i="1"/>
  <c r="T2516" i="1"/>
  <c r="T2517" i="1"/>
  <c r="T2518" i="1"/>
  <c r="T2519" i="1"/>
  <c r="T2520" i="1"/>
  <c r="T2521" i="1"/>
  <c r="T2522" i="1"/>
  <c r="T2523" i="1"/>
  <c r="T2524" i="1"/>
  <c r="T2525" i="1"/>
  <c r="T2526" i="1"/>
  <c r="T2527" i="1"/>
  <c r="T2528" i="1"/>
  <c r="T2529" i="1"/>
  <c r="T2530" i="1"/>
  <c r="T2531" i="1"/>
  <c r="T2532" i="1"/>
  <c r="T2533" i="1"/>
  <c r="T2534" i="1"/>
  <c r="T2535" i="1"/>
  <c r="T2536" i="1"/>
  <c r="T2537" i="1"/>
  <c r="T2538" i="1"/>
  <c r="T2539" i="1"/>
  <c r="T2540" i="1"/>
  <c r="T2541" i="1"/>
  <c r="T2542" i="1"/>
  <c r="T2543" i="1"/>
  <c r="T2544" i="1"/>
  <c r="T2545" i="1"/>
  <c r="T2546" i="1"/>
  <c r="T2547" i="1"/>
  <c r="T2548" i="1"/>
  <c r="T2549" i="1"/>
  <c r="T2550" i="1"/>
  <c r="T2551" i="1"/>
  <c r="T2552" i="1"/>
  <c r="T2553" i="1"/>
  <c r="T2554" i="1"/>
  <c r="T2555" i="1"/>
  <c r="T2556" i="1"/>
  <c r="T2557" i="1"/>
  <c r="T2558" i="1"/>
  <c r="T2559" i="1"/>
  <c r="T2560" i="1"/>
  <c r="T2561" i="1"/>
  <c r="T2562" i="1"/>
  <c r="T2563" i="1"/>
  <c r="T2564" i="1"/>
  <c r="T2565" i="1"/>
  <c r="T2566" i="1"/>
  <c r="T2567" i="1"/>
  <c r="T2568" i="1"/>
  <c r="T2569" i="1"/>
  <c r="T2570" i="1"/>
  <c r="T2571" i="1"/>
  <c r="T2572" i="1"/>
  <c r="T2573" i="1"/>
  <c r="T2574" i="1"/>
  <c r="T2575" i="1"/>
  <c r="T2576" i="1"/>
  <c r="T2577" i="1"/>
  <c r="T2578" i="1"/>
  <c r="T2579" i="1"/>
  <c r="T2580" i="1"/>
  <c r="T2581" i="1"/>
  <c r="T2582" i="1"/>
  <c r="T2583" i="1"/>
  <c r="T2584" i="1"/>
  <c r="T2585" i="1"/>
  <c r="T2586" i="1"/>
  <c r="T2587" i="1"/>
  <c r="T2588" i="1"/>
  <c r="T2589" i="1"/>
  <c r="T2590" i="1"/>
  <c r="T2591" i="1"/>
  <c r="T2592" i="1"/>
  <c r="T2593" i="1"/>
  <c r="T2594" i="1"/>
  <c r="T2595" i="1"/>
  <c r="T2596" i="1"/>
  <c r="T2597" i="1"/>
  <c r="T2598" i="1"/>
  <c r="T2599" i="1"/>
  <c r="T2600" i="1"/>
  <c r="T2601" i="1"/>
  <c r="T2602" i="1"/>
  <c r="T2603" i="1"/>
  <c r="T2604" i="1"/>
  <c r="T2605" i="1"/>
  <c r="T2606" i="1"/>
  <c r="T2607" i="1"/>
  <c r="T2608" i="1"/>
  <c r="T2609" i="1"/>
  <c r="T2610" i="1"/>
  <c r="T2611" i="1"/>
  <c r="T2612" i="1"/>
  <c r="T2613" i="1"/>
  <c r="T2614" i="1"/>
  <c r="T2615" i="1"/>
  <c r="T2616" i="1"/>
  <c r="T2617" i="1"/>
  <c r="T2618" i="1"/>
  <c r="T2619" i="1"/>
  <c r="T2620" i="1"/>
  <c r="T2621" i="1"/>
  <c r="T2622" i="1"/>
  <c r="T2623" i="1"/>
  <c r="T2624" i="1"/>
  <c r="T2625" i="1"/>
  <c r="T2626" i="1"/>
  <c r="T2627" i="1"/>
  <c r="T2628" i="1"/>
  <c r="T2629" i="1"/>
  <c r="T2630" i="1"/>
  <c r="T2631" i="1"/>
  <c r="T2632" i="1"/>
  <c r="T2633" i="1"/>
  <c r="T2634" i="1"/>
  <c r="T2635" i="1"/>
  <c r="T2636" i="1"/>
  <c r="T2637" i="1"/>
  <c r="T2638" i="1"/>
  <c r="T2639" i="1"/>
  <c r="T2640" i="1"/>
  <c r="T2641" i="1"/>
  <c r="T2642" i="1"/>
  <c r="T2643" i="1"/>
  <c r="T2644" i="1"/>
  <c r="T2645" i="1"/>
  <c r="T2646" i="1"/>
  <c r="T2647" i="1"/>
  <c r="T2648" i="1"/>
  <c r="T2649" i="1"/>
  <c r="T2650" i="1"/>
  <c r="T2651" i="1"/>
  <c r="T2652" i="1"/>
  <c r="T2653" i="1"/>
  <c r="T2654" i="1"/>
  <c r="T2655" i="1"/>
  <c r="T2656" i="1"/>
  <c r="T2657" i="1"/>
  <c r="T2658" i="1"/>
  <c r="T2659" i="1"/>
  <c r="T2660" i="1"/>
  <c r="T2661" i="1"/>
  <c r="T2662" i="1"/>
  <c r="T2663" i="1"/>
  <c r="T2664" i="1"/>
  <c r="T2665" i="1"/>
  <c r="T2666" i="1"/>
  <c r="T2667" i="1"/>
  <c r="T2668" i="1"/>
  <c r="T2669" i="1"/>
  <c r="T2670" i="1"/>
  <c r="T2671" i="1"/>
  <c r="T2672" i="1"/>
  <c r="T2673" i="1"/>
  <c r="T2674" i="1"/>
  <c r="T2675" i="1"/>
  <c r="T2676" i="1"/>
  <c r="T2677" i="1"/>
  <c r="T2678" i="1"/>
  <c r="T2679" i="1"/>
  <c r="T2680" i="1"/>
  <c r="T2681" i="1"/>
  <c r="T2682" i="1"/>
  <c r="T2683" i="1"/>
  <c r="T2684" i="1"/>
  <c r="T2685" i="1"/>
  <c r="T2686" i="1"/>
  <c r="T2687" i="1"/>
  <c r="T2688" i="1"/>
  <c r="T2689" i="1"/>
  <c r="T2690" i="1"/>
  <c r="T2691" i="1"/>
  <c r="T2692" i="1"/>
  <c r="T2693" i="1"/>
  <c r="T2694" i="1"/>
  <c r="T2695" i="1"/>
  <c r="T2696" i="1"/>
  <c r="T2697" i="1"/>
  <c r="T2698" i="1"/>
  <c r="T2699" i="1"/>
  <c r="T2700" i="1"/>
  <c r="T2701" i="1"/>
  <c r="T2702" i="1"/>
  <c r="T2703" i="1"/>
  <c r="T2704" i="1"/>
  <c r="T2705" i="1"/>
  <c r="T2706" i="1"/>
  <c r="T2707" i="1"/>
  <c r="T2708" i="1"/>
  <c r="T2709" i="1"/>
  <c r="T2710" i="1"/>
  <c r="T2711" i="1"/>
  <c r="T2712" i="1"/>
  <c r="T2713" i="1"/>
  <c r="T2714" i="1"/>
  <c r="T2715" i="1"/>
  <c r="T2716" i="1"/>
  <c r="T2717" i="1"/>
  <c r="T2718" i="1"/>
  <c r="T2719" i="1"/>
  <c r="T2720" i="1"/>
  <c r="T2721" i="1"/>
  <c r="T2722" i="1"/>
  <c r="T2723" i="1"/>
  <c r="T2724" i="1"/>
  <c r="T2725" i="1"/>
  <c r="T2726" i="1"/>
  <c r="T2727" i="1"/>
  <c r="T2728" i="1"/>
  <c r="T2729" i="1"/>
  <c r="T2730" i="1"/>
  <c r="T2731" i="1"/>
  <c r="T2732" i="1"/>
  <c r="T2733" i="1"/>
  <c r="T2734" i="1"/>
  <c r="T2735" i="1"/>
  <c r="T2736" i="1"/>
  <c r="T2737" i="1"/>
  <c r="T2738" i="1"/>
  <c r="T2739" i="1"/>
  <c r="T2740" i="1"/>
  <c r="T2741" i="1"/>
  <c r="T2742" i="1"/>
  <c r="T2743" i="1"/>
  <c r="T2744" i="1"/>
  <c r="T2745" i="1"/>
  <c r="T2746" i="1"/>
  <c r="T2747" i="1"/>
  <c r="T2748" i="1"/>
  <c r="T2749" i="1"/>
  <c r="T2750" i="1"/>
  <c r="T2751" i="1"/>
  <c r="T2752" i="1"/>
  <c r="T2753" i="1"/>
  <c r="T2754" i="1"/>
  <c r="T2755" i="1"/>
  <c r="T2756" i="1"/>
  <c r="T2757" i="1"/>
  <c r="T2758" i="1"/>
  <c r="T2759" i="1"/>
  <c r="T2760" i="1"/>
  <c r="T2761" i="1"/>
  <c r="T2762" i="1"/>
  <c r="T2763" i="1"/>
  <c r="T2764" i="1"/>
  <c r="T2765" i="1"/>
  <c r="T2766" i="1"/>
  <c r="T2767" i="1"/>
  <c r="T2768" i="1"/>
  <c r="T2769" i="1"/>
  <c r="T2770" i="1"/>
  <c r="T2771" i="1"/>
  <c r="T2772" i="1"/>
  <c r="T2773" i="1"/>
  <c r="T2774" i="1"/>
  <c r="T2775" i="1"/>
  <c r="T2776" i="1"/>
  <c r="T2777" i="1"/>
  <c r="T2778" i="1"/>
  <c r="T2779" i="1"/>
  <c r="T2780" i="1"/>
  <c r="T2781" i="1"/>
  <c r="T2782" i="1"/>
  <c r="T2783" i="1"/>
  <c r="T2784" i="1"/>
  <c r="T2785" i="1"/>
  <c r="T2786" i="1"/>
  <c r="T2787" i="1"/>
  <c r="T2788" i="1"/>
  <c r="T2789" i="1"/>
  <c r="T2790" i="1"/>
  <c r="T2791" i="1"/>
  <c r="T2792" i="1"/>
  <c r="T2793" i="1"/>
  <c r="T2794" i="1"/>
  <c r="T2795" i="1"/>
  <c r="T2796" i="1"/>
  <c r="T2797" i="1"/>
  <c r="T2798" i="1"/>
  <c r="T2799" i="1"/>
  <c r="T2800" i="1"/>
  <c r="T2801" i="1"/>
  <c r="T2802" i="1"/>
  <c r="T2803" i="1"/>
  <c r="T2804" i="1"/>
  <c r="T2805" i="1"/>
  <c r="T2806" i="1"/>
  <c r="T2807" i="1"/>
  <c r="T2808" i="1"/>
  <c r="T2809" i="1"/>
  <c r="T2810" i="1"/>
  <c r="T2811" i="1"/>
  <c r="T2812" i="1"/>
  <c r="T2813" i="1"/>
  <c r="T2814" i="1"/>
  <c r="T2815" i="1"/>
  <c r="T2816" i="1"/>
  <c r="T2817" i="1"/>
  <c r="T2818" i="1"/>
  <c r="T2819" i="1"/>
  <c r="T2820" i="1"/>
  <c r="T2821" i="1"/>
  <c r="T2822" i="1"/>
  <c r="T2823" i="1"/>
  <c r="T2824" i="1"/>
  <c r="T2825" i="1"/>
  <c r="T2826" i="1"/>
  <c r="T2827" i="1"/>
  <c r="T2828" i="1"/>
  <c r="T2829" i="1"/>
  <c r="T2830" i="1"/>
  <c r="T2831" i="1"/>
  <c r="T2832" i="1"/>
  <c r="T2833" i="1"/>
  <c r="T2834" i="1"/>
  <c r="T2835" i="1"/>
  <c r="T2836" i="1"/>
  <c r="T2837" i="1"/>
  <c r="T2838" i="1"/>
  <c r="T2839" i="1"/>
  <c r="T2840" i="1"/>
  <c r="T2841" i="1"/>
  <c r="T2842" i="1"/>
  <c r="T2843" i="1"/>
  <c r="T2844" i="1"/>
  <c r="T2845" i="1"/>
  <c r="T2846" i="1"/>
  <c r="T2847" i="1"/>
  <c r="T2848" i="1"/>
  <c r="T2849" i="1"/>
  <c r="T2850" i="1"/>
  <c r="T2851" i="1"/>
  <c r="T2852" i="1"/>
  <c r="T2853" i="1"/>
  <c r="T2854" i="1"/>
  <c r="T2855" i="1"/>
  <c r="T2856" i="1"/>
  <c r="T2857" i="1"/>
  <c r="T2858" i="1"/>
  <c r="T2859" i="1"/>
  <c r="T2860" i="1"/>
  <c r="T2861" i="1"/>
  <c r="T2862" i="1"/>
  <c r="T2863" i="1"/>
  <c r="T2864" i="1"/>
  <c r="T2865" i="1"/>
  <c r="T2866" i="1"/>
  <c r="T2867" i="1"/>
  <c r="T2868" i="1"/>
  <c r="T2869" i="1"/>
  <c r="T2870" i="1"/>
  <c r="T2871" i="1"/>
  <c r="T2872" i="1"/>
  <c r="T2873" i="1"/>
  <c r="T2874" i="1"/>
  <c r="T2875" i="1"/>
  <c r="T2876" i="1"/>
  <c r="T2877" i="1"/>
  <c r="T2878" i="1"/>
  <c r="T2879" i="1"/>
  <c r="T2880" i="1"/>
  <c r="T2881" i="1"/>
  <c r="T2882" i="1"/>
  <c r="T2883" i="1"/>
  <c r="T2884" i="1"/>
  <c r="T2885" i="1"/>
  <c r="T2886" i="1"/>
  <c r="T2887" i="1"/>
  <c r="T2888" i="1"/>
  <c r="T2889" i="1"/>
  <c r="T2890" i="1"/>
  <c r="T2891" i="1"/>
  <c r="T2892" i="1"/>
  <c r="T2893" i="1"/>
  <c r="T2894" i="1"/>
  <c r="T2895" i="1"/>
  <c r="T2896" i="1"/>
  <c r="T2897" i="1"/>
  <c r="T2898" i="1"/>
  <c r="T2899" i="1"/>
  <c r="T2900" i="1"/>
  <c r="T2901" i="1"/>
  <c r="T2902" i="1"/>
  <c r="T2903" i="1"/>
  <c r="T2904" i="1"/>
  <c r="T2905" i="1"/>
  <c r="T2906" i="1"/>
  <c r="T2907" i="1"/>
  <c r="T2908" i="1"/>
  <c r="T2909" i="1"/>
  <c r="T2910" i="1"/>
  <c r="T2911" i="1"/>
  <c r="T2912" i="1"/>
  <c r="T2913" i="1"/>
  <c r="T2914" i="1"/>
  <c r="T2915" i="1"/>
  <c r="T2916" i="1"/>
  <c r="T2917" i="1"/>
  <c r="T2918" i="1"/>
  <c r="T2919" i="1"/>
  <c r="T2920" i="1"/>
  <c r="T2921" i="1"/>
  <c r="T2922" i="1"/>
  <c r="T2923" i="1"/>
  <c r="T2924" i="1"/>
  <c r="T2925" i="1"/>
  <c r="T2926" i="1"/>
  <c r="T2927" i="1"/>
  <c r="T2928" i="1"/>
  <c r="T2929" i="1"/>
  <c r="T2930" i="1"/>
  <c r="T2931" i="1"/>
  <c r="T2932" i="1"/>
  <c r="T2933" i="1"/>
  <c r="T2934" i="1"/>
  <c r="T2935" i="1"/>
  <c r="T2936" i="1"/>
  <c r="T2937" i="1"/>
  <c r="T2938" i="1"/>
  <c r="T2939" i="1"/>
  <c r="T2940" i="1"/>
  <c r="T2941" i="1"/>
  <c r="T2942" i="1"/>
  <c r="T2943" i="1"/>
  <c r="T2944" i="1"/>
  <c r="T2945" i="1"/>
  <c r="T2946" i="1"/>
  <c r="T2947" i="1"/>
  <c r="T2948" i="1"/>
  <c r="T2949" i="1"/>
  <c r="T2950" i="1"/>
  <c r="T2951" i="1"/>
  <c r="T2952" i="1"/>
  <c r="T2953" i="1"/>
  <c r="T2954" i="1"/>
  <c r="T2955" i="1"/>
  <c r="T2956" i="1"/>
  <c r="T2957" i="1"/>
  <c r="T2958" i="1"/>
  <c r="T2959" i="1"/>
  <c r="T2960" i="1"/>
  <c r="T2961" i="1"/>
  <c r="T2962" i="1"/>
  <c r="T2963" i="1"/>
  <c r="T2964" i="1"/>
  <c r="T2965" i="1"/>
  <c r="T2966" i="1"/>
  <c r="T2967" i="1"/>
  <c r="T2968" i="1"/>
  <c r="T2969" i="1"/>
  <c r="T2970" i="1"/>
  <c r="T2971" i="1"/>
  <c r="T2972" i="1"/>
  <c r="T2973" i="1"/>
  <c r="T2974" i="1"/>
  <c r="T2975" i="1"/>
  <c r="T2976" i="1"/>
  <c r="T2977" i="1"/>
  <c r="T2978" i="1"/>
  <c r="T2979" i="1"/>
  <c r="T2980" i="1"/>
  <c r="T2981" i="1"/>
  <c r="T2982" i="1"/>
  <c r="T2983" i="1"/>
  <c r="T2984" i="1"/>
  <c r="T2985" i="1"/>
  <c r="T2986" i="1"/>
  <c r="T2987" i="1"/>
  <c r="T2988" i="1"/>
  <c r="T2989" i="1"/>
  <c r="T2990" i="1"/>
  <c r="T2991" i="1"/>
  <c r="T2992" i="1"/>
  <c r="T2993" i="1"/>
  <c r="T2994" i="1"/>
  <c r="T2995" i="1"/>
  <c r="T2996" i="1"/>
  <c r="T2997" i="1"/>
  <c r="T2998" i="1"/>
  <c r="T2999" i="1"/>
  <c r="T3000" i="1"/>
  <c r="T3001" i="1"/>
  <c r="T3002" i="1"/>
  <c r="T3003" i="1"/>
  <c r="T3004" i="1"/>
  <c r="T3005" i="1"/>
  <c r="T3006" i="1"/>
  <c r="T3007" i="1"/>
  <c r="T3008" i="1"/>
  <c r="T3009" i="1"/>
  <c r="T3010" i="1"/>
  <c r="T3011" i="1"/>
  <c r="T3012" i="1"/>
  <c r="T3013" i="1"/>
  <c r="T3014" i="1"/>
  <c r="T3015" i="1"/>
  <c r="T3016" i="1"/>
  <c r="T3017" i="1"/>
  <c r="T3018" i="1"/>
  <c r="T3019" i="1"/>
  <c r="T3020" i="1"/>
  <c r="T3021" i="1"/>
  <c r="T3022" i="1"/>
  <c r="T3023" i="1"/>
  <c r="T3024" i="1"/>
  <c r="T3025" i="1"/>
  <c r="T3026" i="1"/>
  <c r="T3027" i="1"/>
  <c r="T3028" i="1"/>
  <c r="T3029" i="1"/>
  <c r="T3030" i="1"/>
  <c r="T3031" i="1"/>
  <c r="T3032" i="1"/>
  <c r="T3033" i="1"/>
  <c r="T3034" i="1"/>
  <c r="T3035" i="1"/>
  <c r="T3036" i="1"/>
  <c r="T3037" i="1"/>
  <c r="T3038" i="1"/>
  <c r="T3039" i="1"/>
  <c r="T3040" i="1"/>
  <c r="T3041" i="1"/>
  <c r="T3042" i="1"/>
  <c r="T3043" i="1"/>
  <c r="T3044" i="1"/>
  <c r="T3045" i="1"/>
  <c r="T3046" i="1"/>
  <c r="T3047" i="1"/>
  <c r="T3048" i="1"/>
  <c r="T3049" i="1"/>
  <c r="T3050" i="1"/>
  <c r="T3051" i="1"/>
  <c r="T3052" i="1"/>
  <c r="T3053" i="1"/>
  <c r="T3054" i="1"/>
  <c r="T3055" i="1"/>
  <c r="T3056" i="1"/>
  <c r="T3057" i="1"/>
  <c r="T3058" i="1"/>
  <c r="T3059" i="1"/>
  <c r="T3060" i="1"/>
  <c r="T3061" i="1"/>
  <c r="T3062" i="1"/>
  <c r="T3063" i="1"/>
  <c r="T3064" i="1"/>
  <c r="T3065" i="1"/>
  <c r="T3066" i="1"/>
  <c r="T3067" i="1"/>
  <c r="T3068" i="1"/>
  <c r="T3069" i="1"/>
  <c r="T3070" i="1"/>
  <c r="T3071" i="1"/>
  <c r="T3072" i="1"/>
  <c r="T3073" i="1"/>
  <c r="T3074" i="1"/>
  <c r="T3075" i="1"/>
  <c r="T3076" i="1"/>
  <c r="T3077" i="1"/>
  <c r="T3078" i="1"/>
  <c r="T3079" i="1"/>
  <c r="T3080" i="1"/>
  <c r="T3081" i="1"/>
  <c r="T3082" i="1"/>
  <c r="T3083" i="1"/>
  <c r="T3084" i="1"/>
  <c r="T3085" i="1"/>
  <c r="T3086" i="1"/>
  <c r="T3087" i="1"/>
  <c r="T3088" i="1"/>
  <c r="T3089" i="1"/>
  <c r="T3090" i="1"/>
  <c r="T3091" i="1"/>
  <c r="T3092" i="1"/>
  <c r="T3093" i="1"/>
  <c r="T3094" i="1"/>
  <c r="T3095" i="1"/>
  <c r="T3096" i="1"/>
  <c r="T3097" i="1"/>
  <c r="T3098" i="1"/>
  <c r="T3099" i="1"/>
  <c r="T3100" i="1"/>
  <c r="T3101" i="1"/>
  <c r="T3102" i="1"/>
  <c r="T3103" i="1"/>
  <c r="T3104" i="1"/>
  <c r="T3105" i="1"/>
  <c r="T3106" i="1"/>
  <c r="T3107" i="1"/>
  <c r="T3108" i="1"/>
  <c r="T3109" i="1"/>
  <c r="T3110" i="1"/>
  <c r="T3111" i="1"/>
  <c r="T3112" i="1"/>
  <c r="T3113" i="1"/>
  <c r="T3114" i="1"/>
  <c r="T3115" i="1"/>
  <c r="T3116" i="1"/>
  <c r="T3117" i="1"/>
  <c r="T3118" i="1"/>
  <c r="T3119" i="1"/>
  <c r="T3120" i="1"/>
  <c r="T3121" i="1"/>
  <c r="T3122" i="1"/>
  <c r="T3123" i="1"/>
  <c r="T3124" i="1"/>
  <c r="T3125" i="1"/>
  <c r="T3126" i="1"/>
  <c r="T3127" i="1"/>
  <c r="T3128" i="1"/>
  <c r="T3129" i="1"/>
  <c r="T3130" i="1"/>
  <c r="T3131" i="1"/>
  <c r="T3132" i="1"/>
  <c r="T3133" i="1"/>
  <c r="T3134" i="1"/>
  <c r="T3135" i="1"/>
  <c r="T3136" i="1"/>
  <c r="T3137" i="1"/>
  <c r="T3138" i="1"/>
  <c r="T3139" i="1"/>
  <c r="T3140" i="1"/>
  <c r="T3141" i="1"/>
  <c r="T3142" i="1"/>
  <c r="T3143" i="1"/>
  <c r="T3144" i="1"/>
  <c r="T3145" i="1"/>
  <c r="T3146" i="1"/>
  <c r="T3147" i="1"/>
  <c r="T3148" i="1"/>
  <c r="T3149" i="1"/>
  <c r="T3150" i="1"/>
  <c r="T3151" i="1"/>
  <c r="T3152" i="1"/>
  <c r="T3153" i="1"/>
  <c r="T3154" i="1"/>
  <c r="T3155" i="1"/>
  <c r="T3156" i="1"/>
  <c r="T3157" i="1"/>
  <c r="T3158" i="1"/>
  <c r="T3159" i="1"/>
  <c r="T3160" i="1"/>
  <c r="T3161" i="1"/>
  <c r="T3162" i="1"/>
  <c r="T3163" i="1"/>
  <c r="T3164" i="1"/>
  <c r="T3165" i="1"/>
  <c r="T3166" i="1"/>
  <c r="T3167" i="1"/>
  <c r="T3168" i="1"/>
  <c r="T3169" i="1"/>
  <c r="T3170" i="1"/>
  <c r="T3171" i="1"/>
  <c r="T3172" i="1"/>
  <c r="T3173" i="1"/>
  <c r="T3174" i="1"/>
  <c r="T3175" i="1"/>
  <c r="T3176" i="1"/>
  <c r="T3177" i="1"/>
  <c r="T3178" i="1"/>
  <c r="T3179" i="1"/>
  <c r="T3180" i="1"/>
  <c r="T3181" i="1"/>
  <c r="T3182" i="1"/>
  <c r="T3183" i="1"/>
  <c r="T3184" i="1"/>
  <c r="T3185" i="1"/>
  <c r="T3186" i="1"/>
  <c r="T3187" i="1"/>
  <c r="T3188" i="1"/>
  <c r="T3189" i="1"/>
  <c r="T3190" i="1"/>
  <c r="T3191" i="1"/>
  <c r="T3192" i="1"/>
  <c r="T3193" i="1"/>
  <c r="T3194" i="1"/>
  <c r="T3195" i="1"/>
  <c r="T3196" i="1"/>
  <c r="T3197" i="1"/>
  <c r="T3198" i="1"/>
  <c r="T3199" i="1"/>
  <c r="T3200" i="1"/>
  <c r="T3201" i="1"/>
  <c r="T3202" i="1"/>
  <c r="T3203" i="1"/>
  <c r="T3204" i="1"/>
  <c r="T3205" i="1"/>
  <c r="T3206" i="1"/>
  <c r="T3207" i="1"/>
  <c r="T3208" i="1"/>
  <c r="T3209" i="1"/>
  <c r="T3210" i="1"/>
  <c r="T3211" i="1"/>
  <c r="T3212" i="1"/>
  <c r="T3213" i="1"/>
  <c r="T3214" i="1"/>
  <c r="T3215" i="1"/>
  <c r="T3216" i="1"/>
  <c r="T3217" i="1"/>
  <c r="T3218" i="1"/>
  <c r="T3219" i="1"/>
  <c r="T3220" i="1"/>
  <c r="T3221" i="1"/>
  <c r="T3222" i="1"/>
  <c r="T3223" i="1"/>
  <c r="T3224" i="1"/>
  <c r="T3225" i="1"/>
  <c r="T3226" i="1"/>
  <c r="T3227" i="1"/>
  <c r="T3228" i="1"/>
  <c r="T3229" i="1"/>
  <c r="T3230" i="1"/>
  <c r="T3231" i="1"/>
  <c r="T3232" i="1"/>
  <c r="T3233" i="1"/>
  <c r="T3234" i="1"/>
  <c r="T3235" i="1"/>
  <c r="T3236" i="1"/>
  <c r="T3237" i="1"/>
  <c r="T3238" i="1"/>
  <c r="T3239" i="1"/>
  <c r="T3240" i="1"/>
  <c r="T3241" i="1"/>
  <c r="T3242" i="1"/>
  <c r="T3243" i="1"/>
  <c r="T3244" i="1"/>
  <c r="T3245" i="1"/>
  <c r="T3246" i="1"/>
  <c r="T3247" i="1"/>
  <c r="T3248" i="1"/>
  <c r="T3249" i="1"/>
  <c r="T3250" i="1"/>
  <c r="T3251" i="1"/>
  <c r="T3252" i="1"/>
  <c r="T3253" i="1"/>
  <c r="T3254" i="1"/>
  <c r="T3255" i="1"/>
  <c r="T3256" i="1"/>
  <c r="T3257" i="1"/>
  <c r="T3258" i="1"/>
  <c r="T3259" i="1"/>
  <c r="T3260" i="1"/>
  <c r="T3261" i="1"/>
  <c r="T3262" i="1"/>
  <c r="T3263" i="1"/>
  <c r="T3264" i="1"/>
  <c r="T3265" i="1"/>
  <c r="T3266" i="1"/>
  <c r="T3267" i="1"/>
  <c r="T3268" i="1"/>
  <c r="T3269" i="1"/>
  <c r="T3270" i="1"/>
  <c r="T3271" i="1"/>
  <c r="T3272" i="1"/>
  <c r="T3273" i="1"/>
  <c r="T3274" i="1"/>
  <c r="T3275" i="1"/>
  <c r="T3276" i="1"/>
  <c r="T3277" i="1"/>
  <c r="T3278" i="1"/>
  <c r="T3279" i="1"/>
  <c r="T3280" i="1"/>
  <c r="T3281" i="1"/>
  <c r="T3282" i="1"/>
  <c r="T3283" i="1"/>
  <c r="T3284" i="1"/>
  <c r="T3285" i="1"/>
  <c r="T3286" i="1"/>
  <c r="T3287" i="1"/>
  <c r="T3288" i="1"/>
  <c r="T3289" i="1"/>
  <c r="T3290" i="1"/>
  <c r="T3291" i="1"/>
  <c r="T3292" i="1"/>
  <c r="T3293" i="1"/>
  <c r="T3294" i="1"/>
  <c r="T3295" i="1"/>
  <c r="T3296" i="1"/>
  <c r="T3297" i="1"/>
  <c r="T3298" i="1"/>
  <c r="T3299" i="1"/>
  <c r="T3300" i="1"/>
  <c r="T3301" i="1"/>
  <c r="T3302" i="1"/>
  <c r="T3303" i="1"/>
  <c r="T3304" i="1"/>
  <c r="T3305" i="1"/>
  <c r="T3306" i="1"/>
  <c r="T3307" i="1"/>
  <c r="T3308" i="1"/>
  <c r="T3309" i="1"/>
  <c r="T3310" i="1"/>
  <c r="T3311" i="1"/>
  <c r="T3312" i="1"/>
  <c r="T3313" i="1"/>
  <c r="T3314" i="1"/>
  <c r="T3315" i="1"/>
  <c r="T3316" i="1"/>
  <c r="T3317" i="1"/>
  <c r="T3318" i="1"/>
  <c r="T3319" i="1"/>
  <c r="T3320" i="1"/>
  <c r="T3321" i="1"/>
  <c r="T3322" i="1"/>
  <c r="T3323" i="1"/>
  <c r="T3324" i="1"/>
  <c r="T3325" i="1"/>
  <c r="T3326" i="1"/>
  <c r="T3327" i="1"/>
  <c r="T3328" i="1"/>
  <c r="T3329" i="1"/>
  <c r="T3330" i="1"/>
  <c r="T3331" i="1"/>
  <c r="T3332" i="1"/>
  <c r="T3333" i="1"/>
  <c r="T3334" i="1"/>
  <c r="T3335" i="1"/>
  <c r="T3336" i="1"/>
  <c r="T3337" i="1"/>
  <c r="T3338" i="1"/>
  <c r="T3339" i="1"/>
  <c r="T3340" i="1"/>
  <c r="T3341" i="1"/>
  <c r="T3342" i="1"/>
  <c r="T3343" i="1"/>
  <c r="T3344" i="1"/>
  <c r="T3345" i="1"/>
  <c r="T3346" i="1"/>
  <c r="T3347" i="1"/>
  <c r="T3348" i="1"/>
  <c r="T3349" i="1"/>
  <c r="T3350" i="1"/>
  <c r="T3351" i="1"/>
  <c r="T3352" i="1"/>
  <c r="T3353" i="1"/>
  <c r="T3354" i="1"/>
  <c r="T3355" i="1"/>
  <c r="T3356" i="1"/>
  <c r="T3357" i="1"/>
  <c r="T3358" i="1"/>
  <c r="T3359" i="1"/>
  <c r="T3360" i="1"/>
  <c r="T3361" i="1"/>
  <c r="T3362" i="1"/>
  <c r="T3363" i="1"/>
  <c r="T3364" i="1"/>
  <c r="T3365" i="1"/>
  <c r="T3366" i="1"/>
  <c r="T3367" i="1"/>
  <c r="T3368" i="1"/>
  <c r="T3369" i="1"/>
  <c r="T3370" i="1"/>
  <c r="T3371" i="1"/>
  <c r="T3372" i="1"/>
  <c r="T3373" i="1"/>
  <c r="T3374" i="1"/>
  <c r="T3375" i="1"/>
  <c r="T3376" i="1"/>
  <c r="T3377" i="1"/>
  <c r="T3378" i="1"/>
  <c r="T3379" i="1"/>
  <c r="T3380" i="1"/>
  <c r="T3381" i="1"/>
  <c r="T3382" i="1"/>
  <c r="T3383" i="1"/>
  <c r="T3384" i="1"/>
  <c r="T3385" i="1"/>
  <c r="T3386" i="1"/>
  <c r="T3387" i="1"/>
  <c r="T3388" i="1"/>
  <c r="T3389" i="1"/>
  <c r="T3390" i="1"/>
  <c r="T3391" i="1"/>
  <c r="T3392" i="1"/>
  <c r="T3393" i="1"/>
  <c r="T3394" i="1"/>
  <c r="T3395" i="1"/>
  <c r="T3396" i="1"/>
  <c r="T3397" i="1"/>
  <c r="T3398" i="1"/>
  <c r="T3399" i="1"/>
  <c r="T3400" i="1"/>
  <c r="T3401" i="1"/>
  <c r="T3402" i="1"/>
  <c r="T3403" i="1"/>
  <c r="T3404" i="1"/>
  <c r="T3405" i="1"/>
  <c r="T3406" i="1"/>
  <c r="T3407" i="1"/>
  <c r="T3408" i="1"/>
  <c r="T3409" i="1"/>
  <c r="T3410" i="1"/>
  <c r="T3411" i="1"/>
  <c r="T3412" i="1"/>
  <c r="T3413" i="1"/>
  <c r="T3414" i="1"/>
  <c r="T3415" i="1"/>
  <c r="T3416" i="1"/>
  <c r="T3417" i="1"/>
  <c r="T3418" i="1"/>
  <c r="T3419" i="1"/>
  <c r="T3420" i="1"/>
  <c r="T3421" i="1"/>
  <c r="T3422" i="1"/>
  <c r="T3423" i="1"/>
  <c r="T3424" i="1"/>
  <c r="T3425" i="1"/>
  <c r="T3426" i="1"/>
  <c r="T3427" i="1"/>
  <c r="T3428" i="1"/>
  <c r="T3429" i="1"/>
  <c r="T3430" i="1"/>
  <c r="T3431" i="1"/>
  <c r="T3432" i="1"/>
  <c r="T3433" i="1"/>
  <c r="T3434" i="1"/>
  <c r="T3435" i="1"/>
  <c r="T3436" i="1"/>
  <c r="T3437" i="1"/>
  <c r="T3438" i="1"/>
  <c r="T3439" i="1"/>
  <c r="T3440" i="1"/>
  <c r="T3441" i="1"/>
  <c r="T3442" i="1"/>
  <c r="T3443" i="1"/>
  <c r="T3444" i="1"/>
  <c r="T3445" i="1"/>
  <c r="T3446" i="1"/>
  <c r="T3447" i="1"/>
  <c r="T3448" i="1"/>
  <c r="T3449" i="1"/>
  <c r="T3450" i="1"/>
  <c r="T3451" i="1"/>
  <c r="T3452" i="1"/>
  <c r="T3453" i="1"/>
  <c r="T3454" i="1"/>
  <c r="T3455" i="1"/>
  <c r="T3456" i="1"/>
  <c r="T3457" i="1"/>
  <c r="T3458" i="1"/>
  <c r="T3459" i="1"/>
  <c r="T3460" i="1"/>
  <c r="T3461" i="1"/>
  <c r="T3462" i="1"/>
  <c r="T3463" i="1"/>
  <c r="T3464" i="1"/>
  <c r="T3465" i="1"/>
  <c r="T3466" i="1"/>
  <c r="T3467" i="1"/>
  <c r="T3468" i="1"/>
  <c r="T3469" i="1"/>
  <c r="T3470" i="1"/>
  <c r="T3471" i="1"/>
  <c r="T3472" i="1"/>
  <c r="T3473" i="1"/>
  <c r="T3474" i="1"/>
  <c r="T3475" i="1"/>
  <c r="T3476" i="1"/>
  <c r="T3477" i="1"/>
  <c r="T3478" i="1"/>
  <c r="T3479" i="1"/>
  <c r="T3480" i="1"/>
  <c r="T3481" i="1"/>
  <c r="T3482" i="1"/>
  <c r="T3483" i="1"/>
  <c r="T3484" i="1"/>
  <c r="T3485" i="1"/>
  <c r="T3486" i="1"/>
  <c r="T3487" i="1"/>
  <c r="T3488" i="1"/>
  <c r="T3489" i="1"/>
  <c r="T3490" i="1"/>
  <c r="T3491" i="1"/>
  <c r="T3492" i="1"/>
  <c r="T3493" i="1"/>
  <c r="T3494" i="1"/>
  <c r="T3495" i="1"/>
  <c r="T3496" i="1"/>
  <c r="T3497" i="1"/>
  <c r="T3498" i="1"/>
  <c r="T3499" i="1"/>
  <c r="T3500" i="1"/>
  <c r="T3501" i="1"/>
  <c r="T3502" i="1"/>
  <c r="T3503" i="1"/>
  <c r="T3504" i="1"/>
  <c r="T3505" i="1"/>
  <c r="T3506" i="1"/>
  <c r="T3507" i="1"/>
  <c r="T3508" i="1"/>
  <c r="T3509" i="1"/>
  <c r="T3510" i="1"/>
  <c r="T3511" i="1"/>
  <c r="T3512" i="1"/>
  <c r="T3513" i="1"/>
  <c r="T3514" i="1"/>
  <c r="T3515" i="1"/>
  <c r="T3516" i="1"/>
  <c r="T3517" i="1"/>
  <c r="T3518" i="1"/>
  <c r="T3519" i="1"/>
  <c r="T3520" i="1"/>
  <c r="T3521" i="1"/>
  <c r="T3522" i="1"/>
  <c r="T3523" i="1"/>
  <c r="T3524" i="1"/>
  <c r="T3525" i="1"/>
  <c r="T3526" i="1"/>
  <c r="T3527" i="1"/>
  <c r="T3528" i="1"/>
  <c r="T3529" i="1"/>
  <c r="T3530" i="1"/>
  <c r="T3531" i="1"/>
  <c r="T3532" i="1"/>
  <c r="T3533" i="1"/>
  <c r="T3534" i="1"/>
  <c r="T3535" i="1"/>
  <c r="T3536" i="1"/>
  <c r="T3537" i="1"/>
  <c r="T3538" i="1"/>
  <c r="T3539" i="1"/>
  <c r="T3540" i="1"/>
  <c r="T3541" i="1"/>
  <c r="T3542" i="1"/>
  <c r="T3543" i="1"/>
  <c r="T3544" i="1"/>
  <c r="T3545" i="1"/>
  <c r="T3546" i="1"/>
  <c r="T3547" i="1"/>
  <c r="T3548" i="1"/>
  <c r="T3549" i="1"/>
  <c r="T3550" i="1"/>
  <c r="T3551" i="1"/>
  <c r="T3552" i="1"/>
  <c r="T3553" i="1"/>
  <c r="T3554" i="1"/>
  <c r="T3555" i="1"/>
  <c r="T3556" i="1"/>
  <c r="T3557" i="1"/>
  <c r="T3558" i="1"/>
  <c r="T3559" i="1"/>
  <c r="T3560" i="1"/>
  <c r="T3561" i="1"/>
  <c r="T3562" i="1"/>
  <c r="T3563" i="1"/>
  <c r="T3564" i="1"/>
  <c r="T3565" i="1"/>
  <c r="T3566" i="1"/>
  <c r="T3567" i="1"/>
  <c r="T3568" i="1"/>
  <c r="T3569" i="1"/>
  <c r="T3570" i="1"/>
  <c r="T3571" i="1"/>
  <c r="T3572" i="1"/>
  <c r="T3573" i="1"/>
  <c r="T3574" i="1"/>
  <c r="T3575" i="1"/>
  <c r="T3576" i="1"/>
  <c r="T3577" i="1"/>
  <c r="T3578" i="1"/>
  <c r="T3579" i="1"/>
  <c r="T3580" i="1"/>
  <c r="T3581" i="1"/>
  <c r="T3582" i="1"/>
  <c r="T3583" i="1"/>
  <c r="T3584" i="1"/>
  <c r="T3585" i="1"/>
  <c r="T3586" i="1"/>
  <c r="T3587" i="1"/>
  <c r="T3588" i="1"/>
  <c r="T3589" i="1"/>
  <c r="T3590" i="1"/>
  <c r="T3591" i="1"/>
  <c r="T3592" i="1"/>
  <c r="T3593" i="1"/>
  <c r="T3594" i="1"/>
  <c r="T3595" i="1"/>
  <c r="T3596" i="1"/>
  <c r="T3597" i="1"/>
  <c r="T3598" i="1"/>
  <c r="T3599" i="1"/>
  <c r="T3600" i="1"/>
  <c r="T3601" i="1"/>
  <c r="T3602" i="1"/>
  <c r="T3603" i="1"/>
  <c r="T3604" i="1"/>
  <c r="T3605" i="1"/>
  <c r="T3606" i="1"/>
  <c r="T3607" i="1"/>
  <c r="T3608" i="1"/>
  <c r="T3609" i="1"/>
  <c r="T3610" i="1"/>
  <c r="T3611" i="1"/>
  <c r="T3612" i="1"/>
  <c r="T3613" i="1"/>
  <c r="T3614" i="1"/>
  <c r="T3615" i="1"/>
  <c r="T3616" i="1"/>
  <c r="T3617" i="1"/>
  <c r="T3618" i="1"/>
  <c r="T3619" i="1"/>
  <c r="T3620" i="1"/>
  <c r="T3621" i="1"/>
  <c r="T3622" i="1"/>
  <c r="T3623" i="1"/>
  <c r="T3624" i="1"/>
  <c r="T3625" i="1"/>
  <c r="T3626" i="1"/>
  <c r="T3627" i="1"/>
  <c r="T3628" i="1"/>
  <c r="T3629" i="1"/>
  <c r="T3630" i="1"/>
  <c r="T3631" i="1"/>
  <c r="T3632" i="1"/>
  <c r="T3633" i="1"/>
  <c r="T3634" i="1"/>
  <c r="T3635" i="1"/>
  <c r="T3636" i="1"/>
  <c r="T3637" i="1"/>
  <c r="T3638" i="1"/>
  <c r="T3639" i="1"/>
  <c r="T3640" i="1"/>
  <c r="T3641" i="1"/>
  <c r="T3642" i="1"/>
  <c r="T3643" i="1"/>
  <c r="T3644" i="1"/>
  <c r="T3645" i="1"/>
  <c r="T3646" i="1"/>
  <c r="T3647" i="1"/>
  <c r="T3648" i="1"/>
  <c r="T3649" i="1"/>
  <c r="T3650" i="1"/>
  <c r="T3651" i="1"/>
  <c r="T3652" i="1"/>
  <c r="T3653" i="1"/>
  <c r="T3654" i="1"/>
  <c r="T3655" i="1"/>
  <c r="T3656" i="1"/>
  <c r="T3657" i="1"/>
  <c r="T3658" i="1"/>
  <c r="T3659" i="1"/>
  <c r="T3660" i="1"/>
  <c r="T3661" i="1"/>
  <c r="T3662" i="1"/>
  <c r="T3663" i="1"/>
  <c r="T3664" i="1"/>
  <c r="T3665" i="1"/>
  <c r="T3666" i="1"/>
  <c r="T3667" i="1"/>
  <c r="T3668" i="1"/>
  <c r="T3669" i="1"/>
  <c r="T3670" i="1"/>
  <c r="T3671" i="1"/>
  <c r="T3672" i="1"/>
  <c r="T3673" i="1"/>
  <c r="T3674" i="1"/>
  <c r="T3675" i="1"/>
  <c r="T3676" i="1"/>
  <c r="T3677" i="1"/>
  <c r="T3678" i="1"/>
  <c r="T3679" i="1"/>
  <c r="T3680" i="1"/>
  <c r="T3681" i="1"/>
  <c r="T3682" i="1"/>
  <c r="T3683" i="1"/>
  <c r="T3684" i="1"/>
  <c r="T3685" i="1"/>
  <c r="T3686" i="1"/>
  <c r="T3687" i="1"/>
  <c r="T3688" i="1"/>
  <c r="T3689" i="1"/>
  <c r="T3690" i="1"/>
  <c r="T3691" i="1"/>
  <c r="T3692" i="1"/>
  <c r="T3693" i="1"/>
  <c r="T3694" i="1"/>
  <c r="T3695" i="1"/>
  <c r="T3696" i="1"/>
  <c r="T3697" i="1"/>
  <c r="T3698" i="1"/>
  <c r="T3699" i="1"/>
  <c r="T3700" i="1"/>
  <c r="T3701" i="1"/>
  <c r="T3702" i="1"/>
  <c r="T3703" i="1"/>
  <c r="T3704" i="1"/>
  <c r="T3705" i="1"/>
  <c r="T3706" i="1"/>
  <c r="T3707" i="1"/>
  <c r="T3708" i="1"/>
  <c r="T3709" i="1"/>
  <c r="T3710" i="1"/>
  <c r="T3711" i="1"/>
  <c r="T3712" i="1"/>
  <c r="T3713" i="1"/>
  <c r="T3714" i="1"/>
  <c r="T3715" i="1"/>
  <c r="T3716" i="1"/>
  <c r="T3717" i="1"/>
  <c r="T3718" i="1"/>
  <c r="T3719" i="1"/>
  <c r="T3720" i="1"/>
  <c r="T3721" i="1"/>
  <c r="T3722" i="1"/>
  <c r="T3723" i="1"/>
  <c r="T3724" i="1"/>
  <c r="T3725" i="1"/>
  <c r="T3726" i="1"/>
  <c r="T3727" i="1"/>
  <c r="T3728" i="1"/>
  <c r="T3729" i="1"/>
  <c r="T3730" i="1"/>
  <c r="T3731" i="1"/>
  <c r="T3732" i="1"/>
  <c r="T3733" i="1"/>
  <c r="T3734" i="1"/>
  <c r="T3735" i="1"/>
  <c r="T3736" i="1"/>
  <c r="T3737" i="1"/>
  <c r="T3738" i="1"/>
  <c r="T3739" i="1"/>
  <c r="T3740" i="1"/>
  <c r="T3741" i="1"/>
  <c r="T3742" i="1"/>
  <c r="T3743" i="1"/>
  <c r="T3744" i="1"/>
  <c r="T3745" i="1"/>
  <c r="T3746" i="1"/>
  <c r="T3747" i="1"/>
  <c r="T3748" i="1"/>
  <c r="T3749" i="1"/>
  <c r="T3750" i="1"/>
  <c r="T3751" i="1"/>
  <c r="T3752" i="1"/>
  <c r="T3753" i="1"/>
  <c r="T3754" i="1"/>
  <c r="T3755" i="1"/>
  <c r="T3756" i="1"/>
  <c r="T3757" i="1"/>
  <c r="T3758" i="1"/>
  <c r="T3759" i="1"/>
  <c r="T3760" i="1"/>
  <c r="T3761" i="1"/>
  <c r="T3762" i="1"/>
  <c r="T3763" i="1"/>
  <c r="T3764" i="1"/>
  <c r="T3765" i="1"/>
  <c r="T3766" i="1"/>
  <c r="T3767" i="1"/>
  <c r="T3768" i="1"/>
  <c r="T3769" i="1"/>
  <c r="T3770" i="1"/>
  <c r="T3771" i="1"/>
  <c r="T3772" i="1"/>
  <c r="T3773" i="1"/>
  <c r="T3774" i="1"/>
  <c r="T3775" i="1"/>
  <c r="T3776" i="1"/>
  <c r="T3777" i="1"/>
  <c r="T3778" i="1"/>
  <c r="T3779" i="1"/>
  <c r="T3780" i="1"/>
  <c r="T3781" i="1"/>
  <c r="T3782" i="1"/>
  <c r="T3783" i="1"/>
  <c r="T3784" i="1"/>
  <c r="T3785" i="1"/>
  <c r="T3786" i="1"/>
  <c r="T3787" i="1"/>
  <c r="T3788" i="1"/>
  <c r="T3789" i="1"/>
  <c r="T3790" i="1"/>
  <c r="T3791" i="1"/>
  <c r="T3792" i="1"/>
  <c r="T3793" i="1"/>
  <c r="T3794" i="1"/>
  <c r="T3795" i="1"/>
  <c r="T3796" i="1"/>
  <c r="T3797" i="1"/>
  <c r="T3798" i="1"/>
  <c r="T3799" i="1"/>
  <c r="T3800" i="1"/>
  <c r="T3801" i="1"/>
  <c r="T3802" i="1"/>
  <c r="T3803" i="1"/>
  <c r="T3804" i="1"/>
  <c r="T3805" i="1"/>
  <c r="T3806" i="1"/>
  <c r="T3807" i="1"/>
  <c r="T3808" i="1"/>
  <c r="T3809" i="1"/>
  <c r="T3810" i="1"/>
  <c r="T3811" i="1"/>
  <c r="T3812" i="1"/>
  <c r="T3813" i="1"/>
  <c r="T3814" i="1"/>
  <c r="T3815" i="1"/>
  <c r="T3816" i="1"/>
  <c r="T3817" i="1"/>
  <c r="T3818" i="1"/>
  <c r="T3819" i="1"/>
  <c r="T3820" i="1"/>
  <c r="T3821" i="1"/>
  <c r="T3822" i="1"/>
  <c r="T3823" i="1"/>
  <c r="T3824" i="1"/>
  <c r="T3825" i="1"/>
  <c r="T3826" i="1"/>
  <c r="T3827" i="1"/>
  <c r="T3828" i="1"/>
  <c r="T3829" i="1"/>
  <c r="T3830" i="1"/>
  <c r="T3831" i="1"/>
  <c r="T3832" i="1"/>
  <c r="T3833" i="1"/>
  <c r="T3834" i="1"/>
  <c r="T3835" i="1"/>
  <c r="T3836" i="1"/>
  <c r="T3837" i="1"/>
  <c r="T3838" i="1"/>
  <c r="T3839" i="1"/>
  <c r="T3840" i="1"/>
  <c r="T3841" i="1"/>
  <c r="T3842" i="1"/>
  <c r="T3843" i="1"/>
  <c r="T3844" i="1"/>
  <c r="T3845" i="1"/>
  <c r="T3846" i="1"/>
  <c r="T3847" i="1"/>
  <c r="T3848" i="1"/>
  <c r="T3849" i="1"/>
  <c r="T3850" i="1"/>
  <c r="T3851" i="1"/>
  <c r="T3852" i="1"/>
  <c r="T3853" i="1"/>
  <c r="T3854" i="1"/>
  <c r="T3855" i="1"/>
  <c r="T3856" i="1"/>
  <c r="T3857" i="1"/>
  <c r="T3858" i="1"/>
  <c r="T3859" i="1"/>
  <c r="T3860" i="1"/>
  <c r="T3861" i="1"/>
  <c r="T3862" i="1"/>
  <c r="T3863" i="1"/>
  <c r="T3864" i="1"/>
  <c r="T3865" i="1"/>
  <c r="T3866" i="1"/>
  <c r="T3867" i="1"/>
  <c r="T3868" i="1"/>
  <c r="T3869" i="1"/>
  <c r="T3870" i="1"/>
  <c r="T3871" i="1"/>
  <c r="T3872" i="1"/>
  <c r="T3873" i="1"/>
  <c r="T3874" i="1"/>
  <c r="T3875" i="1"/>
  <c r="T3876" i="1"/>
  <c r="T3877" i="1"/>
  <c r="T3878" i="1"/>
  <c r="T3879" i="1"/>
  <c r="T3880" i="1"/>
  <c r="T3881" i="1"/>
  <c r="T3882" i="1"/>
  <c r="T3883" i="1"/>
  <c r="T3884" i="1"/>
  <c r="T3885" i="1"/>
  <c r="T3886" i="1"/>
  <c r="T3887" i="1"/>
  <c r="T3888" i="1"/>
  <c r="T3889" i="1"/>
  <c r="T3890" i="1"/>
  <c r="T3891" i="1"/>
  <c r="T3892" i="1"/>
  <c r="T3893" i="1"/>
  <c r="T3894" i="1"/>
  <c r="T3895" i="1"/>
  <c r="T3896" i="1"/>
  <c r="T3897" i="1"/>
  <c r="T3898" i="1"/>
  <c r="T3899" i="1"/>
  <c r="T3900" i="1"/>
  <c r="T3901" i="1"/>
  <c r="T3902" i="1"/>
  <c r="T3903" i="1"/>
  <c r="T3904" i="1"/>
  <c r="T3905" i="1"/>
  <c r="T3906" i="1"/>
  <c r="T3907" i="1"/>
  <c r="T3908" i="1"/>
  <c r="T3909" i="1"/>
  <c r="T3910" i="1"/>
  <c r="T3911" i="1"/>
  <c r="T3912" i="1"/>
  <c r="T3913" i="1"/>
  <c r="T3914" i="1"/>
  <c r="T3915" i="1"/>
  <c r="T3916" i="1"/>
  <c r="T3917" i="1"/>
  <c r="T3918" i="1"/>
  <c r="T3919" i="1"/>
  <c r="T3920" i="1"/>
  <c r="T3921" i="1"/>
  <c r="T3922" i="1"/>
  <c r="T3923" i="1"/>
  <c r="T3924" i="1"/>
  <c r="T3925" i="1"/>
  <c r="T3926" i="1"/>
  <c r="T3927" i="1"/>
  <c r="T3928" i="1"/>
  <c r="T3929" i="1"/>
  <c r="T3930" i="1"/>
  <c r="T3931" i="1"/>
  <c r="T3932" i="1"/>
  <c r="T3933" i="1"/>
  <c r="T3934" i="1"/>
  <c r="T3935" i="1"/>
  <c r="T3936" i="1"/>
  <c r="T3937" i="1"/>
  <c r="T3938" i="1"/>
  <c r="T3939" i="1"/>
  <c r="T3940" i="1"/>
  <c r="T3941" i="1"/>
  <c r="T3942" i="1"/>
  <c r="T3943" i="1"/>
  <c r="T3944" i="1"/>
  <c r="T3945" i="1"/>
  <c r="T3946" i="1"/>
  <c r="T3947" i="1"/>
  <c r="T3948" i="1"/>
  <c r="T3949" i="1"/>
  <c r="T3950" i="1"/>
  <c r="T3951" i="1"/>
  <c r="T3952" i="1"/>
  <c r="T3953" i="1"/>
  <c r="T3954" i="1"/>
  <c r="T3955" i="1"/>
  <c r="T3956" i="1"/>
  <c r="T3957" i="1"/>
  <c r="T3958" i="1"/>
  <c r="T3959" i="1"/>
  <c r="T3960" i="1"/>
  <c r="T3961" i="1"/>
  <c r="T3962" i="1"/>
  <c r="T3963" i="1"/>
  <c r="T3964" i="1"/>
  <c r="T3965" i="1"/>
  <c r="T3966" i="1"/>
  <c r="T3967" i="1"/>
  <c r="T3968" i="1"/>
  <c r="T3969" i="1"/>
  <c r="T3970" i="1"/>
  <c r="T3971" i="1"/>
  <c r="T3972" i="1"/>
  <c r="T3973" i="1"/>
  <c r="T3974" i="1"/>
  <c r="T3975" i="1"/>
  <c r="T3976" i="1"/>
  <c r="T3977" i="1"/>
  <c r="T3978" i="1"/>
  <c r="T3979" i="1"/>
  <c r="T3980" i="1"/>
  <c r="T3981" i="1"/>
  <c r="T3982" i="1"/>
  <c r="T3983" i="1"/>
  <c r="T3984" i="1"/>
  <c r="T3985" i="1"/>
  <c r="T3986" i="1"/>
  <c r="T3987" i="1"/>
  <c r="T3988" i="1"/>
  <c r="T3989" i="1"/>
  <c r="T3990" i="1"/>
  <c r="T3991" i="1"/>
  <c r="T3992" i="1"/>
  <c r="T3993" i="1"/>
  <c r="T3994" i="1"/>
  <c r="T3995" i="1"/>
  <c r="T3996" i="1"/>
  <c r="T3997" i="1"/>
  <c r="T3998" i="1"/>
  <c r="T3999" i="1"/>
  <c r="T4000" i="1"/>
  <c r="T4001" i="1"/>
  <c r="T4002" i="1"/>
  <c r="T4003" i="1"/>
  <c r="T4004" i="1"/>
  <c r="T4005" i="1"/>
  <c r="T4006" i="1"/>
  <c r="T4007" i="1"/>
  <c r="T4008" i="1"/>
  <c r="T4009" i="1"/>
  <c r="T4010" i="1"/>
  <c r="T4011" i="1"/>
  <c r="T4012" i="1"/>
  <c r="T4013" i="1"/>
  <c r="T4014" i="1"/>
  <c r="T4015" i="1"/>
  <c r="T4016" i="1"/>
  <c r="T4017" i="1"/>
  <c r="T4018" i="1"/>
  <c r="T4019" i="1"/>
  <c r="T4020" i="1"/>
  <c r="T4021" i="1"/>
  <c r="T4022" i="1"/>
  <c r="T4023" i="1"/>
  <c r="T4024" i="1"/>
  <c r="T4025" i="1"/>
  <c r="T4026" i="1"/>
  <c r="T4027" i="1"/>
  <c r="T4028" i="1"/>
  <c r="T4029" i="1"/>
  <c r="T4030" i="1"/>
  <c r="T4031" i="1"/>
  <c r="T4032" i="1"/>
  <c r="T4033" i="1"/>
  <c r="T4034" i="1"/>
  <c r="T4035" i="1"/>
  <c r="T4036" i="1"/>
  <c r="T4037" i="1"/>
  <c r="T4038" i="1"/>
  <c r="T4039" i="1"/>
  <c r="T4040" i="1"/>
  <c r="T4041" i="1"/>
  <c r="T4042" i="1"/>
  <c r="T4043" i="1"/>
  <c r="T4044" i="1"/>
  <c r="T4045" i="1"/>
  <c r="T4046" i="1"/>
  <c r="T4047" i="1"/>
  <c r="T4048" i="1"/>
  <c r="T4049" i="1"/>
  <c r="T4050" i="1"/>
  <c r="T4051" i="1"/>
  <c r="T4052" i="1"/>
  <c r="T4053" i="1"/>
  <c r="T4054" i="1"/>
  <c r="T4055" i="1"/>
  <c r="T4056" i="1"/>
  <c r="T4057" i="1"/>
  <c r="T4058" i="1"/>
  <c r="T4059" i="1"/>
  <c r="T4060" i="1"/>
  <c r="T4061" i="1"/>
  <c r="T4062" i="1"/>
  <c r="T4063" i="1"/>
  <c r="T4064" i="1"/>
  <c r="T4065" i="1"/>
  <c r="T4066" i="1"/>
  <c r="T4067" i="1"/>
  <c r="T4068" i="1"/>
  <c r="T4069" i="1"/>
  <c r="T4070" i="1"/>
  <c r="T4071" i="1"/>
  <c r="T4072" i="1"/>
  <c r="T4073" i="1"/>
  <c r="T4074" i="1"/>
  <c r="T4075" i="1"/>
  <c r="T4076" i="1"/>
  <c r="T4077" i="1"/>
  <c r="T4078" i="1"/>
  <c r="T4079" i="1"/>
  <c r="T4080" i="1"/>
  <c r="T4081" i="1"/>
  <c r="T4082" i="1"/>
  <c r="T4083" i="1"/>
  <c r="T4084" i="1"/>
  <c r="T4085" i="1"/>
  <c r="T4086" i="1"/>
  <c r="T4087" i="1"/>
  <c r="T4088" i="1"/>
  <c r="T4089" i="1"/>
  <c r="T4090" i="1"/>
  <c r="T4091" i="1"/>
  <c r="T4092" i="1"/>
  <c r="T4093" i="1"/>
  <c r="T4094" i="1"/>
  <c r="T4095" i="1"/>
  <c r="T4096" i="1"/>
  <c r="T4097" i="1"/>
  <c r="T4098" i="1"/>
  <c r="T4099" i="1"/>
  <c r="T4100" i="1"/>
  <c r="T4101" i="1"/>
  <c r="T4102" i="1"/>
  <c r="T4103" i="1"/>
  <c r="T4104" i="1"/>
  <c r="T4105" i="1"/>
  <c r="T4106" i="1"/>
  <c r="T4107" i="1"/>
  <c r="T4108" i="1"/>
  <c r="T4109" i="1"/>
  <c r="T4110" i="1"/>
  <c r="T4111" i="1"/>
  <c r="T4112" i="1"/>
  <c r="T4113" i="1"/>
  <c r="T4114" i="1"/>
  <c r="T4115" i="1"/>
  <c r="T4116" i="1"/>
  <c r="T4117" i="1"/>
  <c r="T4118" i="1"/>
  <c r="T4119" i="1"/>
  <c r="T4120" i="1"/>
  <c r="T4121" i="1"/>
  <c r="T4122" i="1"/>
  <c r="T4123" i="1"/>
  <c r="T4124" i="1"/>
  <c r="T4125" i="1"/>
  <c r="T4126" i="1"/>
  <c r="T4127" i="1"/>
  <c r="T4128" i="1"/>
  <c r="T4129" i="1"/>
  <c r="T4130" i="1"/>
  <c r="T4131" i="1"/>
  <c r="T4132" i="1"/>
  <c r="T4133" i="1"/>
  <c r="T4134" i="1"/>
  <c r="T4135" i="1"/>
  <c r="T4136" i="1"/>
  <c r="T4137" i="1"/>
  <c r="T4138" i="1"/>
  <c r="T4139" i="1"/>
  <c r="T4140" i="1"/>
  <c r="T4141" i="1"/>
  <c r="T4142" i="1"/>
  <c r="T4143" i="1"/>
  <c r="T4144" i="1"/>
  <c r="T4145" i="1"/>
  <c r="T4146" i="1"/>
  <c r="T4147" i="1"/>
  <c r="T4148" i="1"/>
  <c r="T4149" i="1"/>
  <c r="T4150" i="1"/>
  <c r="T4151" i="1"/>
  <c r="T4152" i="1"/>
  <c r="T4153" i="1"/>
  <c r="T4154" i="1"/>
  <c r="T4155" i="1"/>
  <c r="T4156" i="1"/>
  <c r="T4157" i="1"/>
  <c r="T4158" i="1"/>
  <c r="T4159" i="1"/>
  <c r="T4160" i="1"/>
  <c r="T4161" i="1"/>
  <c r="T4162" i="1"/>
  <c r="T4163" i="1"/>
  <c r="T4164" i="1"/>
  <c r="T4165" i="1"/>
  <c r="T4166" i="1"/>
  <c r="T4167" i="1"/>
  <c r="T4168" i="1"/>
  <c r="T4169" i="1"/>
  <c r="T4170" i="1"/>
  <c r="T4171" i="1"/>
  <c r="T4172" i="1"/>
  <c r="T4173" i="1"/>
  <c r="T4174" i="1"/>
  <c r="T4175" i="1"/>
  <c r="T4176" i="1"/>
  <c r="T4177" i="1"/>
  <c r="T4178" i="1"/>
  <c r="T4179" i="1"/>
  <c r="T4180" i="1"/>
  <c r="T4181" i="1"/>
  <c r="T4182" i="1"/>
  <c r="T4183" i="1"/>
  <c r="T4184" i="1"/>
  <c r="T4185" i="1"/>
  <c r="T4186" i="1"/>
  <c r="T4187" i="1"/>
  <c r="T4188" i="1"/>
  <c r="T4189" i="1"/>
  <c r="T4190" i="1"/>
  <c r="T4191" i="1"/>
  <c r="T4192" i="1"/>
  <c r="T4193" i="1"/>
  <c r="T4194" i="1"/>
  <c r="T4195" i="1"/>
  <c r="T4196" i="1"/>
  <c r="T4197" i="1"/>
  <c r="T4198" i="1"/>
  <c r="T4199" i="1"/>
  <c r="T4200" i="1"/>
  <c r="T4201" i="1"/>
  <c r="T4202" i="1"/>
  <c r="T4203" i="1"/>
  <c r="T4204" i="1"/>
  <c r="T4205" i="1"/>
  <c r="T4206" i="1"/>
  <c r="T4207" i="1"/>
  <c r="T4208" i="1"/>
  <c r="T4209" i="1"/>
  <c r="T4210" i="1"/>
  <c r="T4211" i="1"/>
  <c r="T4212" i="1"/>
  <c r="T4213" i="1"/>
  <c r="T4214" i="1"/>
  <c r="T4215" i="1"/>
  <c r="T4216" i="1"/>
  <c r="T4217" i="1"/>
  <c r="T4218" i="1"/>
  <c r="T4219" i="1"/>
  <c r="T4220" i="1"/>
  <c r="T4221" i="1"/>
  <c r="T4222" i="1"/>
  <c r="T4223" i="1"/>
  <c r="T4224" i="1"/>
  <c r="T4225" i="1"/>
  <c r="T4226" i="1"/>
  <c r="T4227" i="1"/>
  <c r="T4228" i="1"/>
  <c r="T4229" i="1"/>
  <c r="T4230" i="1"/>
  <c r="T4231" i="1"/>
  <c r="T4232" i="1"/>
  <c r="T4233" i="1"/>
  <c r="T4234" i="1"/>
  <c r="T4235" i="1"/>
  <c r="T4236" i="1"/>
  <c r="T4237" i="1"/>
  <c r="T4238" i="1"/>
  <c r="T4239" i="1"/>
  <c r="T4240" i="1"/>
  <c r="T4241" i="1"/>
  <c r="T4242" i="1"/>
  <c r="T4243" i="1"/>
  <c r="T4244" i="1"/>
  <c r="T4245" i="1"/>
  <c r="T4246" i="1"/>
  <c r="T4247" i="1"/>
  <c r="T4248" i="1"/>
  <c r="T4249" i="1"/>
  <c r="T4250" i="1"/>
  <c r="T4251" i="1"/>
  <c r="T4252" i="1"/>
  <c r="T4253" i="1"/>
  <c r="T4254" i="1"/>
  <c r="T4255" i="1"/>
  <c r="T4256" i="1"/>
  <c r="T4257" i="1"/>
  <c r="T4258" i="1"/>
  <c r="T4259" i="1"/>
  <c r="T4260" i="1"/>
  <c r="T4261" i="1"/>
  <c r="T4262" i="1"/>
  <c r="T4263" i="1"/>
  <c r="T4264" i="1"/>
  <c r="T4265" i="1"/>
  <c r="T4266" i="1"/>
  <c r="T4267" i="1"/>
  <c r="T4268" i="1"/>
  <c r="T4269" i="1"/>
  <c r="T4270" i="1"/>
  <c r="T4271" i="1"/>
  <c r="T4272" i="1"/>
  <c r="T4273" i="1"/>
  <c r="T4274" i="1"/>
  <c r="T4275" i="1"/>
  <c r="T4276" i="1"/>
  <c r="T4277" i="1"/>
  <c r="T4278" i="1"/>
  <c r="T4279" i="1"/>
  <c r="T4280" i="1"/>
  <c r="T4281" i="1"/>
  <c r="T4282" i="1"/>
  <c r="T4283" i="1"/>
  <c r="T4284" i="1"/>
  <c r="T4285" i="1"/>
  <c r="T4286" i="1"/>
  <c r="T4287" i="1"/>
  <c r="T4288" i="1"/>
  <c r="T4289" i="1"/>
  <c r="T4290" i="1"/>
  <c r="T4291" i="1"/>
  <c r="T4292" i="1"/>
  <c r="T4293" i="1"/>
  <c r="T4294" i="1"/>
  <c r="T4295" i="1"/>
  <c r="T4296" i="1"/>
  <c r="T4297" i="1"/>
  <c r="T4298" i="1"/>
  <c r="T4299" i="1"/>
  <c r="T4300" i="1"/>
  <c r="T4301" i="1"/>
  <c r="T4302" i="1"/>
  <c r="T4303" i="1"/>
  <c r="T4304" i="1"/>
  <c r="T4305" i="1"/>
  <c r="T4306" i="1"/>
  <c r="T4307" i="1"/>
  <c r="T4308" i="1"/>
  <c r="T4309" i="1"/>
  <c r="T4310" i="1"/>
  <c r="T4311" i="1"/>
  <c r="T4312" i="1"/>
  <c r="T4313" i="1"/>
  <c r="T4314" i="1"/>
  <c r="T4315" i="1"/>
  <c r="T4316" i="1"/>
  <c r="T4317" i="1"/>
  <c r="T4318" i="1"/>
  <c r="T4319" i="1"/>
  <c r="T4320" i="1"/>
  <c r="T4321" i="1"/>
  <c r="T4322" i="1"/>
  <c r="T4323" i="1"/>
  <c r="T4324" i="1"/>
  <c r="T4325" i="1"/>
  <c r="T4326" i="1"/>
  <c r="T4327" i="1"/>
  <c r="T4328" i="1"/>
  <c r="T4329" i="1"/>
  <c r="T4330" i="1"/>
  <c r="T4331" i="1"/>
  <c r="T4332" i="1"/>
  <c r="T4333" i="1"/>
  <c r="T4334" i="1"/>
  <c r="T4335" i="1"/>
  <c r="T4336" i="1"/>
  <c r="T4337" i="1"/>
  <c r="T4338" i="1"/>
  <c r="T4339" i="1"/>
  <c r="T4340" i="1"/>
  <c r="T4341" i="1"/>
  <c r="T4342" i="1"/>
  <c r="T4343" i="1"/>
  <c r="T4344" i="1"/>
  <c r="T4345" i="1"/>
  <c r="T4346" i="1"/>
  <c r="T4347" i="1"/>
  <c r="T4348" i="1"/>
  <c r="T4349" i="1"/>
  <c r="T4350" i="1"/>
  <c r="T4351" i="1"/>
  <c r="T4352" i="1"/>
  <c r="T4353" i="1"/>
  <c r="T4354" i="1"/>
  <c r="T4355" i="1"/>
  <c r="T4356" i="1"/>
  <c r="T4357" i="1"/>
  <c r="T4358" i="1"/>
  <c r="T4359" i="1"/>
  <c r="T4360" i="1"/>
  <c r="T4361" i="1"/>
  <c r="T4362" i="1"/>
  <c r="T4363" i="1"/>
  <c r="T4364" i="1"/>
  <c r="T4365" i="1"/>
  <c r="T4366" i="1"/>
  <c r="T4367" i="1"/>
  <c r="T4368" i="1"/>
  <c r="T4369" i="1"/>
  <c r="T4370" i="1"/>
  <c r="T4371" i="1"/>
  <c r="T4372" i="1"/>
  <c r="T4373" i="1"/>
  <c r="T4374" i="1"/>
  <c r="T4375" i="1"/>
  <c r="T4376" i="1"/>
  <c r="T4377" i="1"/>
  <c r="T4378" i="1"/>
  <c r="T4379" i="1"/>
  <c r="T4380" i="1"/>
  <c r="T4381" i="1"/>
  <c r="T4382" i="1"/>
  <c r="T4383" i="1"/>
  <c r="T4384" i="1"/>
  <c r="T4385" i="1"/>
  <c r="T4386" i="1"/>
  <c r="T4387" i="1"/>
  <c r="T4388" i="1"/>
  <c r="T4389" i="1"/>
  <c r="T4390" i="1"/>
  <c r="T4391" i="1"/>
  <c r="T4392" i="1"/>
  <c r="T4393" i="1"/>
  <c r="T4394" i="1"/>
  <c r="T4395" i="1"/>
  <c r="T4396" i="1"/>
  <c r="T4397" i="1"/>
  <c r="T4398" i="1"/>
  <c r="T4399" i="1"/>
  <c r="T4400" i="1"/>
  <c r="T4401" i="1"/>
  <c r="T4402" i="1"/>
  <c r="T4403" i="1"/>
  <c r="T4404" i="1"/>
  <c r="T4405" i="1"/>
  <c r="T4406" i="1"/>
  <c r="T4407" i="1"/>
  <c r="T4408" i="1"/>
  <c r="T4409" i="1"/>
  <c r="T4410" i="1"/>
  <c r="T4411" i="1"/>
  <c r="T4412" i="1"/>
  <c r="T4413" i="1"/>
  <c r="T4414" i="1"/>
  <c r="T4415" i="1"/>
  <c r="T4416" i="1"/>
  <c r="T4417" i="1"/>
  <c r="T4418" i="1"/>
  <c r="T4419" i="1"/>
  <c r="T4420" i="1"/>
  <c r="T4421" i="1"/>
  <c r="T4422" i="1"/>
  <c r="T4423" i="1"/>
  <c r="T4424" i="1"/>
  <c r="T4425" i="1"/>
  <c r="T4426" i="1"/>
  <c r="T4427" i="1"/>
  <c r="T4428" i="1"/>
  <c r="T4429" i="1"/>
  <c r="T4430" i="1"/>
  <c r="T4431" i="1"/>
  <c r="T4432" i="1"/>
  <c r="T4433" i="1"/>
  <c r="T4434" i="1"/>
  <c r="T4435" i="1"/>
  <c r="T4436" i="1"/>
  <c r="T4437" i="1"/>
  <c r="T4438" i="1"/>
  <c r="T4439" i="1"/>
  <c r="T4440" i="1"/>
  <c r="T4441" i="1"/>
  <c r="T4442" i="1"/>
  <c r="T4443" i="1"/>
  <c r="T4444" i="1"/>
  <c r="T4445" i="1"/>
  <c r="T4446" i="1"/>
  <c r="T4447" i="1"/>
  <c r="T4448" i="1"/>
  <c r="T4449" i="1"/>
  <c r="T4450" i="1"/>
  <c r="T4451" i="1"/>
  <c r="T4452" i="1"/>
  <c r="T4453" i="1"/>
  <c r="T4454" i="1"/>
  <c r="T4455" i="1"/>
  <c r="T4456" i="1"/>
  <c r="T4457" i="1"/>
  <c r="T4458" i="1"/>
  <c r="T4459" i="1"/>
  <c r="T4460" i="1"/>
  <c r="T4461" i="1"/>
  <c r="T4462" i="1"/>
  <c r="T4463" i="1"/>
  <c r="T4464" i="1"/>
  <c r="T4465" i="1"/>
  <c r="T4466" i="1"/>
  <c r="T4467" i="1"/>
  <c r="T4468" i="1"/>
  <c r="T4469" i="1"/>
  <c r="T4470" i="1"/>
  <c r="T4471" i="1"/>
  <c r="T4472" i="1"/>
  <c r="T4473" i="1"/>
  <c r="T4474" i="1"/>
  <c r="T4475" i="1"/>
  <c r="T4476" i="1"/>
  <c r="T4477" i="1"/>
  <c r="T4478" i="1"/>
  <c r="T4479" i="1"/>
  <c r="T4480" i="1"/>
  <c r="T4481" i="1"/>
  <c r="T4482" i="1"/>
  <c r="T4483" i="1"/>
  <c r="T4484" i="1"/>
  <c r="T4485" i="1"/>
  <c r="T4486" i="1"/>
  <c r="T4487" i="1"/>
  <c r="T4488" i="1"/>
  <c r="T4489" i="1"/>
  <c r="T4490" i="1"/>
  <c r="T4491" i="1"/>
  <c r="T4492" i="1"/>
  <c r="T4493" i="1"/>
  <c r="T4494" i="1"/>
  <c r="T4495" i="1"/>
  <c r="T4496" i="1"/>
  <c r="T4497" i="1"/>
  <c r="T4498" i="1"/>
  <c r="T4499" i="1"/>
  <c r="T4500" i="1"/>
  <c r="T4501" i="1"/>
  <c r="T4502" i="1"/>
  <c r="T4503" i="1"/>
  <c r="T4504" i="1"/>
  <c r="T4505" i="1"/>
  <c r="T4506" i="1"/>
  <c r="T4507" i="1"/>
  <c r="T4508" i="1"/>
  <c r="T4509" i="1"/>
  <c r="T4510" i="1"/>
  <c r="T4511" i="1"/>
  <c r="T4512" i="1"/>
  <c r="T4513" i="1"/>
  <c r="T4514" i="1"/>
  <c r="T4515" i="1"/>
  <c r="T4516" i="1"/>
  <c r="T4517" i="1"/>
  <c r="T4518" i="1"/>
  <c r="T4519" i="1"/>
  <c r="T4520" i="1"/>
  <c r="T4521" i="1"/>
  <c r="T4522" i="1"/>
  <c r="T4523" i="1"/>
  <c r="T4524" i="1"/>
  <c r="T4525" i="1"/>
  <c r="T4526" i="1"/>
  <c r="T4527" i="1"/>
  <c r="T4528" i="1"/>
  <c r="T4529" i="1"/>
  <c r="T4530" i="1"/>
  <c r="T4531" i="1"/>
  <c r="T4532" i="1"/>
  <c r="T4533" i="1"/>
  <c r="T4534" i="1"/>
  <c r="T4535" i="1"/>
  <c r="T4536" i="1"/>
  <c r="T4537" i="1"/>
  <c r="T4538" i="1"/>
  <c r="T4539" i="1"/>
  <c r="T4540" i="1"/>
  <c r="T4541" i="1"/>
  <c r="T4542" i="1"/>
  <c r="T4543" i="1"/>
  <c r="T4544" i="1"/>
  <c r="T4545" i="1"/>
  <c r="T4546" i="1"/>
  <c r="T4547" i="1"/>
  <c r="T4548" i="1"/>
  <c r="T4549" i="1"/>
  <c r="T4550" i="1"/>
  <c r="T4551" i="1"/>
  <c r="T4552" i="1"/>
  <c r="T4553" i="1"/>
  <c r="T4554" i="1"/>
  <c r="T4555" i="1"/>
  <c r="T4556" i="1"/>
  <c r="T4557" i="1"/>
  <c r="T4558" i="1"/>
  <c r="T4559" i="1"/>
  <c r="T4560" i="1"/>
  <c r="T4561" i="1"/>
  <c r="T4562" i="1"/>
  <c r="T4563" i="1"/>
  <c r="T4564" i="1"/>
  <c r="T4565" i="1"/>
  <c r="T4566" i="1"/>
  <c r="T4567" i="1"/>
  <c r="T4568" i="1"/>
  <c r="T4569" i="1"/>
  <c r="T4570" i="1"/>
  <c r="T4571" i="1"/>
  <c r="T4572" i="1"/>
  <c r="T4573" i="1"/>
  <c r="T4574" i="1"/>
  <c r="T4575" i="1"/>
  <c r="T4576" i="1"/>
  <c r="T4577" i="1"/>
  <c r="T4578" i="1"/>
  <c r="T4579" i="1"/>
  <c r="T4580" i="1"/>
  <c r="T4581" i="1"/>
  <c r="T4582" i="1"/>
  <c r="T4583" i="1"/>
  <c r="T4584" i="1"/>
  <c r="T4585" i="1"/>
  <c r="T4586" i="1"/>
  <c r="T4587" i="1"/>
  <c r="T4588" i="1"/>
  <c r="T4589" i="1"/>
  <c r="T4590" i="1"/>
  <c r="T4591" i="1"/>
  <c r="T4592" i="1"/>
  <c r="T4593" i="1"/>
  <c r="T4594" i="1"/>
  <c r="T4595" i="1"/>
  <c r="T4596" i="1"/>
  <c r="T4597" i="1"/>
  <c r="T4598" i="1"/>
  <c r="T4599" i="1"/>
  <c r="T4600" i="1"/>
  <c r="T4601" i="1"/>
  <c r="T4602" i="1"/>
  <c r="T4603" i="1"/>
  <c r="T4604" i="1"/>
  <c r="T4605" i="1"/>
  <c r="T4606" i="1"/>
  <c r="T4607" i="1"/>
  <c r="T4608" i="1"/>
  <c r="T4609" i="1"/>
  <c r="T4610" i="1"/>
  <c r="T4611" i="1"/>
  <c r="T4612" i="1"/>
  <c r="T4613" i="1"/>
  <c r="T4614" i="1"/>
  <c r="T4615" i="1"/>
  <c r="T4616" i="1"/>
  <c r="T4617" i="1"/>
  <c r="T4618" i="1"/>
  <c r="T4619" i="1"/>
  <c r="T4620" i="1"/>
  <c r="T4621" i="1"/>
  <c r="T4622" i="1"/>
  <c r="T4623" i="1"/>
  <c r="T4624" i="1"/>
  <c r="T4625" i="1"/>
  <c r="T4626" i="1"/>
  <c r="T4627" i="1"/>
  <c r="T4628" i="1"/>
  <c r="T4629" i="1"/>
  <c r="T4630" i="1"/>
  <c r="T4631" i="1"/>
  <c r="T4632" i="1"/>
  <c r="T4633" i="1"/>
  <c r="T4634" i="1"/>
  <c r="T4635" i="1"/>
  <c r="T4636" i="1"/>
  <c r="T4637" i="1"/>
  <c r="T4638" i="1"/>
  <c r="T4639" i="1"/>
  <c r="T4640" i="1"/>
  <c r="T4641" i="1"/>
  <c r="T4642" i="1"/>
  <c r="T4643" i="1"/>
  <c r="T4644" i="1"/>
  <c r="T4645" i="1"/>
  <c r="T4646" i="1"/>
  <c r="T4647" i="1"/>
  <c r="T4648" i="1"/>
  <c r="T4649" i="1"/>
  <c r="T4650" i="1"/>
  <c r="T4651" i="1"/>
  <c r="T4652" i="1"/>
  <c r="T4653" i="1"/>
  <c r="T4654" i="1"/>
  <c r="T4655" i="1"/>
  <c r="T4656" i="1"/>
  <c r="T4657" i="1"/>
  <c r="T4658" i="1"/>
  <c r="T4659" i="1"/>
  <c r="T4660" i="1"/>
  <c r="T4661" i="1"/>
  <c r="T4662" i="1"/>
  <c r="T4663" i="1"/>
  <c r="T4664" i="1"/>
  <c r="T4665" i="1"/>
  <c r="T4666" i="1"/>
  <c r="T4667" i="1"/>
  <c r="T4668" i="1"/>
  <c r="T4669" i="1"/>
  <c r="T4670" i="1"/>
  <c r="T4671" i="1"/>
  <c r="T4672" i="1"/>
  <c r="T4673" i="1"/>
  <c r="T4674" i="1"/>
  <c r="T4675" i="1"/>
  <c r="T4676" i="1"/>
  <c r="T4677" i="1"/>
  <c r="T4678" i="1"/>
  <c r="T4679" i="1"/>
  <c r="T4680" i="1"/>
  <c r="T4681" i="1"/>
  <c r="T4682" i="1"/>
  <c r="T4683" i="1"/>
  <c r="T4684" i="1"/>
  <c r="T4685" i="1"/>
  <c r="T4686" i="1"/>
  <c r="T4687" i="1"/>
  <c r="T4688" i="1"/>
  <c r="T4689" i="1"/>
  <c r="T4690" i="1"/>
  <c r="T4691" i="1"/>
  <c r="T4692" i="1"/>
  <c r="T4693" i="1"/>
  <c r="T4694" i="1"/>
  <c r="T4695" i="1"/>
  <c r="T4696" i="1"/>
  <c r="T4697" i="1"/>
  <c r="T4698" i="1"/>
  <c r="T4699" i="1"/>
  <c r="T4700" i="1"/>
  <c r="T4701" i="1"/>
  <c r="T4702" i="1"/>
  <c r="T4703" i="1"/>
  <c r="T4704" i="1"/>
  <c r="T4705" i="1"/>
  <c r="T4706" i="1"/>
  <c r="T4707" i="1"/>
  <c r="T4708" i="1"/>
  <c r="T4709" i="1"/>
  <c r="T4710" i="1"/>
  <c r="T4711" i="1"/>
  <c r="T4712" i="1"/>
  <c r="T4713" i="1"/>
  <c r="T4714" i="1"/>
  <c r="T4715" i="1"/>
  <c r="T4716" i="1"/>
  <c r="T4717" i="1"/>
  <c r="T4718" i="1"/>
  <c r="T4719" i="1"/>
  <c r="T4720" i="1"/>
  <c r="T4721" i="1"/>
  <c r="T4722" i="1"/>
  <c r="T4723" i="1"/>
  <c r="T4724" i="1"/>
  <c r="T4725" i="1"/>
  <c r="T4726" i="1"/>
  <c r="T4727" i="1"/>
  <c r="T4728" i="1"/>
  <c r="T4729" i="1"/>
  <c r="T4730" i="1"/>
  <c r="T4731" i="1"/>
  <c r="T4732" i="1"/>
  <c r="T4733" i="1"/>
  <c r="T4734" i="1"/>
  <c r="T4735" i="1"/>
  <c r="T4736" i="1"/>
  <c r="T4737" i="1"/>
  <c r="T4738" i="1"/>
  <c r="T4739" i="1"/>
  <c r="T4740" i="1"/>
  <c r="T4741" i="1"/>
  <c r="T4742" i="1"/>
  <c r="T4743" i="1"/>
  <c r="T4744" i="1"/>
  <c r="T4745" i="1"/>
  <c r="T4746" i="1"/>
  <c r="T4747" i="1"/>
  <c r="T4748" i="1"/>
  <c r="T4749" i="1"/>
  <c r="T4750" i="1"/>
  <c r="T4751" i="1"/>
  <c r="T4752" i="1"/>
  <c r="T4753" i="1"/>
  <c r="T4754" i="1"/>
  <c r="T4755" i="1"/>
  <c r="T4756" i="1"/>
  <c r="T4757" i="1"/>
  <c r="T4758" i="1"/>
  <c r="T4759" i="1"/>
  <c r="T4760" i="1"/>
  <c r="T4761" i="1"/>
  <c r="T4762" i="1"/>
  <c r="T4763" i="1"/>
  <c r="T4764" i="1"/>
  <c r="T4765" i="1"/>
  <c r="T4766" i="1"/>
  <c r="T4767" i="1"/>
  <c r="T4768" i="1"/>
  <c r="T4769" i="1"/>
  <c r="T4770" i="1"/>
  <c r="T4771" i="1"/>
  <c r="T4772" i="1"/>
  <c r="T4773" i="1"/>
  <c r="T4774" i="1"/>
  <c r="T4775" i="1"/>
  <c r="T4776" i="1"/>
  <c r="T4777" i="1"/>
  <c r="T4778" i="1"/>
  <c r="T4779" i="1"/>
  <c r="T4780" i="1"/>
  <c r="T4781" i="1"/>
  <c r="T4782" i="1"/>
  <c r="T4783" i="1"/>
  <c r="T4784" i="1"/>
  <c r="T4785" i="1"/>
  <c r="T4786" i="1"/>
  <c r="T4787" i="1"/>
  <c r="T4788" i="1"/>
  <c r="T4789" i="1"/>
  <c r="T4790" i="1"/>
  <c r="T4791" i="1"/>
  <c r="T4792" i="1"/>
  <c r="T4793" i="1"/>
  <c r="T4794" i="1"/>
  <c r="T4795" i="1"/>
  <c r="T4796" i="1"/>
  <c r="T4797" i="1"/>
  <c r="T4798" i="1"/>
  <c r="T4799" i="1"/>
  <c r="T4800" i="1"/>
  <c r="T4801" i="1"/>
  <c r="T4802" i="1"/>
  <c r="T4803" i="1"/>
  <c r="T4804" i="1"/>
  <c r="T4805" i="1"/>
  <c r="T4806" i="1"/>
  <c r="T4807" i="1"/>
  <c r="T4808" i="1"/>
  <c r="T4809" i="1"/>
  <c r="T4810" i="1"/>
  <c r="T4811" i="1"/>
  <c r="T4812" i="1"/>
  <c r="T4813" i="1"/>
  <c r="T4814" i="1"/>
  <c r="T4815" i="1"/>
  <c r="T4816" i="1"/>
  <c r="T4817" i="1"/>
  <c r="T4818" i="1"/>
  <c r="T4819" i="1"/>
  <c r="T4820" i="1"/>
  <c r="T4821" i="1"/>
  <c r="T4822" i="1"/>
  <c r="T4823" i="1"/>
  <c r="T4824" i="1"/>
  <c r="T4825" i="1"/>
  <c r="T4826" i="1"/>
  <c r="T4827" i="1"/>
  <c r="T4828" i="1"/>
  <c r="T4829" i="1"/>
  <c r="T4830" i="1"/>
  <c r="T4831" i="1"/>
  <c r="T4832" i="1"/>
  <c r="T4833" i="1"/>
  <c r="T4834" i="1"/>
  <c r="T4835" i="1"/>
  <c r="T4836" i="1"/>
  <c r="T4837" i="1"/>
  <c r="T4838" i="1"/>
  <c r="T4839" i="1"/>
  <c r="T4840" i="1"/>
  <c r="T4841" i="1"/>
  <c r="T4842" i="1"/>
  <c r="T4843" i="1"/>
  <c r="T4844" i="1"/>
  <c r="T4845" i="1"/>
  <c r="T4846" i="1"/>
  <c r="T4847" i="1"/>
  <c r="T4848" i="1"/>
  <c r="T4849" i="1"/>
  <c r="T4850" i="1"/>
  <c r="T4851" i="1"/>
  <c r="T4852" i="1"/>
  <c r="T4853" i="1"/>
  <c r="T4854" i="1"/>
  <c r="T4855" i="1"/>
  <c r="T4856" i="1"/>
  <c r="T4857" i="1"/>
  <c r="T4858" i="1"/>
  <c r="T4859" i="1"/>
  <c r="T4860" i="1"/>
  <c r="T4861" i="1"/>
  <c r="T4862" i="1"/>
  <c r="T4863" i="1"/>
  <c r="T4864" i="1"/>
  <c r="T4865" i="1"/>
  <c r="T4866" i="1"/>
  <c r="T4867" i="1"/>
  <c r="T4868" i="1"/>
  <c r="T4869" i="1"/>
  <c r="T4870" i="1"/>
  <c r="T4871" i="1"/>
  <c r="T4872" i="1"/>
  <c r="T4873" i="1"/>
  <c r="T4874" i="1"/>
  <c r="T4875" i="1"/>
  <c r="T4876" i="1"/>
  <c r="T4877" i="1"/>
  <c r="T4878" i="1"/>
  <c r="T4879" i="1"/>
  <c r="T4880" i="1"/>
  <c r="T4881" i="1"/>
  <c r="T4882" i="1"/>
  <c r="T4883" i="1"/>
  <c r="T4884" i="1"/>
  <c r="T4885" i="1"/>
  <c r="T4886" i="1"/>
  <c r="T4887" i="1"/>
  <c r="T4888" i="1"/>
  <c r="T4889" i="1"/>
  <c r="T4890" i="1"/>
  <c r="T4891" i="1"/>
  <c r="T4892" i="1"/>
  <c r="T4893" i="1"/>
  <c r="T4894" i="1"/>
  <c r="T4895" i="1"/>
  <c r="T4896" i="1"/>
  <c r="T4897" i="1"/>
  <c r="T4898" i="1"/>
  <c r="T4899" i="1"/>
  <c r="T4900" i="1"/>
  <c r="T4901" i="1"/>
  <c r="T4902" i="1"/>
  <c r="T4903" i="1"/>
  <c r="T4904" i="1"/>
  <c r="T4905" i="1"/>
  <c r="T4906" i="1"/>
  <c r="T4907" i="1"/>
  <c r="T4908" i="1"/>
  <c r="T4909" i="1"/>
  <c r="T4910" i="1"/>
  <c r="T4911" i="1"/>
  <c r="T4912" i="1"/>
  <c r="T4913" i="1"/>
  <c r="T4914" i="1"/>
  <c r="T4915" i="1"/>
  <c r="T4916" i="1"/>
  <c r="T4917" i="1"/>
  <c r="T4918" i="1"/>
  <c r="T4919" i="1"/>
  <c r="T4920" i="1"/>
  <c r="T4921" i="1"/>
  <c r="T4922" i="1"/>
  <c r="T4923" i="1"/>
  <c r="T4924" i="1"/>
  <c r="T4925" i="1"/>
  <c r="T4926" i="1"/>
  <c r="T4927" i="1"/>
  <c r="T4928" i="1"/>
  <c r="T4929" i="1"/>
  <c r="T4930" i="1"/>
  <c r="T4931" i="1"/>
  <c r="T4932" i="1"/>
  <c r="T4933" i="1"/>
  <c r="T4934" i="1"/>
  <c r="T4935" i="1"/>
  <c r="T4936" i="1"/>
  <c r="T4937" i="1"/>
  <c r="T4938" i="1"/>
  <c r="T4939" i="1"/>
  <c r="T4940" i="1"/>
  <c r="T4941" i="1"/>
  <c r="T4942" i="1"/>
  <c r="T4943" i="1"/>
  <c r="T4944" i="1"/>
  <c r="T4945" i="1"/>
  <c r="T4946" i="1"/>
  <c r="T4947" i="1"/>
  <c r="T4948" i="1"/>
  <c r="T4949" i="1"/>
  <c r="T4950" i="1"/>
  <c r="T4951" i="1"/>
  <c r="T4952" i="1"/>
  <c r="T4953" i="1"/>
  <c r="T4954" i="1"/>
  <c r="T4955" i="1"/>
  <c r="T4956" i="1"/>
  <c r="T4957" i="1"/>
  <c r="T4958" i="1"/>
  <c r="T4959" i="1"/>
  <c r="T4960" i="1"/>
  <c r="T4961" i="1"/>
  <c r="T4962" i="1"/>
  <c r="T4963" i="1"/>
  <c r="T4964" i="1"/>
  <c r="T4965" i="1"/>
  <c r="T4966" i="1"/>
  <c r="T4967" i="1"/>
  <c r="T4968" i="1"/>
  <c r="T4969" i="1"/>
  <c r="T4970" i="1"/>
  <c r="T4971" i="1"/>
  <c r="T4972" i="1"/>
  <c r="T4973" i="1"/>
  <c r="T4974" i="1"/>
  <c r="T4975" i="1"/>
  <c r="T4976" i="1"/>
  <c r="T4977" i="1"/>
  <c r="T4978" i="1"/>
  <c r="T4979" i="1"/>
  <c r="T4980" i="1"/>
  <c r="T4981" i="1"/>
  <c r="T4982" i="1"/>
  <c r="T4983" i="1"/>
  <c r="T4984" i="1"/>
  <c r="T4985" i="1"/>
  <c r="T4986" i="1"/>
  <c r="T4987" i="1"/>
  <c r="T4988" i="1"/>
  <c r="T4989" i="1"/>
  <c r="T4990" i="1"/>
  <c r="T4991" i="1"/>
  <c r="T4992" i="1"/>
  <c r="T4993" i="1"/>
  <c r="T4994" i="1"/>
  <c r="T4995" i="1"/>
  <c r="T4996" i="1"/>
  <c r="T4997" i="1"/>
  <c r="T4998" i="1"/>
  <c r="T4999" i="1"/>
  <c r="T5000" i="1"/>
  <c r="T5001" i="1"/>
  <c r="T5002" i="1"/>
  <c r="T5003" i="1"/>
  <c r="T5004" i="1"/>
  <c r="T5005" i="1"/>
  <c r="T5006" i="1"/>
  <c r="T5007" i="1"/>
  <c r="T5008" i="1"/>
  <c r="T5009" i="1"/>
  <c r="T5010" i="1"/>
  <c r="T5011" i="1"/>
  <c r="T5012" i="1"/>
  <c r="T5013" i="1"/>
  <c r="T5014" i="1"/>
  <c r="T5015" i="1"/>
  <c r="T5016" i="1"/>
  <c r="T5017" i="1"/>
  <c r="T5018" i="1"/>
  <c r="T5019" i="1"/>
  <c r="T5020" i="1"/>
  <c r="T5021" i="1"/>
  <c r="T5022" i="1"/>
  <c r="T5023" i="1"/>
  <c r="T5024" i="1"/>
  <c r="T5025" i="1"/>
  <c r="T5026" i="1"/>
  <c r="T5027" i="1"/>
  <c r="T5028" i="1"/>
  <c r="T5029" i="1"/>
  <c r="T5030" i="1"/>
  <c r="T5031" i="1"/>
  <c r="T5032" i="1"/>
  <c r="T5033" i="1"/>
  <c r="T5034" i="1"/>
  <c r="T5035" i="1"/>
  <c r="T5036" i="1"/>
  <c r="T5037" i="1"/>
  <c r="T5038" i="1"/>
  <c r="T5039" i="1"/>
  <c r="T5040" i="1"/>
  <c r="T5041" i="1"/>
  <c r="T5042" i="1"/>
  <c r="T5043" i="1"/>
  <c r="T5044" i="1"/>
  <c r="T5045" i="1"/>
  <c r="T5046" i="1"/>
  <c r="T5047" i="1"/>
  <c r="T5048" i="1"/>
  <c r="T5049" i="1"/>
  <c r="T5050" i="1"/>
  <c r="T5051" i="1"/>
  <c r="T5052" i="1"/>
  <c r="T5053" i="1"/>
  <c r="T5054" i="1"/>
  <c r="T5055" i="1"/>
  <c r="T5056" i="1"/>
  <c r="T5057" i="1"/>
  <c r="T5058" i="1"/>
  <c r="T5059" i="1"/>
  <c r="T5060" i="1"/>
  <c r="T5061" i="1"/>
  <c r="T5062" i="1"/>
  <c r="T5063" i="1"/>
  <c r="T5064" i="1"/>
  <c r="T5065" i="1"/>
  <c r="T5066" i="1"/>
  <c r="T5067" i="1"/>
  <c r="T5068" i="1"/>
  <c r="T5069" i="1"/>
  <c r="T5070" i="1"/>
  <c r="T5071" i="1"/>
  <c r="T5072" i="1"/>
  <c r="T5073" i="1"/>
  <c r="T5074" i="1"/>
  <c r="T5075" i="1"/>
  <c r="T5076" i="1"/>
  <c r="T5077" i="1"/>
  <c r="T5078" i="1"/>
  <c r="T5079" i="1"/>
  <c r="T5080" i="1"/>
  <c r="T5081" i="1"/>
  <c r="T5082" i="1"/>
  <c r="T5083" i="1"/>
  <c r="T5084" i="1"/>
  <c r="T5085" i="1"/>
  <c r="T5086" i="1"/>
  <c r="T5087" i="1"/>
  <c r="T5088" i="1"/>
  <c r="T5089" i="1"/>
  <c r="T5090" i="1"/>
  <c r="T5091" i="1"/>
  <c r="T5092" i="1"/>
  <c r="T5093" i="1"/>
  <c r="T5094" i="1"/>
  <c r="T5095" i="1"/>
  <c r="T5096" i="1"/>
  <c r="T5097" i="1"/>
  <c r="T5098" i="1"/>
  <c r="T5099" i="1"/>
  <c r="T5100" i="1"/>
  <c r="T5101" i="1"/>
  <c r="T5102" i="1"/>
  <c r="T5103" i="1"/>
  <c r="T5104" i="1"/>
  <c r="T5105" i="1"/>
  <c r="T5106" i="1"/>
  <c r="T5107" i="1"/>
  <c r="T5108" i="1"/>
  <c r="T5109" i="1"/>
  <c r="T5110" i="1"/>
  <c r="T5111" i="1"/>
  <c r="T5112" i="1"/>
  <c r="T5113" i="1"/>
  <c r="T5114" i="1"/>
  <c r="T5115" i="1"/>
  <c r="T5116" i="1"/>
  <c r="T5117" i="1"/>
  <c r="T5118" i="1"/>
  <c r="T5119" i="1"/>
  <c r="T5120" i="1"/>
  <c r="T5121" i="1"/>
  <c r="T5122" i="1"/>
  <c r="T5123" i="1"/>
  <c r="T5124" i="1"/>
  <c r="T5125" i="1"/>
  <c r="T5126" i="1"/>
  <c r="T5127" i="1"/>
  <c r="T5128" i="1"/>
  <c r="T5129" i="1"/>
  <c r="T5130" i="1"/>
  <c r="T5131" i="1"/>
  <c r="T5132" i="1"/>
  <c r="T5133" i="1"/>
  <c r="T5134" i="1"/>
  <c r="T5135" i="1"/>
  <c r="T5136" i="1"/>
  <c r="T5137" i="1"/>
  <c r="T5138" i="1"/>
  <c r="T5139" i="1"/>
  <c r="T5140" i="1"/>
  <c r="T5141" i="1"/>
  <c r="T5142" i="1"/>
  <c r="T5143" i="1"/>
  <c r="T5144" i="1"/>
  <c r="T5145" i="1"/>
  <c r="T5146" i="1"/>
  <c r="T5147" i="1"/>
  <c r="T5148" i="1"/>
  <c r="T5149" i="1"/>
  <c r="T5150" i="1"/>
  <c r="T5151" i="1"/>
  <c r="T5152" i="1"/>
  <c r="T5153" i="1"/>
  <c r="T5154" i="1"/>
  <c r="T5155" i="1"/>
  <c r="T5156" i="1"/>
  <c r="T5157" i="1"/>
  <c r="T5158" i="1"/>
  <c r="T5159" i="1"/>
  <c r="T5160" i="1"/>
  <c r="T5161" i="1"/>
  <c r="T5162" i="1"/>
  <c r="T5163" i="1"/>
  <c r="T5164" i="1"/>
  <c r="T5165" i="1"/>
  <c r="T5166" i="1"/>
  <c r="T5167" i="1"/>
  <c r="T5168" i="1"/>
  <c r="T5169" i="1"/>
  <c r="T5170" i="1"/>
  <c r="T5171" i="1"/>
  <c r="T5172" i="1"/>
  <c r="T5173" i="1"/>
  <c r="T5174" i="1"/>
  <c r="T5175" i="1"/>
  <c r="T5176" i="1"/>
  <c r="T5177" i="1"/>
  <c r="T5178" i="1"/>
  <c r="T5179" i="1"/>
  <c r="T5180" i="1"/>
  <c r="T5181" i="1"/>
  <c r="T5182" i="1"/>
  <c r="T5183" i="1"/>
  <c r="T5184" i="1"/>
  <c r="T5185" i="1"/>
  <c r="T5186" i="1"/>
  <c r="T5187" i="1"/>
  <c r="T5188" i="1"/>
  <c r="T5189" i="1"/>
  <c r="T5190" i="1"/>
  <c r="T5191" i="1"/>
  <c r="T5192" i="1"/>
  <c r="T5193" i="1"/>
  <c r="T5194" i="1"/>
  <c r="T5195" i="1"/>
  <c r="T5196" i="1"/>
  <c r="T5197" i="1"/>
  <c r="T5198" i="1"/>
  <c r="T5199" i="1"/>
  <c r="T5200" i="1"/>
  <c r="T5201" i="1"/>
  <c r="T5202" i="1"/>
  <c r="T5203" i="1"/>
  <c r="T5204" i="1"/>
  <c r="T5205" i="1"/>
  <c r="T5206" i="1"/>
  <c r="T5207" i="1"/>
  <c r="T5208" i="1"/>
  <c r="T5209" i="1"/>
  <c r="T5210" i="1"/>
  <c r="T5211" i="1"/>
  <c r="T5212" i="1"/>
  <c r="T5213" i="1"/>
  <c r="T5214" i="1"/>
  <c r="T5215" i="1"/>
  <c r="T5216" i="1"/>
  <c r="T5217" i="1"/>
  <c r="T5218" i="1"/>
  <c r="T5219" i="1"/>
  <c r="T5220" i="1"/>
  <c r="T5221" i="1"/>
  <c r="T5222" i="1"/>
  <c r="T5223" i="1"/>
  <c r="T5224" i="1"/>
  <c r="T5225" i="1"/>
  <c r="T5226" i="1"/>
  <c r="T5227" i="1"/>
  <c r="T5228" i="1"/>
  <c r="T5229" i="1"/>
  <c r="T5230" i="1"/>
  <c r="T5231" i="1"/>
  <c r="T5232" i="1"/>
  <c r="T5233" i="1"/>
  <c r="T5234" i="1"/>
  <c r="T5235" i="1"/>
  <c r="T5236" i="1"/>
  <c r="T5237" i="1"/>
  <c r="T5238" i="1"/>
  <c r="T5239" i="1"/>
  <c r="T5240" i="1"/>
  <c r="T5241" i="1"/>
  <c r="T5242" i="1"/>
  <c r="T5243" i="1"/>
  <c r="T5244" i="1"/>
  <c r="T5245" i="1"/>
  <c r="T5246" i="1"/>
  <c r="T5247" i="1"/>
  <c r="T5248" i="1"/>
  <c r="T5249" i="1"/>
  <c r="T5250" i="1"/>
  <c r="T5251" i="1"/>
  <c r="T5252" i="1"/>
  <c r="T5253" i="1"/>
  <c r="T5254" i="1"/>
  <c r="T5255" i="1"/>
  <c r="T5256" i="1"/>
  <c r="T5257" i="1"/>
  <c r="T5258" i="1"/>
  <c r="T5259" i="1"/>
  <c r="T5260" i="1"/>
  <c r="T5261" i="1"/>
  <c r="T5262" i="1"/>
  <c r="T5263" i="1"/>
  <c r="T5264" i="1"/>
  <c r="T5265" i="1"/>
  <c r="T5266" i="1"/>
  <c r="T5267" i="1"/>
  <c r="T5268" i="1"/>
  <c r="T5269" i="1"/>
  <c r="T5270" i="1"/>
  <c r="T5271" i="1"/>
  <c r="T5272" i="1"/>
  <c r="T5273" i="1"/>
  <c r="T5274" i="1"/>
  <c r="T5275" i="1"/>
  <c r="T5276" i="1"/>
  <c r="T5277" i="1"/>
  <c r="T5278" i="1"/>
  <c r="T5279" i="1"/>
  <c r="T5280" i="1"/>
  <c r="T5281" i="1"/>
  <c r="T5282" i="1"/>
  <c r="T5283" i="1"/>
  <c r="T5284" i="1"/>
  <c r="T5285" i="1"/>
  <c r="T5286" i="1"/>
  <c r="T5287" i="1"/>
  <c r="T5288" i="1"/>
  <c r="T5289" i="1"/>
  <c r="T5290" i="1"/>
  <c r="T5291" i="1"/>
  <c r="T5292" i="1"/>
  <c r="T5293" i="1"/>
  <c r="T5294" i="1"/>
  <c r="T5295" i="1"/>
  <c r="T5296" i="1"/>
  <c r="T5297" i="1"/>
  <c r="T5298" i="1"/>
  <c r="T5299" i="1"/>
  <c r="T5300" i="1"/>
  <c r="T5301" i="1"/>
  <c r="T5302" i="1"/>
  <c r="T5303" i="1"/>
  <c r="T5304" i="1"/>
  <c r="T5305" i="1"/>
  <c r="T5306" i="1"/>
  <c r="T5307" i="1"/>
  <c r="T5308" i="1"/>
  <c r="T5309" i="1"/>
  <c r="T5310" i="1"/>
  <c r="T5311" i="1"/>
  <c r="T5312" i="1"/>
  <c r="T5313" i="1"/>
  <c r="T5314" i="1"/>
  <c r="T5315" i="1"/>
  <c r="T5316" i="1"/>
  <c r="T5317" i="1"/>
  <c r="T5318" i="1"/>
  <c r="T5319" i="1"/>
  <c r="T5320" i="1"/>
  <c r="T5321" i="1"/>
  <c r="T5322" i="1"/>
  <c r="T5323" i="1"/>
  <c r="T5324" i="1"/>
  <c r="T5325" i="1"/>
  <c r="T5326" i="1"/>
  <c r="T5327" i="1"/>
  <c r="T5328" i="1"/>
  <c r="T5329" i="1"/>
  <c r="T5330" i="1"/>
  <c r="T5331" i="1"/>
  <c r="T5332" i="1"/>
  <c r="T5333" i="1"/>
  <c r="T5334" i="1"/>
  <c r="T5335" i="1"/>
  <c r="T5336" i="1"/>
  <c r="T5337" i="1"/>
  <c r="T5338" i="1"/>
  <c r="T5339" i="1"/>
  <c r="T5340" i="1"/>
  <c r="T5341" i="1"/>
  <c r="T5342" i="1"/>
  <c r="T5343" i="1"/>
  <c r="T5344" i="1"/>
  <c r="T5345" i="1"/>
  <c r="T5346" i="1"/>
  <c r="T5347" i="1"/>
  <c r="T5348" i="1"/>
  <c r="T5349" i="1"/>
  <c r="T5350" i="1"/>
  <c r="T5351" i="1"/>
  <c r="T5352" i="1"/>
  <c r="T5353" i="1"/>
  <c r="T5354" i="1"/>
  <c r="T5355" i="1"/>
  <c r="T5356" i="1"/>
  <c r="T5357" i="1"/>
  <c r="T5358" i="1"/>
  <c r="T5359" i="1"/>
  <c r="T5360" i="1"/>
  <c r="T5361" i="1"/>
  <c r="T5362" i="1"/>
  <c r="T5363" i="1"/>
  <c r="T5364" i="1"/>
  <c r="T5365" i="1"/>
  <c r="T5366" i="1"/>
  <c r="T5367" i="1"/>
  <c r="T5368" i="1"/>
  <c r="T5369" i="1"/>
  <c r="T5370" i="1"/>
  <c r="T5371" i="1"/>
  <c r="T5372" i="1"/>
  <c r="T5373" i="1"/>
  <c r="T5374" i="1"/>
  <c r="T5375" i="1"/>
  <c r="T5376" i="1"/>
  <c r="T5377" i="1"/>
  <c r="T5378" i="1"/>
  <c r="T5379" i="1"/>
  <c r="T5380" i="1"/>
  <c r="T5381" i="1"/>
  <c r="T5382" i="1"/>
  <c r="T5383" i="1"/>
  <c r="T5384" i="1"/>
  <c r="T5385" i="1"/>
  <c r="T5386" i="1"/>
  <c r="T5387" i="1"/>
  <c r="T5388" i="1"/>
  <c r="T5389" i="1"/>
  <c r="T5390" i="1"/>
  <c r="T5391" i="1"/>
  <c r="T5392" i="1"/>
  <c r="T5393" i="1"/>
  <c r="T5394" i="1"/>
  <c r="T5395" i="1"/>
  <c r="T5396" i="1"/>
  <c r="T5397" i="1"/>
  <c r="T5398" i="1"/>
  <c r="T5399" i="1"/>
  <c r="T5400" i="1"/>
  <c r="T5401" i="1"/>
  <c r="T5402" i="1"/>
  <c r="T5403" i="1"/>
  <c r="T5404" i="1"/>
  <c r="T5405" i="1"/>
  <c r="T5406" i="1"/>
  <c r="T5407" i="1"/>
  <c r="T5408" i="1"/>
  <c r="T5409" i="1"/>
  <c r="T5410" i="1"/>
  <c r="T5411" i="1"/>
  <c r="T5412" i="1"/>
  <c r="T5413" i="1"/>
  <c r="T5414" i="1"/>
  <c r="T5415" i="1"/>
  <c r="T5416" i="1"/>
  <c r="T5417" i="1"/>
  <c r="T5418" i="1"/>
  <c r="T5419" i="1"/>
  <c r="T5420" i="1"/>
  <c r="T5421" i="1"/>
  <c r="T5422" i="1"/>
  <c r="T5423" i="1"/>
  <c r="T5424" i="1"/>
  <c r="T5425" i="1"/>
  <c r="T5426" i="1"/>
  <c r="T5427" i="1"/>
  <c r="T5428" i="1"/>
  <c r="T5429" i="1"/>
  <c r="T5430" i="1"/>
  <c r="T5431" i="1"/>
  <c r="T5432" i="1"/>
  <c r="T5433" i="1"/>
  <c r="T5434" i="1"/>
  <c r="T5435" i="1"/>
  <c r="T5436" i="1"/>
  <c r="T5437" i="1"/>
  <c r="T5438" i="1"/>
  <c r="T5439" i="1"/>
  <c r="T5440" i="1"/>
  <c r="T5441" i="1"/>
  <c r="T5442" i="1"/>
  <c r="T5443" i="1"/>
  <c r="T5444" i="1"/>
  <c r="T5445" i="1"/>
  <c r="T5446" i="1"/>
  <c r="T5447" i="1"/>
  <c r="T5448" i="1"/>
  <c r="T5449" i="1"/>
  <c r="T5450" i="1"/>
  <c r="T5451" i="1"/>
  <c r="T5452" i="1"/>
  <c r="T5453" i="1"/>
  <c r="T5454" i="1"/>
  <c r="T5455" i="1"/>
  <c r="T5456" i="1"/>
  <c r="T5457" i="1"/>
  <c r="T5458" i="1"/>
  <c r="T5459" i="1"/>
  <c r="T5460" i="1"/>
  <c r="T5461" i="1"/>
  <c r="T5462" i="1"/>
  <c r="T5463" i="1"/>
  <c r="T5464" i="1"/>
  <c r="T5465" i="1"/>
  <c r="T5466" i="1"/>
  <c r="T5467" i="1"/>
  <c r="T5468" i="1"/>
  <c r="T5469" i="1"/>
  <c r="T5470" i="1"/>
  <c r="T5471" i="1"/>
  <c r="T5472" i="1"/>
  <c r="T5473" i="1"/>
  <c r="T5474" i="1"/>
  <c r="T5475" i="1"/>
  <c r="T5476" i="1"/>
  <c r="T5477" i="1"/>
  <c r="T5478" i="1"/>
  <c r="T5479" i="1"/>
  <c r="T5480" i="1"/>
  <c r="T5481" i="1"/>
  <c r="T5482" i="1"/>
  <c r="T5483" i="1"/>
  <c r="T5484" i="1"/>
  <c r="T5485" i="1"/>
  <c r="T5486" i="1"/>
  <c r="T5487" i="1"/>
  <c r="T5488" i="1"/>
  <c r="T5489" i="1"/>
  <c r="T5490" i="1"/>
  <c r="T5491" i="1"/>
  <c r="T5492" i="1"/>
  <c r="T5493" i="1"/>
  <c r="T5494" i="1"/>
  <c r="T5495" i="1"/>
  <c r="T5496" i="1"/>
  <c r="T5497" i="1"/>
  <c r="T5498" i="1"/>
  <c r="T5499" i="1"/>
  <c r="T5500" i="1"/>
  <c r="T5501" i="1"/>
  <c r="T5502" i="1"/>
  <c r="T5503" i="1"/>
  <c r="T5504" i="1"/>
  <c r="T5505" i="1"/>
  <c r="T5506" i="1"/>
  <c r="T5507" i="1"/>
  <c r="T5508" i="1"/>
  <c r="T5509" i="1"/>
  <c r="T5510" i="1"/>
  <c r="T5511" i="1"/>
  <c r="T5512" i="1"/>
  <c r="T5513" i="1"/>
  <c r="T5514" i="1"/>
  <c r="T5515" i="1"/>
  <c r="T5516" i="1"/>
  <c r="T5517" i="1"/>
  <c r="T5518" i="1"/>
  <c r="T5519" i="1"/>
  <c r="T5520" i="1"/>
  <c r="T5521" i="1"/>
  <c r="T5522" i="1"/>
  <c r="T5523" i="1"/>
  <c r="T5524" i="1"/>
  <c r="T5525" i="1"/>
  <c r="T5526" i="1"/>
  <c r="T5527" i="1"/>
  <c r="T5528" i="1"/>
  <c r="T5529" i="1"/>
  <c r="T5530" i="1"/>
  <c r="T5531" i="1"/>
  <c r="T5532" i="1"/>
  <c r="T5533" i="1"/>
  <c r="T5534" i="1"/>
  <c r="T5535" i="1"/>
  <c r="T5536" i="1"/>
  <c r="T5537" i="1"/>
  <c r="T5538" i="1"/>
  <c r="T5539" i="1"/>
  <c r="T5540" i="1"/>
  <c r="T5541" i="1"/>
  <c r="T5542" i="1"/>
  <c r="T5543" i="1"/>
  <c r="T5544" i="1"/>
  <c r="T5545" i="1"/>
  <c r="T5546" i="1"/>
  <c r="T5547" i="1"/>
  <c r="T5548" i="1"/>
  <c r="T5549" i="1"/>
  <c r="T5550" i="1"/>
  <c r="T5551" i="1"/>
  <c r="T5552" i="1"/>
  <c r="T5553" i="1"/>
  <c r="T5554" i="1"/>
  <c r="T5555" i="1"/>
  <c r="T5556" i="1"/>
  <c r="T5557" i="1"/>
  <c r="T5558" i="1"/>
  <c r="T5559" i="1"/>
  <c r="T5560" i="1"/>
  <c r="T5561" i="1"/>
  <c r="T5562" i="1"/>
  <c r="T5563" i="1"/>
  <c r="T5564" i="1"/>
  <c r="T5565" i="1"/>
  <c r="T5566" i="1"/>
  <c r="T5567" i="1"/>
  <c r="T5568" i="1"/>
  <c r="T5569" i="1"/>
  <c r="T5570" i="1"/>
  <c r="T5571" i="1"/>
  <c r="T5572" i="1"/>
  <c r="T5573" i="1"/>
  <c r="T5574" i="1"/>
  <c r="T5575" i="1"/>
  <c r="T5576" i="1"/>
  <c r="T5577" i="1"/>
  <c r="T5578" i="1"/>
  <c r="T5579" i="1"/>
  <c r="T5580" i="1"/>
  <c r="T5581" i="1"/>
  <c r="T5582" i="1"/>
  <c r="T5583" i="1"/>
  <c r="T5584" i="1"/>
  <c r="T5585" i="1"/>
  <c r="T5586" i="1"/>
  <c r="T5587" i="1"/>
  <c r="T5588" i="1"/>
  <c r="T5589" i="1"/>
  <c r="T5590" i="1"/>
  <c r="T5591" i="1"/>
  <c r="T5592" i="1"/>
  <c r="T5593" i="1"/>
  <c r="T5594" i="1"/>
  <c r="T5595" i="1"/>
  <c r="T5596" i="1"/>
  <c r="T5597" i="1"/>
  <c r="T5598" i="1"/>
  <c r="T5599" i="1"/>
  <c r="T5600" i="1"/>
  <c r="T5601" i="1"/>
  <c r="T5602" i="1"/>
  <c r="T5603" i="1"/>
  <c r="T5604" i="1"/>
  <c r="T5605" i="1"/>
  <c r="T5606" i="1"/>
  <c r="T5607" i="1"/>
  <c r="T5608" i="1"/>
  <c r="T5609" i="1"/>
  <c r="T5610" i="1"/>
  <c r="T5611" i="1"/>
  <c r="T5612" i="1"/>
  <c r="T5613" i="1"/>
  <c r="T5614" i="1"/>
  <c r="T5615" i="1"/>
  <c r="T5616" i="1"/>
  <c r="T5617" i="1"/>
  <c r="T5618" i="1"/>
  <c r="T5619" i="1"/>
  <c r="T5620" i="1"/>
  <c r="T5621" i="1"/>
  <c r="T5622" i="1"/>
  <c r="T5623" i="1"/>
  <c r="T5624" i="1"/>
  <c r="T5625" i="1"/>
  <c r="T5626" i="1"/>
  <c r="T5627" i="1"/>
  <c r="T5628" i="1"/>
  <c r="T5629" i="1"/>
  <c r="T5630" i="1"/>
  <c r="T5631" i="1"/>
  <c r="T5632" i="1"/>
  <c r="T5633" i="1"/>
  <c r="T5634" i="1"/>
  <c r="T5635" i="1"/>
  <c r="T5636" i="1"/>
  <c r="T5637" i="1"/>
  <c r="T5638" i="1"/>
  <c r="T5639" i="1"/>
  <c r="T5640" i="1"/>
  <c r="T5641" i="1"/>
  <c r="T5642" i="1"/>
  <c r="T5643" i="1"/>
  <c r="T5644" i="1"/>
  <c r="T5645" i="1"/>
  <c r="T5646" i="1"/>
  <c r="T5647" i="1"/>
  <c r="T5648" i="1"/>
  <c r="T5649" i="1"/>
  <c r="T5650" i="1"/>
  <c r="T5651" i="1"/>
  <c r="T5652" i="1"/>
  <c r="T5653" i="1"/>
  <c r="T5654" i="1"/>
  <c r="T5655" i="1"/>
  <c r="T5656" i="1"/>
  <c r="T5657" i="1"/>
  <c r="T5658" i="1"/>
  <c r="T5659" i="1"/>
  <c r="T5660" i="1"/>
  <c r="T5661" i="1"/>
  <c r="T5662" i="1"/>
  <c r="T5663" i="1"/>
  <c r="T5664" i="1"/>
  <c r="T5665" i="1"/>
  <c r="T5666" i="1"/>
  <c r="T5667" i="1"/>
  <c r="T5668" i="1"/>
  <c r="T5669" i="1"/>
  <c r="T5670" i="1"/>
  <c r="T5671" i="1"/>
  <c r="T5672" i="1"/>
  <c r="T5673" i="1"/>
  <c r="T5674" i="1"/>
  <c r="T5675" i="1"/>
  <c r="T5676" i="1"/>
  <c r="T5677" i="1"/>
  <c r="T5678" i="1"/>
  <c r="T5679" i="1"/>
  <c r="T5680" i="1"/>
  <c r="T5681" i="1"/>
  <c r="T5682" i="1"/>
  <c r="T5683" i="1"/>
  <c r="T5684" i="1"/>
  <c r="T5685" i="1"/>
  <c r="T5686" i="1"/>
  <c r="T5687" i="1"/>
  <c r="T5688" i="1"/>
  <c r="T5689" i="1"/>
  <c r="T5690" i="1"/>
  <c r="T5691" i="1"/>
  <c r="T5692" i="1"/>
  <c r="T5693" i="1"/>
  <c r="T5694" i="1"/>
  <c r="T5695" i="1"/>
  <c r="T5696" i="1"/>
  <c r="T5697" i="1"/>
  <c r="T5698" i="1"/>
  <c r="T5699" i="1"/>
  <c r="T5700" i="1"/>
  <c r="T5701" i="1"/>
  <c r="T5702" i="1"/>
  <c r="T5703" i="1"/>
  <c r="T5704" i="1"/>
  <c r="T5705" i="1"/>
  <c r="T5706" i="1"/>
  <c r="T5707" i="1"/>
  <c r="T5708" i="1"/>
  <c r="T5709" i="1"/>
  <c r="T5710" i="1"/>
  <c r="T5711" i="1"/>
  <c r="T5712" i="1"/>
  <c r="T5713" i="1"/>
  <c r="T5714" i="1"/>
  <c r="T5715" i="1"/>
  <c r="T5716" i="1"/>
  <c r="T5717" i="1"/>
  <c r="T5718" i="1"/>
  <c r="T5719" i="1"/>
  <c r="T5720" i="1"/>
  <c r="T5721" i="1"/>
  <c r="T5722" i="1"/>
  <c r="T5723" i="1"/>
  <c r="T5724" i="1"/>
  <c r="T5725" i="1"/>
  <c r="T5726" i="1"/>
  <c r="T5727" i="1"/>
  <c r="T5728" i="1"/>
  <c r="T5729" i="1"/>
  <c r="T5730" i="1"/>
  <c r="T5731" i="1"/>
  <c r="T5732" i="1"/>
  <c r="T5733" i="1"/>
  <c r="T5734" i="1"/>
  <c r="T5735" i="1"/>
  <c r="T5736" i="1"/>
  <c r="T5737" i="1"/>
  <c r="T5738" i="1"/>
  <c r="T5739" i="1"/>
  <c r="T5740" i="1"/>
  <c r="T5741" i="1"/>
  <c r="T5742" i="1"/>
  <c r="T5743" i="1"/>
  <c r="T5744" i="1"/>
  <c r="T5745" i="1"/>
  <c r="T5746" i="1"/>
  <c r="T5747" i="1"/>
  <c r="T5748" i="1"/>
  <c r="T5749" i="1"/>
  <c r="T5750" i="1"/>
  <c r="T5751" i="1"/>
  <c r="T5752" i="1"/>
  <c r="T5753" i="1"/>
  <c r="T5754" i="1"/>
  <c r="T5755" i="1"/>
  <c r="T5756" i="1"/>
  <c r="T5757" i="1"/>
  <c r="T5758" i="1"/>
  <c r="T5759" i="1"/>
  <c r="T5760" i="1"/>
  <c r="T5761" i="1"/>
  <c r="T5762" i="1"/>
  <c r="T5763" i="1"/>
  <c r="T5764" i="1"/>
  <c r="T5765" i="1"/>
  <c r="T5766" i="1"/>
  <c r="T5767" i="1"/>
  <c r="T5768" i="1"/>
  <c r="T5769" i="1"/>
  <c r="T5770" i="1"/>
  <c r="T5771" i="1"/>
  <c r="T5772" i="1"/>
  <c r="T5773" i="1"/>
  <c r="T5774" i="1"/>
  <c r="T5775" i="1"/>
  <c r="T5776" i="1"/>
  <c r="T5777" i="1"/>
  <c r="T5778" i="1"/>
  <c r="T5779" i="1"/>
  <c r="T5780" i="1"/>
  <c r="T5781" i="1"/>
  <c r="T5782" i="1"/>
  <c r="T5783" i="1"/>
  <c r="T5784" i="1"/>
  <c r="T5785" i="1"/>
  <c r="T5786" i="1"/>
  <c r="T5787" i="1"/>
  <c r="T5788" i="1"/>
  <c r="T5789" i="1"/>
  <c r="T5790" i="1"/>
  <c r="T5791" i="1"/>
  <c r="T5792" i="1"/>
  <c r="T5793" i="1"/>
  <c r="T5794" i="1"/>
  <c r="T5795" i="1"/>
  <c r="T5796" i="1"/>
  <c r="T5797" i="1"/>
  <c r="T5798" i="1"/>
  <c r="T5799" i="1"/>
  <c r="T5800" i="1"/>
  <c r="T5801" i="1"/>
  <c r="T5802" i="1"/>
  <c r="T5803" i="1"/>
  <c r="T5804" i="1"/>
  <c r="T5805" i="1"/>
  <c r="T5806" i="1"/>
  <c r="T5807" i="1"/>
  <c r="T5808" i="1"/>
  <c r="T5809" i="1"/>
  <c r="T5810" i="1"/>
  <c r="T5811" i="1"/>
  <c r="T5812" i="1"/>
  <c r="T5813" i="1"/>
  <c r="T5814" i="1"/>
  <c r="T5815" i="1"/>
  <c r="T5816" i="1"/>
  <c r="T5817" i="1"/>
  <c r="T5818" i="1"/>
  <c r="T5819" i="1"/>
  <c r="T5820" i="1"/>
  <c r="T5821" i="1"/>
  <c r="T5822" i="1"/>
  <c r="T5823" i="1"/>
  <c r="T5824" i="1"/>
  <c r="T5825" i="1"/>
  <c r="T5826" i="1"/>
  <c r="T5827" i="1"/>
  <c r="T5828" i="1"/>
  <c r="T5829" i="1"/>
  <c r="T5830" i="1"/>
  <c r="T5831" i="1"/>
  <c r="T5832" i="1"/>
  <c r="T5833" i="1"/>
  <c r="T5834" i="1"/>
  <c r="T5835" i="1"/>
  <c r="T5836" i="1"/>
  <c r="T5837" i="1"/>
  <c r="T5838" i="1"/>
  <c r="T5839" i="1"/>
  <c r="T5840" i="1"/>
  <c r="T5841" i="1"/>
  <c r="T5842" i="1"/>
  <c r="T5843" i="1"/>
  <c r="T5844" i="1"/>
  <c r="T5845" i="1"/>
  <c r="T5846" i="1"/>
  <c r="T5847" i="1"/>
  <c r="T5848" i="1"/>
  <c r="T5849" i="1"/>
  <c r="T5850" i="1"/>
  <c r="T5851" i="1"/>
  <c r="T5852" i="1"/>
  <c r="T5853" i="1"/>
  <c r="T5854" i="1"/>
  <c r="T5855" i="1"/>
  <c r="T5856" i="1"/>
  <c r="T5857" i="1"/>
  <c r="T5858" i="1"/>
  <c r="T5859" i="1"/>
  <c r="T5860" i="1"/>
  <c r="T5861" i="1"/>
  <c r="T5862" i="1"/>
  <c r="T5863" i="1"/>
  <c r="T5864" i="1"/>
  <c r="T5865" i="1"/>
  <c r="T5866" i="1"/>
  <c r="T5867" i="1"/>
  <c r="T5868" i="1"/>
  <c r="T5869" i="1"/>
  <c r="T5870" i="1"/>
  <c r="T5871" i="1"/>
  <c r="T5872" i="1"/>
  <c r="T5873" i="1"/>
  <c r="T5874" i="1"/>
  <c r="T5875" i="1"/>
  <c r="T5876" i="1"/>
  <c r="T5877" i="1"/>
  <c r="T5878" i="1"/>
  <c r="T5879" i="1"/>
  <c r="T5880" i="1"/>
  <c r="T5881" i="1"/>
  <c r="T5882" i="1"/>
  <c r="T5883" i="1"/>
  <c r="T5884" i="1"/>
  <c r="T5885" i="1"/>
  <c r="T5886" i="1"/>
  <c r="T5887" i="1"/>
  <c r="T5888" i="1"/>
  <c r="T5889" i="1"/>
  <c r="T5890" i="1"/>
  <c r="T5891" i="1"/>
  <c r="T5892" i="1"/>
  <c r="T5893" i="1"/>
  <c r="T5894" i="1"/>
  <c r="T5895" i="1"/>
  <c r="T5896" i="1"/>
  <c r="T5897" i="1"/>
  <c r="T5898" i="1"/>
  <c r="T5899" i="1"/>
  <c r="T5900" i="1"/>
  <c r="T5901" i="1"/>
  <c r="T5902" i="1"/>
  <c r="T5903" i="1"/>
  <c r="T5904" i="1"/>
  <c r="T5905" i="1"/>
  <c r="T5906" i="1"/>
  <c r="T5907" i="1"/>
  <c r="T5908" i="1"/>
  <c r="T5909" i="1"/>
  <c r="T5910" i="1"/>
  <c r="T5911" i="1"/>
  <c r="T5912" i="1"/>
  <c r="T5913" i="1"/>
  <c r="T5914" i="1"/>
  <c r="T5915" i="1"/>
  <c r="T5916" i="1"/>
  <c r="T5917" i="1"/>
  <c r="T5918" i="1"/>
  <c r="T5919" i="1"/>
  <c r="T5920" i="1"/>
  <c r="T5921" i="1"/>
  <c r="T5922" i="1"/>
  <c r="T5923" i="1"/>
  <c r="T5924" i="1"/>
  <c r="T5925" i="1"/>
  <c r="T5926" i="1"/>
  <c r="T5927" i="1"/>
  <c r="T5928" i="1"/>
  <c r="T5929" i="1"/>
  <c r="T5930" i="1"/>
  <c r="T5931" i="1"/>
  <c r="T5932" i="1"/>
  <c r="T5933" i="1"/>
  <c r="T5934" i="1"/>
  <c r="T5935" i="1"/>
  <c r="T5936" i="1"/>
  <c r="T5937" i="1"/>
  <c r="T5938" i="1"/>
  <c r="T5939" i="1"/>
  <c r="T5940" i="1"/>
  <c r="T5941" i="1"/>
  <c r="T5942" i="1"/>
  <c r="T5943" i="1"/>
  <c r="T5944" i="1"/>
  <c r="T5945" i="1"/>
  <c r="T5946" i="1"/>
  <c r="T5947" i="1"/>
  <c r="T5948" i="1"/>
  <c r="T5949" i="1"/>
  <c r="T5950" i="1"/>
  <c r="T5951" i="1"/>
  <c r="T5952" i="1"/>
  <c r="T5953" i="1"/>
  <c r="T5954" i="1"/>
  <c r="T5955" i="1"/>
  <c r="T5956" i="1"/>
  <c r="T5957" i="1"/>
  <c r="T5958" i="1"/>
  <c r="T5959" i="1"/>
  <c r="T5960" i="1"/>
  <c r="T5961" i="1"/>
  <c r="T5962" i="1"/>
  <c r="T5963" i="1"/>
  <c r="T5964" i="1"/>
  <c r="T5965" i="1"/>
  <c r="T5966" i="1"/>
  <c r="T5967" i="1"/>
  <c r="T5968" i="1"/>
  <c r="T5969" i="1"/>
  <c r="T5970" i="1"/>
  <c r="T5971" i="1"/>
  <c r="T5972" i="1"/>
  <c r="T5973" i="1"/>
  <c r="T5974" i="1"/>
  <c r="T5975" i="1"/>
  <c r="T5976" i="1"/>
  <c r="T5977" i="1"/>
  <c r="T5978" i="1"/>
  <c r="T5979" i="1"/>
  <c r="T5980" i="1"/>
  <c r="T5981" i="1"/>
  <c r="T5982" i="1"/>
  <c r="T5983" i="1"/>
  <c r="T5984" i="1"/>
  <c r="T5985" i="1"/>
  <c r="T5986" i="1"/>
  <c r="T5987" i="1"/>
  <c r="T5988" i="1"/>
  <c r="T5989" i="1"/>
  <c r="T5990" i="1"/>
  <c r="T5991" i="1"/>
  <c r="T5992" i="1"/>
  <c r="T5993" i="1"/>
  <c r="T5994" i="1"/>
  <c r="T5995" i="1"/>
  <c r="T5996" i="1"/>
  <c r="T5997" i="1"/>
  <c r="T5998" i="1"/>
  <c r="T5999" i="1"/>
  <c r="T6000" i="1"/>
  <c r="T6001" i="1"/>
  <c r="T6002" i="1"/>
  <c r="T6003" i="1"/>
  <c r="T6004" i="1"/>
  <c r="T6005" i="1"/>
  <c r="T6006" i="1"/>
  <c r="T6007" i="1"/>
  <c r="T6008" i="1"/>
  <c r="T6009" i="1"/>
  <c r="T6010" i="1"/>
  <c r="T6011" i="1"/>
  <c r="T6012" i="1"/>
  <c r="T6013" i="1"/>
  <c r="T6014" i="1"/>
  <c r="T6015" i="1"/>
  <c r="T6016" i="1"/>
  <c r="T6017" i="1"/>
  <c r="T6018" i="1"/>
  <c r="T6019" i="1"/>
  <c r="T6020" i="1"/>
  <c r="T6021" i="1"/>
  <c r="T6022" i="1"/>
  <c r="T6023" i="1"/>
  <c r="T6024" i="1"/>
  <c r="T6025" i="1"/>
  <c r="T6026" i="1"/>
  <c r="T6027" i="1"/>
  <c r="T6028" i="1"/>
  <c r="T6029" i="1"/>
  <c r="T6030" i="1"/>
  <c r="T6031" i="1"/>
  <c r="T6032" i="1"/>
  <c r="T6033" i="1"/>
  <c r="T6034" i="1"/>
  <c r="T6035" i="1"/>
  <c r="T6036" i="1"/>
  <c r="T6037" i="1"/>
  <c r="T6038" i="1"/>
  <c r="T6039" i="1"/>
  <c r="T6040" i="1"/>
  <c r="T6041" i="1"/>
  <c r="T6042" i="1"/>
  <c r="T6043" i="1"/>
  <c r="T6044" i="1"/>
  <c r="T6045" i="1"/>
  <c r="T6046" i="1"/>
  <c r="T6047" i="1"/>
  <c r="T6048" i="1"/>
  <c r="T6049" i="1"/>
  <c r="T6050" i="1"/>
  <c r="T6051" i="1"/>
  <c r="T6052" i="1"/>
  <c r="T6053" i="1"/>
  <c r="T6054" i="1"/>
  <c r="T6055" i="1"/>
  <c r="T6056" i="1"/>
  <c r="T6057" i="1"/>
  <c r="T6058" i="1"/>
  <c r="T6059" i="1"/>
  <c r="T6060" i="1"/>
  <c r="T6061" i="1"/>
  <c r="T6062" i="1"/>
  <c r="T6063" i="1"/>
  <c r="T6064" i="1"/>
  <c r="T6065" i="1"/>
  <c r="T6066" i="1"/>
  <c r="T6067" i="1"/>
  <c r="T6068" i="1"/>
  <c r="T6069" i="1"/>
  <c r="T6070" i="1"/>
  <c r="T6071" i="1"/>
  <c r="T6072" i="1"/>
  <c r="T6073" i="1"/>
  <c r="T6074" i="1"/>
  <c r="T6075" i="1"/>
  <c r="T6076" i="1"/>
  <c r="T6077" i="1"/>
  <c r="T6078" i="1"/>
  <c r="T6079" i="1"/>
  <c r="T6080" i="1"/>
  <c r="T6081" i="1"/>
  <c r="T6082" i="1"/>
  <c r="T6083" i="1"/>
  <c r="T6084" i="1"/>
  <c r="T6085" i="1"/>
  <c r="T6086" i="1"/>
  <c r="T6087" i="1"/>
  <c r="T6088" i="1"/>
  <c r="T6089" i="1"/>
  <c r="T6090" i="1"/>
  <c r="T6091" i="1"/>
  <c r="T6092" i="1"/>
  <c r="T6093" i="1"/>
  <c r="T6094" i="1"/>
  <c r="T6095" i="1"/>
  <c r="T6096" i="1"/>
  <c r="T6097" i="1"/>
  <c r="T6098" i="1"/>
  <c r="T6099" i="1"/>
  <c r="T6100" i="1"/>
  <c r="T6101" i="1"/>
  <c r="T6102" i="1"/>
  <c r="T6103" i="1"/>
  <c r="T6104" i="1"/>
  <c r="T6105" i="1"/>
  <c r="T6106" i="1"/>
  <c r="T6107" i="1"/>
  <c r="T6108" i="1"/>
  <c r="T6109" i="1"/>
  <c r="T6110" i="1"/>
  <c r="T6111" i="1"/>
  <c r="T6112" i="1"/>
  <c r="T6113" i="1"/>
  <c r="T6114" i="1"/>
  <c r="T6115" i="1"/>
  <c r="T6116" i="1"/>
  <c r="T6117" i="1"/>
  <c r="T6118" i="1"/>
  <c r="T6119" i="1"/>
  <c r="T6120" i="1"/>
  <c r="T6121" i="1"/>
  <c r="T6122" i="1"/>
  <c r="T6123" i="1"/>
  <c r="T6124" i="1"/>
  <c r="T6125" i="1"/>
  <c r="T6126" i="1"/>
  <c r="T6127" i="1"/>
  <c r="T6128" i="1"/>
  <c r="T6129" i="1"/>
  <c r="T6130" i="1"/>
  <c r="T6131" i="1"/>
  <c r="T6132" i="1"/>
  <c r="T6133" i="1"/>
  <c r="T6134" i="1"/>
  <c r="T6135" i="1"/>
  <c r="T6136" i="1"/>
  <c r="T6137" i="1"/>
  <c r="T6138" i="1"/>
  <c r="T6139" i="1"/>
  <c r="T6140" i="1"/>
  <c r="T6141" i="1"/>
  <c r="T6142" i="1"/>
  <c r="T6143" i="1"/>
  <c r="T6144" i="1"/>
  <c r="T6145" i="1"/>
  <c r="T6146" i="1"/>
  <c r="T6147" i="1"/>
  <c r="T6148" i="1"/>
  <c r="T6149" i="1"/>
  <c r="T6150" i="1"/>
  <c r="T6151" i="1"/>
  <c r="T6152" i="1"/>
  <c r="T6153" i="1"/>
  <c r="T6154" i="1"/>
  <c r="T6155" i="1"/>
  <c r="T6156" i="1"/>
  <c r="T6157" i="1"/>
  <c r="T6158" i="1"/>
  <c r="T6159" i="1"/>
  <c r="T6160" i="1"/>
  <c r="T6161" i="1"/>
  <c r="T6162" i="1"/>
  <c r="T6163" i="1"/>
  <c r="T6164" i="1"/>
  <c r="T6165" i="1"/>
  <c r="T6166" i="1"/>
  <c r="T6167" i="1"/>
  <c r="T6168" i="1"/>
  <c r="T6169" i="1"/>
  <c r="T6170" i="1"/>
  <c r="T6171" i="1"/>
  <c r="T6172" i="1"/>
  <c r="T6173" i="1"/>
  <c r="T6174" i="1"/>
  <c r="T6175" i="1"/>
  <c r="T6176" i="1"/>
  <c r="T6177" i="1"/>
  <c r="T6178" i="1"/>
  <c r="T6179" i="1"/>
  <c r="T6180" i="1"/>
  <c r="T6181" i="1"/>
  <c r="T6182" i="1"/>
  <c r="T6183" i="1"/>
  <c r="T6184" i="1"/>
  <c r="T6185" i="1"/>
  <c r="T6186" i="1"/>
  <c r="T6187" i="1"/>
  <c r="T6188" i="1"/>
  <c r="T6189" i="1"/>
  <c r="T6190" i="1"/>
  <c r="T6191" i="1"/>
  <c r="T6192" i="1"/>
  <c r="T6193" i="1"/>
  <c r="T6194" i="1"/>
  <c r="T6195" i="1"/>
  <c r="T6196" i="1"/>
  <c r="T6197" i="1"/>
  <c r="T6198" i="1"/>
  <c r="T6199" i="1"/>
  <c r="T6200" i="1"/>
  <c r="T6201" i="1"/>
  <c r="T6202" i="1"/>
  <c r="T6203" i="1"/>
  <c r="T6204" i="1"/>
  <c r="T6205" i="1"/>
  <c r="T6206" i="1"/>
  <c r="T6207" i="1"/>
  <c r="T6208" i="1"/>
  <c r="T6209" i="1"/>
  <c r="T6210" i="1"/>
  <c r="T6211" i="1"/>
  <c r="T6212" i="1"/>
  <c r="T6213" i="1"/>
  <c r="T6214" i="1"/>
  <c r="T6215" i="1"/>
  <c r="T6216" i="1"/>
  <c r="T6217" i="1"/>
  <c r="T6218" i="1"/>
  <c r="T6219" i="1"/>
  <c r="T6220" i="1"/>
  <c r="T6221" i="1"/>
  <c r="T6222" i="1"/>
  <c r="T6223" i="1"/>
  <c r="T6224" i="1"/>
  <c r="T6225" i="1"/>
  <c r="T6226" i="1"/>
  <c r="T6227" i="1"/>
  <c r="T6228" i="1"/>
  <c r="T6229" i="1"/>
  <c r="T6230" i="1"/>
  <c r="T6231" i="1"/>
  <c r="T6232" i="1"/>
  <c r="T6233" i="1"/>
  <c r="T6234" i="1"/>
  <c r="T6235" i="1"/>
  <c r="T6236" i="1"/>
  <c r="T6237" i="1"/>
  <c r="T6238" i="1"/>
  <c r="T6239" i="1"/>
  <c r="T6240" i="1"/>
  <c r="T6241" i="1"/>
  <c r="T6242" i="1"/>
  <c r="T6243" i="1"/>
  <c r="T6244" i="1"/>
  <c r="T6245" i="1"/>
  <c r="T6246" i="1"/>
  <c r="T6247" i="1"/>
  <c r="T6248" i="1"/>
  <c r="T6249" i="1"/>
  <c r="T6250" i="1"/>
  <c r="T6251" i="1"/>
  <c r="T6252" i="1"/>
  <c r="T6253" i="1"/>
  <c r="T6254" i="1"/>
  <c r="T6255" i="1"/>
  <c r="T6256" i="1"/>
  <c r="T6257" i="1"/>
  <c r="T6258" i="1"/>
  <c r="T6259" i="1"/>
  <c r="T6260" i="1"/>
  <c r="T6261" i="1"/>
  <c r="T6262" i="1"/>
  <c r="T6263" i="1"/>
  <c r="T6264" i="1"/>
  <c r="T6265" i="1"/>
  <c r="T6266" i="1"/>
  <c r="T6267" i="1"/>
  <c r="T6268" i="1"/>
  <c r="T6269" i="1"/>
  <c r="T6270" i="1"/>
  <c r="T6271" i="1"/>
  <c r="T6272" i="1"/>
  <c r="T6273" i="1"/>
  <c r="T6274" i="1"/>
  <c r="T6275" i="1"/>
  <c r="T6276" i="1"/>
  <c r="T6277" i="1"/>
  <c r="T6278" i="1"/>
  <c r="T6279" i="1"/>
  <c r="T6280" i="1"/>
  <c r="T6281" i="1"/>
  <c r="T6282" i="1"/>
  <c r="T6283" i="1"/>
  <c r="T6284" i="1"/>
  <c r="T6285" i="1"/>
  <c r="T6286" i="1"/>
  <c r="T6287" i="1"/>
  <c r="T6288" i="1"/>
  <c r="T6289" i="1"/>
  <c r="T6290" i="1"/>
  <c r="T6291" i="1"/>
  <c r="T6292" i="1"/>
  <c r="T6293" i="1"/>
  <c r="T6294" i="1"/>
  <c r="T6295" i="1"/>
  <c r="T6296" i="1"/>
  <c r="T6297" i="1"/>
  <c r="T6298" i="1"/>
  <c r="T6299" i="1"/>
  <c r="T6300" i="1"/>
  <c r="T6301" i="1"/>
  <c r="T6302" i="1"/>
  <c r="T6303" i="1"/>
  <c r="T6304" i="1"/>
  <c r="T6305" i="1"/>
  <c r="T6306" i="1"/>
  <c r="T6307" i="1"/>
  <c r="T6308" i="1"/>
  <c r="T6309" i="1"/>
  <c r="T6310" i="1"/>
  <c r="T6311" i="1"/>
  <c r="T6312" i="1"/>
  <c r="T6313" i="1"/>
  <c r="T6314" i="1"/>
  <c r="T6315" i="1"/>
  <c r="T6316" i="1"/>
  <c r="T6317" i="1"/>
  <c r="T6318" i="1"/>
  <c r="T6319" i="1"/>
  <c r="T6320" i="1"/>
  <c r="T6321" i="1"/>
  <c r="T6322" i="1"/>
  <c r="T6323" i="1"/>
  <c r="T6324" i="1"/>
  <c r="T6325" i="1"/>
  <c r="T6326" i="1"/>
  <c r="T6327" i="1"/>
  <c r="T6328" i="1"/>
  <c r="T6329" i="1"/>
  <c r="T6330" i="1"/>
  <c r="T6331" i="1"/>
  <c r="T6332" i="1"/>
  <c r="T6333" i="1"/>
  <c r="T6334" i="1"/>
  <c r="T6335" i="1"/>
  <c r="T6336" i="1"/>
  <c r="T6337" i="1"/>
  <c r="T6338" i="1"/>
  <c r="T6339" i="1"/>
  <c r="T6340" i="1"/>
  <c r="T6341" i="1"/>
  <c r="T6342" i="1"/>
  <c r="T6343" i="1"/>
  <c r="T6344" i="1"/>
  <c r="T6345" i="1"/>
  <c r="T6346" i="1"/>
  <c r="T6347" i="1"/>
  <c r="T6348" i="1"/>
  <c r="T6349" i="1"/>
  <c r="T6350" i="1"/>
  <c r="T6351" i="1"/>
  <c r="T6352" i="1"/>
  <c r="T6353" i="1"/>
  <c r="T6354" i="1"/>
  <c r="T6355" i="1"/>
  <c r="T6356" i="1"/>
  <c r="T6357" i="1"/>
  <c r="T6358" i="1"/>
  <c r="T6359" i="1"/>
  <c r="T6360" i="1"/>
  <c r="T6361" i="1"/>
  <c r="T6362" i="1"/>
  <c r="T6363" i="1"/>
  <c r="T6364" i="1"/>
  <c r="T6365" i="1"/>
  <c r="T6366" i="1"/>
  <c r="T6367" i="1"/>
  <c r="T6368" i="1"/>
  <c r="T6369" i="1"/>
  <c r="T6370" i="1"/>
  <c r="T6371" i="1"/>
  <c r="T6372" i="1"/>
  <c r="T6373" i="1"/>
  <c r="T6374" i="1"/>
  <c r="T6375" i="1"/>
  <c r="T6376" i="1"/>
  <c r="T6377" i="1"/>
  <c r="T6378" i="1"/>
  <c r="T6379" i="1"/>
  <c r="T6380" i="1"/>
  <c r="T6381" i="1"/>
  <c r="T6382" i="1"/>
  <c r="T6383" i="1"/>
  <c r="T6384" i="1"/>
  <c r="T6385" i="1"/>
  <c r="T6386" i="1"/>
  <c r="T6387" i="1"/>
  <c r="T6388" i="1"/>
  <c r="T6389" i="1"/>
  <c r="T6390" i="1"/>
  <c r="T6391" i="1"/>
  <c r="T6392" i="1"/>
  <c r="T6393" i="1"/>
  <c r="T6394" i="1"/>
  <c r="T6395" i="1"/>
  <c r="T6396" i="1"/>
  <c r="T6397" i="1"/>
  <c r="T6398" i="1"/>
  <c r="T6399" i="1"/>
  <c r="T6400" i="1"/>
  <c r="T6401" i="1"/>
  <c r="T6402" i="1"/>
  <c r="T6403" i="1"/>
  <c r="T6404" i="1"/>
  <c r="T6405" i="1"/>
  <c r="T6406" i="1"/>
  <c r="T6407" i="1"/>
  <c r="T6408" i="1"/>
  <c r="T6409" i="1"/>
  <c r="T6410" i="1"/>
  <c r="T6411" i="1"/>
  <c r="T6412" i="1"/>
  <c r="T6413" i="1"/>
  <c r="T6414" i="1"/>
  <c r="T6415" i="1"/>
  <c r="T6416" i="1"/>
  <c r="T6417" i="1"/>
  <c r="T6418" i="1"/>
  <c r="T6419" i="1"/>
  <c r="T6420" i="1"/>
  <c r="T6421" i="1"/>
  <c r="T6422" i="1"/>
  <c r="T6423" i="1"/>
  <c r="T6424" i="1"/>
  <c r="T6425" i="1"/>
  <c r="T6426" i="1"/>
  <c r="T6427" i="1"/>
  <c r="T6428" i="1"/>
  <c r="T6429" i="1"/>
  <c r="T6430" i="1"/>
  <c r="T6431" i="1"/>
  <c r="T6432" i="1"/>
  <c r="T6433" i="1"/>
  <c r="T6434" i="1"/>
  <c r="T6435" i="1"/>
  <c r="T6436" i="1"/>
  <c r="T6437" i="1"/>
  <c r="T6438" i="1"/>
  <c r="T6439" i="1"/>
  <c r="T6440" i="1"/>
  <c r="T6441" i="1"/>
  <c r="T6442" i="1"/>
  <c r="T6443" i="1"/>
  <c r="T6444" i="1"/>
  <c r="T6445" i="1"/>
  <c r="T6446" i="1"/>
  <c r="T6447" i="1"/>
  <c r="T6448" i="1"/>
  <c r="T6449" i="1"/>
  <c r="T6450" i="1"/>
  <c r="T6451" i="1"/>
  <c r="T6452" i="1"/>
  <c r="T6453" i="1"/>
  <c r="T6454" i="1"/>
  <c r="T6455" i="1"/>
  <c r="T6456" i="1"/>
  <c r="T6457" i="1"/>
  <c r="T6458" i="1"/>
  <c r="T6459" i="1"/>
  <c r="T6460" i="1"/>
  <c r="T6461" i="1"/>
  <c r="T6462" i="1"/>
  <c r="T6463" i="1"/>
  <c r="T6464" i="1"/>
  <c r="T6465" i="1"/>
  <c r="T6466" i="1"/>
  <c r="T6467" i="1"/>
  <c r="T6468" i="1"/>
  <c r="T6469" i="1"/>
  <c r="T6470" i="1"/>
  <c r="T6471" i="1"/>
  <c r="T6472" i="1"/>
  <c r="T6473" i="1"/>
  <c r="T6474" i="1"/>
  <c r="T6475" i="1"/>
  <c r="T6476" i="1"/>
  <c r="T6477" i="1"/>
  <c r="T6478" i="1"/>
  <c r="T6479" i="1"/>
  <c r="T6480" i="1"/>
  <c r="T6481" i="1"/>
  <c r="T6482" i="1"/>
  <c r="T6483" i="1"/>
  <c r="T6484" i="1"/>
  <c r="T6485" i="1"/>
  <c r="T6486" i="1"/>
  <c r="T6487" i="1"/>
  <c r="T6488" i="1"/>
  <c r="T6489" i="1"/>
  <c r="T6490" i="1"/>
  <c r="T6491" i="1"/>
  <c r="T6492" i="1"/>
  <c r="T6493" i="1"/>
  <c r="T6494" i="1"/>
  <c r="T6495" i="1"/>
  <c r="T6496" i="1"/>
  <c r="T6497" i="1"/>
  <c r="T6498" i="1"/>
  <c r="T6499" i="1"/>
  <c r="T6500" i="1"/>
  <c r="T6501" i="1"/>
  <c r="T6502" i="1"/>
  <c r="T6503" i="1"/>
  <c r="T6504" i="1"/>
  <c r="T6505" i="1"/>
  <c r="T6506" i="1"/>
  <c r="T6507" i="1"/>
  <c r="T6508" i="1"/>
  <c r="T6509" i="1"/>
  <c r="T6510" i="1"/>
  <c r="T6511" i="1"/>
  <c r="T6512" i="1"/>
  <c r="T6513" i="1"/>
  <c r="T6514" i="1"/>
  <c r="T6515" i="1"/>
  <c r="T6516" i="1"/>
  <c r="T6517" i="1"/>
  <c r="T6518" i="1"/>
  <c r="T6519" i="1"/>
  <c r="T6520" i="1"/>
  <c r="T6521" i="1"/>
  <c r="T6522" i="1"/>
  <c r="T6523" i="1"/>
  <c r="T6524" i="1"/>
  <c r="T6525" i="1"/>
  <c r="T6526" i="1"/>
  <c r="T6527" i="1"/>
  <c r="T6528" i="1"/>
  <c r="T6529" i="1"/>
  <c r="T6530" i="1"/>
  <c r="T6531" i="1"/>
  <c r="T6532" i="1"/>
  <c r="T6533" i="1"/>
  <c r="T6534" i="1"/>
  <c r="T6535" i="1"/>
  <c r="T6536" i="1"/>
  <c r="T6537" i="1"/>
  <c r="T6538" i="1"/>
  <c r="T6539" i="1"/>
  <c r="T6540" i="1"/>
  <c r="T6541" i="1"/>
  <c r="T6542" i="1"/>
  <c r="T6543" i="1"/>
  <c r="T6544" i="1"/>
  <c r="T6545" i="1"/>
  <c r="T6546" i="1"/>
  <c r="T6547" i="1"/>
  <c r="T6548" i="1"/>
  <c r="T6549" i="1"/>
  <c r="T6550" i="1"/>
  <c r="T6551" i="1"/>
  <c r="T6552" i="1"/>
  <c r="T6553" i="1"/>
  <c r="T6554" i="1"/>
  <c r="T6555" i="1"/>
  <c r="T6556" i="1"/>
  <c r="T6557" i="1"/>
  <c r="T6558" i="1"/>
  <c r="T6559" i="1"/>
  <c r="T6560" i="1"/>
  <c r="T6561" i="1"/>
  <c r="T6562" i="1"/>
  <c r="T6563" i="1"/>
  <c r="T6564" i="1"/>
  <c r="T6565" i="1"/>
  <c r="T6566" i="1"/>
  <c r="T6567" i="1"/>
  <c r="T6568" i="1"/>
  <c r="T6569" i="1"/>
  <c r="T6570" i="1"/>
  <c r="T6571" i="1"/>
  <c r="T6572" i="1"/>
  <c r="T6573" i="1"/>
  <c r="T6574" i="1"/>
  <c r="T6575" i="1"/>
  <c r="T6576" i="1"/>
  <c r="T6577" i="1"/>
  <c r="T6578" i="1"/>
  <c r="T6579" i="1"/>
  <c r="T6580" i="1"/>
  <c r="T6581" i="1"/>
  <c r="T6582" i="1"/>
  <c r="T6583" i="1"/>
  <c r="T6584" i="1"/>
  <c r="T6585" i="1"/>
  <c r="T6586" i="1"/>
  <c r="T6587" i="1"/>
  <c r="T6588" i="1"/>
  <c r="T6589" i="1"/>
  <c r="T6590" i="1"/>
  <c r="T6591" i="1"/>
  <c r="T6592" i="1"/>
  <c r="T6593" i="1"/>
  <c r="T6594" i="1"/>
  <c r="T6595" i="1"/>
  <c r="T6596" i="1"/>
  <c r="T6597" i="1"/>
  <c r="T6598" i="1"/>
  <c r="T6599" i="1"/>
  <c r="T6600" i="1"/>
  <c r="T6601" i="1"/>
  <c r="T6602" i="1"/>
  <c r="T6603" i="1"/>
  <c r="T6604" i="1"/>
  <c r="T6605" i="1"/>
  <c r="T6606" i="1"/>
  <c r="T6607" i="1"/>
  <c r="T6608" i="1"/>
  <c r="T6609" i="1"/>
  <c r="T6610" i="1"/>
  <c r="T6611" i="1"/>
  <c r="T6612" i="1"/>
  <c r="T6613" i="1"/>
  <c r="T6614" i="1"/>
  <c r="T6615" i="1"/>
  <c r="T6616" i="1"/>
  <c r="T6617" i="1"/>
  <c r="T6618" i="1"/>
  <c r="T6619" i="1"/>
  <c r="T6620" i="1"/>
  <c r="T6621" i="1"/>
  <c r="T6622" i="1"/>
  <c r="T6623" i="1"/>
  <c r="T6624" i="1"/>
  <c r="T6625" i="1"/>
  <c r="T6626" i="1"/>
  <c r="T6627" i="1"/>
  <c r="T6628" i="1"/>
  <c r="T6629" i="1"/>
  <c r="T6630" i="1"/>
  <c r="T6631" i="1"/>
  <c r="T6632" i="1"/>
  <c r="T6633" i="1"/>
  <c r="T6634" i="1"/>
  <c r="T6635" i="1"/>
  <c r="T6636" i="1"/>
  <c r="T6637" i="1"/>
  <c r="T6638" i="1"/>
  <c r="T6639" i="1"/>
  <c r="T6640" i="1"/>
  <c r="T6641" i="1"/>
  <c r="T6642" i="1"/>
  <c r="T6643" i="1"/>
  <c r="T6644" i="1"/>
  <c r="T6645" i="1"/>
  <c r="T6646" i="1"/>
  <c r="T6647" i="1"/>
  <c r="T6648" i="1"/>
  <c r="T6649" i="1"/>
  <c r="T6650" i="1"/>
  <c r="T6651" i="1"/>
  <c r="T6652" i="1"/>
  <c r="T6653" i="1"/>
  <c r="T6654" i="1"/>
  <c r="T6655" i="1"/>
  <c r="T6656" i="1"/>
  <c r="T6657" i="1"/>
  <c r="T6658" i="1"/>
  <c r="T6659" i="1"/>
  <c r="T6660" i="1"/>
  <c r="T6661" i="1"/>
  <c r="T6662" i="1"/>
  <c r="T6663" i="1"/>
  <c r="T6664" i="1"/>
  <c r="T6665" i="1"/>
  <c r="T6666" i="1"/>
  <c r="T6667" i="1"/>
  <c r="T6668" i="1"/>
  <c r="T6669" i="1"/>
  <c r="T6670" i="1"/>
  <c r="T6671" i="1"/>
  <c r="T6672" i="1"/>
  <c r="T6673" i="1"/>
  <c r="T6674" i="1"/>
  <c r="T6675" i="1"/>
  <c r="T6676" i="1"/>
  <c r="T6677" i="1"/>
  <c r="T6678" i="1"/>
  <c r="T6679" i="1"/>
  <c r="T6680" i="1"/>
  <c r="T6681" i="1"/>
  <c r="T6682" i="1"/>
  <c r="T6683" i="1"/>
  <c r="T6684" i="1"/>
  <c r="T6685" i="1"/>
  <c r="T6686" i="1"/>
  <c r="T6687" i="1"/>
  <c r="T6688" i="1"/>
  <c r="T6689" i="1"/>
  <c r="T6690" i="1"/>
  <c r="T6691" i="1"/>
  <c r="T6692" i="1"/>
  <c r="T6693" i="1"/>
  <c r="T6694" i="1"/>
  <c r="T6695" i="1"/>
  <c r="T6696" i="1"/>
  <c r="T6697" i="1"/>
  <c r="T6698" i="1"/>
  <c r="T6699" i="1"/>
  <c r="T6700" i="1"/>
  <c r="T6701" i="1"/>
  <c r="T6702" i="1"/>
  <c r="T6703" i="1"/>
  <c r="T6704" i="1"/>
  <c r="T6705" i="1"/>
  <c r="T6706" i="1"/>
  <c r="T6707" i="1"/>
  <c r="T6708" i="1"/>
  <c r="T6709" i="1"/>
  <c r="T6710" i="1"/>
  <c r="T6711" i="1"/>
  <c r="T6712" i="1"/>
  <c r="T6713" i="1"/>
  <c r="T6714" i="1"/>
  <c r="T6715" i="1"/>
  <c r="T6716" i="1"/>
  <c r="T6717" i="1"/>
  <c r="T6718" i="1"/>
  <c r="T6719" i="1"/>
  <c r="T6720" i="1"/>
  <c r="T6721" i="1"/>
  <c r="T6722" i="1"/>
  <c r="T6723" i="1"/>
  <c r="T6724" i="1"/>
  <c r="T6725" i="1"/>
  <c r="T6726" i="1"/>
  <c r="T6727" i="1"/>
  <c r="T6728" i="1"/>
  <c r="T6729" i="1"/>
  <c r="T6730" i="1"/>
  <c r="T6731" i="1"/>
  <c r="T6732" i="1"/>
  <c r="T6733" i="1"/>
  <c r="T6734" i="1"/>
  <c r="T6735" i="1"/>
  <c r="T6736" i="1"/>
  <c r="T6737" i="1"/>
  <c r="T6738" i="1"/>
  <c r="T6739" i="1"/>
  <c r="T6740" i="1"/>
  <c r="T6741" i="1"/>
  <c r="T6742" i="1"/>
  <c r="T6743" i="1"/>
  <c r="T6744" i="1"/>
  <c r="T6745" i="1"/>
  <c r="T6746" i="1"/>
  <c r="T6747" i="1"/>
  <c r="T6748" i="1"/>
  <c r="T6749" i="1"/>
  <c r="T6750" i="1"/>
  <c r="T6751" i="1"/>
  <c r="T6752" i="1"/>
  <c r="T6753" i="1"/>
  <c r="T6754" i="1"/>
  <c r="T6755" i="1"/>
  <c r="T6756" i="1"/>
  <c r="T6757" i="1"/>
  <c r="T6758" i="1"/>
  <c r="T6759" i="1"/>
  <c r="T6760" i="1"/>
  <c r="T6761" i="1"/>
  <c r="T6762" i="1"/>
  <c r="T6763" i="1"/>
  <c r="T6764" i="1"/>
  <c r="T6765" i="1"/>
  <c r="T6766" i="1"/>
  <c r="T6767" i="1"/>
  <c r="T6768" i="1"/>
  <c r="T6769" i="1"/>
  <c r="T6770" i="1"/>
  <c r="T6771" i="1"/>
  <c r="T6772" i="1"/>
  <c r="T6773" i="1"/>
  <c r="T6774" i="1"/>
  <c r="T6775" i="1"/>
  <c r="T6776" i="1"/>
  <c r="T6777" i="1"/>
  <c r="T6778" i="1"/>
  <c r="T6779" i="1"/>
  <c r="T6780" i="1"/>
  <c r="T6781" i="1"/>
  <c r="T6782" i="1"/>
  <c r="T6783" i="1"/>
  <c r="T6784" i="1"/>
  <c r="T6785" i="1"/>
  <c r="T6786" i="1"/>
  <c r="T6787" i="1"/>
  <c r="T6788" i="1"/>
  <c r="T6789" i="1"/>
  <c r="T6790" i="1"/>
  <c r="T6791" i="1"/>
  <c r="T6792" i="1"/>
  <c r="T6793" i="1"/>
  <c r="T6794" i="1"/>
  <c r="T6795" i="1"/>
  <c r="T6796" i="1"/>
  <c r="T6797" i="1"/>
  <c r="T6798" i="1"/>
  <c r="T6799" i="1"/>
  <c r="T6800" i="1"/>
  <c r="T6801" i="1"/>
  <c r="T6802" i="1"/>
  <c r="T6803" i="1"/>
  <c r="T6804" i="1"/>
  <c r="T6805" i="1"/>
  <c r="T6806" i="1"/>
  <c r="T6807" i="1"/>
  <c r="T6808" i="1"/>
  <c r="T6809" i="1"/>
  <c r="T6810" i="1"/>
  <c r="T6811" i="1"/>
  <c r="T6812" i="1"/>
  <c r="T6813" i="1"/>
  <c r="T6814" i="1"/>
  <c r="T6815" i="1"/>
  <c r="T6816" i="1"/>
  <c r="T6817" i="1"/>
  <c r="T6818" i="1"/>
  <c r="T6819" i="1"/>
  <c r="T6820" i="1"/>
  <c r="T6821" i="1"/>
  <c r="T6822" i="1"/>
  <c r="T6823" i="1"/>
  <c r="T6824" i="1"/>
  <c r="T6825" i="1"/>
  <c r="T6826" i="1"/>
  <c r="T6827" i="1"/>
  <c r="T6828" i="1"/>
  <c r="T6829" i="1"/>
  <c r="T6830" i="1"/>
  <c r="T6831" i="1"/>
  <c r="T6832" i="1"/>
  <c r="T6833" i="1"/>
  <c r="T6834" i="1"/>
  <c r="T6835" i="1"/>
  <c r="T6836" i="1"/>
  <c r="T6837" i="1"/>
  <c r="T6838" i="1"/>
  <c r="T6839" i="1"/>
  <c r="T6840" i="1"/>
  <c r="T6841" i="1"/>
  <c r="T6842" i="1"/>
  <c r="T6843" i="1"/>
  <c r="T6844" i="1"/>
  <c r="T6845" i="1"/>
  <c r="T6846" i="1"/>
  <c r="T6847" i="1"/>
  <c r="T6848" i="1"/>
  <c r="T6849" i="1"/>
  <c r="T6850" i="1"/>
  <c r="T6851" i="1"/>
  <c r="T6852" i="1"/>
  <c r="T6853" i="1"/>
  <c r="T6854" i="1"/>
  <c r="T6855" i="1"/>
  <c r="T6856" i="1"/>
  <c r="T6857" i="1"/>
  <c r="T6858" i="1"/>
  <c r="T6859" i="1"/>
  <c r="T6860" i="1"/>
  <c r="T6861" i="1"/>
  <c r="T6862" i="1"/>
  <c r="T6863" i="1"/>
  <c r="T6864" i="1"/>
  <c r="T6865" i="1"/>
  <c r="T6866" i="1"/>
  <c r="T6867" i="1"/>
  <c r="T6868" i="1"/>
  <c r="T6869" i="1"/>
  <c r="T6870" i="1"/>
  <c r="T6871" i="1"/>
  <c r="T6872" i="1"/>
  <c r="T6873" i="1"/>
  <c r="T6874" i="1"/>
  <c r="T6875" i="1"/>
  <c r="T6876" i="1"/>
  <c r="T6877" i="1"/>
  <c r="T6878" i="1"/>
  <c r="T6879" i="1"/>
  <c r="T6880" i="1"/>
  <c r="T6881" i="1"/>
  <c r="T6882" i="1"/>
  <c r="T6883" i="1"/>
  <c r="T6884" i="1"/>
  <c r="T6885" i="1"/>
  <c r="T6886" i="1"/>
  <c r="T6887" i="1"/>
  <c r="T6888" i="1"/>
  <c r="T6889" i="1"/>
  <c r="T6890" i="1"/>
  <c r="T6891" i="1"/>
  <c r="T6892" i="1"/>
  <c r="T6893" i="1"/>
  <c r="T6894" i="1"/>
  <c r="T6895" i="1"/>
  <c r="T6896" i="1"/>
  <c r="T6897" i="1"/>
  <c r="T6898" i="1"/>
  <c r="T6899" i="1"/>
  <c r="T6900" i="1"/>
  <c r="T6901" i="1"/>
  <c r="T6902" i="1"/>
  <c r="T6903" i="1"/>
  <c r="T6904" i="1"/>
  <c r="T6905" i="1"/>
  <c r="T6906" i="1"/>
  <c r="T6907" i="1"/>
  <c r="T6908" i="1"/>
  <c r="T6909" i="1"/>
  <c r="T6910" i="1"/>
  <c r="T6911" i="1"/>
  <c r="T6912" i="1"/>
  <c r="T6913" i="1"/>
  <c r="T6914" i="1"/>
  <c r="T6915" i="1"/>
  <c r="T6916" i="1"/>
  <c r="T6917" i="1"/>
  <c r="T6918" i="1"/>
  <c r="T6919" i="1"/>
  <c r="T6920" i="1"/>
  <c r="T6921" i="1"/>
  <c r="T6922" i="1"/>
  <c r="T6923" i="1"/>
  <c r="T6924" i="1"/>
  <c r="T6925" i="1"/>
  <c r="T6926" i="1"/>
  <c r="T6927" i="1"/>
  <c r="T6928" i="1"/>
  <c r="T6929" i="1"/>
  <c r="T6930" i="1"/>
  <c r="T6931" i="1"/>
  <c r="T6932" i="1"/>
  <c r="T6933" i="1"/>
  <c r="T6934" i="1"/>
  <c r="T6935" i="1"/>
  <c r="T6936" i="1"/>
  <c r="T6937" i="1"/>
  <c r="T6938" i="1"/>
  <c r="T6939" i="1"/>
  <c r="T6940" i="1"/>
  <c r="T6941" i="1"/>
  <c r="T6942" i="1"/>
  <c r="T6943" i="1"/>
  <c r="T6944" i="1"/>
  <c r="T6945" i="1"/>
  <c r="T6946" i="1"/>
  <c r="T6947" i="1"/>
  <c r="T6948" i="1"/>
  <c r="T6949" i="1"/>
  <c r="T6950" i="1"/>
  <c r="T6951" i="1"/>
  <c r="T6952" i="1"/>
  <c r="T6953" i="1"/>
  <c r="T6954" i="1"/>
  <c r="T6955" i="1"/>
  <c r="T6956" i="1"/>
  <c r="T6957" i="1"/>
  <c r="T6958" i="1"/>
  <c r="T6959" i="1"/>
  <c r="T6960" i="1"/>
  <c r="T6961" i="1"/>
  <c r="T6962" i="1"/>
  <c r="T6963" i="1"/>
  <c r="T6964" i="1"/>
  <c r="T6965" i="1"/>
  <c r="T6966" i="1"/>
  <c r="T6967" i="1"/>
  <c r="T6968" i="1"/>
  <c r="T6969" i="1"/>
  <c r="T6970" i="1"/>
  <c r="T6971" i="1"/>
  <c r="T6972" i="1"/>
  <c r="T6973" i="1"/>
  <c r="T6974" i="1"/>
  <c r="T6975" i="1"/>
  <c r="T6976" i="1"/>
  <c r="T6977" i="1"/>
  <c r="T6978" i="1"/>
  <c r="T6979" i="1"/>
  <c r="T6980" i="1"/>
  <c r="T6981" i="1"/>
  <c r="T6982" i="1"/>
  <c r="T6983" i="1"/>
  <c r="T6984" i="1"/>
  <c r="T6985" i="1"/>
  <c r="T6986" i="1"/>
  <c r="T6987" i="1"/>
  <c r="T6988" i="1"/>
  <c r="T6989" i="1"/>
  <c r="T6990" i="1"/>
  <c r="T6991" i="1"/>
  <c r="T6992" i="1"/>
  <c r="T6993" i="1"/>
  <c r="T6994" i="1"/>
  <c r="T6995" i="1"/>
  <c r="T6996" i="1"/>
  <c r="T6997" i="1"/>
  <c r="T6998" i="1"/>
  <c r="T6999" i="1"/>
  <c r="T7000" i="1"/>
  <c r="T7001" i="1"/>
  <c r="T7002" i="1"/>
  <c r="T7003" i="1"/>
  <c r="T7004" i="1"/>
  <c r="T7005" i="1"/>
  <c r="T7006" i="1"/>
  <c r="T7007" i="1"/>
  <c r="T7008" i="1"/>
  <c r="T7009" i="1"/>
  <c r="T7010" i="1"/>
  <c r="T7011" i="1"/>
  <c r="T7012" i="1"/>
  <c r="T7013" i="1"/>
  <c r="T7014" i="1"/>
  <c r="T7015" i="1"/>
  <c r="T7016" i="1"/>
  <c r="T7017" i="1"/>
  <c r="T7018" i="1"/>
  <c r="T7019" i="1"/>
  <c r="T7020" i="1"/>
  <c r="T7021" i="1"/>
  <c r="T7022" i="1"/>
  <c r="T7023" i="1"/>
  <c r="T7024" i="1"/>
  <c r="T7025" i="1"/>
  <c r="T7026" i="1"/>
  <c r="T7027" i="1"/>
  <c r="T7028" i="1"/>
  <c r="T7029" i="1"/>
  <c r="T7030" i="1"/>
  <c r="T7031" i="1"/>
  <c r="T7032" i="1"/>
  <c r="T7033" i="1"/>
  <c r="T7034" i="1"/>
  <c r="T7035" i="1"/>
  <c r="T7036" i="1"/>
  <c r="T7037" i="1"/>
  <c r="T7038" i="1"/>
  <c r="T7039" i="1"/>
  <c r="T7040" i="1"/>
  <c r="T7041" i="1"/>
  <c r="T7042" i="1"/>
  <c r="T7043" i="1"/>
  <c r="T7044" i="1"/>
  <c r="T7045" i="1"/>
  <c r="T7046" i="1"/>
  <c r="T7047" i="1"/>
  <c r="T7048" i="1"/>
  <c r="T7049" i="1"/>
  <c r="T7050" i="1"/>
  <c r="T7051" i="1"/>
  <c r="T7052" i="1"/>
  <c r="T7053" i="1"/>
  <c r="T7054" i="1"/>
  <c r="T7055" i="1"/>
  <c r="T7056" i="1"/>
  <c r="T7057" i="1"/>
  <c r="T7058" i="1"/>
  <c r="T7059" i="1"/>
  <c r="T7060" i="1"/>
  <c r="T7061" i="1"/>
  <c r="T7062" i="1"/>
  <c r="T7063" i="1"/>
  <c r="T7064" i="1"/>
  <c r="T7065" i="1"/>
  <c r="T7066" i="1"/>
  <c r="T7067" i="1"/>
  <c r="T7068" i="1"/>
  <c r="T7069" i="1"/>
  <c r="T7070" i="1"/>
  <c r="T7071" i="1"/>
  <c r="T7072" i="1"/>
  <c r="T7073" i="1"/>
  <c r="T7074" i="1"/>
  <c r="T7075" i="1"/>
  <c r="T7076" i="1"/>
  <c r="T7077" i="1"/>
  <c r="T7078" i="1"/>
  <c r="T7079" i="1"/>
  <c r="T7080" i="1"/>
  <c r="T7081" i="1"/>
  <c r="T7082" i="1"/>
  <c r="T7083" i="1"/>
  <c r="T7084" i="1"/>
  <c r="T7085" i="1"/>
  <c r="T7086" i="1"/>
  <c r="T7087" i="1"/>
  <c r="T7088" i="1"/>
  <c r="T7089" i="1"/>
  <c r="T7090" i="1"/>
  <c r="T7091" i="1"/>
  <c r="T7092" i="1"/>
  <c r="T7093" i="1"/>
  <c r="T7094" i="1"/>
  <c r="T7095" i="1"/>
  <c r="T7096" i="1"/>
  <c r="T7097" i="1"/>
  <c r="T7098" i="1"/>
  <c r="T7099" i="1"/>
  <c r="T7100" i="1"/>
  <c r="T7101" i="1"/>
  <c r="T7102" i="1"/>
  <c r="T7103" i="1"/>
  <c r="T7104" i="1"/>
  <c r="T7105" i="1"/>
  <c r="T7106" i="1"/>
  <c r="T7107" i="1"/>
  <c r="T7108" i="1"/>
  <c r="T7109" i="1"/>
  <c r="T7110" i="1"/>
  <c r="T7111" i="1"/>
  <c r="T7112" i="1"/>
  <c r="T7113" i="1"/>
  <c r="T7114" i="1"/>
  <c r="T7115" i="1"/>
  <c r="T7116" i="1"/>
  <c r="T7117" i="1"/>
  <c r="T7118" i="1"/>
  <c r="T7119" i="1"/>
  <c r="T7120" i="1"/>
  <c r="T7121" i="1"/>
  <c r="T7122" i="1"/>
  <c r="T7123" i="1"/>
  <c r="T7124" i="1"/>
  <c r="T7125" i="1"/>
  <c r="T7126" i="1"/>
  <c r="T7127" i="1"/>
  <c r="T7128" i="1"/>
  <c r="T7129" i="1"/>
  <c r="T7130" i="1"/>
  <c r="T7131" i="1"/>
  <c r="T7132" i="1"/>
  <c r="T7133" i="1"/>
  <c r="T7134" i="1"/>
  <c r="T7135" i="1"/>
  <c r="T7136" i="1"/>
  <c r="T7137" i="1"/>
  <c r="T7138" i="1"/>
  <c r="T7139" i="1"/>
  <c r="T7140" i="1"/>
  <c r="T7141" i="1"/>
  <c r="T7142" i="1"/>
  <c r="T7143" i="1"/>
  <c r="T7144" i="1"/>
  <c r="T7145" i="1"/>
  <c r="T7146" i="1"/>
  <c r="T7147" i="1"/>
  <c r="T7148" i="1"/>
  <c r="T7149" i="1"/>
  <c r="T7150" i="1"/>
  <c r="T7151" i="1"/>
  <c r="T7152" i="1"/>
  <c r="T7153" i="1"/>
  <c r="T7154" i="1"/>
  <c r="T7155" i="1"/>
  <c r="T7156" i="1"/>
  <c r="T7157" i="1"/>
  <c r="T7158" i="1"/>
  <c r="T7159" i="1"/>
  <c r="T7160" i="1"/>
  <c r="T7161" i="1"/>
  <c r="T7162" i="1"/>
  <c r="T7163" i="1"/>
  <c r="T7164" i="1"/>
  <c r="T7165" i="1"/>
  <c r="T7166" i="1"/>
  <c r="T7167" i="1"/>
  <c r="T7168" i="1"/>
  <c r="T7169" i="1"/>
  <c r="T7170" i="1"/>
  <c r="T7171" i="1"/>
  <c r="T7172" i="1"/>
  <c r="T7173" i="1"/>
  <c r="T7174" i="1"/>
  <c r="T7175" i="1"/>
  <c r="T7176" i="1"/>
  <c r="T7177" i="1"/>
  <c r="T7178" i="1"/>
  <c r="T7179" i="1"/>
  <c r="T7180" i="1"/>
  <c r="T7181" i="1"/>
  <c r="T7182" i="1"/>
  <c r="T7183" i="1"/>
  <c r="T7184" i="1"/>
  <c r="T7185" i="1"/>
  <c r="T7186" i="1"/>
  <c r="T7187" i="1"/>
  <c r="T7188" i="1"/>
  <c r="T7189" i="1"/>
  <c r="T7190" i="1"/>
  <c r="T7191" i="1"/>
  <c r="T7192" i="1"/>
  <c r="T7193" i="1"/>
  <c r="T7194" i="1"/>
  <c r="T7195" i="1"/>
  <c r="T7196" i="1"/>
  <c r="T7197" i="1"/>
  <c r="T7198" i="1"/>
  <c r="T7199" i="1"/>
  <c r="T7200" i="1"/>
  <c r="T7201" i="1"/>
  <c r="T7202" i="1"/>
  <c r="T7203" i="1"/>
  <c r="T7204" i="1"/>
  <c r="T7205" i="1"/>
  <c r="T7206" i="1"/>
  <c r="T7207" i="1"/>
  <c r="T7208" i="1"/>
  <c r="T7209" i="1"/>
  <c r="T7210" i="1"/>
  <c r="T7211" i="1"/>
  <c r="T7212" i="1"/>
  <c r="T7213" i="1"/>
  <c r="T7214" i="1"/>
  <c r="T7215" i="1"/>
  <c r="T7216" i="1"/>
  <c r="T7217" i="1"/>
  <c r="T7218" i="1"/>
  <c r="T7219" i="1"/>
  <c r="T7220" i="1"/>
  <c r="T7221" i="1"/>
  <c r="T7222" i="1"/>
  <c r="T7223" i="1"/>
  <c r="T7224" i="1"/>
  <c r="T7225" i="1"/>
  <c r="T7226" i="1"/>
  <c r="T7227" i="1"/>
  <c r="T7228" i="1"/>
  <c r="T7229" i="1"/>
  <c r="T7230" i="1"/>
  <c r="T7231" i="1"/>
  <c r="T7232" i="1"/>
  <c r="T7233" i="1"/>
  <c r="T7234" i="1"/>
  <c r="T7235" i="1"/>
  <c r="T7236" i="1"/>
  <c r="T7237" i="1"/>
  <c r="T7238" i="1"/>
  <c r="T7239" i="1"/>
  <c r="T7240" i="1"/>
  <c r="T7241" i="1"/>
  <c r="T7242" i="1"/>
  <c r="T7243" i="1"/>
  <c r="T7244" i="1"/>
  <c r="T7245" i="1"/>
  <c r="T7246" i="1"/>
  <c r="T7247" i="1"/>
  <c r="T7248" i="1"/>
  <c r="T7249" i="1"/>
  <c r="T7250" i="1"/>
  <c r="T7251" i="1"/>
  <c r="T7252" i="1"/>
  <c r="T7253" i="1"/>
  <c r="T7254" i="1"/>
  <c r="T7255" i="1"/>
  <c r="T7256" i="1"/>
  <c r="T7257" i="1"/>
  <c r="T7258" i="1"/>
  <c r="T7259" i="1"/>
  <c r="T7260" i="1"/>
  <c r="T7261" i="1"/>
  <c r="T7262" i="1"/>
  <c r="T7263" i="1"/>
  <c r="T7264" i="1"/>
  <c r="T7265" i="1"/>
  <c r="T7266" i="1"/>
  <c r="T7267" i="1"/>
  <c r="T7268" i="1"/>
  <c r="T7269" i="1"/>
  <c r="T7270" i="1"/>
  <c r="T7271" i="1"/>
  <c r="T7272" i="1"/>
  <c r="T7273" i="1"/>
  <c r="T7274" i="1"/>
  <c r="T7275" i="1"/>
  <c r="T7276" i="1"/>
  <c r="T7277" i="1"/>
  <c r="T7278" i="1"/>
  <c r="T7279" i="1"/>
  <c r="T7280" i="1"/>
  <c r="T7281" i="1"/>
  <c r="T7282" i="1"/>
  <c r="T7283" i="1"/>
  <c r="T7284" i="1"/>
  <c r="T7285" i="1"/>
  <c r="T7286" i="1"/>
  <c r="T7287" i="1"/>
  <c r="T7288" i="1"/>
  <c r="T7289" i="1"/>
  <c r="T7290" i="1"/>
  <c r="T7291" i="1"/>
  <c r="T7292" i="1"/>
  <c r="T7293" i="1"/>
  <c r="T7294" i="1"/>
  <c r="T7295" i="1"/>
  <c r="T7296" i="1"/>
  <c r="T7297" i="1"/>
  <c r="T7298" i="1"/>
  <c r="T7299" i="1"/>
  <c r="T7300" i="1"/>
  <c r="T7301" i="1"/>
  <c r="T7302" i="1"/>
  <c r="T7303" i="1"/>
  <c r="T7304" i="1"/>
  <c r="T7305" i="1"/>
  <c r="T7306" i="1"/>
  <c r="T7307" i="1"/>
  <c r="T7308" i="1"/>
  <c r="T7309" i="1"/>
  <c r="T7310" i="1"/>
  <c r="T7311" i="1"/>
  <c r="T7312" i="1"/>
  <c r="T7313" i="1"/>
  <c r="T7314" i="1"/>
  <c r="T7315" i="1"/>
  <c r="T7316" i="1"/>
  <c r="T7317" i="1"/>
  <c r="T7318" i="1"/>
  <c r="T7319" i="1"/>
  <c r="T7320" i="1"/>
  <c r="T7321" i="1"/>
  <c r="T7322" i="1"/>
  <c r="T7323" i="1"/>
  <c r="T7324" i="1"/>
  <c r="T7325" i="1"/>
  <c r="T7326" i="1"/>
  <c r="T7327" i="1"/>
  <c r="T7328" i="1"/>
  <c r="T7329" i="1"/>
  <c r="T7330" i="1"/>
  <c r="T7331" i="1"/>
  <c r="T7332" i="1"/>
  <c r="T7333" i="1"/>
  <c r="T7334" i="1"/>
  <c r="T7335" i="1"/>
  <c r="T7336" i="1"/>
  <c r="T7337" i="1"/>
  <c r="T7338" i="1"/>
  <c r="T7339" i="1"/>
  <c r="T7340" i="1"/>
  <c r="T7341" i="1"/>
  <c r="T7342" i="1"/>
  <c r="T7343" i="1"/>
  <c r="T7344" i="1"/>
  <c r="T7345" i="1"/>
  <c r="T7346" i="1"/>
  <c r="T7347" i="1"/>
  <c r="T7348" i="1"/>
  <c r="T7349" i="1"/>
  <c r="T7350" i="1"/>
  <c r="T7351" i="1"/>
  <c r="T7352" i="1"/>
  <c r="T7353" i="1"/>
  <c r="T7354" i="1"/>
  <c r="T7355" i="1"/>
  <c r="T7356" i="1"/>
  <c r="T7357" i="1"/>
  <c r="T7358" i="1"/>
  <c r="T7359" i="1"/>
  <c r="T7360" i="1"/>
  <c r="T7361" i="1"/>
  <c r="T7362" i="1"/>
  <c r="T7363" i="1"/>
  <c r="T7364" i="1"/>
  <c r="T7365" i="1"/>
  <c r="T7366" i="1"/>
  <c r="T7367" i="1"/>
  <c r="T7368" i="1"/>
  <c r="T7369" i="1"/>
  <c r="T7370" i="1"/>
  <c r="T7371" i="1"/>
  <c r="T7372" i="1"/>
  <c r="T7373" i="1"/>
  <c r="T7374" i="1"/>
  <c r="T7375" i="1"/>
  <c r="T7376" i="1"/>
  <c r="T7377" i="1"/>
  <c r="T7378" i="1"/>
  <c r="T7379" i="1"/>
  <c r="T7380" i="1"/>
  <c r="T7381" i="1"/>
  <c r="T7382" i="1"/>
  <c r="T7383" i="1"/>
  <c r="T7384" i="1"/>
  <c r="T7385" i="1"/>
  <c r="T7386" i="1"/>
  <c r="T7387" i="1"/>
  <c r="T7388" i="1"/>
  <c r="T7389" i="1"/>
  <c r="T7390" i="1"/>
  <c r="T7391" i="1"/>
  <c r="T7392" i="1"/>
  <c r="T7393" i="1"/>
  <c r="T7394" i="1"/>
  <c r="T7395" i="1"/>
  <c r="T7396" i="1"/>
  <c r="T7397" i="1"/>
  <c r="T7398" i="1"/>
  <c r="T7399" i="1"/>
  <c r="T7400" i="1"/>
  <c r="T7401" i="1"/>
  <c r="T7402" i="1"/>
  <c r="T7403" i="1"/>
  <c r="T7404" i="1"/>
  <c r="T7405" i="1"/>
  <c r="T7406" i="1"/>
  <c r="T7407" i="1"/>
  <c r="T7408" i="1"/>
  <c r="T7409" i="1"/>
  <c r="T7410" i="1"/>
  <c r="T7411" i="1"/>
  <c r="T7412" i="1"/>
  <c r="T7413" i="1"/>
  <c r="T7414" i="1"/>
  <c r="T7415" i="1"/>
  <c r="T7416" i="1"/>
  <c r="T7417" i="1"/>
  <c r="T7418" i="1"/>
  <c r="T7419" i="1"/>
  <c r="T7420" i="1"/>
  <c r="T7421" i="1"/>
  <c r="T7422" i="1"/>
  <c r="T7423" i="1"/>
  <c r="T7424" i="1"/>
  <c r="T7425" i="1"/>
  <c r="T7426" i="1"/>
  <c r="T7427" i="1"/>
  <c r="T7428" i="1"/>
  <c r="T7429" i="1"/>
  <c r="T7430" i="1"/>
  <c r="T7431" i="1"/>
  <c r="T7432" i="1"/>
  <c r="T7433" i="1"/>
  <c r="T7434" i="1"/>
  <c r="T7435" i="1"/>
  <c r="T7436" i="1"/>
  <c r="T7437" i="1"/>
  <c r="T7438" i="1"/>
  <c r="T7439" i="1"/>
  <c r="T7440" i="1"/>
  <c r="T7441" i="1"/>
  <c r="T7442" i="1"/>
  <c r="T7443" i="1"/>
  <c r="T7444" i="1"/>
  <c r="T7445" i="1"/>
  <c r="T7446" i="1"/>
  <c r="T7447" i="1"/>
  <c r="T7448" i="1"/>
  <c r="T7449" i="1"/>
  <c r="T7450" i="1"/>
  <c r="T7451" i="1"/>
  <c r="T7452" i="1"/>
  <c r="T7453" i="1"/>
  <c r="T7454" i="1"/>
  <c r="T7455" i="1"/>
  <c r="T7456" i="1"/>
  <c r="T7457" i="1"/>
  <c r="T7458" i="1"/>
  <c r="T7459" i="1"/>
  <c r="T7460" i="1"/>
  <c r="T7461" i="1"/>
  <c r="T7462" i="1"/>
  <c r="T7463" i="1"/>
  <c r="T7464" i="1"/>
  <c r="T7465" i="1"/>
  <c r="T7466" i="1"/>
  <c r="T7467" i="1"/>
  <c r="T7468" i="1"/>
  <c r="T7469" i="1"/>
  <c r="T7470" i="1"/>
  <c r="T7471" i="1"/>
  <c r="T7472" i="1"/>
  <c r="T7473" i="1"/>
  <c r="T7474" i="1"/>
  <c r="T7475" i="1"/>
  <c r="T7476" i="1"/>
  <c r="T7477" i="1"/>
  <c r="T7478" i="1"/>
  <c r="T7479" i="1"/>
  <c r="T7480" i="1"/>
  <c r="T7481" i="1"/>
  <c r="T7482" i="1"/>
  <c r="T7483" i="1"/>
  <c r="T7484" i="1"/>
  <c r="T7485" i="1"/>
  <c r="T7486" i="1"/>
  <c r="T7487" i="1"/>
  <c r="T7488" i="1"/>
  <c r="T7489" i="1"/>
  <c r="T7490" i="1"/>
  <c r="T7491" i="1"/>
  <c r="T7492" i="1"/>
  <c r="T7493" i="1"/>
  <c r="T7494" i="1"/>
  <c r="T7495" i="1"/>
  <c r="T7496" i="1"/>
  <c r="T7497" i="1"/>
  <c r="T7498" i="1"/>
  <c r="T7499" i="1"/>
  <c r="T7500" i="1"/>
  <c r="T7501" i="1"/>
  <c r="T7502" i="1"/>
  <c r="T7503" i="1"/>
  <c r="T7504" i="1"/>
  <c r="T7505" i="1"/>
  <c r="T7506" i="1"/>
  <c r="T7507" i="1"/>
  <c r="T7508" i="1"/>
  <c r="T7509" i="1"/>
  <c r="T7510" i="1"/>
  <c r="T7511" i="1"/>
  <c r="T7512" i="1"/>
  <c r="T7513" i="1"/>
  <c r="T7514" i="1"/>
  <c r="T7515" i="1"/>
  <c r="T7516" i="1"/>
  <c r="T7517" i="1"/>
  <c r="T7518" i="1"/>
  <c r="T7519" i="1"/>
  <c r="T7520" i="1"/>
  <c r="T7521" i="1"/>
  <c r="T7522" i="1"/>
  <c r="T7523" i="1"/>
  <c r="T7524" i="1"/>
  <c r="T7525" i="1"/>
  <c r="T7526" i="1"/>
  <c r="T7527" i="1"/>
  <c r="T7528" i="1"/>
  <c r="T7529" i="1"/>
  <c r="T7530" i="1"/>
  <c r="T7531" i="1"/>
  <c r="T7532" i="1"/>
  <c r="T7533" i="1"/>
  <c r="T7534" i="1"/>
  <c r="T7535" i="1"/>
  <c r="T7536" i="1"/>
  <c r="T7537" i="1"/>
  <c r="T7538" i="1"/>
  <c r="T7539" i="1"/>
  <c r="T7540" i="1"/>
  <c r="T7541" i="1"/>
  <c r="T7542" i="1"/>
  <c r="T7543" i="1"/>
  <c r="T7544" i="1"/>
  <c r="T7545" i="1"/>
  <c r="T7546" i="1"/>
  <c r="T7547" i="1"/>
  <c r="T7548" i="1"/>
  <c r="T7549" i="1"/>
  <c r="T7550" i="1"/>
  <c r="T7551" i="1"/>
  <c r="T7552" i="1"/>
  <c r="T7553" i="1"/>
  <c r="T7554" i="1"/>
  <c r="T7555" i="1"/>
  <c r="T7556" i="1"/>
  <c r="T7557" i="1"/>
  <c r="T7558" i="1"/>
  <c r="T7559" i="1"/>
  <c r="T7560" i="1"/>
  <c r="T7561" i="1"/>
  <c r="T7562" i="1"/>
  <c r="T7563" i="1"/>
  <c r="T7564" i="1"/>
  <c r="T7565" i="1"/>
  <c r="T7566" i="1"/>
  <c r="T7567" i="1"/>
  <c r="T7568" i="1"/>
  <c r="T7569" i="1"/>
  <c r="T7570" i="1"/>
  <c r="T7571" i="1"/>
  <c r="T7572" i="1"/>
  <c r="T7573" i="1"/>
  <c r="T7574" i="1"/>
  <c r="T7575" i="1"/>
  <c r="T7576" i="1"/>
  <c r="T7577" i="1"/>
  <c r="T7578" i="1"/>
  <c r="T7579" i="1"/>
  <c r="T7580" i="1"/>
  <c r="T7581" i="1"/>
  <c r="T7582" i="1"/>
  <c r="T7583" i="1"/>
  <c r="T7584" i="1"/>
  <c r="T7585" i="1"/>
  <c r="T7586" i="1"/>
  <c r="T7587" i="1"/>
  <c r="T7588" i="1"/>
  <c r="T7589" i="1"/>
  <c r="T7590" i="1"/>
  <c r="T7591" i="1"/>
  <c r="T7592" i="1"/>
  <c r="T7593" i="1"/>
  <c r="T7594" i="1"/>
  <c r="T7595" i="1"/>
  <c r="T7596" i="1"/>
  <c r="T7597" i="1"/>
  <c r="T7598" i="1"/>
  <c r="T7599" i="1"/>
  <c r="T7600" i="1"/>
  <c r="T7601" i="1"/>
  <c r="T7602" i="1"/>
  <c r="T7603" i="1"/>
  <c r="T7604" i="1"/>
  <c r="T7605" i="1"/>
  <c r="T7606" i="1"/>
  <c r="T7607" i="1"/>
  <c r="T7608" i="1"/>
  <c r="T7609" i="1"/>
  <c r="T7610" i="1"/>
  <c r="T7611" i="1"/>
  <c r="T7612" i="1"/>
  <c r="T7613" i="1"/>
  <c r="T7614" i="1"/>
  <c r="T7615" i="1"/>
  <c r="T7616" i="1"/>
  <c r="T7617" i="1"/>
  <c r="T7618" i="1"/>
  <c r="T7619" i="1"/>
  <c r="T7620" i="1"/>
  <c r="T7621" i="1"/>
  <c r="T7622" i="1"/>
  <c r="T7623" i="1"/>
  <c r="T7624" i="1"/>
  <c r="T7625" i="1"/>
  <c r="T7626" i="1"/>
  <c r="T7627" i="1"/>
  <c r="T7628" i="1"/>
  <c r="T7629" i="1"/>
  <c r="T7630" i="1"/>
  <c r="T7631" i="1"/>
  <c r="T7632" i="1"/>
  <c r="T7633" i="1"/>
  <c r="T7634" i="1"/>
  <c r="T7635" i="1"/>
  <c r="T7636" i="1"/>
  <c r="T7637" i="1"/>
  <c r="T7638" i="1"/>
  <c r="T7639" i="1"/>
  <c r="T7640" i="1"/>
  <c r="T7641" i="1"/>
  <c r="T7642" i="1"/>
  <c r="T7643" i="1"/>
  <c r="T7644" i="1"/>
  <c r="T7645" i="1"/>
  <c r="T7646" i="1"/>
  <c r="T7647" i="1"/>
  <c r="T7648" i="1"/>
  <c r="T7649" i="1"/>
  <c r="T7650" i="1"/>
  <c r="T7651" i="1"/>
  <c r="T7652" i="1"/>
  <c r="T7653" i="1"/>
  <c r="T7654" i="1"/>
  <c r="T7655" i="1"/>
  <c r="T7656" i="1"/>
  <c r="T7657" i="1"/>
  <c r="T7658" i="1"/>
  <c r="T7659" i="1"/>
  <c r="T7660" i="1"/>
  <c r="T7661" i="1"/>
  <c r="T7662" i="1"/>
  <c r="T7663" i="1"/>
  <c r="T7664" i="1"/>
  <c r="T7665" i="1"/>
  <c r="T7666" i="1"/>
  <c r="T7667" i="1"/>
  <c r="T7668" i="1"/>
  <c r="T7669" i="1"/>
  <c r="T7670" i="1"/>
  <c r="T7671" i="1"/>
  <c r="T7672" i="1"/>
  <c r="T7673" i="1"/>
  <c r="T7674" i="1"/>
  <c r="T7675" i="1"/>
  <c r="T7676" i="1"/>
  <c r="T7677" i="1"/>
  <c r="T7678" i="1"/>
  <c r="T7679" i="1"/>
  <c r="T7680" i="1"/>
  <c r="T7681" i="1"/>
  <c r="T7682" i="1"/>
  <c r="T7683" i="1"/>
  <c r="T7684" i="1"/>
  <c r="T7685" i="1"/>
  <c r="T7686" i="1"/>
  <c r="T7687" i="1"/>
  <c r="T7688" i="1"/>
  <c r="T7689" i="1"/>
  <c r="T7690" i="1"/>
  <c r="T7691" i="1"/>
  <c r="T7692" i="1"/>
  <c r="T7693" i="1"/>
  <c r="T7694" i="1"/>
  <c r="T7695" i="1"/>
  <c r="T7696" i="1"/>
  <c r="T7697" i="1"/>
  <c r="T7698" i="1"/>
  <c r="T7699" i="1"/>
  <c r="T7700" i="1"/>
  <c r="T7701" i="1"/>
  <c r="T7702" i="1"/>
  <c r="T7703" i="1"/>
  <c r="T7704" i="1"/>
  <c r="T7705" i="1"/>
  <c r="T7706" i="1"/>
  <c r="T7707" i="1"/>
  <c r="T7708" i="1"/>
  <c r="T7709" i="1"/>
  <c r="T7710" i="1"/>
  <c r="T7711" i="1"/>
  <c r="T7712" i="1"/>
  <c r="T7713" i="1"/>
  <c r="T7714" i="1"/>
  <c r="T7715" i="1"/>
  <c r="T7716" i="1"/>
  <c r="T7717" i="1"/>
  <c r="T7718" i="1"/>
  <c r="T7719" i="1"/>
  <c r="T7720" i="1"/>
  <c r="T7721" i="1"/>
  <c r="T7722" i="1"/>
  <c r="T7723" i="1"/>
  <c r="T7724" i="1"/>
  <c r="T7725" i="1"/>
  <c r="T7726" i="1"/>
  <c r="T7727" i="1"/>
  <c r="T7728" i="1"/>
  <c r="T7729" i="1"/>
  <c r="T7730" i="1"/>
  <c r="T7731" i="1"/>
  <c r="T7732" i="1"/>
  <c r="T7733" i="1"/>
  <c r="T7734" i="1"/>
  <c r="T7735" i="1"/>
  <c r="T7736" i="1"/>
  <c r="T7737" i="1"/>
  <c r="T7738" i="1"/>
  <c r="T7739" i="1"/>
  <c r="T7740" i="1"/>
  <c r="T7741" i="1"/>
  <c r="T7742" i="1"/>
  <c r="T7743" i="1"/>
  <c r="T7744" i="1"/>
  <c r="T7745" i="1"/>
  <c r="T7746" i="1"/>
  <c r="T7747" i="1"/>
  <c r="T7748" i="1"/>
  <c r="T7749" i="1"/>
  <c r="T7750" i="1"/>
  <c r="T7751" i="1"/>
  <c r="T7752" i="1"/>
  <c r="T7753" i="1"/>
  <c r="T7754" i="1"/>
  <c r="T7755" i="1"/>
  <c r="T7756" i="1"/>
  <c r="T7757" i="1"/>
  <c r="T7758" i="1"/>
  <c r="T7759" i="1"/>
  <c r="T7760" i="1"/>
  <c r="T7761" i="1"/>
  <c r="T7762" i="1"/>
  <c r="T7763" i="1"/>
  <c r="T7764" i="1"/>
  <c r="T7765" i="1"/>
  <c r="T7766" i="1"/>
  <c r="T7767" i="1"/>
  <c r="T7768" i="1"/>
  <c r="T7769" i="1"/>
  <c r="T7770" i="1"/>
  <c r="T7771" i="1"/>
  <c r="T7772" i="1"/>
  <c r="T7773" i="1"/>
  <c r="T7774" i="1"/>
  <c r="T7775" i="1"/>
  <c r="T7776" i="1"/>
  <c r="T7777" i="1"/>
  <c r="T7778" i="1"/>
  <c r="T7779" i="1"/>
  <c r="T7780" i="1"/>
  <c r="T7781" i="1"/>
  <c r="T7782" i="1"/>
  <c r="T7783" i="1"/>
  <c r="T7784" i="1"/>
  <c r="T7785" i="1"/>
  <c r="T7786" i="1"/>
  <c r="T7787" i="1"/>
  <c r="T7788" i="1"/>
  <c r="T7789" i="1"/>
  <c r="T7790" i="1"/>
  <c r="T7791" i="1"/>
  <c r="T7792" i="1"/>
  <c r="T7793" i="1"/>
  <c r="T7794" i="1"/>
  <c r="T7795" i="1"/>
  <c r="T7796" i="1"/>
  <c r="T7797" i="1"/>
  <c r="T7798" i="1"/>
  <c r="T7799" i="1"/>
  <c r="T7800" i="1"/>
  <c r="T7801" i="1"/>
  <c r="T7802" i="1"/>
  <c r="T7803" i="1"/>
  <c r="T7804" i="1"/>
  <c r="T7805" i="1"/>
  <c r="T7806" i="1"/>
  <c r="T7807" i="1"/>
  <c r="T7808" i="1"/>
  <c r="T7809" i="1"/>
  <c r="T7810" i="1"/>
  <c r="T7811" i="1"/>
  <c r="T7812" i="1"/>
  <c r="T7813" i="1"/>
  <c r="T7814" i="1"/>
  <c r="T7815" i="1"/>
  <c r="T7816" i="1"/>
  <c r="T7817" i="1"/>
  <c r="T7818" i="1"/>
  <c r="T7819" i="1"/>
  <c r="T7820" i="1"/>
  <c r="T7821" i="1"/>
  <c r="T7822" i="1"/>
  <c r="T7823" i="1"/>
  <c r="T7824" i="1"/>
  <c r="T7825" i="1"/>
  <c r="T7826" i="1"/>
  <c r="T7827" i="1"/>
  <c r="T7828" i="1"/>
  <c r="T7829" i="1"/>
  <c r="T7830" i="1"/>
  <c r="T7831" i="1"/>
  <c r="T7832" i="1"/>
  <c r="T7833" i="1"/>
  <c r="T7834" i="1"/>
  <c r="T7835" i="1"/>
  <c r="T7836" i="1"/>
  <c r="T7837" i="1"/>
  <c r="T7838" i="1"/>
  <c r="T7839" i="1"/>
  <c r="T7840" i="1"/>
  <c r="T7841" i="1"/>
  <c r="T7842" i="1"/>
  <c r="T7843" i="1"/>
  <c r="T7844" i="1"/>
  <c r="T7845" i="1"/>
  <c r="T7846" i="1"/>
  <c r="T7847" i="1"/>
  <c r="T7848" i="1"/>
  <c r="T7849" i="1"/>
  <c r="T7850" i="1"/>
  <c r="T7851" i="1"/>
  <c r="T7852" i="1"/>
  <c r="T7853" i="1"/>
  <c r="T7854" i="1"/>
  <c r="T7855" i="1"/>
  <c r="T7856" i="1"/>
  <c r="T7857" i="1"/>
  <c r="T7858" i="1"/>
  <c r="T7859" i="1"/>
  <c r="T7860" i="1"/>
  <c r="T7861" i="1"/>
  <c r="T7862" i="1"/>
  <c r="T7863" i="1"/>
  <c r="T7864" i="1"/>
  <c r="T7865" i="1"/>
  <c r="T7866" i="1"/>
  <c r="T7867" i="1"/>
  <c r="T7868" i="1"/>
  <c r="T7869" i="1"/>
  <c r="T7870" i="1"/>
  <c r="T7871" i="1"/>
  <c r="T7872" i="1"/>
  <c r="T7873" i="1"/>
  <c r="T7874" i="1"/>
  <c r="T7875" i="1"/>
  <c r="T7876" i="1"/>
  <c r="T7877" i="1"/>
  <c r="T7878" i="1"/>
  <c r="T7879" i="1"/>
  <c r="T7880" i="1"/>
  <c r="T7881" i="1"/>
  <c r="T7882" i="1"/>
  <c r="T7883" i="1"/>
  <c r="T7884" i="1"/>
  <c r="T7885" i="1"/>
  <c r="T7886" i="1"/>
  <c r="T7887" i="1"/>
  <c r="T7888" i="1"/>
  <c r="T7889" i="1"/>
  <c r="T7890" i="1"/>
  <c r="T7891" i="1"/>
  <c r="T7892" i="1"/>
  <c r="T7893" i="1"/>
  <c r="T7894" i="1"/>
  <c r="T7895" i="1"/>
  <c r="T7896" i="1"/>
  <c r="T7897" i="1"/>
  <c r="T7898" i="1"/>
  <c r="T7899" i="1"/>
  <c r="T7900" i="1"/>
  <c r="T7901" i="1"/>
  <c r="T7902" i="1"/>
  <c r="T7903" i="1"/>
  <c r="T7904" i="1"/>
  <c r="T7905" i="1"/>
  <c r="T7906" i="1"/>
  <c r="T7907" i="1"/>
  <c r="T7908" i="1"/>
  <c r="T7909" i="1"/>
  <c r="T7910" i="1"/>
  <c r="T7911" i="1"/>
  <c r="T7912" i="1"/>
  <c r="T7913" i="1"/>
  <c r="T7914" i="1"/>
  <c r="T7915" i="1"/>
  <c r="T7916" i="1"/>
  <c r="T7917" i="1"/>
  <c r="T7918" i="1"/>
  <c r="T7919" i="1"/>
  <c r="T7920" i="1"/>
  <c r="T7921" i="1"/>
  <c r="T7922" i="1"/>
  <c r="T7923" i="1"/>
  <c r="T7924" i="1"/>
  <c r="T7925" i="1"/>
  <c r="T7926" i="1"/>
  <c r="T7927" i="1"/>
  <c r="T7928" i="1"/>
  <c r="T7929" i="1"/>
  <c r="T7930" i="1"/>
  <c r="T7931" i="1"/>
  <c r="T7932" i="1"/>
  <c r="T7933" i="1"/>
  <c r="T7934" i="1"/>
  <c r="T7935" i="1"/>
  <c r="T7936" i="1"/>
  <c r="T7937" i="1"/>
  <c r="T7938" i="1"/>
  <c r="T7939" i="1"/>
  <c r="T7940" i="1"/>
  <c r="T7941" i="1"/>
  <c r="T7942" i="1"/>
  <c r="T7943" i="1"/>
  <c r="T7944" i="1"/>
  <c r="T7945" i="1"/>
  <c r="T7946" i="1"/>
  <c r="T7947" i="1"/>
  <c r="T7948" i="1"/>
  <c r="T7949" i="1"/>
  <c r="T7950" i="1"/>
  <c r="T7951" i="1"/>
  <c r="T7952" i="1"/>
  <c r="T7953" i="1"/>
  <c r="T7954" i="1"/>
  <c r="T7955" i="1"/>
  <c r="T7956" i="1"/>
  <c r="T7957" i="1"/>
  <c r="T7958" i="1"/>
  <c r="T7959" i="1"/>
  <c r="T7960" i="1"/>
  <c r="T7961" i="1"/>
  <c r="T7962" i="1"/>
  <c r="T7963" i="1"/>
  <c r="T7964" i="1"/>
  <c r="T7965" i="1"/>
  <c r="T7966" i="1"/>
  <c r="T7967" i="1"/>
  <c r="T7968" i="1"/>
  <c r="T7969" i="1"/>
  <c r="T7970" i="1"/>
  <c r="T7971" i="1"/>
  <c r="T7972" i="1"/>
  <c r="T7973" i="1"/>
  <c r="T7974" i="1"/>
  <c r="T7975" i="1"/>
  <c r="T7976" i="1"/>
  <c r="T7977" i="1"/>
  <c r="T7978" i="1"/>
  <c r="T7979" i="1"/>
  <c r="T7980" i="1"/>
  <c r="T7981" i="1"/>
  <c r="T7982" i="1"/>
  <c r="T7983" i="1"/>
  <c r="T7984" i="1"/>
  <c r="T7985" i="1"/>
  <c r="T7986" i="1"/>
  <c r="T7987" i="1"/>
  <c r="T7988" i="1"/>
  <c r="T7989" i="1"/>
  <c r="T7990" i="1"/>
  <c r="T7991" i="1"/>
  <c r="T7992" i="1"/>
  <c r="T7993" i="1"/>
  <c r="T7994" i="1"/>
  <c r="T7995" i="1"/>
  <c r="T7996" i="1"/>
  <c r="T7997" i="1"/>
  <c r="T7998" i="1"/>
  <c r="T7999" i="1"/>
  <c r="T8000" i="1"/>
  <c r="T8001" i="1"/>
  <c r="T8002" i="1"/>
  <c r="T8003" i="1"/>
  <c r="T8004" i="1"/>
  <c r="T8005" i="1"/>
  <c r="T8006" i="1"/>
  <c r="T8007" i="1"/>
  <c r="T8008" i="1"/>
  <c r="T8009" i="1"/>
  <c r="T8010" i="1"/>
  <c r="T8011" i="1"/>
  <c r="T8012" i="1"/>
  <c r="T8013" i="1"/>
  <c r="T8014" i="1"/>
  <c r="T8015" i="1"/>
  <c r="T8016" i="1"/>
  <c r="T8017" i="1"/>
  <c r="T8018" i="1"/>
  <c r="T8019" i="1"/>
  <c r="T8020" i="1"/>
  <c r="T8021" i="1"/>
  <c r="T8022" i="1"/>
  <c r="T8023" i="1"/>
  <c r="T8024" i="1"/>
  <c r="T8025" i="1"/>
  <c r="T8026" i="1"/>
  <c r="T8027" i="1"/>
  <c r="T8028" i="1"/>
  <c r="T8029" i="1"/>
  <c r="T8030" i="1"/>
  <c r="T8031" i="1"/>
  <c r="T8032" i="1"/>
  <c r="T8033" i="1"/>
  <c r="T8034" i="1"/>
  <c r="T8035" i="1"/>
  <c r="T8036" i="1"/>
  <c r="T8037" i="1"/>
  <c r="T8038" i="1"/>
  <c r="T8039" i="1"/>
  <c r="T8040" i="1"/>
  <c r="T8041" i="1"/>
  <c r="T8042" i="1"/>
  <c r="T8043" i="1"/>
  <c r="T8044" i="1"/>
  <c r="T8045" i="1"/>
  <c r="T8046" i="1"/>
  <c r="T8047" i="1"/>
  <c r="T8048" i="1"/>
  <c r="T8049" i="1"/>
  <c r="T8050" i="1"/>
  <c r="T8051" i="1"/>
  <c r="T8052" i="1"/>
  <c r="T8053" i="1"/>
  <c r="T8054" i="1"/>
  <c r="T8055" i="1"/>
  <c r="T8056" i="1"/>
  <c r="T8057" i="1"/>
  <c r="T8058" i="1"/>
  <c r="T8059" i="1"/>
  <c r="T8060" i="1"/>
  <c r="T8061" i="1"/>
  <c r="T8062" i="1"/>
  <c r="T8063" i="1"/>
  <c r="T8064" i="1"/>
  <c r="T8065" i="1"/>
  <c r="T8066" i="1"/>
  <c r="T8067" i="1"/>
  <c r="T8068" i="1"/>
  <c r="T8069" i="1"/>
  <c r="T8070" i="1"/>
  <c r="T8071" i="1"/>
  <c r="T8072" i="1"/>
  <c r="T8073" i="1"/>
  <c r="T8074" i="1"/>
  <c r="T8075" i="1"/>
  <c r="T8076" i="1"/>
  <c r="T8077" i="1"/>
  <c r="T8078" i="1"/>
  <c r="T8079" i="1"/>
  <c r="T8080" i="1"/>
  <c r="T8081" i="1"/>
  <c r="T8082" i="1"/>
  <c r="T8083" i="1"/>
  <c r="T8084" i="1"/>
  <c r="T8085" i="1"/>
  <c r="T8086" i="1"/>
  <c r="T8087" i="1"/>
  <c r="T8088" i="1"/>
  <c r="T8089" i="1"/>
  <c r="T8090" i="1"/>
  <c r="T8091" i="1"/>
  <c r="T8092" i="1"/>
  <c r="T8093" i="1"/>
  <c r="T8094" i="1"/>
  <c r="T8095" i="1"/>
  <c r="T8096" i="1"/>
  <c r="T8097" i="1"/>
  <c r="T8098" i="1"/>
  <c r="T8099" i="1"/>
  <c r="T8100" i="1"/>
  <c r="T8101" i="1"/>
  <c r="T8102" i="1"/>
  <c r="T8103" i="1"/>
  <c r="T8104" i="1"/>
  <c r="T8105" i="1"/>
  <c r="T8106" i="1"/>
  <c r="T8107" i="1"/>
  <c r="T8108" i="1"/>
  <c r="T8109" i="1"/>
  <c r="T8110" i="1"/>
  <c r="T8111" i="1"/>
  <c r="T8112" i="1"/>
  <c r="T8113" i="1"/>
  <c r="T8114" i="1"/>
  <c r="T8115" i="1"/>
  <c r="T8116" i="1"/>
  <c r="T8117" i="1"/>
  <c r="T8118" i="1"/>
  <c r="T8119" i="1"/>
  <c r="T8120" i="1"/>
  <c r="T8121" i="1"/>
  <c r="T8122" i="1"/>
  <c r="T8123" i="1"/>
  <c r="T8124" i="1"/>
  <c r="T8125" i="1"/>
  <c r="T8126" i="1"/>
  <c r="T8127" i="1"/>
  <c r="T8128" i="1"/>
  <c r="T8129" i="1"/>
  <c r="T8130" i="1"/>
  <c r="T8131" i="1"/>
  <c r="T8132" i="1"/>
  <c r="T8133" i="1"/>
  <c r="T8134" i="1"/>
  <c r="T8135" i="1"/>
  <c r="T8136" i="1"/>
  <c r="T8137" i="1"/>
  <c r="T8138" i="1"/>
  <c r="T8139" i="1"/>
  <c r="T8140" i="1"/>
  <c r="T8141" i="1"/>
  <c r="T8142" i="1"/>
  <c r="T8143" i="1"/>
  <c r="T8144" i="1"/>
  <c r="T8145" i="1"/>
  <c r="T8146" i="1"/>
  <c r="T8147" i="1"/>
  <c r="T8148" i="1"/>
  <c r="T8149" i="1"/>
  <c r="T8150" i="1"/>
  <c r="T8151" i="1"/>
  <c r="T8152" i="1"/>
  <c r="T8153" i="1"/>
  <c r="T8154" i="1"/>
  <c r="T8155" i="1"/>
  <c r="T8156" i="1"/>
  <c r="T8157" i="1"/>
  <c r="T8158" i="1"/>
  <c r="T8159" i="1"/>
  <c r="T8160" i="1"/>
  <c r="T8161" i="1"/>
  <c r="T8162" i="1"/>
  <c r="T8163" i="1"/>
  <c r="T8164" i="1"/>
  <c r="T8165" i="1"/>
  <c r="T8166" i="1"/>
  <c r="T8167" i="1"/>
  <c r="T8168" i="1"/>
  <c r="T8169" i="1"/>
  <c r="T8170" i="1"/>
  <c r="T8171" i="1"/>
  <c r="T8172" i="1"/>
  <c r="T8173" i="1"/>
  <c r="T8174" i="1"/>
  <c r="T8175" i="1"/>
  <c r="T8176" i="1"/>
  <c r="T8177" i="1"/>
  <c r="T8178" i="1"/>
  <c r="T8179" i="1"/>
  <c r="T8180" i="1"/>
  <c r="T8181" i="1"/>
  <c r="T8182" i="1"/>
  <c r="T8183" i="1"/>
  <c r="T8184" i="1"/>
  <c r="T8185" i="1"/>
  <c r="T8186" i="1"/>
  <c r="T8187" i="1"/>
  <c r="T8188" i="1"/>
  <c r="T8189" i="1"/>
  <c r="T8190" i="1"/>
  <c r="T8191" i="1"/>
  <c r="T8192" i="1"/>
  <c r="T8193" i="1"/>
  <c r="T8194" i="1"/>
  <c r="T8195" i="1"/>
  <c r="T8196" i="1"/>
  <c r="T8197" i="1"/>
  <c r="T8198" i="1"/>
  <c r="T8199" i="1"/>
  <c r="T8200" i="1"/>
  <c r="T8201" i="1"/>
  <c r="T8202" i="1"/>
  <c r="T8203" i="1"/>
  <c r="T8204" i="1"/>
  <c r="T8205" i="1"/>
  <c r="T8206" i="1"/>
  <c r="T8207" i="1"/>
  <c r="T8208" i="1"/>
  <c r="T8209" i="1"/>
  <c r="T8210" i="1"/>
  <c r="T8211" i="1"/>
  <c r="T8212" i="1"/>
  <c r="T8213" i="1"/>
  <c r="T8214" i="1"/>
  <c r="T8215" i="1"/>
  <c r="T8216" i="1"/>
  <c r="T8217" i="1"/>
  <c r="T8218" i="1"/>
  <c r="T8219" i="1"/>
  <c r="T8220" i="1"/>
  <c r="T8221" i="1"/>
  <c r="T8222" i="1"/>
  <c r="T8223" i="1"/>
  <c r="T8224" i="1"/>
  <c r="T8225" i="1"/>
  <c r="T8226" i="1"/>
  <c r="T8227" i="1"/>
  <c r="T8228" i="1"/>
  <c r="T8229" i="1"/>
  <c r="T8230" i="1"/>
  <c r="T8231" i="1"/>
  <c r="T8232" i="1"/>
  <c r="T8233" i="1"/>
  <c r="T8234" i="1"/>
  <c r="T8235" i="1"/>
  <c r="T8236" i="1"/>
  <c r="T8237" i="1"/>
  <c r="T8238" i="1"/>
  <c r="T8239" i="1"/>
  <c r="T8240" i="1"/>
  <c r="T8241" i="1"/>
  <c r="T8242" i="1"/>
  <c r="T8243" i="1"/>
  <c r="T8244" i="1"/>
  <c r="T8245" i="1"/>
  <c r="T8246" i="1"/>
  <c r="T8247" i="1"/>
  <c r="T8248" i="1"/>
  <c r="T8249" i="1"/>
  <c r="T8250" i="1"/>
  <c r="T8251" i="1"/>
  <c r="T8252" i="1"/>
  <c r="T8253" i="1"/>
  <c r="T8254" i="1"/>
  <c r="T8255" i="1"/>
  <c r="T8256" i="1"/>
  <c r="T8257" i="1"/>
  <c r="T8258" i="1"/>
  <c r="T8259" i="1"/>
  <c r="T8260" i="1"/>
  <c r="T8261" i="1"/>
  <c r="T8262" i="1"/>
  <c r="T8263" i="1"/>
  <c r="T8264" i="1"/>
  <c r="T8265" i="1"/>
  <c r="T8266" i="1"/>
  <c r="T8267" i="1"/>
  <c r="T8268" i="1"/>
  <c r="T8269" i="1"/>
  <c r="T8270" i="1"/>
  <c r="T8271" i="1"/>
  <c r="T8272" i="1"/>
  <c r="T8273" i="1"/>
  <c r="T8274" i="1"/>
  <c r="T8275" i="1"/>
  <c r="T8276" i="1"/>
  <c r="T8277" i="1"/>
  <c r="T8278" i="1"/>
  <c r="T8279" i="1"/>
  <c r="T8280" i="1"/>
  <c r="T8281" i="1"/>
  <c r="T8282" i="1"/>
  <c r="T8283" i="1"/>
  <c r="T8284" i="1"/>
  <c r="T8285" i="1"/>
  <c r="T8286" i="1"/>
  <c r="T8287" i="1"/>
  <c r="T8288" i="1"/>
  <c r="T8289" i="1"/>
  <c r="T8290" i="1"/>
  <c r="T8291" i="1"/>
  <c r="T8292" i="1"/>
  <c r="T8293" i="1"/>
  <c r="T8294" i="1"/>
  <c r="T8295" i="1"/>
  <c r="T8296" i="1"/>
  <c r="T8297" i="1"/>
  <c r="T8298" i="1"/>
  <c r="T8299" i="1"/>
  <c r="T8300" i="1"/>
  <c r="T8301" i="1"/>
  <c r="T8302" i="1"/>
  <c r="T8303" i="1"/>
  <c r="T8304" i="1"/>
  <c r="T8305" i="1"/>
  <c r="T8306" i="1"/>
  <c r="T8307" i="1"/>
  <c r="T8308" i="1"/>
  <c r="T8309" i="1"/>
  <c r="T8310" i="1"/>
  <c r="T8311" i="1"/>
  <c r="T8312" i="1"/>
  <c r="T8313" i="1"/>
  <c r="T8314" i="1"/>
  <c r="T8315" i="1"/>
  <c r="T8316" i="1"/>
  <c r="T8317" i="1"/>
  <c r="T8318" i="1"/>
  <c r="T8319" i="1"/>
  <c r="T8320" i="1"/>
  <c r="T8321" i="1"/>
  <c r="T8322" i="1"/>
  <c r="T8323" i="1"/>
  <c r="T8324" i="1"/>
  <c r="T8325" i="1"/>
  <c r="T8326" i="1"/>
  <c r="T8327" i="1"/>
  <c r="T8328" i="1"/>
  <c r="T8329" i="1"/>
  <c r="T8330" i="1"/>
  <c r="T8331" i="1"/>
  <c r="T8332" i="1"/>
  <c r="T8333" i="1"/>
  <c r="T8334" i="1"/>
  <c r="T8335" i="1"/>
  <c r="T8336" i="1"/>
  <c r="T8337" i="1"/>
  <c r="T8338" i="1"/>
  <c r="T8339" i="1"/>
  <c r="T8340" i="1"/>
  <c r="T8341" i="1"/>
  <c r="T8342" i="1"/>
  <c r="T8343" i="1"/>
  <c r="T8344" i="1"/>
  <c r="T8345" i="1"/>
  <c r="T8346" i="1"/>
  <c r="T8347" i="1"/>
  <c r="T8348" i="1"/>
  <c r="T8349" i="1"/>
  <c r="T8350" i="1"/>
  <c r="T8351" i="1"/>
  <c r="T8352" i="1"/>
  <c r="T8353" i="1"/>
  <c r="T8354" i="1"/>
  <c r="T8355" i="1"/>
  <c r="T8356" i="1"/>
  <c r="T8357" i="1"/>
  <c r="T8358" i="1"/>
  <c r="T8359" i="1"/>
  <c r="T8360" i="1"/>
  <c r="T8361" i="1"/>
  <c r="T8362" i="1"/>
  <c r="T8363" i="1"/>
  <c r="T8364" i="1"/>
  <c r="T8365" i="1"/>
  <c r="T8366" i="1"/>
  <c r="T8367" i="1"/>
  <c r="T8368" i="1"/>
  <c r="T8369" i="1"/>
  <c r="T8370" i="1"/>
  <c r="T8371" i="1"/>
  <c r="T8372" i="1"/>
  <c r="T8373" i="1"/>
  <c r="T8374" i="1"/>
  <c r="T8375" i="1"/>
  <c r="T8376" i="1"/>
  <c r="T8377" i="1"/>
  <c r="T8378" i="1"/>
  <c r="T8379" i="1"/>
  <c r="T8380" i="1"/>
  <c r="T8381" i="1"/>
  <c r="T8382" i="1"/>
  <c r="T8383" i="1"/>
  <c r="T8384" i="1"/>
  <c r="T8385" i="1"/>
  <c r="T8386" i="1"/>
  <c r="T8387" i="1"/>
  <c r="T8388" i="1"/>
  <c r="T8389" i="1"/>
  <c r="T8390" i="1"/>
  <c r="T8391" i="1"/>
  <c r="T8392" i="1"/>
  <c r="T8393" i="1"/>
  <c r="T8394" i="1"/>
  <c r="T8395" i="1"/>
  <c r="T8396" i="1"/>
  <c r="T8397" i="1"/>
  <c r="T8398" i="1"/>
  <c r="T8399" i="1"/>
  <c r="T8400" i="1"/>
  <c r="T8401" i="1"/>
  <c r="T8402" i="1"/>
  <c r="T8403" i="1"/>
  <c r="T8404" i="1"/>
  <c r="T8405" i="1"/>
  <c r="T8406" i="1"/>
  <c r="T8407" i="1"/>
  <c r="T8408" i="1"/>
  <c r="T8409" i="1"/>
  <c r="T8410" i="1"/>
  <c r="T8411" i="1"/>
  <c r="T8412" i="1"/>
  <c r="T8413" i="1"/>
  <c r="T8414" i="1"/>
  <c r="T8415" i="1"/>
  <c r="T8416" i="1"/>
  <c r="T8417" i="1"/>
  <c r="T8418" i="1"/>
  <c r="T8419" i="1"/>
  <c r="T8420" i="1"/>
  <c r="T8421" i="1"/>
  <c r="T8422" i="1"/>
  <c r="T8423" i="1"/>
  <c r="T8424" i="1"/>
  <c r="T8425" i="1"/>
  <c r="T8426" i="1"/>
  <c r="T8427" i="1"/>
  <c r="T8428" i="1"/>
  <c r="T8429" i="1"/>
  <c r="T8430" i="1"/>
  <c r="T8431" i="1"/>
  <c r="T8432" i="1"/>
  <c r="T8433" i="1"/>
  <c r="T8434" i="1"/>
  <c r="T8435" i="1"/>
  <c r="T8436" i="1"/>
  <c r="T8437" i="1"/>
  <c r="T8438" i="1"/>
  <c r="T8439" i="1"/>
  <c r="T8440" i="1"/>
  <c r="T8441" i="1"/>
  <c r="T8442" i="1"/>
  <c r="T8443" i="1"/>
  <c r="T8444" i="1"/>
  <c r="T8445" i="1"/>
  <c r="T8446" i="1"/>
  <c r="T8447" i="1"/>
  <c r="T8448" i="1"/>
  <c r="T8449" i="1"/>
  <c r="T8450" i="1"/>
  <c r="T8451" i="1"/>
  <c r="T8452" i="1"/>
  <c r="T8453" i="1"/>
  <c r="T8454" i="1"/>
  <c r="T8455" i="1"/>
  <c r="T8456" i="1"/>
  <c r="T8457" i="1"/>
  <c r="T8458" i="1"/>
  <c r="T8459" i="1"/>
  <c r="T8460" i="1"/>
  <c r="T8461" i="1"/>
  <c r="T8462" i="1"/>
  <c r="T8463" i="1"/>
  <c r="T8464" i="1"/>
  <c r="T8465" i="1"/>
  <c r="T8466" i="1"/>
  <c r="T8467" i="1"/>
  <c r="T8468" i="1"/>
  <c r="T8469" i="1"/>
  <c r="T8470" i="1"/>
  <c r="T8471" i="1"/>
  <c r="T8472" i="1"/>
  <c r="T8473" i="1"/>
  <c r="T8474" i="1"/>
  <c r="T8475" i="1"/>
  <c r="T8476" i="1"/>
  <c r="T8477" i="1"/>
  <c r="T8478" i="1"/>
  <c r="T8479" i="1"/>
  <c r="T8480" i="1"/>
  <c r="T8481" i="1"/>
  <c r="T8482" i="1"/>
  <c r="T8483" i="1"/>
  <c r="T8484" i="1"/>
  <c r="T8485" i="1"/>
  <c r="T8486" i="1"/>
  <c r="T8487" i="1"/>
  <c r="T8488" i="1"/>
  <c r="T8489" i="1"/>
  <c r="T8490" i="1"/>
  <c r="T8491" i="1"/>
  <c r="T8492" i="1"/>
  <c r="T8493" i="1"/>
  <c r="T8494" i="1"/>
  <c r="T8495" i="1"/>
  <c r="T8496" i="1"/>
  <c r="T8497" i="1"/>
  <c r="T8498" i="1"/>
  <c r="T8499" i="1"/>
  <c r="T8500" i="1"/>
  <c r="T8501" i="1"/>
  <c r="T8502" i="1"/>
  <c r="T8503" i="1"/>
  <c r="T8504" i="1"/>
  <c r="T8505" i="1"/>
  <c r="T8506" i="1"/>
  <c r="T8507" i="1"/>
  <c r="T8508" i="1"/>
  <c r="T8509" i="1"/>
  <c r="T8510" i="1"/>
  <c r="T8511" i="1"/>
  <c r="T8512" i="1"/>
  <c r="T8513" i="1"/>
  <c r="T8514" i="1"/>
  <c r="T8515" i="1"/>
  <c r="T8516" i="1"/>
  <c r="T8517" i="1"/>
  <c r="T8518" i="1"/>
  <c r="T8519" i="1"/>
  <c r="T8520" i="1"/>
  <c r="T8521" i="1"/>
  <c r="T8522" i="1"/>
  <c r="T8523" i="1"/>
  <c r="T8524" i="1"/>
  <c r="T8525" i="1"/>
  <c r="T8526" i="1"/>
  <c r="T8527" i="1"/>
  <c r="T8528" i="1"/>
  <c r="T8529" i="1"/>
  <c r="T8530" i="1"/>
  <c r="T8531" i="1"/>
  <c r="T8532" i="1"/>
  <c r="T8533" i="1"/>
  <c r="T8534" i="1"/>
  <c r="T8535" i="1"/>
  <c r="T8536" i="1"/>
  <c r="T8537" i="1"/>
  <c r="T8538" i="1"/>
  <c r="T8539" i="1"/>
  <c r="T8540" i="1"/>
  <c r="T8541" i="1"/>
  <c r="T8542" i="1"/>
  <c r="T8543" i="1"/>
  <c r="T8544" i="1"/>
  <c r="T8545" i="1"/>
  <c r="T8546" i="1"/>
  <c r="T8547" i="1"/>
  <c r="T8548" i="1"/>
  <c r="T8549" i="1"/>
  <c r="T8550" i="1"/>
  <c r="T8551" i="1"/>
  <c r="T8552" i="1"/>
  <c r="T8553" i="1"/>
  <c r="T8554" i="1"/>
  <c r="T8555" i="1"/>
  <c r="T8556" i="1"/>
  <c r="T8557" i="1"/>
  <c r="T8558" i="1"/>
  <c r="T8559" i="1"/>
  <c r="T8560" i="1"/>
  <c r="T8561" i="1"/>
  <c r="T8562" i="1"/>
  <c r="T8563" i="1"/>
  <c r="T8564" i="1"/>
  <c r="T8565" i="1"/>
  <c r="T8566" i="1"/>
  <c r="T8567" i="1"/>
  <c r="T8568" i="1"/>
  <c r="T8569" i="1"/>
  <c r="T8570" i="1"/>
  <c r="T8571" i="1"/>
  <c r="T8572" i="1"/>
  <c r="T8573" i="1"/>
  <c r="T8574" i="1"/>
  <c r="T8575" i="1"/>
  <c r="T8576" i="1"/>
  <c r="T8577" i="1"/>
  <c r="T8578" i="1"/>
  <c r="T8579" i="1"/>
  <c r="T8580" i="1"/>
  <c r="T8581" i="1"/>
  <c r="T8582" i="1"/>
  <c r="T8583" i="1"/>
  <c r="T8584" i="1"/>
  <c r="T8585" i="1"/>
  <c r="T8586" i="1"/>
  <c r="T8587" i="1"/>
  <c r="T8588" i="1"/>
  <c r="T8589" i="1"/>
  <c r="T8590" i="1"/>
  <c r="T8591" i="1"/>
  <c r="T8592" i="1"/>
  <c r="T8593" i="1"/>
  <c r="T8594" i="1"/>
  <c r="T8595" i="1"/>
  <c r="T8596" i="1"/>
  <c r="T8597" i="1"/>
  <c r="T8598" i="1"/>
  <c r="T8599" i="1"/>
  <c r="T8600" i="1"/>
  <c r="T8601" i="1"/>
  <c r="T8602" i="1"/>
  <c r="T8603" i="1"/>
  <c r="T8604" i="1"/>
  <c r="T8605" i="1"/>
  <c r="T8606" i="1"/>
  <c r="T8607" i="1"/>
  <c r="T8608" i="1"/>
  <c r="T8609" i="1"/>
  <c r="T8610" i="1"/>
  <c r="T8611" i="1"/>
  <c r="T8612" i="1"/>
  <c r="T8613" i="1"/>
  <c r="T8614" i="1"/>
  <c r="T8615" i="1"/>
  <c r="T8616" i="1"/>
  <c r="T8617" i="1"/>
  <c r="T8618" i="1"/>
  <c r="T8619" i="1"/>
  <c r="T8620" i="1"/>
  <c r="T8621" i="1"/>
  <c r="T8622" i="1"/>
  <c r="T8623" i="1"/>
  <c r="T8624" i="1"/>
  <c r="T8625" i="1"/>
  <c r="T8626" i="1"/>
  <c r="T8627" i="1"/>
  <c r="T8628" i="1"/>
  <c r="T8629" i="1"/>
  <c r="T8630" i="1"/>
  <c r="T8631" i="1"/>
  <c r="T8632" i="1"/>
  <c r="T8633" i="1"/>
  <c r="T8634" i="1"/>
  <c r="T8635" i="1"/>
  <c r="T8636" i="1"/>
  <c r="T8637" i="1"/>
  <c r="T8638" i="1"/>
  <c r="T8639" i="1"/>
  <c r="T8640" i="1"/>
  <c r="T8641" i="1"/>
  <c r="T8642" i="1"/>
  <c r="T8643" i="1"/>
  <c r="T8644" i="1"/>
  <c r="T8645" i="1"/>
  <c r="T8646" i="1"/>
  <c r="T8647" i="1"/>
  <c r="T8648" i="1"/>
  <c r="T8649" i="1"/>
  <c r="T8650" i="1"/>
  <c r="T8651" i="1"/>
  <c r="T8652" i="1"/>
  <c r="T8653" i="1"/>
  <c r="T8654" i="1"/>
  <c r="T8655" i="1"/>
  <c r="T8656" i="1"/>
  <c r="T8657" i="1"/>
  <c r="T8658" i="1"/>
  <c r="T8659" i="1"/>
  <c r="T8660" i="1"/>
  <c r="T8661" i="1"/>
  <c r="T8662" i="1"/>
  <c r="T8663" i="1"/>
  <c r="T8664" i="1"/>
  <c r="T8665" i="1"/>
  <c r="T8666" i="1"/>
  <c r="T8667" i="1"/>
  <c r="T8668" i="1"/>
  <c r="T8669" i="1"/>
  <c r="T8670" i="1"/>
  <c r="T8671" i="1"/>
  <c r="T8672" i="1"/>
  <c r="T8673" i="1"/>
  <c r="T8674" i="1"/>
  <c r="T8675" i="1"/>
  <c r="T8676" i="1"/>
  <c r="T8677" i="1"/>
  <c r="T8678" i="1"/>
  <c r="T8679" i="1"/>
  <c r="T8680" i="1"/>
  <c r="T8681" i="1"/>
  <c r="T8682" i="1"/>
  <c r="T8683" i="1"/>
  <c r="T8684" i="1"/>
  <c r="T8685" i="1"/>
  <c r="T8686" i="1"/>
  <c r="T8687" i="1"/>
  <c r="T8688" i="1"/>
  <c r="T8689" i="1"/>
  <c r="T8690" i="1"/>
  <c r="T8691" i="1"/>
  <c r="T8692" i="1"/>
  <c r="T8693" i="1"/>
  <c r="T8694" i="1"/>
  <c r="T8695" i="1"/>
  <c r="T8696" i="1"/>
  <c r="T8697" i="1"/>
  <c r="T8698" i="1"/>
  <c r="T8699" i="1"/>
  <c r="T8700" i="1"/>
  <c r="T8701" i="1"/>
  <c r="T8702" i="1"/>
  <c r="T8703" i="1"/>
  <c r="T8704" i="1"/>
  <c r="T8705" i="1"/>
  <c r="T8706" i="1"/>
  <c r="T8707" i="1"/>
  <c r="T8708" i="1"/>
  <c r="T8709" i="1"/>
  <c r="T8710" i="1"/>
  <c r="T8711" i="1"/>
  <c r="T8712" i="1"/>
  <c r="T8713" i="1"/>
  <c r="T8714" i="1"/>
  <c r="T8715" i="1"/>
  <c r="T8716" i="1"/>
  <c r="T8717" i="1"/>
  <c r="T8718" i="1"/>
  <c r="T8719" i="1"/>
  <c r="T8720" i="1"/>
  <c r="T8721" i="1"/>
  <c r="T8722" i="1"/>
  <c r="T8723" i="1"/>
  <c r="T8724" i="1"/>
  <c r="T8725" i="1"/>
  <c r="T8726" i="1"/>
  <c r="T8727" i="1"/>
  <c r="T8728" i="1"/>
  <c r="T8729" i="1"/>
  <c r="T8730" i="1"/>
  <c r="T8731" i="1"/>
  <c r="T8732" i="1"/>
  <c r="T8733" i="1"/>
  <c r="T8734" i="1"/>
  <c r="T8735" i="1"/>
  <c r="T8736" i="1"/>
  <c r="T8737" i="1"/>
  <c r="T8738" i="1"/>
  <c r="T8739" i="1"/>
  <c r="T8740" i="1"/>
  <c r="T8741" i="1"/>
  <c r="T8742" i="1"/>
  <c r="T8743" i="1"/>
  <c r="T8744" i="1"/>
  <c r="T8745" i="1"/>
  <c r="T8746" i="1"/>
  <c r="T8747" i="1"/>
  <c r="T8748" i="1"/>
  <c r="T8749" i="1"/>
  <c r="T8750" i="1"/>
  <c r="T8751" i="1"/>
  <c r="T8752" i="1"/>
  <c r="T8753" i="1"/>
  <c r="T8754" i="1"/>
  <c r="T8755" i="1"/>
  <c r="T8756" i="1"/>
  <c r="T8757" i="1"/>
  <c r="T8758" i="1"/>
  <c r="T8759" i="1"/>
  <c r="T8760" i="1"/>
  <c r="T8761" i="1"/>
  <c r="T8762" i="1"/>
  <c r="T8763" i="1"/>
  <c r="T8764" i="1"/>
  <c r="T8765" i="1"/>
  <c r="T8766" i="1"/>
  <c r="T8767" i="1"/>
  <c r="T8768" i="1"/>
  <c r="T8769" i="1"/>
  <c r="T8770" i="1"/>
  <c r="T8771" i="1"/>
  <c r="T8772" i="1"/>
  <c r="T8773" i="1"/>
  <c r="T8774" i="1"/>
  <c r="T8775" i="1"/>
  <c r="T8776" i="1"/>
  <c r="T8777" i="1"/>
  <c r="T8778" i="1"/>
  <c r="T8779" i="1"/>
  <c r="T8780" i="1"/>
  <c r="T8781" i="1"/>
  <c r="T8782" i="1"/>
  <c r="T8783" i="1"/>
  <c r="T8784" i="1"/>
  <c r="T8785" i="1"/>
  <c r="T8786" i="1"/>
  <c r="T8787" i="1"/>
  <c r="T8788" i="1"/>
  <c r="T8789" i="1"/>
  <c r="T8790" i="1"/>
  <c r="T8791" i="1"/>
  <c r="T8792" i="1"/>
  <c r="T8793" i="1"/>
  <c r="T8794" i="1"/>
  <c r="T8795" i="1"/>
  <c r="T8796" i="1"/>
  <c r="T8797" i="1"/>
  <c r="T8798" i="1"/>
  <c r="T8799" i="1"/>
  <c r="T8800" i="1"/>
  <c r="T8801" i="1"/>
  <c r="T8802" i="1"/>
  <c r="T8803" i="1"/>
  <c r="T8804" i="1"/>
  <c r="T8805" i="1"/>
  <c r="T8806" i="1"/>
  <c r="T8807" i="1"/>
  <c r="T8808" i="1"/>
  <c r="T8809" i="1"/>
  <c r="T8810" i="1"/>
  <c r="T8811" i="1"/>
  <c r="T8812" i="1"/>
  <c r="T8813" i="1"/>
  <c r="T8814" i="1"/>
  <c r="T8815" i="1"/>
  <c r="T8816" i="1"/>
  <c r="T8817" i="1"/>
  <c r="T8818" i="1"/>
  <c r="T8819" i="1"/>
  <c r="T8820" i="1"/>
  <c r="T8821" i="1"/>
  <c r="T8822" i="1"/>
  <c r="T8823" i="1"/>
  <c r="T8824" i="1"/>
  <c r="T8825" i="1"/>
  <c r="T8826" i="1"/>
  <c r="T8827" i="1"/>
  <c r="T8828" i="1"/>
  <c r="T8829" i="1"/>
  <c r="T8830" i="1"/>
  <c r="T8831" i="1"/>
  <c r="T8832" i="1"/>
  <c r="T8833" i="1"/>
  <c r="T8834" i="1"/>
  <c r="T8835" i="1"/>
  <c r="T8836" i="1"/>
  <c r="T8837" i="1"/>
  <c r="T8838" i="1"/>
  <c r="T8839" i="1"/>
  <c r="T8840" i="1"/>
  <c r="T8841" i="1"/>
  <c r="T8842" i="1"/>
  <c r="T8843" i="1"/>
  <c r="T8844" i="1"/>
  <c r="T8845" i="1"/>
  <c r="T8846" i="1"/>
  <c r="T8847" i="1"/>
  <c r="T8848" i="1"/>
  <c r="T8849" i="1"/>
  <c r="T8850" i="1"/>
  <c r="T8851" i="1"/>
  <c r="T8852" i="1"/>
  <c r="T8853" i="1"/>
  <c r="T8854" i="1"/>
  <c r="T8855" i="1"/>
  <c r="T8856" i="1"/>
  <c r="T8857" i="1"/>
  <c r="T8858" i="1"/>
  <c r="T8859" i="1"/>
  <c r="T8860" i="1"/>
  <c r="T8861" i="1"/>
  <c r="T8862" i="1"/>
  <c r="T8863" i="1"/>
  <c r="T8864" i="1"/>
  <c r="T8865" i="1"/>
  <c r="T8866" i="1"/>
  <c r="T8867" i="1"/>
  <c r="T8868" i="1"/>
  <c r="T8869" i="1"/>
  <c r="T8870" i="1"/>
  <c r="T8871" i="1"/>
  <c r="T8872" i="1"/>
  <c r="T8873" i="1"/>
  <c r="T8874" i="1"/>
  <c r="T8875" i="1"/>
  <c r="T8876" i="1"/>
  <c r="T8877" i="1"/>
  <c r="T8878" i="1"/>
  <c r="T8879" i="1"/>
  <c r="T8880" i="1"/>
  <c r="T8881" i="1"/>
  <c r="T8882" i="1"/>
  <c r="T8883" i="1"/>
  <c r="T8884" i="1"/>
  <c r="T8885" i="1"/>
  <c r="T8886" i="1"/>
  <c r="T8887" i="1"/>
  <c r="T8888" i="1"/>
  <c r="T8889" i="1"/>
  <c r="T8890" i="1"/>
  <c r="T8891" i="1"/>
  <c r="T8892" i="1"/>
  <c r="T8893" i="1"/>
  <c r="T8894" i="1"/>
  <c r="T8895" i="1"/>
  <c r="T8896" i="1"/>
  <c r="T8897" i="1"/>
  <c r="T8898" i="1"/>
  <c r="T8899" i="1"/>
  <c r="T8900" i="1"/>
  <c r="T8901" i="1"/>
  <c r="T8902" i="1"/>
  <c r="T8903" i="1"/>
  <c r="T8904" i="1"/>
  <c r="T8905" i="1"/>
  <c r="T8906" i="1"/>
  <c r="T8907" i="1"/>
  <c r="T8908" i="1"/>
  <c r="T8909" i="1"/>
  <c r="T8910" i="1"/>
  <c r="T8911" i="1"/>
  <c r="T8912" i="1"/>
  <c r="T8913" i="1"/>
  <c r="T8914" i="1"/>
  <c r="T8915" i="1"/>
  <c r="T8916" i="1"/>
  <c r="T8917" i="1"/>
  <c r="T8918" i="1"/>
  <c r="T8919" i="1"/>
  <c r="T8920" i="1"/>
  <c r="T8921" i="1"/>
  <c r="T8922" i="1"/>
  <c r="T8923" i="1"/>
  <c r="T8924" i="1"/>
  <c r="T8925" i="1"/>
  <c r="T8926" i="1"/>
  <c r="T8927" i="1"/>
  <c r="T8928" i="1"/>
  <c r="T8929" i="1"/>
  <c r="T8930" i="1"/>
  <c r="T8931" i="1"/>
  <c r="T8932" i="1"/>
  <c r="T8933" i="1"/>
  <c r="T8934" i="1"/>
  <c r="T8935" i="1"/>
  <c r="T8936" i="1"/>
  <c r="T8937" i="1"/>
  <c r="T8938" i="1"/>
  <c r="T8939" i="1"/>
  <c r="T8940" i="1"/>
  <c r="T8941" i="1"/>
  <c r="T8942" i="1"/>
  <c r="T8943" i="1"/>
  <c r="T8944" i="1"/>
  <c r="T8945" i="1"/>
  <c r="T8946" i="1"/>
  <c r="T8947" i="1"/>
  <c r="T8948" i="1"/>
  <c r="T8949" i="1"/>
  <c r="T8950" i="1"/>
  <c r="T8951" i="1"/>
  <c r="T8952" i="1"/>
  <c r="T8953" i="1"/>
  <c r="T8954" i="1"/>
  <c r="T8955" i="1"/>
  <c r="T8956" i="1"/>
  <c r="T8957" i="1"/>
  <c r="T8958" i="1"/>
  <c r="T8959" i="1"/>
  <c r="T8960" i="1"/>
  <c r="T8961" i="1"/>
  <c r="T8962" i="1"/>
  <c r="T8963" i="1"/>
  <c r="T8964" i="1"/>
  <c r="T8965" i="1"/>
  <c r="T8966" i="1"/>
  <c r="T8967" i="1"/>
  <c r="T8968" i="1"/>
  <c r="T8969" i="1"/>
  <c r="T8970" i="1"/>
  <c r="T8971" i="1"/>
  <c r="T8972" i="1"/>
  <c r="T8973" i="1"/>
  <c r="T8974" i="1"/>
  <c r="T8975" i="1"/>
  <c r="T8976" i="1"/>
  <c r="T8977" i="1"/>
  <c r="T8978" i="1"/>
  <c r="T8979" i="1"/>
  <c r="T8980" i="1"/>
  <c r="T8981" i="1"/>
  <c r="T8982" i="1"/>
  <c r="T8983" i="1"/>
  <c r="T8984" i="1"/>
  <c r="T8985" i="1"/>
  <c r="T8986" i="1"/>
  <c r="T8987" i="1"/>
  <c r="T8988" i="1"/>
  <c r="T8989" i="1"/>
  <c r="T8990" i="1"/>
  <c r="T8991" i="1"/>
  <c r="T8992" i="1"/>
  <c r="T8993" i="1"/>
  <c r="T8994" i="1"/>
  <c r="T8995" i="1"/>
  <c r="T8996" i="1"/>
  <c r="T8997" i="1"/>
  <c r="T8998" i="1"/>
  <c r="T8999" i="1"/>
  <c r="T9000" i="1"/>
  <c r="T9001" i="1"/>
  <c r="T9002" i="1"/>
  <c r="T9003" i="1"/>
  <c r="T9004" i="1"/>
  <c r="T9005" i="1"/>
  <c r="T9006" i="1"/>
  <c r="T9007" i="1"/>
  <c r="T9008" i="1"/>
  <c r="T9009" i="1"/>
  <c r="T9010" i="1"/>
  <c r="T9011" i="1"/>
  <c r="T9012" i="1"/>
  <c r="T9013" i="1"/>
  <c r="T9014" i="1"/>
  <c r="T9015" i="1"/>
  <c r="T9016" i="1"/>
  <c r="T9017" i="1"/>
  <c r="T9018" i="1"/>
  <c r="T9019" i="1"/>
  <c r="T9020" i="1"/>
  <c r="T9021" i="1"/>
  <c r="T9022" i="1"/>
  <c r="T9023" i="1"/>
  <c r="T9024" i="1"/>
  <c r="T9025" i="1"/>
  <c r="T9026" i="1"/>
  <c r="T9027" i="1"/>
  <c r="T9028" i="1"/>
  <c r="T9029" i="1"/>
  <c r="T9030" i="1"/>
  <c r="T9031" i="1"/>
  <c r="T9032" i="1"/>
  <c r="T9033" i="1"/>
  <c r="T9034" i="1"/>
  <c r="T9035" i="1"/>
  <c r="T9036" i="1"/>
  <c r="T9037" i="1"/>
  <c r="T9038" i="1"/>
  <c r="T9039" i="1"/>
  <c r="T9040" i="1"/>
  <c r="T9041" i="1"/>
  <c r="T9042" i="1"/>
  <c r="T9043" i="1"/>
  <c r="T9044" i="1"/>
  <c r="T9045" i="1"/>
  <c r="T9046" i="1"/>
  <c r="T9047" i="1"/>
  <c r="T9048" i="1"/>
  <c r="T9049" i="1"/>
  <c r="T9050" i="1"/>
  <c r="T9051" i="1"/>
  <c r="T9052" i="1"/>
  <c r="T9053" i="1"/>
  <c r="T9054" i="1"/>
  <c r="T9055" i="1"/>
  <c r="T9056" i="1"/>
  <c r="T9057" i="1"/>
  <c r="T9058" i="1"/>
  <c r="T9059" i="1"/>
  <c r="T9060" i="1"/>
  <c r="T9061" i="1"/>
  <c r="T9062" i="1"/>
  <c r="T9063" i="1"/>
  <c r="T9064" i="1"/>
  <c r="T9065" i="1"/>
  <c r="T9066" i="1"/>
  <c r="T9067" i="1"/>
  <c r="T9068" i="1"/>
  <c r="T9069" i="1"/>
  <c r="T9070" i="1"/>
  <c r="T9071" i="1"/>
  <c r="T9072" i="1"/>
  <c r="T9073" i="1"/>
  <c r="T9074" i="1"/>
  <c r="T9075" i="1"/>
  <c r="T9076" i="1"/>
  <c r="T9077" i="1"/>
  <c r="T9078" i="1"/>
  <c r="T9079" i="1"/>
  <c r="T9080" i="1"/>
  <c r="T9081" i="1"/>
  <c r="T9082" i="1"/>
  <c r="T9083" i="1"/>
  <c r="T9084" i="1"/>
  <c r="T9085" i="1"/>
  <c r="T9086" i="1"/>
  <c r="T9087" i="1"/>
  <c r="T9088" i="1"/>
  <c r="T9089" i="1"/>
  <c r="T9090" i="1"/>
  <c r="T9091" i="1"/>
  <c r="T9092" i="1"/>
  <c r="T9093" i="1"/>
  <c r="T9094" i="1"/>
  <c r="T9095" i="1"/>
  <c r="T9096" i="1"/>
  <c r="T9097" i="1"/>
  <c r="T9098" i="1"/>
  <c r="T9099" i="1"/>
  <c r="T9100" i="1"/>
  <c r="T9101" i="1"/>
  <c r="T9102" i="1"/>
  <c r="T9103" i="1"/>
  <c r="T9104" i="1"/>
  <c r="T9105" i="1"/>
  <c r="T9106" i="1"/>
  <c r="T9107" i="1"/>
  <c r="T9108" i="1"/>
  <c r="T9109" i="1"/>
  <c r="T9110" i="1"/>
  <c r="T9111" i="1"/>
  <c r="T9112" i="1"/>
  <c r="T9113" i="1"/>
  <c r="T9114" i="1"/>
  <c r="T9115" i="1"/>
  <c r="T9116" i="1"/>
  <c r="T9117" i="1"/>
  <c r="T9118" i="1"/>
  <c r="T9119" i="1"/>
  <c r="T9120" i="1"/>
  <c r="T9121" i="1"/>
  <c r="T9122" i="1"/>
  <c r="T9123" i="1"/>
  <c r="T9124" i="1"/>
  <c r="T9125" i="1"/>
  <c r="T9126" i="1"/>
  <c r="T9127" i="1"/>
  <c r="T9128" i="1"/>
  <c r="T9129" i="1"/>
  <c r="T9130" i="1"/>
  <c r="T9131" i="1"/>
  <c r="T9132" i="1"/>
  <c r="T9133" i="1"/>
  <c r="T9134" i="1"/>
  <c r="T9135" i="1"/>
  <c r="T9136" i="1"/>
  <c r="T9137" i="1"/>
  <c r="T9138" i="1"/>
  <c r="T9139" i="1"/>
  <c r="T9140" i="1"/>
  <c r="T9141" i="1"/>
  <c r="T9142" i="1"/>
  <c r="T9143" i="1"/>
  <c r="T9144" i="1"/>
  <c r="T9145" i="1"/>
  <c r="T9146" i="1"/>
  <c r="T9147" i="1"/>
  <c r="T9148" i="1"/>
  <c r="T9149" i="1"/>
  <c r="T9150" i="1"/>
  <c r="T9151" i="1"/>
  <c r="T9152" i="1"/>
  <c r="T9153" i="1"/>
  <c r="T9154" i="1"/>
  <c r="T9155" i="1"/>
  <c r="T9156" i="1"/>
  <c r="T9157" i="1"/>
  <c r="T9158" i="1"/>
  <c r="T9159" i="1"/>
  <c r="T9160" i="1"/>
  <c r="T9161" i="1"/>
  <c r="T9162" i="1"/>
  <c r="T9163" i="1"/>
  <c r="T9164" i="1"/>
  <c r="T9165" i="1"/>
  <c r="T9166" i="1"/>
  <c r="T9167" i="1"/>
  <c r="T9168" i="1"/>
  <c r="T9169" i="1"/>
  <c r="T9170" i="1"/>
  <c r="T9171" i="1"/>
  <c r="T9172" i="1"/>
  <c r="T9173" i="1"/>
  <c r="T9174" i="1"/>
  <c r="T9175" i="1"/>
  <c r="T9176" i="1"/>
  <c r="T9177" i="1"/>
  <c r="T9178" i="1"/>
  <c r="T9179" i="1"/>
  <c r="T9180" i="1"/>
  <c r="T9181" i="1"/>
  <c r="T9182" i="1"/>
  <c r="T9183" i="1"/>
  <c r="T9184" i="1"/>
  <c r="T9185" i="1"/>
  <c r="T9186" i="1"/>
  <c r="T9187" i="1"/>
  <c r="T9188" i="1"/>
  <c r="T9189" i="1"/>
  <c r="T9190" i="1"/>
  <c r="T9191" i="1"/>
  <c r="T9192" i="1"/>
  <c r="T9193" i="1"/>
  <c r="T9194" i="1"/>
  <c r="T9195" i="1"/>
  <c r="T9196" i="1"/>
  <c r="T9197" i="1"/>
  <c r="T9198" i="1"/>
  <c r="T9199" i="1"/>
  <c r="T9200" i="1"/>
  <c r="T9201" i="1"/>
  <c r="T9202" i="1"/>
  <c r="T9203" i="1"/>
  <c r="T9204" i="1"/>
  <c r="T9205" i="1"/>
  <c r="T9206" i="1"/>
  <c r="T9207" i="1"/>
  <c r="T9208" i="1"/>
  <c r="T9209" i="1"/>
  <c r="T9210" i="1"/>
  <c r="T9211" i="1"/>
  <c r="T9212" i="1"/>
  <c r="T9213" i="1"/>
  <c r="T9214" i="1"/>
  <c r="T9215" i="1"/>
  <c r="T9216" i="1"/>
  <c r="T9217" i="1"/>
  <c r="T9218" i="1"/>
  <c r="T9219" i="1"/>
  <c r="T9220" i="1"/>
  <c r="T9221" i="1"/>
  <c r="T9222" i="1"/>
  <c r="T9223" i="1"/>
  <c r="T9224" i="1"/>
  <c r="T9225" i="1"/>
  <c r="T9226" i="1"/>
  <c r="T9227" i="1"/>
  <c r="T9228" i="1"/>
  <c r="T9229" i="1"/>
  <c r="T9230" i="1"/>
  <c r="T9231" i="1"/>
  <c r="T9232" i="1"/>
  <c r="T9233" i="1"/>
  <c r="T9234" i="1"/>
  <c r="T9235" i="1"/>
  <c r="T9236" i="1"/>
  <c r="T9237" i="1"/>
  <c r="T9238" i="1"/>
  <c r="T9239" i="1"/>
  <c r="T9240" i="1"/>
  <c r="T9241" i="1"/>
  <c r="T9242" i="1"/>
  <c r="T9243" i="1"/>
  <c r="T9244" i="1"/>
  <c r="T9245" i="1"/>
  <c r="T9246" i="1"/>
  <c r="T9247" i="1"/>
  <c r="T9248" i="1"/>
  <c r="T9249" i="1"/>
  <c r="T9250" i="1"/>
  <c r="T9251" i="1"/>
  <c r="T9252" i="1"/>
  <c r="T9253" i="1"/>
  <c r="T9254" i="1"/>
  <c r="T9255" i="1"/>
  <c r="T9256" i="1"/>
  <c r="T9257" i="1"/>
  <c r="T9258" i="1"/>
  <c r="T9259" i="1"/>
  <c r="T9260" i="1"/>
  <c r="T9261" i="1"/>
  <c r="T9262" i="1"/>
  <c r="T9263" i="1"/>
  <c r="T9264" i="1"/>
  <c r="T9265" i="1"/>
  <c r="T9266" i="1"/>
  <c r="T9267" i="1"/>
  <c r="T9268" i="1"/>
  <c r="T9269" i="1"/>
  <c r="T9270" i="1"/>
  <c r="T9271" i="1"/>
  <c r="T9272" i="1"/>
  <c r="T9273" i="1"/>
  <c r="T9274" i="1"/>
  <c r="T9275" i="1"/>
  <c r="T9276" i="1"/>
  <c r="T9277" i="1"/>
  <c r="T9278" i="1"/>
  <c r="T9279" i="1"/>
  <c r="T9280" i="1"/>
  <c r="T9281" i="1"/>
  <c r="T9282" i="1"/>
  <c r="T9283" i="1"/>
  <c r="T9284" i="1"/>
  <c r="T9285" i="1"/>
  <c r="T9286" i="1"/>
  <c r="T9287" i="1"/>
  <c r="T9288" i="1"/>
  <c r="T9289" i="1"/>
  <c r="T9290" i="1"/>
  <c r="T9291" i="1"/>
  <c r="T9292" i="1"/>
  <c r="T9293" i="1"/>
  <c r="T9294" i="1"/>
  <c r="T9295" i="1"/>
  <c r="T9296" i="1"/>
  <c r="T9297" i="1"/>
  <c r="T9298" i="1"/>
  <c r="T9299" i="1"/>
  <c r="T9300" i="1"/>
  <c r="T9301" i="1"/>
  <c r="T9302" i="1"/>
  <c r="T9303" i="1"/>
  <c r="T9304" i="1"/>
  <c r="T9305" i="1"/>
  <c r="T9306" i="1"/>
  <c r="T9307" i="1"/>
  <c r="T9308" i="1"/>
  <c r="T9309" i="1"/>
  <c r="T9310" i="1"/>
  <c r="T9311" i="1"/>
  <c r="T9312" i="1"/>
  <c r="T9313" i="1"/>
  <c r="T9314" i="1"/>
  <c r="T9315" i="1"/>
  <c r="T9316" i="1"/>
  <c r="T9317" i="1"/>
  <c r="T9318" i="1"/>
  <c r="T9319" i="1"/>
  <c r="T9320" i="1"/>
  <c r="T9321" i="1"/>
  <c r="T9322" i="1"/>
  <c r="T9323" i="1"/>
  <c r="T9324" i="1"/>
  <c r="T9325" i="1"/>
  <c r="T9326" i="1"/>
  <c r="T9327" i="1"/>
  <c r="T9328" i="1"/>
  <c r="T9329" i="1"/>
  <c r="T9330" i="1"/>
  <c r="T9331" i="1"/>
  <c r="T9332" i="1"/>
  <c r="T9333" i="1"/>
  <c r="T9334" i="1"/>
  <c r="T9335" i="1"/>
  <c r="T9336" i="1"/>
  <c r="T9337" i="1"/>
  <c r="T9338" i="1"/>
  <c r="T9339" i="1"/>
  <c r="T9340" i="1"/>
  <c r="T9341" i="1"/>
  <c r="T9342" i="1"/>
  <c r="T9343" i="1"/>
  <c r="T9344" i="1"/>
  <c r="T9345" i="1"/>
  <c r="T9346" i="1"/>
  <c r="T9347" i="1"/>
  <c r="T9348" i="1"/>
  <c r="T9349" i="1"/>
  <c r="T9350" i="1"/>
  <c r="T9351" i="1"/>
  <c r="T9352" i="1"/>
  <c r="T9353" i="1"/>
  <c r="T9354" i="1"/>
  <c r="T9355" i="1"/>
  <c r="T9356" i="1"/>
  <c r="T9357" i="1"/>
  <c r="T9358" i="1"/>
  <c r="T9359" i="1"/>
  <c r="T9360" i="1"/>
  <c r="T9361" i="1"/>
  <c r="T9362" i="1"/>
  <c r="T9363" i="1"/>
  <c r="T9364" i="1"/>
  <c r="T9365" i="1"/>
  <c r="T9366" i="1"/>
  <c r="T9367" i="1"/>
  <c r="T9368" i="1"/>
  <c r="T9369" i="1"/>
  <c r="T9370" i="1"/>
  <c r="T9371" i="1"/>
  <c r="T9372" i="1"/>
  <c r="T9373" i="1"/>
  <c r="T9374" i="1"/>
  <c r="T9375" i="1"/>
  <c r="T9376" i="1"/>
  <c r="T9377" i="1"/>
  <c r="T9378" i="1"/>
  <c r="T9379" i="1"/>
  <c r="T9380" i="1"/>
  <c r="T9381" i="1"/>
  <c r="T9382" i="1"/>
  <c r="T9383" i="1"/>
  <c r="T9384" i="1"/>
  <c r="T9385" i="1"/>
  <c r="T9386" i="1"/>
  <c r="T9387" i="1"/>
  <c r="T9388" i="1"/>
  <c r="T9389" i="1"/>
  <c r="T9390" i="1"/>
  <c r="T9391" i="1"/>
  <c r="T9392" i="1"/>
  <c r="T9393" i="1"/>
  <c r="T9394" i="1"/>
  <c r="T9395" i="1"/>
  <c r="T9396" i="1"/>
  <c r="T9397" i="1"/>
  <c r="T9398" i="1"/>
  <c r="T9399" i="1"/>
  <c r="T9400" i="1"/>
  <c r="T9401" i="1"/>
  <c r="T9402" i="1"/>
  <c r="T9403" i="1"/>
  <c r="T9404" i="1"/>
  <c r="T9405" i="1"/>
  <c r="T9406" i="1"/>
  <c r="T9407" i="1"/>
  <c r="T9408" i="1"/>
  <c r="T9409" i="1"/>
  <c r="T9410" i="1"/>
  <c r="T9411" i="1"/>
  <c r="T9412" i="1"/>
  <c r="T9413" i="1"/>
  <c r="T9414" i="1"/>
  <c r="T9415" i="1"/>
  <c r="T9416" i="1"/>
  <c r="T9417" i="1"/>
  <c r="T9418" i="1"/>
  <c r="T9419" i="1"/>
  <c r="T9420" i="1"/>
  <c r="T9421" i="1"/>
  <c r="T9422" i="1"/>
  <c r="T9423" i="1"/>
  <c r="T9424" i="1"/>
  <c r="T9425" i="1"/>
  <c r="T9426" i="1"/>
  <c r="T9427" i="1"/>
  <c r="T9428" i="1"/>
  <c r="T9429" i="1"/>
  <c r="T9430" i="1"/>
  <c r="T9431" i="1"/>
  <c r="T9432" i="1"/>
  <c r="T9433" i="1"/>
  <c r="T9434" i="1"/>
  <c r="T9435" i="1"/>
  <c r="T9436" i="1"/>
  <c r="T9437" i="1"/>
  <c r="T9438" i="1"/>
  <c r="T9439" i="1"/>
  <c r="T9440" i="1"/>
  <c r="T9441" i="1"/>
  <c r="T9442" i="1"/>
  <c r="T9443" i="1"/>
  <c r="T9444" i="1"/>
  <c r="T9445" i="1"/>
  <c r="T9446" i="1"/>
  <c r="T9447" i="1"/>
  <c r="T9448" i="1"/>
  <c r="T9449" i="1"/>
  <c r="T9450" i="1"/>
  <c r="T9451" i="1"/>
  <c r="T9452" i="1"/>
  <c r="T9453" i="1"/>
  <c r="T9454" i="1"/>
  <c r="T9455" i="1"/>
  <c r="T9456" i="1"/>
  <c r="T9457" i="1"/>
  <c r="T9458" i="1"/>
  <c r="T9459" i="1"/>
  <c r="T9460" i="1"/>
  <c r="T9461" i="1"/>
  <c r="T9462" i="1"/>
  <c r="T9463" i="1"/>
  <c r="T9464" i="1"/>
  <c r="T9465" i="1"/>
  <c r="T9466" i="1"/>
  <c r="T9467" i="1"/>
  <c r="T9468" i="1"/>
  <c r="T9469" i="1"/>
  <c r="T9470" i="1"/>
  <c r="T9471" i="1"/>
  <c r="T9472" i="1"/>
  <c r="T9473" i="1"/>
  <c r="T9474" i="1"/>
  <c r="T9475" i="1"/>
  <c r="T9476" i="1"/>
  <c r="T9477" i="1"/>
  <c r="T9478" i="1"/>
  <c r="T9479" i="1"/>
  <c r="T9480" i="1"/>
  <c r="T9481" i="1"/>
  <c r="T9482" i="1"/>
  <c r="T9483" i="1"/>
  <c r="T9484" i="1"/>
  <c r="T9485" i="1"/>
  <c r="T9486" i="1"/>
  <c r="T9487" i="1"/>
  <c r="T9488" i="1"/>
  <c r="T9489" i="1"/>
  <c r="T9490" i="1"/>
  <c r="T9491" i="1"/>
  <c r="T9492" i="1"/>
  <c r="T9493" i="1"/>
  <c r="T9494" i="1"/>
  <c r="T9495" i="1"/>
  <c r="T9496" i="1"/>
  <c r="T9497" i="1"/>
  <c r="T9498" i="1"/>
  <c r="T9499" i="1"/>
  <c r="T9500" i="1"/>
  <c r="T9501" i="1"/>
  <c r="T9502" i="1"/>
  <c r="T9503" i="1"/>
  <c r="T9504" i="1"/>
  <c r="T9505" i="1"/>
  <c r="T9506" i="1"/>
  <c r="T9507" i="1"/>
  <c r="T9508" i="1"/>
  <c r="T9509" i="1"/>
  <c r="T9510" i="1"/>
  <c r="T9511" i="1"/>
  <c r="T9512" i="1"/>
  <c r="T9513" i="1"/>
  <c r="T9514" i="1"/>
  <c r="T9515" i="1"/>
  <c r="T9516" i="1"/>
  <c r="T9517" i="1"/>
  <c r="T9518" i="1"/>
  <c r="T9519" i="1"/>
  <c r="T9520" i="1"/>
  <c r="T9521" i="1"/>
  <c r="T9522" i="1"/>
  <c r="T9523" i="1"/>
  <c r="T9524" i="1"/>
  <c r="T9525" i="1"/>
  <c r="T9526" i="1"/>
  <c r="T9527" i="1"/>
  <c r="T9528" i="1"/>
  <c r="T9529" i="1"/>
  <c r="T9530" i="1"/>
  <c r="T9531" i="1"/>
  <c r="T9532" i="1"/>
  <c r="T9533" i="1"/>
  <c r="T9534" i="1"/>
  <c r="T9535" i="1"/>
  <c r="T9536" i="1"/>
  <c r="T9537" i="1"/>
  <c r="T9538" i="1"/>
  <c r="T9539" i="1"/>
  <c r="T9540" i="1"/>
  <c r="T9541" i="1"/>
  <c r="T9542" i="1"/>
  <c r="T9543" i="1"/>
  <c r="T9544" i="1"/>
  <c r="T9545" i="1"/>
  <c r="T9546" i="1"/>
  <c r="T9547" i="1"/>
  <c r="T9548" i="1"/>
  <c r="T9549" i="1"/>
  <c r="T9550" i="1"/>
  <c r="T9551" i="1"/>
  <c r="T9552" i="1"/>
  <c r="T9553" i="1"/>
  <c r="T9554" i="1"/>
  <c r="T9555" i="1"/>
  <c r="T9556" i="1"/>
  <c r="T9557" i="1"/>
  <c r="T9558" i="1"/>
  <c r="T9559" i="1"/>
  <c r="T9560" i="1"/>
  <c r="T9561" i="1"/>
  <c r="T9562" i="1"/>
  <c r="T9563" i="1"/>
  <c r="T9564" i="1"/>
  <c r="T9565" i="1"/>
  <c r="T9566" i="1"/>
  <c r="T9567" i="1"/>
  <c r="T9568" i="1"/>
  <c r="T9569" i="1"/>
  <c r="T9570" i="1"/>
  <c r="T9571" i="1"/>
  <c r="T9572" i="1"/>
  <c r="T9573" i="1"/>
  <c r="T9574" i="1"/>
  <c r="T9575" i="1"/>
  <c r="T9576" i="1"/>
  <c r="T9577" i="1"/>
  <c r="T9578" i="1"/>
  <c r="T9579" i="1"/>
  <c r="T9580" i="1"/>
  <c r="T9581" i="1"/>
  <c r="T9582" i="1"/>
  <c r="T9583" i="1"/>
  <c r="T9584" i="1"/>
  <c r="T9585" i="1"/>
  <c r="T9586" i="1"/>
  <c r="T9587" i="1"/>
  <c r="T9588" i="1"/>
  <c r="T9589" i="1"/>
  <c r="T9590" i="1"/>
  <c r="T9591" i="1"/>
  <c r="T9592" i="1"/>
  <c r="T9593" i="1"/>
  <c r="T9594" i="1"/>
  <c r="T9595" i="1"/>
  <c r="T9596" i="1"/>
  <c r="T9597" i="1"/>
  <c r="T9598" i="1"/>
  <c r="T9599" i="1"/>
  <c r="T9600" i="1"/>
  <c r="T9601" i="1"/>
  <c r="T9602" i="1"/>
  <c r="T9603" i="1"/>
  <c r="T9604" i="1"/>
  <c r="T9605" i="1"/>
  <c r="T9606" i="1"/>
  <c r="T9607" i="1"/>
  <c r="T9608" i="1"/>
  <c r="T9609" i="1"/>
  <c r="T9610" i="1"/>
  <c r="T9611" i="1"/>
  <c r="T9612" i="1"/>
  <c r="T9613" i="1"/>
  <c r="T9614" i="1"/>
  <c r="T9615" i="1"/>
  <c r="T9616" i="1"/>
  <c r="T9617" i="1"/>
  <c r="T9618" i="1"/>
  <c r="T9619" i="1"/>
  <c r="T9620" i="1"/>
  <c r="T9621" i="1"/>
  <c r="T9622" i="1"/>
  <c r="T9623" i="1"/>
  <c r="T9624" i="1"/>
  <c r="T9625" i="1"/>
  <c r="T9626" i="1"/>
  <c r="T9627" i="1"/>
  <c r="T9628" i="1"/>
  <c r="T9629" i="1"/>
  <c r="T9630" i="1"/>
  <c r="T9631" i="1"/>
  <c r="T9632" i="1"/>
  <c r="T9633" i="1"/>
  <c r="T9634" i="1"/>
  <c r="T9635" i="1"/>
  <c r="T9636" i="1"/>
  <c r="T9637" i="1"/>
  <c r="T9638" i="1"/>
  <c r="T9639" i="1"/>
  <c r="T9640" i="1"/>
  <c r="T9641" i="1"/>
  <c r="T9642" i="1"/>
  <c r="T9643" i="1"/>
  <c r="T9644" i="1"/>
  <c r="T9645" i="1"/>
  <c r="T9646" i="1"/>
  <c r="T9647" i="1"/>
  <c r="T9648" i="1"/>
  <c r="T9649" i="1"/>
  <c r="T9650" i="1"/>
  <c r="T9651" i="1"/>
  <c r="T9652" i="1"/>
  <c r="T9653" i="1"/>
  <c r="T9654" i="1"/>
  <c r="T9655" i="1"/>
  <c r="T9656" i="1"/>
  <c r="T9657" i="1"/>
  <c r="T9658" i="1"/>
  <c r="T9659" i="1"/>
  <c r="T9660" i="1"/>
  <c r="T9661" i="1"/>
  <c r="T9662" i="1"/>
  <c r="T9663" i="1"/>
  <c r="T9664" i="1"/>
  <c r="T9665" i="1"/>
  <c r="T9666" i="1"/>
  <c r="T9667" i="1"/>
  <c r="T9668" i="1"/>
  <c r="T9669" i="1"/>
  <c r="T9670" i="1"/>
  <c r="T9671" i="1"/>
  <c r="T9672" i="1"/>
  <c r="T9673" i="1"/>
  <c r="T9674" i="1"/>
  <c r="T9675" i="1"/>
  <c r="T9676" i="1"/>
  <c r="T9677" i="1"/>
  <c r="T9678" i="1"/>
  <c r="T9679" i="1"/>
  <c r="T9680" i="1"/>
  <c r="T9681" i="1"/>
  <c r="T9682" i="1"/>
  <c r="T9683" i="1"/>
  <c r="T9684" i="1"/>
  <c r="T9685" i="1"/>
  <c r="T9686" i="1"/>
  <c r="T9687" i="1"/>
  <c r="T9688" i="1"/>
  <c r="T9689" i="1"/>
  <c r="T9690" i="1"/>
  <c r="T9691" i="1"/>
  <c r="T9692" i="1"/>
  <c r="T9693" i="1"/>
  <c r="T9694" i="1"/>
  <c r="T9695" i="1"/>
  <c r="T9696" i="1"/>
  <c r="T9697" i="1"/>
  <c r="T9698" i="1"/>
  <c r="T9699" i="1"/>
  <c r="T9700" i="1"/>
  <c r="T9701" i="1"/>
  <c r="T9702" i="1"/>
  <c r="T9703" i="1"/>
  <c r="T9704" i="1"/>
  <c r="T9705" i="1"/>
  <c r="T9706" i="1"/>
  <c r="T9707" i="1"/>
  <c r="T9708" i="1"/>
  <c r="T9709" i="1"/>
  <c r="T9710" i="1"/>
  <c r="T9711" i="1"/>
  <c r="T9712" i="1"/>
  <c r="T9713" i="1"/>
  <c r="T9714" i="1"/>
  <c r="T9715" i="1"/>
  <c r="T9716" i="1"/>
  <c r="T9717" i="1"/>
  <c r="T9718" i="1"/>
  <c r="T9719" i="1"/>
  <c r="T9720" i="1"/>
  <c r="T9721" i="1"/>
  <c r="T9722" i="1"/>
  <c r="T9723" i="1"/>
  <c r="T9724" i="1"/>
  <c r="T9725" i="1"/>
  <c r="T9726" i="1"/>
  <c r="T9727" i="1"/>
  <c r="T9728" i="1"/>
  <c r="T9729" i="1"/>
  <c r="T9730" i="1"/>
  <c r="T9731" i="1"/>
  <c r="T9732" i="1"/>
  <c r="T9733" i="1"/>
  <c r="T9734" i="1"/>
  <c r="T9735" i="1"/>
  <c r="T9736" i="1"/>
  <c r="T9737" i="1"/>
  <c r="T9738" i="1"/>
  <c r="T9739" i="1"/>
  <c r="T9740" i="1"/>
  <c r="T9741" i="1"/>
  <c r="T9742" i="1"/>
  <c r="T9743" i="1"/>
  <c r="T9744" i="1"/>
  <c r="T9745" i="1"/>
  <c r="T9746" i="1"/>
  <c r="T9747" i="1"/>
  <c r="T9748" i="1"/>
  <c r="T9749" i="1"/>
  <c r="T9750" i="1"/>
  <c r="T9751" i="1"/>
  <c r="T9752" i="1"/>
  <c r="T9753" i="1"/>
  <c r="T9754" i="1"/>
  <c r="T9755" i="1"/>
  <c r="T9756" i="1"/>
  <c r="T9757" i="1"/>
  <c r="T9758" i="1"/>
  <c r="T9759" i="1"/>
  <c r="T9760" i="1"/>
  <c r="T9761" i="1"/>
  <c r="T9762" i="1"/>
  <c r="T9763" i="1"/>
  <c r="T9764" i="1"/>
  <c r="T9765" i="1"/>
  <c r="T9766" i="1"/>
  <c r="T9767" i="1"/>
  <c r="T9768" i="1"/>
  <c r="T9769" i="1"/>
  <c r="T9770" i="1"/>
  <c r="T9771" i="1"/>
  <c r="T9772" i="1"/>
  <c r="T9773" i="1"/>
  <c r="T9774" i="1"/>
  <c r="T9775" i="1"/>
  <c r="T9776" i="1"/>
  <c r="T9777" i="1"/>
  <c r="T9778" i="1"/>
  <c r="T9779" i="1"/>
  <c r="T9780" i="1"/>
  <c r="T9781" i="1"/>
  <c r="T9782" i="1"/>
  <c r="T9783" i="1"/>
  <c r="T9784" i="1"/>
  <c r="T9785" i="1"/>
  <c r="T9786" i="1"/>
  <c r="T9787" i="1"/>
  <c r="T9788" i="1"/>
  <c r="T9789" i="1"/>
  <c r="T9790" i="1"/>
  <c r="T9791" i="1"/>
  <c r="T9792" i="1"/>
  <c r="T9793" i="1"/>
  <c r="T9794" i="1"/>
  <c r="T9795" i="1"/>
  <c r="T9796" i="1"/>
  <c r="T9797" i="1"/>
  <c r="T9798" i="1"/>
  <c r="T9799" i="1"/>
  <c r="T9800" i="1"/>
  <c r="T9801" i="1"/>
  <c r="T9802" i="1"/>
  <c r="T9803" i="1"/>
  <c r="T9804" i="1"/>
  <c r="T9805" i="1"/>
  <c r="T9806" i="1"/>
  <c r="T9807" i="1"/>
  <c r="T9808" i="1"/>
  <c r="T9809" i="1"/>
  <c r="T9810" i="1"/>
  <c r="T9811" i="1"/>
  <c r="T9812" i="1"/>
  <c r="T9813" i="1"/>
  <c r="T9814" i="1"/>
  <c r="T9815" i="1"/>
  <c r="T9816" i="1"/>
  <c r="T9817" i="1"/>
  <c r="T9818" i="1"/>
  <c r="T9819" i="1"/>
  <c r="T9820" i="1"/>
  <c r="T9821" i="1"/>
  <c r="T9822" i="1"/>
  <c r="T9823" i="1"/>
  <c r="T9824" i="1"/>
  <c r="T9825" i="1"/>
  <c r="T9826" i="1"/>
  <c r="T9827" i="1"/>
  <c r="T9828" i="1"/>
  <c r="T9829" i="1"/>
  <c r="T9830" i="1"/>
  <c r="T9831" i="1"/>
  <c r="T9832" i="1"/>
  <c r="T9833" i="1"/>
  <c r="T9834" i="1"/>
  <c r="T9835" i="1"/>
  <c r="T9836" i="1"/>
  <c r="T9837" i="1"/>
  <c r="T9838" i="1"/>
  <c r="T9839" i="1"/>
  <c r="T9840" i="1"/>
  <c r="T9841" i="1"/>
  <c r="T9842" i="1"/>
  <c r="T9843" i="1"/>
  <c r="T9844" i="1"/>
  <c r="T9845" i="1"/>
  <c r="T9846" i="1"/>
  <c r="T9847" i="1"/>
  <c r="T9848" i="1"/>
  <c r="T9849" i="1"/>
  <c r="T9850" i="1"/>
  <c r="T9851" i="1"/>
  <c r="T9852" i="1"/>
  <c r="T9853" i="1"/>
  <c r="T9854" i="1"/>
  <c r="T9855" i="1"/>
  <c r="T9856" i="1"/>
  <c r="T9857" i="1"/>
  <c r="T9858" i="1"/>
  <c r="T9859" i="1"/>
  <c r="T9860" i="1"/>
  <c r="T9861" i="1"/>
  <c r="T9862" i="1"/>
  <c r="T9863" i="1"/>
  <c r="T9864" i="1"/>
  <c r="T9865" i="1"/>
  <c r="T9866" i="1"/>
  <c r="T9867" i="1"/>
  <c r="T9868" i="1"/>
  <c r="T9869" i="1"/>
  <c r="T9870" i="1"/>
  <c r="T9871" i="1"/>
  <c r="T9872" i="1"/>
  <c r="T9873" i="1"/>
  <c r="T9874" i="1"/>
  <c r="T9875" i="1"/>
  <c r="T9876" i="1"/>
  <c r="T9877" i="1"/>
  <c r="T9878" i="1"/>
  <c r="T9879" i="1"/>
  <c r="T9880" i="1"/>
  <c r="T9881" i="1"/>
  <c r="T9882" i="1"/>
  <c r="T9883" i="1"/>
  <c r="T9884" i="1"/>
  <c r="T9885" i="1"/>
  <c r="T9886" i="1"/>
  <c r="T9887" i="1"/>
  <c r="T9888" i="1"/>
  <c r="T9889" i="1"/>
  <c r="T9890" i="1"/>
  <c r="T9891" i="1"/>
  <c r="T9892" i="1"/>
  <c r="T9893" i="1"/>
  <c r="T9894" i="1"/>
  <c r="T9895" i="1"/>
  <c r="T9896" i="1"/>
  <c r="T9897" i="1"/>
  <c r="T9898" i="1"/>
  <c r="T9899" i="1"/>
  <c r="T9900" i="1"/>
  <c r="T9901" i="1"/>
  <c r="T9902" i="1"/>
  <c r="T9903" i="1"/>
  <c r="T9904" i="1"/>
  <c r="T9905" i="1"/>
  <c r="T9906" i="1"/>
  <c r="T9907" i="1"/>
  <c r="T9908" i="1"/>
  <c r="T9909" i="1"/>
  <c r="T9910" i="1"/>
  <c r="T9911" i="1"/>
  <c r="T9912" i="1"/>
  <c r="T9913" i="1"/>
  <c r="T9914" i="1"/>
  <c r="T9915" i="1"/>
  <c r="T9916" i="1"/>
  <c r="T9917" i="1"/>
  <c r="T9918" i="1"/>
  <c r="T9919" i="1"/>
  <c r="T9920" i="1"/>
  <c r="T9921" i="1"/>
  <c r="T9922" i="1"/>
  <c r="T9923" i="1"/>
  <c r="T9924" i="1"/>
  <c r="T9925" i="1"/>
  <c r="T9926" i="1"/>
  <c r="T9927" i="1"/>
  <c r="T9928" i="1"/>
  <c r="T9929" i="1"/>
  <c r="T9930" i="1"/>
  <c r="T9931" i="1"/>
  <c r="T9932" i="1"/>
  <c r="T9933" i="1"/>
  <c r="T9934" i="1"/>
  <c r="T9935" i="1"/>
  <c r="T9936" i="1"/>
  <c r="T9937" i="1"/>
  <c r="T9938" i="1"/>
  <c r="T9939" i="1"/>
  <c r="T9940" i="1"/>
  <c r="T9941" i="1"/>
  <c r="T9942" i="1"/>
  <c r="T9943" i="1"/>
  <c r="T9944" i="1"/>
  <c r="T9945" i="1"/>
  <c r="T9946" i="1"/>
  <c r="T9947" i="1"/>
  <c r="T9948" i="1"/>
  <c r="T9949" i="1"/>
  <c r="T9950" i="1"/>
  <c r="T9951" i="1"/>
  <c r="T9952" i="1"/>
  <c r="T9953" i="1"/>
  <c r="T9954" i="1"/>
  <c r="T9955" i="1"/>
  <c r="T9956" i="1"/>
  <c r="T9957" i="1"/>
  <c r="T9958" i="1"/>
  <c r="T9959" i="1"/>
  <c r="T9960" i="1"/>
  <c r="T9961" i="1"/>
  <c r="T9962" i="1"/>
  <c r="T9963" i="1"/>
  <c r="T9964" i="1"/>
  <c r="T9965" i="1"/>
  <c r="T9966" i="1"/>
  <c r="T9967" i="1"/>
  <c r="T9968" i="1"/>
  <c r="T9969" i="1"/>
  <c r="T9970" i="1"/>
  <c r="T9971" i="1"/>
  <c r="T9972" i="1"/>
  <c r="T9973" i="1"/>
  <c r="T9974" i="1"/>
  <c r="T9975" i="1"/>
  <c r="T9976" i="1"/>
  <c r="T9977" i="1"/>
  <c r="T9978" i="1"/>
  <c r="T9979" i="1"/>
  <c r="T9980" i="1"/>
  <c r="T9981" i="1"/>
  <c r="T9982" i="1"/>
  <c r="T9983" i="1"/>
  <c r="T9984" i="1"/>
  <c r="T9985" i="1"/>
  <c r="T9986" i="1"/>
  <c r="T9987" i="1"/>
  <c r="T9988" i="1"/>
  <c r="T9989" i="1"/>
  <c r="T9990" i="1"/>
  <c r="T9991" i="1"/>
  <c r="T9992" i="1"/>
  <c r="T9993" i="1"/>
  <c r="T9994" i="1"/>
  <c r="T9995" i="1"/>
  <c r="T9996" i="1"/>
  <c r="T9997" i="1"/>
  <c r="T9998" i="1"/>
  <c r="T9999" i="1"/>
  <c r="T10000" i="1"/>
  <c r="T10001" i="1"/>
  <c r="T10002" i="1"/>
  <c r="T10003" i="1"/>
  <c r="T10004" i="1"/>
  <c r="T10005" i="1"/>
  <c r="T10006" i="1"/>
  <c r="T10007" i="1"/>
  <c r="T10008" i="1"/>
  <c r="T10009" i="1"/>
  <c r="T10010" i="1"/>
  <c r="T10011" i="1"/>
  <c r="T10012" i="1"/>
  <c r="T10013" i="1"/>
  <c r="T10014" i="1"/>
  <c r="T10015" i="1"/>
  <c r="T10016" i="1"/>
  <c r="T10017" i="1"/>
  <c r="T10018" i="1"/>
  <c r="T10019" i="1"/>
  <c r="T10020" i="1"/>
  <c r="T10021" i="1"/>
  <c r="T10022" i="1"/>
  <c r="T10023" i="1"/>
  <c r="T10024" i="1"/>
  <c r="T10025" i="1"/>
  <c r="T10026" i="1"/>
  <c r="T10027" i="1"/>
  <c r="T10028" i="1"/>
  <c r="T10029" i="1"/>
  <c r="T10030" i="1"/>
  <c r="T10031" i="1"/>
  <c r="T10032" i="1"/>
  <c r="T10033" i="1"/>
  <c r="T10034" i="1"/>
  <c r="T10035" i="1"/>
  <c r="T10036" i="1"/>
  <c r="T10037" i="1"/>
  <c r="T10038" i="1"/>
  <c r="T10039" i="1"/>
  <c r="T10040" i="1"/>
  <c r="T10041" i="1"/>
  <c r="T10042" i="1"/>
  <c r="T10043" i="1"/>
  <c r="T10044" i="1"/>
  <c r="T10045" i="1"/>
  <c r="T10046" i="1"/>
  <c r="T10047" i="1"/>
  <c r="T10048" i="1"/>
  <c r="T10049" i="1"/>
  <c r="T10050" i="1"/>
  <c r="T10051" i="1"/>
  <c r="T10052" i="1"/>
  <c r="T10053" i="1"/>
  <c r="T10054" i="1"/>
  <c r="T10055" i="1"/>
  <c r="T10056" i="1"/>
  <c r="T10057" i="1"/>
  <c r="T10058" i="1"/>
  <c r="T10059" i="1"/>
  <c r="T10060" i="1"/>
  <c r="T10061" i="1"/>
  <c r="T10062" i="1"/>
  <c r="T10063" i="1"/>
  <c r="T10064" i="1"/>
  <c r="T10065" i="1"/>
  <c r="T10066" i="1"/>
  <c r="T10067" i="1"/>
  <c r="T10068" i="1"/>
  <c r="T10069" i="1"/>
  <c r="T10070" i="1"/>
  <c r="T10071" i="1"/>
  <c r="T10072" i="1"/>
  <c r="T10073" i="1"/>
  <c r="T10074" i="1"/>
  <c r="T10075" i="1"/>
  <c r="T10076" i="1"/>
  <c r="T10077" i="1"/>
  <c r="T10078" i="1"/>
  <c r="T10079" i="1"/>
  <c r="T10080" i="1"/>
  <c r="T10081" i="1"/>
  <c r="T10082" i="1"/>
  <c r="T10083" i="1"/>
  <c r="T10084" i="1"/>
  <c r="T10085" i="1"/>
  <c r="T10086" i="1"/>
  <c r="T10087" i="1"/>
  <c r="T10088" i="1"/>
  <c r="T10089" i="1"/>
  <c r="T10090" i="1"/>
  <c r="T10091" i="1"/>
  <c r="T10092" i="1"/>
  <c r="T10093" i="1"/>
  <c r="T10094" i="1"/>
  <c r="T10095" i="1"/>
  <c r="T10096" i="1"/>
  <c r="T10097" i="1"/>
  <c r="T10098" i="1"/>
  <c r="T10099" i="1"/>
  <c r="T10100" i="1"/>
  <c r="T10101" i="1"/>
  <c r="T10102" i="1"/>
  <c r="T10103" i="1"/>
  <c r="T10104" i="1"/>
  <c r="T10105" i="1"/>
  <c r="T10106" i="1"/>
  <c r="T10107" i="1"/>
  <c r="T10108" i="1"/>
  <c r="T10109" i="1"/>
  <c r="T10110" i="1"/>
  <c r="T10111" i="1"/>
  <c r="T10112" i="1"/>
  <c r="T10113" i="1"/>
  <c r="T10114" i="1"/>
  <c r="T10115" i="1"/>
  <c r="T10116" i="1"/>
  <c r="T10117" i="1"/>
  <c r="T10118" i="1"/>
  <c r="T10119" i="1"/>
  <c r="T10120" i="1"/>
  <c r="T10121" i="1"/>
  <c r="T10122" i="1"/>
  <c r="T10123" i="1"/>
  <c r="T10124" i="1"/>
  <c r="T10125" i="1"/>
  <c r="T10126" i="1"/>
  <c r="T10127" i="1"/>
  <c r="T10128" i="1"/>
  <c r="T10129" i="1"/>
  <c r="T10130" i="1"/>
  <c r="T10131" i="1"/>
  <c r="T10132" i="1"/>
  <c r="T10133" i="1"/>
  <c r="T10134" i="1"/>
  <c r="T10135" i="1"/>
  <c r="T10136" i="1"/>
  <c r="T10137" i="1"/>
  <c r="T10138" i="1"/>
  <c r="T10139" i="1"/>
  <c r="T10140" i="1"/>
  <c r="T10141" i="1"/>
  <c r="T10142" i="1"/>
  <c r="T10143" i="1"/>
  <c r="T10144" i="1"/>
  <c r="T10145" i="1"/>
  <c r="T10146" i="1"/>
  <c r="T10147" i="1"/>
  <c r="T10148" i="1"/>
  <c r="T10149" i="1"/>
  <c r="T10150" i="1"/>
  <c r="T10151" i="1"/>
  <c r="T10152" i="1"/>
  <c r="T10153" i="1"/>
  <c r="T10154" i="1"/>
  <c r="T10155" i="1"/>
  <c r="T10156" i="1"/>
  <c r="T10157" i="1"/>
  <c r="T10158" i="1"/>
  <c r="T10159" i="1"/>
  <c r="T10160" i="1"/>
  <c r="T10161" i="1"/>
  <c r="T10162" i="1"/>
  <c r="T10163" i="1"/>
  <c r="T10164" i="1"/>
  <c r="T10165" i="1"/>
  <c r="T10166" i="1"/>
  <c r="T10167" i="1"/>
  <c r="T10168" i="1"/>
  <c r="T10169" i="1"/>
  <c r="T10170" i="1"/>
  <c r="T10171" i="1"/>
  <c r="T10172" i="1"/>
  <c r="T10173" i="1"/>
  <c r="T10174" i="1"/>
  <c r="T10175" i="1"/>
  <c r="T10176" i="1"/>
  <c r="T10177" i="1"/>
  <c r="T10178" i="1"/>
  <c r="T10179" i="1"/>
  <c r="T10180" i="1"/>
  <c r="T10181" i="1"/>
  <c r="T10182" i="1"/>
  <c r="T10183" i="1"/>
  <c r="T10184" i="1"/>
  <c r="T10185" i="1"/>
  <c r="T10186" i="1"/>
  <c r="T10187" i="1"/>
  <c r="T10188" i="1"/>
  <c r="T10189" i="1"/>
  <c r="T10190" i="1"/>
  <c r="T10191" i="1"/>
  <c r="T10192" i="1"/>
  <c r="T10193" i="1"/>
  <c r="T10194" i="1"/>
  <c r="T10195" i="1"/>
  <c r="T10196" i="1"/>
  <c r="T10197" i="1"/>
  <c r="T10198" i="1"/>
  <c r="T10199" i="1"/>
  <c r="T10200" i="1"/>
  <c r="T10201" i="1"/>
  <c r="T10202" i="1"/>
  <c r="T10203" i="1"/>
  <c r="T10204" i="1"/>
  <c r="T10205" i="1"/>
  <c r="T10206" i="1"/>
  <c r="T10207" i="1"/>
  <c r="T10208" i="1"/>
  <c r="T10209" i="1"/>
  <c r="T10210" i="1"/>
  <c r="T10211" i="1"/>
  <c r="T10212" i="1"/>
  <c r="T10213" i="1"/>
  <c r="T10214" i="1"/>
  <c r="T10215" i="1"/>
  <c r="T10216" i="1"/>
  <c r="T10217" i="1"/>
  <c r="T10218" i="1"/>
  <c r="T10219" i="1"/>
  <c r="T10220" i="1"/>
  <c r="T10221" i="1"/>
  <c r="T10222" i="1"/>
  <c r="T10223" i="1"/>
  <c r="T10224" i="1"/>
  <c r="T10225" i="1"/>
  <c r="T10226" i="1"/>
  <c r="T10227" i="1"/>
  <c r="T10228" i="1"/>
  <c r="T10229" i="1"/>
  <c r="T10230" i="1"/>
  <c r="T10231" i="1"/>
  <c r="T10232" i="1"/>
  <c r="T10233" i="1"/>
  <c r="T10234" i="1"/>
  <c r="T10235" i="1"/>
  <c r="T10236" i="1"/>
  <c r="T10237" i="1"/>
  <c r="T10238" i="1"/>
  <c r="T10239" i="1"/>
  <c r="T10240" i="1"/>
  <c r="T10241" i="1"/>
  <c r="T10242" i="1"/>
  <c r="T10243" i="1"/>
  <c r="T10244" i="1"/>
  <c r="T10245" i="1"/>
  <c r="T10246" i="1"/>
  <c r="T10247" i="1"/>
  <c r="T10248" i="1"/>
  <c r="T10249" i="1"/>
  <c r="T10250" i="1"/>
  <c r="T10251" i="1"/>
  <c r="T10252" i="1"/>
  <c r="T10253" i="1"/>
  <c r="T10254" i="1"/>
  <c r="T10255" i="1"/>
  <c r="T10256" i="1"/>
  <c r="T10257" i="1"/>
  <c r="T10258" i="1"/>
  <c r="T10259" i="1"/>
  <c r="T10260" i="1"/>
  <c r="T10261" i="1"/>
  <c r="T10262" i="1"/>
  <c r="T10263" i="1"/>
  <c r="T10264" i="1"/>
  <c r="T10265" i="1"/>
  <c r="T10266" i="1"/>
  <c r="T10267" i="1"/>
  <c r="T10268" i="1"/>
  <c r="T10269" i="1"/>
  <c r="T10270" i="1"/>
  <c r="T10271" i="1"/>
  <c r="T10272" i="1"/>
  <c r="T10273" i="1"/>
  <c r="T10274" i="1"/>
  <c r="T10275" i="1"/>
  <c r="T10276" i="1"/>
  <c r="T10277" i="1"/>
  <c r="T10278" i="1"/>
  <c r="T10279" i="1"/>
  <c r="T10280" i="1"/>
  <c r="T10281" i="1"/>
  <c r="T10282" i="1"/>
  <c r="T10283" i="1"/>
  <c r="T10284" i="1"/>
  <c r="T10285" i="1"/>
  <c r="T10286" i="1"/>
  <c r="T10287" i="1"/>
  <c r="T10288" i="1"/>
  <c r="T10289" i="1"/>
  <c r="T10290" i="1"/>
  <c r="T10291" i="1"/>
  <c r="T10292" i="1"/>
  <c r="T10293" i="1"/>
  <c r="T10294" i="1"/>
  <c r="T10295" i="1"/>
  <c r="T10296" i="1"/>
  <c r="T10297" i="1"/>
  <c r="T10298" i="1"/>
  <c r="T10299" i="1"/>
  <c r="T10300" i="1"/>
  <c r="T10301" i="1"/>
  <c r="T10302" i="1"/>
  <c r="T10303" i="1"/>
  <c r="T10304" i="1"/>
  <c r="T10305" i="1"/>
  <c r="T10306" i="1"/>
  <c r="T10307" i="1"/>
  <c r="T10308" i="1"/>
  <c r="T10309" i="1"/>
  <c r="T10310" i="1"/>
  <c r="T10311" i="1"/>
  <c r="T10312" i="1"/>
  <c r="T10313" i="1"/>
  <c r="T10314" i="1"/>
  <c r="T10315" i="1"/>
  <c r="T10316" i="1"/>
  <c r="T10317" i="1"/>
  <c r="T10318" i="1"/>
  <c r="T10319" i="1"/>
  <c r="T10320" i="1"/>
  <c r="T10321" i="1"/>
  <c r="T10322" i="1"/>
  <c r="T10323" i="1"/>
  <c r="T10324" i="1"/>
  <c r="T10325" i="1"/>
  <c r="T10326" i="1"/>
  <c r="T10327" i="1"/>
  <c r="T10328" i="1"/>
  <c r="T10329" i="1"/>
  <c r="T10330" i="1"/>
  <c r="T10331" i="1"/>
  <c r="T10332" i="1"/>
  <c r="T10333" i="1"/>
  <c r="T10334" i="1"/>
  <c r="T10335" i="1"/>
  <c r="T10336" i="1"/>
  <c r="T10337" i="1"/>
  <c r="T10338" i="1"/>
  <c r="T10339" i="1"/>
  <c r="T10340" i="1"/>
  <c r="T10341" i="1"/>
  <c r="T10342" i="1"/>
  <c r="T10343" i="1"/>
  <c r="T10344" i="1"/>
  <c r="T10345" i="1"/>
  <c r="T10346" i="1"/>
  <c r="T10347" i="1"/>
  <c r="T10348" i="1"/>
  <c r="T10349" i="1"/>
  <c r="T10350" i="1"/>
  <c r="T10351" i="1"/>
  <c r="T10352" i="1"/>
  <c r="T10353" i="1"/>
  <c r="T10354" i="1"/>
  <c r="T10355" i="1"/>
  <c r="T10356" i="1"/>
  <c r="T10357" i="1"/>
  <c r="T10358" i="1"/>
  <c r="T10359" i="1"/>
  <c r="T10360" i="1"/>
  <c r="T10361" i="1"/>
  <c r="T10362" i="1"/>
  <c r="T10363" i="1"/>
  <c r="T10364" i="1"/>
  <c r="T10365" i="1"/>
  <c r="T10366" i="1"/>
  <c r="T10367" i="1"/>
  <c r="T10368" i="1"/>
  <c r="T10369" i="1"/>
  <c r="T10370" i="1"/>
  <c r="T10371" i="1"/>
  <c r="T10372" i="1"/>
  <c r="T10373" i="1"/>
  <c r="T10374" i="1"/>
  <c r="T10375" i="1"/>
  <c r="T10376" i="1"/>
  <c r="T10377" i="1"/>
  <c r="T10378" i="1"/>
  <c r="T10379" i="1"/>
  <c r="T10380" i="1"/>
  <c r="T10381" i="1"/>
  <c r="T10382" i="1"/>
  <c r="T10383" i="1"/>
  <c r="T10384" i="1"/>
  <c r="T10385" i="1"/>
  <c r="T10386" i="1"/>
  <c r="T10387" i="1"/>
  <c r="T10388" i="1"/>
  <c r="T10389" i="1"/>
  <c r="T10390" i="1"/>
  <c r="T10391" i="1"/>
  <c r="T10392" i="1"/>
  <c r="T10393" i="1"/>
  <c r="T10394" i="1"/>
  <c r="T10395" i="1"/>
  <c r="T10396" i="1"/>
  <c r="T10397" i="1"/>
  <c r="T10398" i="1"/>
  <c r="T10399" i="1"/>
  <c r="T10400" i="1"/>
  <c r="T10401" i="1"/>
  <c r="T10402" i="1"/>
  <c r="T10403" i="1"/>
  <c r="T10404" i="1"/>
  <c r="T10405" i="1"/>
  <c r="T10406" i="1"/>
  <c r="T10407" i="1"/>
  <c r="T10408" i="1"/>
  <c r="T10409" i="1"/>
  <c r="T10410" i="1"/>
  <c r="T10411" i="1"/>
  <c r="T10412" i="1"/>
  <c r="T10413" i="1"/>
  <c r="T10414" i="1"/>
  <c r="T10415" i="1"/>
  <c r="T10416" i="1"/>
  <c r="T10417" i="1"/>
  <c r="T10418" i="1"/>
  <c r="T10419" i="1"/>
  <c r="T10420" i="1"/>
  <c r="T10421" i="1"/>
  <c r="T10422" i="1"/>
  <c r="T10423" i="1"/>
  <c r="T10424" i="1"/>
  <c r="T10425" i="1"/>
  <c r="T10426" i="1"/>
  <c r="T10427" i="1"/>
  <c r="T10428" i="1"/>
  <c r="T10429" i="1"/>
  <c r="T10430" i="1"/>
  <c r="T10431" i="1"/>
  <c r="T10432" i="1"/>
  <c r="T10433" i="1"/>
  <c r="T10434" i="1"/>
  <c r="T10435" i="1"/>
  <c r="T10436" i="1"/>
  <c r="T10437" i="1"/>
  <c r="T10438" i="1"/>
  <c r="T10439" i="1"/>
  <c r="T10440" i="1"/>
  <c r="T10441" i="1"/>
  <c r="T10442" i="1"/>
  <c r="T10443" i="1"/>
  <c r="T10444" i="1"/>
  <c r="T10445" i="1"/>
  <c r="T10446" i="1"/>
  <c r="T10447" i="1"/>
  <c r="T10448" i="1"/>
  <c r="T10449" i="1"/>
  <c r="T10450" i="1"/>
  <c r="T10451" i="1"/>
  <c r="T10452" i="1"/>
  <c r="T10453" i="1"/>
  <c r="T10454" i="1"/>
  <c r="T10455" i="1"/>
  <c r="T10456" i="1"/>
  <c r="T10457" i="1"/>
  <c r="T10458" i="1"/>
  <c r="T10459" i="1"/>
  <c r="T10460" i="1"/>
  <c r="T10461" i="1"/>
  <c r="T10462" i="1"/>
  <c r="T10463" i="1"/>
  <c r="T10464" i="1"/>
  <c r="T10465" i="1"/>
  <c r="T10466" i="1"/>
  <c r="T10467" i="1"/>
  <c r="T10468" i="1"/>
  <c r="T10469" i="1"/>
  <c r="T10470" i="1"/>
  <c r="T10471" i="1"/>
  <c r="T10472" i="1"/>
  <c r="T10473" i="1"/>
  <c r="T10474" i="1"/>
  <c r="T10475" i="1"/>
  <c r="T10476" i="1"/>
  <c r="T10477" i="1"/>
  <c r="T10478" i="1"/>
  <c r="T10479" i="1"/>
  <c r="T10480" i="1"/>
  <c r="T10481" i="1"/>
  <c r="T10482" i="1"/>
  <c r="T10483" i="1"/>
  <c r="T10484" i="1"/>
  <c r="T10485" i="1"/>
  <c r="T10486" i="1"/>
  <c r="T10487" i="1"/>
  <c r="T10488" i="1"/>
  <c r="T10489" i="1"/>
  <c r="T10490" i="1"/>
  <c r="T10491" i="1"/>
  <c r="T10492" i="1"/>
  <c r="T10493" i="1"/>
  <c r="T10494" i="1"/>
  <c r="T10495" i="1"/>
  <c r="T10496" i="1"/>
  <c r="T10497" i="1"/>
  <c r="T10498" i="1"/>
  <c r="T10499" i="1"/>
  <c r="T10500" i="1"/>
  <c r="T10501" i="1"/>
  <c r="T10502" i="1"/>
  <c r="T10503" i="1"/>
  <c r="T10504" i="1"/>
  <c r="T10505" i="1"/>
  <c r="T10506" i="1"/>
  <c r="T10507" i="1"/>
  <c r="T10508" i="1"/>
  <c r="T10509" i="1"/>
  <c r="T10510" i="1"/>
  <c r="T10511" i="1"/>
  <c r="T10512" i="1"/>
  <c r="T10513" i="1"/>
  <c r="T10514" i="1"/>
  <c r="T10515" i="1"/>
  <c r="T10516" i="1"/>
  <c r="T10517" i="1"/>
  <c r="T10518" i="1"/>
  <c r="T10519" i="1"/>
  <c r="T10520" i="1"/>
  <c r="T10521" i="1"/>
  <c r="T10522" i="1"/>
  <c r="T10523" i="1"/>
  <c r="T10524" i="1"/>
  <c r="T10525" i="1"/>
  <c r="T10526" i="1"/>
  <c r="T10527" i="1"/>
  <c r="T10528" i="1"/>
  <c r="T10529" i="1"/>
  <c r="T10530" i="1"/>
  <c r="T10531" i="1"/>
  <c r="T10532" i="1"/>
  <c r="T10533" i="1"/>
  <c r="T10534" i="1"/>
  <c r="T10535" i="1"/>
  <c r="T10536" i="1"/>
  <c r="T10537" i="1"/>
  <c r="T10538" i="1"/>
  <c r="T10539" i="1"/>
  <c r="T10540" i="1"/>
  <c r="T10541" i="1"/>
  <c r="T10542" i="1"/>
  <c r="T10543" i="1"/>
  <c r="T10544" i="1"/>
  <c r="T10545" i="1"/>
  <c r="T10546" i="1"/>
  <c r="T10547" i="1"/>
  <c r="T10548" i="1"/>
  <c r="T10549" i="1"/>
  <c r="T10550" i="1"/>
  <c r="T10551" i="1"/>
  <c r="T10552" i="1"/>
  <c r="T10553" i="1"/>
  <c r="T10554" i="1"/>
  <c r="T10555" i="1"/>
  <c r="T10556" i="1"/>
  <c r="T10557" i="1"/>
  <c r="T10558" i="1"/>
  <c r="T10559" i="1"/>
  <c r="T10560" i="1"/>
  <c r="T10561" i="1"/>
  <c r="T10562" i="1"/>
  <c r="T10563" i="1"/>
  <c r="T10564" i="1"/>
  <c r="T10565" i="1"/>
  <c r="T10566" i="1"/>
  <c r="T10567" i="1"/>
  <c r="T10568" i="1"/>
  <c r="T10569" i="1"/>
  <c r="T10570" i="1"/>
  <c r="T10571" i="1"/>
  <c r="T10572" i="1"/>
  <c r="T10573" i="1"/>
  <c r="T10574" i="1"/>
  <c r="T10575" i="1"/>
  <c r="T10576" i="1"/>
  <c r="T10577" i="1"/>
  <c r="T10578" i="1"/>
  <c r="T10579" i="1"/>
  <c r="T10580" i="1"/>
  <c r="T10581" i="1"/>
  <c r="T10582" i="1"/>
  <c r="T10583" i="1"/>
  <c r="T10584" i="1"/>
  <c r="T10585" i="1"/>
  <c r="T10586" i="1"/>
  <c r="T10587" i="1"/>
  <c r="T10588" i="1"/>
  <c r="T10589" i="1"/>
  <c r="T10590" i="1"/>
  <c r="T10591" i="1"/>
  <c r="T10592" i="1"/>
  <c r="T10593" i="1"/>
  <c r="T10594" i="1"/>
  <c r="T10595" i="1"/>
  <c r="T10596" i="1"/>
  <c r="T10597" i="1"/>
  <c r="T10598" i="1"/>
  <c r="T10599" i="1"/>
  <c r="T10600" i="1"/>
  <c r="T10601" i="1"/>
  <c r="T10602" i="1"/>
  <c r="T10603" i="1"/>
  <c r="T10604" i="1"/>
  <c r="T10605" i="1"/>
  <c r="T10606" i="1"/>
  <c r="T10607" i="1"/>
  <c r="T10608" i="1"/>
  <c r="T10609" i="1"/>
  <c r="T10610" i="1"/>
  <c r="T10611" i="1"/>
  <c r="T10612" i="1"/>
  <c r="T10613" i="1"/>
  <c r="T10614" i="1"/>
  <c r="T10615" i="1"/>
  <c r="T10616" i="1"/>
  <c r="T10617" i="1"/>
  <c r="T10618" i="1"/>
  <c r="T10619" i="1"/>
  <c r="T10620" i="1"/>
  <c r="T10621" i="1"/>
  <c r="T10622" i="1"/>
  <c r="T10623" i="1"/>
  <c r="T10624" i="1"/>
  <c r="T10625" i="1"/>
  <c r="T10626" i="1"/>
  <c r="T10627" i="1"/>
  <c r="T10628" i="1"/>
  <c r="T10629" i="1"/>
  <c r="T10630" i="1"/>
  <c r="T10631" i="1"/>
  <c r="T10632" i="1"/>
  <c r="T10633" i="1"/>
  <c r="T10634" i="1"/>
  <c r="T10635" i="1"/>
  <c r="T10636" i="1"/>
  <c r="T10637" i="1"/>
  <c r="T10638" i="1"/>
  <c r="T10639" i="1"/>
  <c r="T10640" i="1"/>
  <c r="T10641" i="1"/>
  <c r="T10642" i="1"/>
  <c r="T10643" i="1"/>
  <c r="T10644" i="1"/>
  <c r="T10645" i="1"/>
  <c r="T10646" i="1"/>
  <c r="T10647" i="1"/>
  <c r="T10648" i="1"/>
  <c r="T10649" i="1"/>
  <c r="T10650" i="1"/>
  <c r="T10651" i="1"/>
  <c r="T10652" i="1"/>
  <c r="T10653" i="1"/>
  <c r="T10654" i="1"/>
  <c r="T10655" i="1"/>
  <c r="T10656" i="1"/>
  <c r="T10657" i="1"/>
  <c r="T10658" i="1"/>
  <c r="T10659" i="1"/>
  <c r="T10660" i="1"/>
  <c r="T10661" i="1"/>
  <c r="T10662" i="1"/>
  <c r="T10663" i="1"/>
  <c r="T10664" i="1"/>
  <c r="T10665" i="1"/>
  <c r="T10666" i="1"/>
  <c r="T10667" i="1"/>
  <c r="T10668" i="1"/>
  <c r="T10669" i="1"/>
  <c r="T10670" i="1"/>
  <c r="T10671" i="1"/>
  <c r="T10672" i="1"/>
  <c r="T10673" i="1"/>
  <c r="T10674" i="1"/>
  <c r="T10675" i="1"/>
  <c r="T10676" i="1"/>
  <c r="T10677" i="1"/>
  <c r="T10678" i="1"/>
  <c r="T10679" i="1"/>
  <c r="T10680" i="1"/>
  <c r="T10681" i="1"/>
  <c r="T10682" i="1"/>
  <c r="T10683" i="1"/>
  <c r="T10684" i="1"/>
  <c r="T10685" i="1"/>
  <c r="T10686" i="1"/>
  <c r="T10687" i="1"/>
  <c r="T10688" i="1"/>
  <c r="T10689" i="1"/>
  <c r="T10690" i="1"/>
  <c r="T10691" i="1"/>
  <c r="T10692" i="1"/>
  <c r="T10693" i="1"/>
  <c r="T10694" i="1"/>
  <c r="T10695" i="1"/>
  <c r="T10696" i="1"/>
  <c r="T10697" i="1"/>
  <c r="T10698" i="1"/>
  <c r="T10699" i="1"/>
  <c r="T10700" i="1"/>
  <c r="T10701" i="1"/>
  <c r="T10702" i="1"/>
  <c r="T10703" i="1"/>
  <c r="T10704" i="1"/>
  <c r="T10705" i="1"/>
  <c r="T10706" i="1"/>
  <c r="T10707" i="1"/>
  <c r="T10708" i="1"/>
  <c r="T10709" i="1"/>
  <c r="T10710" i="1"/>
  <c r="T10711" i="1"/>
  <c r="T10712" i="1"/>
  <c r="T10713" i="1"/>
  <c r="T10714" i="1"/>
  <c r="T10715" i="1"/>
  <c r="T10716" i="1"/>
  <c r="T10717" i="1"/>
  <c r="T10718" i="1"/>
  <c r="T10719" i="1"/>
  <c r="T10720" i="1"/>
  <c r="T10721" i="1"/>
  <c r="T10722" i="1"/>
  <c r="T10723" i="1"/>
  <c r="T10724" i="1"/>
  <c r="T10725" i="1"/>
  <c r="T10726" i="1"/>
  <c r="T10727" i="1"/>
  <c r="T10728" i="1"/>
  <c r="T10729" i="1"/>
  <c r="T10730" i="1"/>
  <c r="T10731" i="1"/>
  <c r="T10732" i="1"/>
  <c r="T10733" i="1"/>
  <c r="T10734" i="1"/>
  <c r="T10735" i="1"/>
  <c r="T10736" i="1"/>
  <c r="T10737" i="1"/>
  <c r="T10738" i="1"/>
  <c r="T10739" i="1"/>
  <c r="T10740" i="1"/>
  <c r="T10741" i="1"/>
  <c r="T10742" i="1"/>
  <c r="T10743" i="1"/>
  <c r="T10744" i="1"/>
  <c r="T10745" i="1"/>
  <c r="T10746" i="1"/>
  <c r="T10747" i="1"/>
  <c r="T10748" i="1"/>
  <c r="T10749" i="1"/>
  <c r="T10750" i="1"/>
  <c r="T10751" i="1"/>
  <c r="T10752" i="1"/>
  <c r="T10753" i="1"/>
  <c r="T10754" i="1"/>
  <c r="T10755" i="1"/>
  <c r="T10756" i="1"/>
  <c r="T10757" i="1"/>
  <c r="T10758" i="1"/>
  <c r="T10759" i="1"/>
  <c r="T10760" i="1"/>
  <c r="T10761" i="1"/>
  <c r="T10762" i="1"/>
  <c r="T10763" i="1"/>
  <c r="T10764" i="1"/>
  <c r="T10765" i="1"/>
  <c r="T10766" i="1"/>
  <c r="T10767" i="1"/>
  <c r="T10768" i="1"/>
  <c r="T10769" i="1"/>
  <c r="T10770" i="1"/>
  <c r="T10771" i="1"/>
  <c r="T10772" i="1"/>
  <c r="T10773" i="1"/>
  <c r="T10774" i="1"/>
  <c r="T10775" i="1"/>
  <c r="T10776" i="1"/>
  <c r="T10777" i="1"/>
  <c r="T10778" i="1"/>
  <c r="T10779" i="1"/>
  <c r="T10780" i="1"/>
  <c r="T10781" i="1"/>
  <c r="T10782" i="1"/>
  <c r="T10783" i="1"/>
  <c r="T10784" i="1"/>
  <c r="T10785" i="1"/>
  <c r="T10786" i="1"/>
  <c r="T10787" i="1"/>
  <c r="T10788" i="1"/>
  <c r="T10789" i="1"/>
  <c r="T10790" i="1"/>
  <c r="T10791" i="1"/>
  <c r="T10792" i="1"/>
  <c r="T10793" i="1"/>
  <c r="T10794" i="1"/>
  <c r="T10795" i="1"/>
  <c r="T10796" i="1"/>
  <c r="T10797" i="1"/>
  <c r="T10798" i="1"/>
  <c r="T10799" i="1"/>
  <c r="T10800" i="1"/>
  <c r="T10801" i="1"/>
  <c r="T10802" i="1"/>
  <c r="T10803" i="1"/>
  <c r="T10804" i="1"/>
  <c r="T10805" i="1"/>
  <c r="T10806" i="1"/>
  <c r="T10807" i="1"/>
  <c r="T10808" i="1"/>
  <c r="T10809" i="1"/>
  <c r="T10810" i="1"/>
  <c r="T10811" i="1"/>
  <c r="T10812" i="1"/>
  <c r="T10813" i="1"/>
  <c r="T10814" i="1"/>
  <c r="T10815" i="1"/>
  <c r="T10816" i="1"/>
  <c r="T10817" i="1"/>
  <c r="T10818" i="1"/>
  <c r="T10819" i="1"/>
  <c r="T10820" i="1"/>
  <c r="T10821" i="1"/>
  <c r="T10822" i="1"/>
  <c r="T10823" i="1"/>
  <c r="T10824" i="1"/>
  <c r="T10825" i="1"/>
  <c r="T10826" i="1"/>
  <c r="T10827" i="1"/>
  <c r="T10828" i="1"/>
  <c r="T10829" i="1"/>
  <c r="T10830" i="1"/>
  <c r="T10831" i="1"/>
  <c r="T10832" i="1"/>
  <c r="T10833" i="1"/>
  <c r="T10834" i="1"/>
  <c r="T10835" i="1"/>
  <c r="T10836" i="1"/>
  <c r="T10837" i="1"/>
  <c r="T10838" i="1"/>
  <c r="T10839" i="1"/>
  <c r="T10840" i="1"/>
  <c r="T10841" i="1"/>
  <c r="T10842" i="1"/>
  <c r="T10843" i="1"/>
  <c r="T10844" i="1"/>
  <c r="T10845" i="1"/>
  <c r="T10846" i="1"/>
  <c r="T10847" i="1"/>
  <c r="T10848" i="1"/>
  <c r="T10849" i="1"/>
  <c r="T10850" i="1"/>
  <c r="T10851" i="1"/>
  <c r="T10852" i="1"/>
  <c r="T10853" i="1"/>
  <c r="T10854" i="1"/>
  <c r="T10855" i="1"/>
  <c r="T10856" i="1"/>
  <c r="T10857" i="1"/>
  <c r="T10858" i="1"/>
  <c r="T10859" i="1"/>
  <c r="T10860" i="1"/>
  <c r="T10861" i="1"/>
  <c r="T10862" i="1"/>
  <c r="T10863" i="1"/>
  <c r="T10864" i="1"/>
  <c r="T10865" i="1"/>
  <c r="T10866" i="1"/>
  <c r="T10867" i="1"/>
  <c r="T10868" i="1"/>
  <c r="T10869" i="1"/>
  <c r="T10870" i="1"/>
  <c r="T10871" i="1"/>
  <c r="T10872" i="1"/>
  <c r="T10873" i="1"/>
  <c r="T10874" i="1"/>
  <c r="T10875" i="1"/>
  <c r="T10876" i="1"/>
  <c r="T10877" i="1"/>
  <c r="T10878" i="1"/>
  <c r="T10879" i="1"/>
  <c r="T10880" i="1"/>
  <c r="T10881" i="1"/>
  <c r="T10882" i="1"/>
  <c r="T10883" i="1"/>
  <c r="T10884" i="1"/>
  <c r="T10885" i="1"/>
  <c r="T10886" i="1"/>
  <c r="T10887" i="1"/>
  <c r="T10888" i="1"/>
  <c r="T10889" i="1"/>
  <c r="T10890" i="1"/>
  <c r="T10891" i="1"/>
  <c r="T10892" i="1"/>
  <c r="T10893" i="1"/>
  <c r="T10894" i="1"/>
  <c r="T10895" i="1"/>
  <c r="T10896" i="1"/>
  <c r="T10897" i="1"/>
  <c r="T10898" i="1"/>
  <c r="T10899" i="1"/>
  <c r="T10900" i="1"/>
  <c r="T10901" i="1"/>
  <c r="T10902" i="1"/>
  <c r="T10903" i="1"/>
  <c r="T10904" i="1"/>
  <c r="T10905" i="1"/>
  <c r="T10906" i="1"/>
  <c r="T10907" i="1"/>
  <c r="T10908" i="1"/>
  <c r="T10909" i="1"/>
  <c r="T10910" i="1"/>
  <c r="T10911" i="1"/>
  <c r="T10912" i="1"/>
  <c r="T10913" i="1"/>
  <c r="T10914" i="1"/>
  <c r="T10915" i="1"/>
  <c r="T10916" i="1"/>
  <c r="T10917" i="1"/>
  <c r="T10918" i="1"/>
  <c r="T10919" i="1"/>
  <c r="T10920" i="1"/>
  <c r="T10921" i="1"/>
  <c r="T10922" i="1"/>
  <c r="T10923" i="1"/>
  <c r="T10924" i="1"/>
  <c r="T10925" i="1"/>
  <c r="T10926" i="1"/>
  <c r="T10927" i="1"/>
  <c r="T10928" i="1"/>
  <c r="T10929" i="1"/>
  <c r="T10930" i="1"/>
  <c r="T10931" i="1"/>
  <c r="T10932" i="1"/>
  <c r="T10933" i="1"/>
  <c r="T10934" i="1"/>
  <c r="T10935" i="1"/>
  <c r="T10936" i="1"/>
  <c r="T10937" i="1"/>
  <c r="T10938" i="1"/>
  <c r="T10939" i="1"/>
  <c r="T10940" i="1"/>
  <c r="T10941" i="1"/>
  <c r="T10942" i="1"/>
  <c r="T10943" i="1"/>
  <c r="T10944" i="1"/>
  <c r="T10945" i="1"/>
  <c r="T10946" i="1"/>
  <c r="T10947" i="1"/>
  <c r="T10948" i="1"/>
  <c r="T10949" i="1"/>
  <c r="T10950" i="1"/>
  <c r="T10951" i="1"/>
  <c r="T10952" i="1"/>
  <c r="T10953" i="1"/>
  <c r="T10954" i="1"/>
  <c r="T10955" i="1"/>
  <c r="T10956" i="1"/>
  <c r="T10957" i="1"/>
  <c r="T10958" i="1"/>
  <c r="T10959" i="1"/>
  <c r="T10960" i="1"/>
  <c r="T10961" i="1"/>
  <c r="T10962" i="1"/>
  <c r="T10963" i="1"/>
  <c r="T10964" i="1"/>
  <c r="T10965" i="1"/>
  <c r="T10966" i="1"/>
  <c r="T10967" i="1"/>
  <c r="T10968" i="1"/>
  <c r="T10969" i="1"/>
  <c r="T10970" i="1"/>
  <c r="T10971" i="1"/>
  <c r="T10972" i="1"/>
  <c r="T10973" i="1"/>
  <c r="T10974" i="1"/>
  <c r="T10975" i="1"/>
  <c r="T10976" i="1"/>
  <c r="T10977" i="1"/>
  <c r="T10978" i="1"/>
  <c r="T10979" i="1"/>
  <c r="T10980" i="1"/>
  <c r="T10981" i="1"/>
  <c r="T10982" i="1"/>
  <c r="T10983" i="1"/>
  <c r="T10984" i="1"/>
  <c r="T10985" i="1"/>
  <c r="T10986" i="1"/>
  <c r="T10987" i="1"/>
  <c r="T10988" i="1"/>
  <c r="T10989" i="1"/>
  <c r="T10990" i="1"/>
  <c r="T10991" i="1"/>
  <c r="T10992" i="1"/>
  <c r="T10993" i="1"/>
  <c r="T10994" i="1"/>
  <c r="T10995" i="1"/>
  <c r="T10996" i="1"/>
  <c r="T10997" i="1"/>
  <c r="T10998" i="1"/>
  <c r="T10999" i="1"/>
  <c r="T11000" i="1"/>
  <c r="T11001" i="1"/>
  <c r="T11002" i="1"/>
  <c r="T11003" i="1"/>
  <c r="T11004" i="1"/>
  <c r="T11005" i="1"/>
  <c r="T11006" i="1"/>
  <c r="T11007" i="1"/>
  <c r="T11008" i="1"/>
  <c r="T11009" i="1"/>
  <c r="T11010" i="1"/>
  <c r="T11011" i="1"/>
  <c r="T11012" i="1"/>
  <c r="T11013" i="1"/>
  <c r="T11014" i="1"/>
  <c r="T11015" i="1"/>
  <c r="T11016" i="1"/>
  <c r="T11017" i="1"/>
  <c r="T11018" i="1"/>
  <c r="T11019" i="1"/>
  <c r="T11020" i="1"/>
  <c r="T11021" i="1"/>
  <c r="T11022" i="1"/>
  <c r="T11023" i="1"/>
  <c r="T11024" i="1"/>
  <c r="T11025" i="1"/>
  <c r="T11026" i="1"/>
  <c r="T11027" i="1"/>
  <c r="T11028" i="1"/>
  <c r="T11029" i="1"/>
  <c r="T11030" i="1"/>
  <c r="T11031" i="1"/>
  <c r="T11032" i="1"/>
  <c r="T11033" i="1"/>
  <c r="T11034" i="1"/>
  <c r="T11035" i="1"/>
  <c r="T11036" i="1"/>
  <c r="T11037" i="1"/>
  <c r="T11038" i="1"/>
  <c r="T11039" i="1"/>
  <c r="T11040" i="1"/>
  <c r="T11041" i="1"/>
  <c r="T11042" i="1"/>
  <c r="T11043" i="1"/>
  <c r="T11044" i="1"/>
  <c r="T11045" i="1"/>
  <c r="T11046" i="1"/>
  <c r="T11047" i="1"/>
  <c r="T11048" i="1"/>
  <c r="T11049" i="1"/>
  <c r="T11050" i="1"/>
  <c r="T11051" i="1"/>
  <c r="T11052" i="1"/>
  <c r="T11053" i="1"/>
  <c r="T11054" i="1"/>
  <c r="T11055" i="1"/>
  <c r="T11056" i="1"/>
  <c r="T11057" i="1"/>
  <c r="T11058" i="1"/>
  <c r="T11059" i="1"/>
  <c r="T11060" i="1"/>
  <c r="T11061" i="1"/>
  <c r="T11062" i="1"/>
  <c r="T11063" i="1"/>
  <c r="T11064" i="1"/>
  <c r="T11065" i="1"/>
  <c r="T11066" i="1"/>
  <c r="T11067" i="1"/>
  <c r="T11068" i="1"/>
  <c r="T11069" i="1"/>
  <c r="T11070" i="1"/>
  <c r="T11071" i="1"/>
  <c r="T11072" i="1"/>
  <c r="T11073" i="1"/>
  <c r="T11074" i="1"/>
  <c r="T11075" i="1"/>
  <c r="T11076" i="1"/>
  <c r="T11077" i="1"/>
  <c r="T11078" i="1"/>
  <c r="T11079" i="1"/>
  <c r="T11080" i="1"/>
  <c r="T11081" i="1"/>
  <c r="T11082" i="1"/>
  <c r="T11083" i="1"/>
  <c r="T11084" i="1"/>
  <c r="T11085" i="1"/>
  <c r="T11086" i="1"/>
  <c r="T11087" i="1"/>
  <c r="T11088" i="1"/>
  <c r="T11089" i="1"/>
  <c r="T11090" i="1"/>
  <c r="T11091" i="1"/>
  <c r="T11092" i="1"/>
  <c r="T11093" i="1"/>
  <c r="T11094" i="1"/>
  <c r="T11095" i="1"/>
  <c r="T11096" i="1"/>
  <c r="T11097" i="1"/>
  <c r="T11098" i="1"/>
  <c r="T11099" i="1"/>
  <c r="T11100" i="1"/>
  <c r="T11101" i="1"/>
  <c r="T11102" i="1"/>
  <c r="T11103" i="1"/>
  <c r="T11104" i="1"/>
  <c r="T11105" i="1"/>
  <c r="T11106" i="1"/>
  <c r="T11107" i="1"/>
  <c r="T11108" i="1"/>
  <c r="T11109" i="1"/>
  <c r="T11110" i="1"/>
  <c r="T11111" i="1"/>
  <c r="T11112" i="1"/>
  <c r="T11113" i="1"/>
  <c r="T11114" i="1"/>
  <c r="T11115" i="1"/>
  <c r="T11116" i="1"/>
  <c r="T11117" i="1"/>
  <c r="T11118" i="1"/>
  <c r="T11119" i="1"/>
  <c r="T11120" i="1"/>
  <c r="T11121" i="1"/>
  <c r="T11122" i="1"/>
  <c r="T11123" i="1"/>
  <c r="T11124" i="1"/>
  <c r="T11125" i="1"/>
  <c r="T11126" i="1"/>
  <c r="T11127" i="1"/>
  <c r="T11128" i="1"/>
  <c r="T11129" i="1"/>
  <c r="T11130" i="1"/>
  <c r="T11131" i="1"/>
  <c r="T11132" i="1"/>
  <c r="T11133" i="1"/>
  <c r="T11134" i="1"/>
  <c r="T11135" i="1"/>
  <c r="T11136" i="1"/>
  <c r="T11137" i="1"/>
  <c r="T11138" i="1"/>
  <c r="T11139" i="1"/>
  <c r="T11140" i="1"/>
  <c r="T11141" i="1"/>
  <c r="T11142" i="1"/>
  <c r="T11143" i="1"/>
  <c r="T11144" i="1"/>
  <c r="T11145" i="1"/>
  <c r="T11146" i="1"/>
  <c r="T11147" i="1"/>
  <c r="T11148" i="1"/>
  <c r="T11149" i="1"/>
  <c r="T11150" i="1"/>
  <c r="T11151" i="1"/>
  <c r="T11152" i="1"/>
  <c r="T11153" i="1"/>
  <c r="T11154" i="1"/>
  <c r="T11155" i="1"/>
  <c r="T11156" i="1"/>
  <c r="T11157" i="1"/>
  <c r="T11158" i="1"/>
  <c r="T11159" i="1"/>
  <c r="T11160" i="1"/>
  <c r="T11161" i="1"/>
  <c r="T11162" i="1"/>
  <c r="T11163" i="1"/>
  <c r="T11164" i="1"/>
  <c r="T11165" i="1"/>
  <c r="T11166" i="1"/>
  <c r="T11167" i="1"/>
  <c r="T11168" i="1"/>
  <c r="T11169" i="1"/>
  <c r="T11170" i="1"/>
  <c r="T11171" i="1"/>
  <c r="T11172" i="1"/>
  <c r="T11173" i="1"/>
  <c r="T11174" i="1"/>
  <c r="T11175" i="1"/>
  <c r="T11176" i="1"/>
  <c r="T11177" i="1"/>
  <c r="T11178" i="1"/>
  <c r="T11179" i="1"/>
  <c r="T11180" i="1"/>
  <c r="T11181" i="1"/>
  <c r="T11182" i="1"/>
  <c r="T11183" i="1"/>
  <c r="T11184" i="1"/>
  <c r="T11185" i="1"/>
  <c r="T11186" i="1"/>
  <c r="T11187" i="1"/>
  <c r="T11188" i="1"/>
  <c r="T11189" i="1"/>
  <c r="T11190" i="1"/>
  <c r="T11191" i="1"/>
  <c r="T11192" i="1"/>
  <c r="T11193" i="1"/>
  <c r="T11194" i="1"/>
  <c r="T11195" i="1"/>
  <c r="T11196" i="1"/>
  <c r="T11197" i="1"/>
  <c r="T11198" i="1"/>
  <c r="T11199" i="1"/>
  <c r="T11200" i="1"/>
  <c r="T11201" i="1"/>
  <c r="T11202" i="1"/>
  <c r="T11203" i="1"/>
  <c r="T11204" i="1"/>
  <c r="T11205" i="1"/>
  <c r="T11206" i="1"/>
  <c r="T11207" i="1"/>
  <c r="T11208" i="1"/>
  <c r="T11209" i="1"/>
  <c r="T11210" i="1"/>
  <c r="T11211" i="1"/>
  <c r="T11212" i="1"/>
  <c r="T11213" i="1"/>
  <c r="T11214" i="1"/>
  <c r="T11215" i="1"/>
  <c r="T11216" i="1"/>
  <c r="T11217" i="1"/>
  <c r="T11218" i="1"/>
  <c r="T11219" i="1"/>
  <c r="T11220" i="1"/>
  <c r="T11221" i="1"/>
  <c r="T11222" i="1"/>
  <c r="T11223" i="1"/>
  <c r="T11224" i="1"/>
  <c r="T11225" i="1"/>
  <c r="T11226" i="1"/>
  <c r="T11227" i="1"/>
  <c r="T11228" i="1"/>
  <c r="T11229" i="1"/>
  <c r="T11230" i="1"/>
  <c r="T11231" i="1"/>
  <c r="T11232" i="1"/>
  <c r="T11233" i="1"/>
  <c r="T11234" i="1"/>
  <c r="T11235" i="1"/>
  <c r="T11236" i="1"/>
  <c r="T11237" i="1"/>
  <c r="T11238" i="1"/>
  <c r="T11239" i="1"/>
  <c r="T11240" i="1"/>
  <c r="T11241" i="1"/>
  <c r="T11242" i="1"/>
  <c r="T11243" i="1"/>
  <c r="T11244" i="1"/>
  <c r="T11245" i="1"/>
  <c r="T11246" i="1"/>
  <c r="T11247" i="1"/>
  <c r="T11248" i="1"/>
  <c r="T11249" i="1"/>
  <c r="T11250" i="1"/>
  <c r="T11251" i="1"/>
  <c r="T11252" i="1"/>
  <c r="T11253" i="1"/>
  <c r="T11254" i="1"/>
  <c r="T11255" i="1"/>
  <c r="T11256" i="1"/>
  <c r="T11257" i="1"/>
  <c r="T11258" i="1"/>
  <c r="T11259" i="1"/>
  <c r="T11260" i="1"/>
  <c r="T11261" i="1"/>
  <c r="T11262" i="1"/>
  <c r="T11263" i="1"/>
  <c r="T11264" i="1"/>
  <c r="T11265" i="1"/>
  <c r="T11266" i="1"/>
  <c r="T11267" i="1"/>
  <c r="T11268" i="1"/>
  <c r="T11269" i="1"/>
  <c r="T11270" i="1"/>
  <c r="T11271" i="1"/>
  <c r="T11272" i="1"/>
  <c r="T11273" i="1"/>
  <c r="T11274" i="1"/>
  <c r="T11275" i="1"/>
  <c r="T11276" i="1"/>
  <c r="T11277" i="1"/>
  <c r="T11278" i="1"/>
  <c r="T11279" i="1"/>
  <c r="T11280" i="1"/>
  <c r="T11281" i="1"/>
  <c r="T11282" i="1"/>
  <c r="T11283" i="1"/>
  <c r="T11284" i="1"/>
  <c r="T11285" i="1"/>
  <c r="T11286" i="1"/>
  <c r="T11287" i="1"/>
  <c r="T11288" i="1"/>
  <c r="T11289" i="1"/>
  <c r="T11290" i="1"/>
  <c r="T11291" i="1"/>
  <c r="T11292" i="1"/>
  <c r="T11293" i="1"/>
  <c r="T11294" i="1"/>
  <c r="T11295" i="1"/>
  <c r="T11296" i="1"/>
  <c r="T11297" i="1"/>
  <c r="T11298" i="1"/>
  <c r="T11299" i="1"/>
  <c r="T11300" i="1"/>
  <c r="T11301" i="1"/>
  <c r="T11302" i="1"/>
  <c r="T11303" i="1"/>
  <c r="T11304" i="1"/>
  <c r="T11305" i="1"/>
  <c r="T11306" i="1"/>
  <c r="T11307" i="1"/>
  <c r="T11308" i="1"/>
  <c r="T11309" i="1"/>
  <c r="T11310" i="1"/>
  <c r="T11311" i="1"/>
  <c r="T11312" i="1"/>
  <c r="T11313" i="1"/>
  <c r="T11314" i="1"/>
  <c r="T11315" i="1"/>
  <c r="T11316" i="1"/>
  <c r="T11317" i="1"/>
  <c r="T11318" i="1"/>
  <c r="T11319" i="1"/>
  <c r="T11320" i="1"/>
  <c r="T11321" i="1"/>
  <c r="T11322" i="1"/>
  <c r="T11323" i="1"/>
  <c r="T11324" i="1"/>
  <c r="T11325" i="1"/>
  <c r="T11326" i="1"/>
  <c r="T11327" i="1"/>
  <c r="T11328" i="1"/>
  <c r="T11329" i="1"/>
  <c r="T11330" i="1"/>
  <c r="T11331" i="1"/>
  <c r="T11332" i="1"/>
  <c r="T11333" i="1"/>
  <c r="T11334" i="1"/>
  <c r="T11335" i="1"/>
  <c r="T11336" i="1"/>
  <c r="T11337" i="1"/>
  <c r="T11338" i="1"/>
  <c r="T11339" i="1"/>
  <c r="T11340" i="1"/>
  <c r="T11341" i="1"/>
  <c r="T11342" i="1"/>
  <c r="T11343" i="1"/>
  <c r="T11344" i="1"/>
  <c r="T11345" i="1"/>
  <c r="T11346" i="1"/>
  <c r="T11347" i="1"/>
  <c r="T11348" i="1"/>
  <c r="T11349" i="1"/>
  <c r="T11350" i="1"/>
  <c r="T11351" i="1"/>
  <c r="T11352" i="1"/>
  <c r="T11353" i="1"/>
  <c r="T11354" i="1"/>
  <c r="T11355" i="1"/>
  <c r="T11356" i="1"/>
  <c r="T11357" i="1"/>
  <c r="T11358" i="1"/>
  <c r="T11359" i="1"/>
  <c r="T11360" i="1"/>
  <c r="T11361" i="1"/>
  <c r="T11362" i="1"/>
  <c r="T11363" i="1"/>
  <c r="T11364" i="1"/>
  <c r="T11365" i="1"/>
  <c r="T11366" i="1"/>
  <c r="T11367" i="1"/>
  <c r="T11368" i="1"/>
  <c r="T11369" i="1"/>
  <c r="T11370" i="1"/>
  <c r="T11371" i="1"/>
  <c r="T11372" i="1"/>
  <c r="T11373" i="1"/>
  <c r="T11374" i="1"/>
  <c r="T11375" i="1"/>
  <c r="T11376" i="1"/>
  <c r="T11377" i="1"/>
  <c r="T11378" i="1"/>
  <c r="T11379" i="1"/>
  <c r="T11380" i="1"/>
  <c r="T11381" i="1"/>
  <c r="T11382" i="1"/>
  <c r="T11383" i="1"/>
  <c r="T11384" i="1"/>
  <c r="T11385" i="1"/>
  <c r="T11386" i="1"/>
  <c r="T11387" i="1"/>
  <c r="T11388" i="1"/>
  <c r="T11389" i="1"/>
  <c r="T11390" i="1"/>
  <c r="T11391" i="1"/>
  <c r="T11392" i="1"/>
  <c r="T11393" i="1"/>
  <c r="T11394" i="1"/>
  <c r="T11395" i="1"/>
  <c r="T11396" i="1"/>
  <c r="T11397" i="1"/>
  <c r="T11398" i="1"/>
  <c r="T11399" i="1"/>
  <c r="T11400" i="1"/>
  <c r="T11401" i="1"/>
  <c r="T11402" i="1"/>
  <c r="T11403" i="1"/>
  <c r="T11404" i="1"/>
  <c r="T11405" i="1"/>
  <c r="T11406" i="1"/>
  <c r="T11407" i="1"/>
  <c r="T11408" i="1"/>
  <c r="T11409" i="1"/>
  <c r="T11410" i="1"/>
  <c r="T11411" i="1"/>
  <c r="T11412" i="1"/>
  <c r="T11413" i="1"/>
  <c r="T11414" i="1"/>
  <c r="T11415" i="1"/>
  <c r="T11416" i="1"/>
  <c r="T11417" i="1"/>
  <c r="T11418" i="1"/>
  <c r="T11419" i="1"/>
  <c r="T11420" i="1"/>
  <c r="T11421" i="1"/>
  <c r="T11422" i="1"/>
  <c r="T11423" i="1"/>
  <c r="T11424" i="1"/>
  <c r="T11425" i="1"/>
  <c r="T11426" i="1"/>
  <c r="T11427" i="1"/>
  <c r="T11428" i="1"/>
  <c r="T11429" i="1"/>
  <c r="T11430" i="1"/>
  <c r="T11431" i="1"/>
  <c r="T11432" i="1"/>
  <c r="T11433" i="1"/>
  <c r="T11434" i="1"/>
  <c r="T11435" i="1"/>
  <c r="T11436" i="1"/>
  <c r="T11437" i="1"/>
  <c r="T11438" i="1"/>
  <c r="T11439" i="1"/>
  <c r="T11440" i="1"/>
  <c r="T11441" i="1"/>
  <c r="T11442" i="1"/>
  <c r="T11443" i="1"/>
  <c r="T11444" i="1"/>
  <c r="T11445" i="1"/>
  <c r="T11446" i="1"/>
  <c r="T11447" i="1"/>
  <c r="T11448" i="1"/>
  <c r="T11449" i="1"/>
  <c r="T11450" i="1"/>
  <c r="T11451" i="1"/>
  <c r="T11452" i="1"/>
  <c r="T11453" i="1"/>
  <c r="T11454" i="1"/>
  <c r="T11455" i="1"/>
  <c r="T11456" i="1"/>
  <c r="T11457" i="1"/>
  <c r="T11458" i="1"/>
  <c r="T11459" i="1"/>
  <c r="T11460" i="1"/>
  <c r="T11461" i="1"/>
  <c r="T11462" i="1"/>
  <c r="T11463" i="1"/>
  <c r="T11464" i="1"/>
  <c r="T11465" i="1"/>
  <c r="T11466" i="1"/>
  <c r="T11467" i="1"/>
  <c r="T11468" i="1"/>
  <c r="T11469" i="1"/>
  <c r="T11470" i="1"/>
  <c r="T11471" i="1"/>
  <c r="T11472" i="1"/>
  <c r="T11473" i="1"/>
  <c r="T11474" i="1"/>
  <c r="T11475" i="1"/>
  <c r="T11476" i="1"/>
  <c r="T11477" i="1"/>
  <c r="T11478" i="1"/>
  <c r="T11479" i="1"/>
  <c r="T11480" i="1"/>
  <c r="T11481" i="1"/>
  <c r="T11482" i="1"/>
  <c r="T11483" i="1"/>
  <c r="T11484" i="1"/>
  <c r="T11485" i="1"/>
  <c r="T11486" i="1"/>
  <c r="T11487" i="1"/>
  <c r="T11488" i="1"/>
  <c r="T11489" i="1"/>
  <c r="T11490" i="1"/>
  <c r="T11491" i="1"/>
  <c r="T11492" i="1"/>
  <c r="T11493" i="1"/>
  <c r="T11494" i="1"/>
  <c r="T11495" i="1"/>
  <c r="T11496" i="1"/>
  <c r="T11497" i="1"/>
  <c r="T11498" i="1"/>
  <c r="T11499" i="1"/>
  <c r="T11500" i="1"/>
  <c r="T11501" i="1"/>
  <c r="T11502" i="1"/>
  <c r="T11503" i="1"/>
  <c r="T11504" i="1"/>
  <c r="T11505" i="1"/>
  <c r="T11506" i="1"/>
  <c r="T11507" i="1"/>
  <c r="T11508" i="1"/>
  <c r="T11509" i="1"/>
  <c r="T11510" i="1"/>
  <c r="T11511" i="1"/>
  <c r="T11512" i="1"/>
  <c r="T11513" i="1"/>
  <c r="T11514" i="1"/>
  <c r="T11515" i="1"/>
  <c r="T11516" i="1"/>
  <c r="T11517" i="1"/>
  <c r="T11518" i="1"/>
  <c r="T11519" i="1"/>
  <c r="T11520" i="1"/>
  <c r="T11521" i="1"/>
  <c r="T11522" i="1"/>
  <c r="T11523" i="1"/>
  <c r="T11524" i="1"/>
  <c r="T11525" i="1"/>
  <c r="T11526" i="1"/>
  <c r="T11527" i="1"/>
  <c r="T11528" i="1"/>
  <c r="T11529" i="1"/>
  <c r="T11530" i="1"/>
  <c r="T11531" i="1"/>
  <c r="T11532" i="1"/>
  <c r="T11533" i="1"/>
  <c r="T11534" i="1"/>
  <c r="T11535" i="1"/>
  <c r="T11536" i="1"/>
  <c r="T11537" i="1"/>
  <c r="T11538" i="1"/>
  <c r="T11539" i="1"/>
  <c r="T11540" i="1"/>
  <c r="T11541" i="1"/>
  <c r="T11542" i="1"/>
  <c r="T11543" i="1"/>
  <c r="T11544" i="1"/>
  <c r="T11545" i="1"/>
  <c r="T11546" i="1"/>
  <c r="T11547" i="1"/>
  <c r="T11548" i="1"/>
  <c r="T11549" i="1"/>
  <c r="T11550" i="1"/>
  <c r="T11551" i="1"/>
  <c r="T11552" i="1"/>
  <c r="T11553" i="1"/>
  <c r="T11554" i="1"/>
  <c r="T11555" i="1"/>
  <c r="T11556" i="1"/>
  <c r="T11557" i="1"/>
  <c r="T11558" i="1"/>
  <c r="T11559" i="1"/>
  <c r="T11560" i="1"/>
  <c r="T11561" i="1"/>
  <c r="T11562" i="1"/>
  <c r="T11563" i="1"/>
  <c r="T11564" i="1"/>
  <c r="T11565" i="1"/>
  <c r="T11566" i="1"/>
  <c r="T11567" i="1"/>
  <c r="T11568" i="1"/>
  <c r="T11569" i="1"/>
  <c r="T11570" i="1"/>
  <c r="T11571" i="1"/>
  <c r="T11572" i="1"/>
  <c r="T11573" i="1"/>
  <c r="T11574" i="1"/>
  <c r="T11575" i="1"/>
  <c r="T11576" i="1"/>
  <c r="T11577" i="1"/>
  <c r="T11578" i="1"/>
  <c r="T11579" i="1"/>
  <c r="T11580" i="1"/>
  <c r="T11581" i="1"/>
  <c r="T11582" i="1"/>
  <c r="T11583" i="1"/>
  <c r="T11584" i="1"/>
  <c r="T11585" i="1"/>
  <c r="T11586" i="1"/>
  <c r="T11587" i="1"/>
  <c r="T11588" i="1"/>
  <c r="T11589" i="1"/>
  <c r="T11590" i="1"/>
  <c r="T11591" i="1"/>
  <c r="T11592" i="1"/>
  <c r="T11593" i="1"/>
  <c r="T11594" i="1"/>
  <c r="T11595" i="1"/>
  <c r="T11596" i="1"/>
  <c r="T11597" i="1"/>
  <c r="T11598" i="1"/>
  <c r="T11599" i="1"/>
  <c r="T11600" i="1"/>
  <c r="T11601" i="1"/>
  <c r="T11602" i="1"/>
  <c r="T11603" i="1"/>
  <c r="T11604" i="1"/>
  <c r="T11605" i="1"/>
  <c r="T11606" i="1"/>
  <c r="T11607" i="1"/>
  <c r="T11608" i="1"/>
  <c r="T11609" i="1"/>
  <c r="T11610" i="1"/>
  <c r="T11611" i="1"/>
  <c r="T11612" i="1"/>
  <c r="T11613" i="1"/>
  <c r="T11614" i="1"/>
  <c r="T11615" i="1"/>
  <c r="T11616" i="1"/>
  <c r="T11617" i="1"/>
  <c r="T11618" i="1"/>
  <c r="T11619" i="1"/>
  <c r="T11620" i="1"/>
  <c r="T11621" i="1"/>
  <c r="T11622" i="1"/>
  <c r="T11623" i="1"/>
  <c r="T11624" i="1"/>
  <c r="T11625" i="1"/>
  <c r="T11626" i="1"/>
  <c r="T11627" i="1"/>
  <c r="T11628" i="1"/>
  <c r="T11629" i="1"/>
  <c r="T11630" i="1"/>
  <c r="T11631" i="1"/>
  <c r="T11632" i="1"/>
  <c r="T11633" i="1"/>
  <c r="T11634" i="1"/>
  <c r="T11635" i="1"/>
  <c r="T11636" i="1"/>
  <c r="T11637" i="1"/>
  <c r="T11638" i="1"/>
  <c r="T11639" i="1"/>
  <c r="T11640" i="1"/>
  <c r="T11641" i="1"/>
  <c r="T11642" i="1"/>
  <c r="T11643" i="1"/>
  <c r="T11644" i="1"/>
  <c r="T11645" i="1"/>
  <c r="T11646" i="1"/>
  <c r="T11647" i="1"/>
  <c r="T11648" i="1"/>
  <c r="T11649" i="1"/>
  <c r="T11650" i="1"/>
  <c r="T11651" i="1"/>
  <c r="T11652" i="1"/>
  <c r="T11653" i="1"/>
  <c r="T11654" i="1"/>
  <c r="T11655" i="1"/>
  <c r="T11656" i="1"/>
  <c r="T11657" i="1"/>
  <c r="T11658" i="1"/>
  <c r="T11659" i="1"/>
  <c r="T11660" i="1"/>
  <c r="T11661" i="1"/>
  <c r="T11662" i="1"/>
  <c r="T11663" i="1"/>
  <c r="T11664" i="1"/>
  <c r="T11665" i="1"/>
  <c r="T11666" i="1"/>
  <c r="T11667" i="1"/>
  <c r="T11668" i="1"/>
  <c r="T11669" i="1"/>
  <c r="T11670" i="1"/>
  <c r="T11671" i="1"/>
  <c r="T11672" i="1"/>
  <c r="T11673" i="1"/>
  <c r="T11674" i="1"/>
  <c r="T11675" i="1"/>
  <c r="T11676" i="1"/>
  <c r="T11677" i="1"/>
  <c r="T11678" i="1"/>
  <c r="T11679" i="1"/>
  <c r="T11680" i="1"/>
  <c r="T11681" i="1"/>
  <c r="T11682" i="1"/>
  <c r="T11683" i="1"/>
  <c r="T11684" i="1"/>
  <c r="T11685" i="1"/>
  <c r="T11686" i="1"/>
  <c r="T11687" i="1"/>
  <c r="T11688" i="1"/>
  <c r="T11689" i="1"/>
  <c r="T11690" i="1"/>
  <c r="T11691" i="1"/>
  <c r="T11692" i="1"/>
  <c r="T11693" i="1"/>
  <c r="T11694" i="1"/>
  <c r="T11695" i="1"/>
  <c r="T11696" i="1"/>
  <c r="T11697" i="1"/>
  <c r="T11698" i="1"/>
  <c r="T11699" i="1"/>
  <c r="T11700" i="1"/>
  <c r="T11701" i="1"/>
  <c r="T11702" i="1"/>
  <c r="T11703" i="1"/>
  <c r="T11704" i="1"/>
  <c r="T11705" i="1"/>
  <c r="T11706" i="1"/>
  <c r="T11707" i="1"/>
  <c r="T11708" i="1"/>
  <c r="T11709" i="1"/>
  <c r="T11710" i="1"/>
  <c r="T11711" i="1"/>
  <c r="T11712" i="1"/>
  <c r="T11713" i="1"/>
  <c r="T11714" i="1"/>
  <c r="T11715" i="1"/>
  <c r="T11716" i="1"/>
  <c r="T11717" i="1"/>
  <c r="T11718" i="1"/>
  <c r="T11719" i="1"/>
  <c r="T11720" i="1"/>
  <c r="T11721" i="1"/>
  <c r="T11722" i="1"/>
  <c r="T11723" i="1"/>
  <c r="T11724" i="1"/>
  <c r="T11725" i="1"/>
  <c r="T11726" i="1"/>
  <c r="T11727" i="1"/>
  <c r="T11728" i="1"/>
  <c r="T11729" i="1"/>
  <c r="T11730" i="1"/>
  <c r="T11731" i="1"/>
  <c r="T11732" i="1"/>
  <c r="T11733" i="1"/>
  <c r="T11734" i="1"/>
  <c r="T11735" i="1"/>
  <c r="T11736" i="1"/>
  <c r="T11737" i="1"/>
  <c r="T11738" i="1"/>
  <c r="T11739" i="1"/>
  <c r="T11740" i="1"/>
  <c r="T11741" i="1"/>
  <c r="T11742" i="1"/>
  <c r="T11743" i="1"/>
  <c r="T11744" i="1"/>
  <c r="T11745" i="1"/>
  <c r="T11746" i="1"/>
  <c r="T11747" i="1"/>
  <c r="T11748" i="1"/>
  <c r="T11749" i="1"/>
  <c r="T11750" i="1"/>
  <c r="T11751" i="1"/>
  <c r="T11752" i="1"/>
  <c r="T11753" i="1"/>
  <c r="T11754" i="1"/>
  <c r="T11755" i="1"/>
  <c r="T11756" i="1"/>
  <c r="T11757" i="1"/>
  <c r="T11758" i="1"/>
  <c r="T11759" i="1"/>
  <c r="T11760" i="1"/>
  <c r="T11761" i="1"/>
  <c r="T11762" i="1"/>
  <c r="T11763" i="1"/>
  <c r="T11764" i="1"/>
  <c r="T11765" i="1"/>
  <c r="T11766" i="1"/>
  <c r="T11767" i="1"/>
  <c r="T11768" i="1"/>
  <c r="T11769" i="1"/>
  <c r="T11770" i="1"/>
  <c r="T11771" i="1"/>
  <c r="T11772" i="1"/>
  <c r="T11773" i="1"/>
  <c r="T11774" i="1"/>
  <c r="T11775" i="1"/>
  <c r="T11776" i="1"/>
  <c r="T11777" i="1"/>
  <c r="T11778" i="1"/>
  <c r="T11779" i="1"/>
  <c r="T11780" i="1"/>
  <c r="T11781" i="1"/>
  <c r="T11782" i="1"/>
  <c r="T11783" i="1"/>
  <c r="T11784" i="1"/>
  <c r="T11785" i="1"/>
  <c r="T11786" i="1"/>
  <c r="T11787" i="1"/>
  <c r="T11788" i="1"/>
  <c r="T11789" i="1"/>
  <c r="T11790" i="1"/>
  <c r="T11791" i="1"/>
  <c r="T11792" i="1"/>
  <c r="T11793" i="1"/>
  <c r="T11794" i="1"/>
  <c r="T11795" i="1"/>
  <c r="T11796" i="1"/>
  <c r="T11797" i="1"/>
  <c r="T11798" i="1"/>
  <c r="T11799" i="1"/>
  <c r="T11800" i="1"/>
  <c r="T11801" i="1"/>
  <c r="T11802" i="1"/>
  <c r="T11803" i="1"/>
  <c r="T11804" i="1"/>
  <c r="T11805" i="1"/>
  <c r="T11806" i="1"/>
  <c r="T11807" i="1"/>
  <c r="T11808" i="1"/>
  <c r="T11809" i="1"/>
  <c r="T11810" i="1"/>
  <c r="T11811" i="1"/>
  <c r="T11812" i="1"/>
  <c r="T11813" i="1"/>
  <c r="T11814" i="1"/>
  <c r="T11815" i="1"/>
  <c r="T11816" i="1"/>
  <c r="T11817" i="1"/>
  <c r="T11818" i="1"/>
  <c r="T11819" i="1"/>
  <c r="T11820" i="1"/>
  <c r="T11821" i="1"/>
  <c r="T11822" i="1"/>
  <c r="T11823" i="1"/>
  <c r="T11824" i="1"/>
  <c r="T11825" i="1"/>
  <c r="T11826" i="1"/>
  <c r="T11827" i="1"/>
  <c r="T11828" i="1"/>
  <c r="T11829" i="1"/>
  <c r="T11830" i="1"/>
  <c r="T11831" i="1"/>
  <c r="T11832" i="1"/>
  <c r="T11833" i="1"/>
  <c r="T11834" i="1"/>
  <c r="T11835" i="1"/>
  <c r="T11836" i="1"/>
  <c r="T11837" i="1"/>
  <c r="T11838" i="1"/>
  <c r="T11839" i="1"/>
  <c r="T11840" i="1"/>
  <c r="T11841" i="1"/>
  <c r="T11842" i="1"/>
  <c r="T11843" i="1"/>
  <c r="T11844" i="1"/>
  <c r="T11845" i="1"/>
  <c r="T11846" i="1"/>
  <c r="T11847" i="1"/>
  <c r="T11848" i="1"/>
  <c r="T11849" i="1"/>
  <c r="T11850" i="1"/>
  <c r="T11851" i="1"/>
  <c r="T11852" i="1"/>
  <c r="T11853" i="1"/>
  <c r="T11854" i="1"/>
  <c r="T11855" i="1"/>
  <c r="T11856" i="1"/>
  <c r="T11857" i="1"/>
  <c r="T11858" i="1"/>
  <c r="T11859" i="1"/>
  <c r="T11860" i="1"/>
  <c r="T11861" i="1"/>
  <c r="T11862" i="1"/>
  <c r="T11863" i="1"/>
  <c r="T11864" i="1"/>
  <c r="T11865" i="1"/>
  <c r="T11866" i="1"/>
  <c r="T11867" i="1"/>
  <c r="T11868" i="1"/>
  <c r="T11869" i="1"/>
  <c r="T11870" i="1"/>
  <c r="T11871" i="1"/>
  <c r="T11872" i="1"/>
  <c r="T11873" i="1"/>
  <c r="T11874" i="1"/>
  <c r="T11875" i="1"/>
  <c r="T11876" i="1"/>
  <c r="T11877" i="1"/>
  <c r="T11878" i="1"/>
  <c r="T11879" i="1"/>
  <c r="T11880" i="1"/>
  <c r="T11881" i="1"/>
  <c r="T11882" i="1"/>
  <c r="T11883" i="1"/>
  <c r="T11884" i="1"/>
  <c r="T11885" i="1"/>
  <c r="T11886" i="1"/>
  <c r="T11887" i="1"/>
  <c r="T11888" i="1"/>
  <c r="T11889" i="1"/>
  <c r="T11890" i="1"/>
  <c r="T11891" i="1"/>
  <c r="T11892" i="1"/>
  <c r="T11893" i="1"/>
  <c r="T11894" i="1"/>
  <c r="T11895" i="1"/>
  <c r="T11896" i="1"/>
  <c r="T11897" i="1"/>
  <c r="T11898" i="1"/>
  <c r="T11899" i="1"/>
  <c r="T11900" i="1"/>
  <c r="T11901" i="1"/>
  <c r="T11902" i="1"/>
  <c r="T11903" i="1"/>
  <c r="T11904" i="1"/>
  <c r="T11905" i="1"/>
  <c r="T11906" i="1"/>
  <c r="T11907" i="1"/>
  <c r="T11908" i="1"/>
  <c r="T11909" i="1"/>
  <c r="T11910" i="1"/>
  <c r="T11911" i="1"/>
  <c r="T11912" i="1"/>
  <c r="T11913" i="1"/>
  <c r="T11914" i="1"/>
  <c r="T11915" i="1"/>
  <c r="T11916" i="1"/>
  <c r="T11917" i="1"/>
  <c r="T11918" i="1"/>
  <c r="T11919" i="1"/>
  <c r="T11920" i="1"/>
  <c r="T11921" i="1"/>
  <c r="T11922" i="1"/>
  <c r="T11923" i="1"/>
  <c r="T11924" i="1"/>
  <c r="T11925" i="1"/>
  <c r="T11926" i="1"/>
  <c r="T11927" i="1"/>
  <c r="T11928" i="1"/>
  <c r="T11929" i="1"/>
  <c r="T11930" i="1"/>
  <c r="T11931" i="1"/>
  <c r="T11932" i="1"/>
  <c r="T11933" i="1"/>
  <c r="T11934" i="1"/>
  <c r="T11935" i="1"/>
  <c r="T11936" i="1"/>
  <c r="T11937" i="1"/>
  <c r="T11938" i="1"/>
  <c r="T11939" i="1"/>
  <c r="T11940" i="1"/>
  <c r="T11941" i="1"/>
  <c r="T11942" i="1"/>
  <c r="T11943" i="1"/>
  <c r="T11944" i="1"/>
  <c r="T11945" i="1"/>
  <c r="T11946" i="1"/>
  <c r="T11947" i="1"/>
  <c r="T11948" i="1"/>
  <c r="T11949" i="1"/>
  <c r="T11950" i="1"/>
  <c r="T11951" i="1"/>
  <c r="T11952" i="1"/>
  <c r="T11953" i="1"/>
  <c r="T11954" i="1"/>
  <c r="T11955" i="1"/>
  <c r="T11956" i="1"/>
  <c r="T11957" i="1"/>
  <c r="T11958" i="1"/>
  <c r="T11959" i="1"/>
  <c r="T11960" i="1"/>
  <c r="T11961" i="1"/>
  <c r="T11962" i="1"/>
  <c r="T11963" i="1"/>
  <c r="T11964" i="1"/>
  <c r="T11965" i="1"/>
  <c r="T11966" i="1"/>
  <c r="T11967" i="1"/>
  <c r="T11968" i="1"/>
  <c r="T11969" i="1"/>
  <c r="T11970" i="1"/>
  <c r="T11971" i="1"/>
  <c r="T11972" i="1"/>
  <c r="T11973" i="1"/>
  <c r="T11974" i="1"/>
  <c r="T11975" i="1"/>
  <c r="T11976" i="1"/>
  <c r="T11977" i="1"/>
  <c r="T11978" i="1"/>
  <c r="T11979" i="1"/>
  <c r="T11980" i="1"/>
  <c r="T11981" i="1"/>
  <c r="T11982" i="1"/>
  <c r="T11983" i="1"/>
  <c r="T11984" i="1"/>
  <c r="T11985" i="1"/>
  <c r="T11986" i="1"/>
  <c r="T11987" i="1"/>
  <c r="T11988" i="1"/>
  <c r="T11989" i="1"/>
  <c r="T11990" i="1"/>
  <c r="T11991" i="1"/>
  <c r="T11992" i="1"/>
  <c r="T11993" i="1"/>
  <c r="T11994" i="1"/>
  <c r="T11995" i="1"/>
  <c r="T11996" i="1"/>
  <c r="T11997" i="1"/>
  <c r="T11998" i="1"/>
  <c r="T11999" i="1"/>
  <c r="T12000" i="1"/>
  <c r="T12001" i="1"/>
  <c r="T12002" i="1"/>
  <c r="T12003" i="1"/>
  <c r="T12004" i="1"/>
  <c r="T12005" i="1"/>
  <c r="T12006" i="1"/>
  <c r="T12007" i="1"/>
  <c r="T12008" i="1"/>
  <c r="T12009" i="1"/>
  <c r="T12010" i="1"/>
  <c r="T12011" i="1"/>
  <c r="T12012" i="1"/>
  <c r="T12013" i="1"/>
  <c r="T12014" i="1"/>
  <c r="T12015" i="1"/>
  <c r="T12016" i="1"/>
  <c r="T12017" i="1"/>
  <c r="T12018" i="1"/>
  <c r="T12019" i="1"/>
  <c r="T12020" i="1"/>
  <c r="T12021" i="1"/>
  <c r="T12022" i="1"/>
  <c r="T12023" i="1"/>
  <c r="T12024" i="1"/>
  <c r="T12025" i="1"/>
  <c r="T12026" i="1"/>
  <c r="T12027" i="1"/>
  <c r="T12028" i="1"/>
  <c r="T12029" i="1"/>
  <c r="T12030" i="1"/>
  <c r="T12031" i="1"/>
  <c r="T12032" i="1"/>
  <c r="T12033" i="1"/>
  <c r="T12034" i="1"/>
  <c r="T12035" i="1"/>
  <c r="T12036" i="1"/>
  <c r="T12037" i="1"/>
  <c r="T12038" i="1"/>
  <c r="T12039" i="1"/>
  <c r="T12040" i="1"/>
  <c r="T12041" i="1"/>
  <c r="T12042" i="1"/>
  <c r="T12043" i="1"/>
  <c r="T12044" i="1"/>
  <c r="T12045" i="1"/>
  <c r="T12046" i="1"/>
  <c r="T12047" i="1"/>
  <c r="T12048" i="1"/>
  <c r="T12049" i="1"/>
  <c r="T12050" i="1"/>
  <c r="T12051" i="1"/>
  <c r="T12052" i="1"/>
  <c r="T12053" i="1"/>
  <c r="T12054" i="1"/>
  <c r="T12055" i="1"/>
  <c r="T12056" i="1"/>
  <c r="T12057" i="1"/>
  <c r="T12058" i="1"/>
  <c r="T12059" i="1"/>
  <c r="T12060" i="1"/>
  <c r="T12061" i="1"/>
  <c r="T12062" i="1"/>
  <c r="T12063" i="1"/>
  <c r="T12064" i="1"/>
  <c r="T12065" i="1"/>
  <c r="T12066" i="1"/>
  <c r="T12067" i="1"/>
  <c r="T12068" i="1"/>
  <c r="T12069" i="1"/>
  <c r="T12070" i="1"/>
  <c r="T12071" i="1"/>
  <c r="T12072" i="1"/>
  <c r="T12073" i="1"/>
  <c r="T12074" i="1"/>
  <c r="T12075" i="1"/>
  <c r="T12076" i="1"/>
  <c r="T12077" i="1"/>
  <c r="T12078" i="1"/>
  <c r="T12079" i="1"/>
  <c r="T12080" i="1"/>
  <c r="T12081" i="1"/>
  <c r="T12082" i="1"/>
  <c r="T12083" i="1"/>
  <c r="T12084" i="1"/>
  <c r="T12085" i="1"/>
  <c r="T12086" i="1"/>
  <c r="T12087" i="1"/>
  <c r="T12088" i="1"/>
  <c r="T12089" i="1"/>
  <c r="T12090" i="1"/>
  <c r="T12091" i="1"/>
  <c r="T12092" i="1"/>
  <c r="T12093" i="1"/>
  <c r="T12094" i="1"/>
  <c r="T12095" i="1"/>
  <c r="T12096" i="1"/>
  <c r="T12097" i="1"/>
  <c r="T12098" i="1"/>
  <c r="T12099" i="1"/>
  <c r="T12100" i="1"/>
  <c r="T12101" i="1"/>
  <c r="T12102" i="1"/>
  <c r="T12103" i="1"/>
  <c r="T12104" i="1"/>
  <c r="T12105" i="1"/>
  <c r="T12106" i="1"/>
  <c r="T12107" i="1"/>
  <c r="T12108" i="1"/>
  <c r="T12109" i="1"/>
  <c r="T12110" i="1"/>
  <c r="T12111" i="1"/>
  <c r="T12112" i="1"/>
  <c r="T12113" i="1"/>
  <c r="T12114" i="1"/>
  <c r="T12115" i="1"/>
  <c r="T12116" i="1"/>
  <c r="T12117" i="1"/>
  <c r="T12118" i="1"/>
  <c r="T12119" i="1"/>
  <c r="T12120" i="1"/>
  <c r="T12121" i="1"/>
  <c r="T12122" i="1"/>
  <c r="T12123" i="1"/>
  <c r="T12124" i="1"/>
  <c r="T12125" i="1"/>
  <c r="T12126" i="1"/>
  <c r="T12127" i="1"/>
  <c r="T12128" i="1"/>
  <c r="T12129" i="1"/>
  <c r="T12130" i="1"/>
  <c r="T12131" i="1"/>
  <c r="T12132" i="1"/>
  <c r="T12133" i="1"/>
  <c r="T12134" i="1"/>
  <c r="T12135" i="1"/>
  <c r="T12136" i="1"/>
  <c r="T12137" i="1"/>
  <c r="T12138" i="1"/>
  <c r="T12139" i="1"/>
  <c r="T12140" i="1"/>
  <c r="T12141" i="1"/>
  <c r="T12142" i="1"/>
  <c r="T12143" i="1"/>
  <c r="T12144" i="1"/>
  <c r="T12145" i="1"/>
  <c r="T12146" i="1"/>
  <c r="T12147" i="1"/>
  <c r="T12148" i="1"/>
  <c r="T12149" i="1"/>
  <c r="T12150" i="1"/>
  <c r="T12151" i="1"/>
  <c r="T12152" i="1"/>
  <c r="T12153" i="1"/>
  <c r="T12154" i="1"/>
  <c r="T12155" i="1"/>
  <c r="T12156" i="1"/>
  <c r="T12157" i="1"/>
  <c r="T12158" i="1"/>
  <c r="T12159" i="1"/>
  <c r="T12160" i="1"/>
  <c r="T12161" i="1"/>
  <c r="T12162" i="1"/>
  <c r="T12163" i="1"/>
  <c r="T12164" i="1"/>
  <c r="T12165" i="1"/>
  <c r="T12166" i="1"/>
  <c r="T12167" i="1"/>
  <c r="T12168" i="1"/>
  <c r="T12169" i="1"/>
  <c r="T12170" i="1"/>
  <c r="T12171" i="1"/>
  <c r="T12172" i="1"/>
  <c r="T12173" i="1"/>
  <c r="T12174" i="1"/>
  <c r="T12175" i="1"/>
  <c r="T12176" i="1"/>
  <c r="T12177" i="1"/>
  <c r="T12178" i="1"/>
  <c r="T12179" i="1"/>
  <c r="T12180" i="1"/>
  <c r="T12181" i="1"/>
  <c r="T12182" i="1"/>
  <c r="T12183" i="1"/>
  <c r="T12184" i="1"/>
  <c r="T12185" i="1"/>
  <c r="T12186" i="1"/>
  <c r="T12187" i="1"/>
  <c r="T12188" i="1"/>
  <c r="T12189" i="1"/>
  <c r="T12190" i="1"/>
  <c r="T12191" i="1"/>
  <c r="T12192" i="1"/>
  <c r="T12193" i="1"/>
  <c r="T12194" i="1"/>
  <c r="T12195" i="1"/>
  <c r="T12196" i="1"/>
  <c r="T12197" i="1"/>
  <c r="T12198" i="1"/>
  <c r="T12199" i="1"/>
  <c r="T12200" i="1"/>
  <c r="T12201" i="1"/>
  <c r="T12202" i="1"/>
  <c r="T12203" i="1"/>
  <c r="T12204" i="1"/>
  <c r="T12205" i="1"/>
  <c r="T12206" i="1"/>
  <c r="T12207" i="1"/>
  <c r="T12208" i="1"/>
  <c r="T12209" i="1"/>
  <c r="T12210" i="1"/>
  <c r="T12211" i="1"/>
  <c r="T12212" i="1"/>
  <c r="T12213" i="1"/>
  <c r="T12214" i="1"/>
  <c r="T12215" i="1"/>
  <c r="T12216" i="1"/>
  <c r="T12217" i="1"/>
  <c r="T12218" i="1"/>
  <c r="T12219" i="1"/>
  <c r="T12220" i="1"/>
  <c r="T12221" i="1"/>
  <c r="T12222" i="1"/>
  <c r="T12223" i="1"/>
  <c r="T12224" i="1"/>
  <c r="T12225" i="1"/>
  <c r="T12226" i="1"/>
  <c r="T12227" i="1"/>
  <c r="T12228" i="1"/>
  <c r="T12229" i="1"/>
  <c r="T12230" i="1"/>
  <c r="T12231" i="1"/>
  <c r="T12232" i="1"/>
  <c r="T12233" i="1"/>
  <c r="T12234" i="1"/>
  <c r="T12235" i="1"/>
  <c r="T12236" i="1"/>
  <c r="T12237" i="1"/>
  <c r="T12238" i="1"/>
  <c r="T12239" i="1"/>
  <c r="T12240" i="1"/>
  <c r="T12241" i="1"/>
  <c r="T12242" i="1"/>
  <c r="T12243" i="1"/>
  <c r="T12244" i="1"/>
  <c r="T12245" i="1"/>
  <c r="T12246" i="1"/>
  <c r="T12247" i="1"/>
  <c r="T12248" i="1"/>
  <c r="T12249" i="1"/>
  <c r="T12250" i="1"/>
  <c r="T12251" i="1"/>
  <c r="T12252" i="1"/>
  <c r="T12253" i="1"/>
  <c r="T12254" i="1"/>
  <c r="T12255" i="1"/>
  <c r="T12256" i="1"/>
  <c r="T12257" i="1"/>
  <c r="T12258" i="1"/>
  <c r="T12259" i="1"/>
  <c r="T12260" i="1"/>
  <c r="T12261" i="1"/>
  <c r="T12262" i="1"/>
  <c r="T12263" i="1"/>
  <c r="T12264" i="1"/>
  <c r="T12265" i="1"/>
  <c r="T12266" i="1"/>
  <c r="T12267" i="1"/>
  <c r="T12268" i="1"/>
  <c r="T12269" i="1"/>
  <c r="T12270" i="1"/>
  <c r="T12271" i="1"/>
  <c r="T12272" i="1"/>
  <c r="T12273" i="1"/>
  <c r="T12274" i="1"/>
  <c r="T12275" i="1"/>
  <c r="T12276" i="1"/>
  <c r="T12277" i="1"/>
  <c r="T12278" i="1"/>
  <c r="T12279" i="1"/>
  <c r="T12280" i="1"/>
  <c r="T12281" i="1"/>
  <c r="T12282" i="1"/>
  <c r="T12283" i="1"/>
  <c r="T12284" i="1"/>
  <c r="T12285" i="1"/>
  <c r="T12286" i="1"/>
  <c r="T12287" i="1"/>
  <c r="T12288" i="1"/>
  <c r="T12289" i="1"/>
  <c r="T12290" i="1"/>
  <c r="T12291" i="1"/>
  <c r="T12292" i="1"/>
  <c r="T12293" i="1"/>
  <c r="T12294" i="1"/>
  <c r="T12295" i="1"/>
  <c r="T12296" i="1"/>
  <c r="T12297" i="1"/>
  <c r="T12298" i="1"/>
  <c r="T12299" i="1"/>
  <c r="T12300" i="1"/>
  <c r="T12301" i="1"/>
  <c r="T12302" i="1"/>
  <c r="T12303" i="1"/>
  <c r="T12304" i="1"/>
  <c r="T12305" i="1"/>
  <c r="T12306" i="1"/>
  <c r="T12307" i="1"/>
  <c r="T12308" i="1"/>
  <c r="T12309" i="1"/>
  <c r="T12310" i="1"/>
  <c r="T12311" i="1"/>
  <c r="T12312" i="1"/>
  <c r="T12313" i="1"/>
  <c r="T12314" i="1"/>
  <c r="T12315" i="1"/>
  <c r="T12316" i="1"/>
  <c r="T12317" i="1"/>
  <c r="T12318" i="1"/>
  <c r="T12319" i="1"/>
  <c r="T12320" i="1"/>
  <c r="T12321" i="1"/>
  <c r="T12322" i="1"/>
  <c r="T12323" i="1"/>
  <c r="T12324" i="1"/>
  <c r="T12325" i="1"/>
  <c r="T12326" i="1"/>
  <c r="T12327" i="1"/>
  <c r="T12328" i="1"/>
  <c r="T12329" i="1"/>
  <c r="T12330" i="1"/>
  <c r="T12331" i="1"/>
  <c r="T12332" i="1"/>
  <c r="T12333" i="1"/>
  <c r="T12334" i="1"/>
  <c r="T12335" i="1"/>
  <c r="T12336" i="1"/>
  <c r="T12337" i="1"/>
  <c r="T12338" i="1"/>
  <c r="T12339" i="1"/>
  <c r="T12340" i="1"/>
  <c r="T12341" i="1"/>
  <c r="T12342" i="1"/>
  <c r="T12343" i="1"/>
  <c r="T12344" i="1"/>
  <c r="T12345" i="1"/>
  <c r="T12346" i="1"/>
  <c r="T12347" i="1"/>
  <c r="T12348" i="1"/>
  <c r="T12349" i="1"/>
  <c r="T12350" i="1"/>
  <c r="T12351" i="1"/>
  <c r="T12352" i="1"/>
  <c r="T12353" i="1"/>
  <c r="T12354" i="1"/>
  <c r="T12355" i="1"/>
  <c r="T12356" i="1"/>
  <c r="T12357" i="1"/>
  <c r="T12358" i="1"/>
  <c r="T12359" i="1"/>
  <c r="T12360" i="1"/>
  <c r="T12361" i="1"/>
  <c r="T12362" i="1"/>
  <c r="T12363" i="1"/>
  <c r="T12364" i="1"/>
  <c r="T12365" i="1"/>
  <c r="T12366" i="1"/>
  <c r="T12367" i="1"/>
  <c r="T12368" i="1"/>
  <c r="T12369" i="1"/>
  <c r="T12370" i="1"/>
  <c r="T12371" i="1"/>
  <c r="T12372" i="1"/>
  <c r="T12373" i="1"/>
  <c r="T12374" i="1"/>
  <c r="T12375" i="1"/>
  <c r="T12376" i="1"/>
  <c r="T12377" i="1"/>
  <c r="T12378" i="1"/>
  <c r="T12379" i="1"/>
  <c r="T12380" i="1"/>
  <c r="T12381" i="1"/>
  <c r="T12382" i="1"/>
  <c r="T12383" i="1"/>
  <c r="T12384" i="1"/>
  <c r="T12385" i="1"/>
  <c r="T12386" i="1"/>
  <c r="T12387" i="1"/>
  <c r="T12388" i="1"/>
  <c r="T12389" i="1"/>
  <c r="T12390" i="1"/>
  <c r="T12391" i="1"/>
  <c r="T12392" i="1"/>
  <c r="T12393" i="1"/>
  <c r="T12394" i="1"/>
  <c r="T12395" i="1"/>
  <c r="T12396" i="1"/>
  <c r="T12397" i="1"/>
  <c r="T12398" i="1"/>
  <c r="T12399" i="1"/>
  <c r="T12400" i="1"/>
  <c r="T12401" i="1"/>
  <c r="T12402" i="1"/>
  <c r="T12403" i="1"/>
  <c r="T12404" i="1"/>
  <c r="T12405" i="1"/>
  <c r="T12406" i="1"/>
  <c r="T12407" i="1"/>
  <c r="T12408" i="1"/>
  <c r="T12409" i="1"/>
  <c r="T12410" i="1"/>
  <c r="T12411" i="1"/>
  <c r="T12412" i="1"/>
  <c r="T12413" i="1"/>
  <c r="T12414" i="1"/>
  <c r="T12415" i="1"/>
  <c r="T12416" i="1"/>
  <c r="T12417" i="1"/>
  <c r="T12418" i="1"/>
  <c r="T12419" i="1"/>
  <c r="T12420" i="1"/>
  <c r="T12421" i="1"/>
  <c r="T12422" i="1"/>
  <c r="T12423" i="1"/>
  <c r="T12424" i="1"/>
  <c r="T12425" i="1"/>
  <c r="T12426" i="1"/>
  <c r="T12427" i="1"/>
  <c r="T12428" i="1"/>
  <c r="T12429" i="1"/>
  <c r="T12430" i="1"/>
  <c r="T12431" i="1"/>
  <c r="T12432" i="1"/>
  <c r="T12433" i="1"/>
  <c r="T12434" i="1"/>
  <c r="T12435" i="1"/>
  <c r="T12436" i="1"/>
  <c r="T12437" i="1"/>
  <c r="T12438" i="1"/>
  <c r="T12439" i="1"/>
  <c r="T12440" i="1"/>
  <c r="T12441" i="1"/>
  <c r="T12442" i="1"/>
  <c r="T12443" i="1"/>
  <c r="T12444" i="1"/>
  <c r="T12445" i="1"/>
  <c r="T12446" i="1"/>
  <c r="T12447" i="1"/>
  <c r="T12448" i="1"/>
  <c r="T12449" i="1"/>
  <c r="T12450" i="1"/>
  <c r="T12451" i="1"/>
  <c r="T12452" i="1"/>
  <c r="T12453" i="1"/>
  <c r="T12454" i="1"/>
  <c r="T12455" i="1"/>
  <c r="T12456" i="1"/>
  <c r="T12457" i="1"/>
  <c r="T12458" i="1"/>
  <c r="T12459" i="1"/>
  <c r="T12460" i="1"/>
  <c r="T12461" i="1"/>
  <c r="T12462" i="1"/>
  <c r="T12463" i="1"/>
  <c r="T12464" i="1"/>
  <c r="T12465" i="1"/>
  <c r="T12466" i="1"/>
  <c r="T12467" i="1"/>
  <c r="T12468" i="1"/>
  <c r="T12469" i="1"/>
  <c r="T12470" i="1"/>
  <c r="T12471" i="1"/>
  <c r="T12472" i="1"/>
  <c r="T12473" i="1"/>
  <c r="T12474" i="1"/>
  <c r="T12475" i="1"/>
  <c r="T12476" i="1"/>
  <c r="T12477" i="1"/>
  <c r="T12478" i="1"/>
  <c r="T12479" i="1"/>
  <c r="T12480" i="1"/>
  <c r="T12481" i="1"/>
  <c r="T12482" i="1"/>
  <c r="T12483" i="1"/>
  <c r="T12484" i="1"/>
  <c r="T12485" i="1"/>
  <c r="T12486" i="1"/>
  <c r="T12487" i="1"/>
  <c r="T12488" i="1"/>
  <c r="T12489" i="1"/>
  <c r="T12490" i="1"/>
  <c r="T12491" i="1"/>
  <c r="T12492" i="1"/>
  <c r="T12493" i="1"/>
  <c r="T12494" i="1"/>
  <c r="T12495" i="1"/>
  <c r="T12496" i="1"/>
  <c r="T12497" i="1"/>
  <c r="T12498" i="1"/>
  <c r="T12499" i="1"/>
  <c r="T12500" i="1"/>
  <c r="T12501" i="1"/>
  <c r="T12502" i="1"/>
  <c r="T12503" i="1"/>
  <c r="T12504" i="1"/>
  <c r="T12505" i="1"/>
  <c r="T12506" i="1"/>
  <c r="T12507" i="1"/>
  <c r="T12508" i="1"/>
  <c r="T12509" i="1"/>
  <c r="T12510" i="1"/>
  <c r="T12511" i="1"/>
  <c r="T12512" i="1"/>
  <c r="T12513" i="1"/>
  <c r="T12514" i="1"/>
  <c r="T12515" i="1"/>
  <c r="T12516" i="1"/>
  <c r="T12517" i="1"/>
  <c r="T12518" i="1"/>
  <c r="T12519" i="1"/>
  <c r="T12520" i="1"/>
  <c r="T12521" i="1"/>
  <c r="T12522" i="1"/>
  <c r="T12523" i="1"/>
  <c r="T12524" i="1"/>
  <c r="T12525" i="1"/>
  <c r="T12526" i="1"/>
  <c r="T12527" i="1"/>
  <c r="T12528" i="1"/>
  <c r="T12529" i="1"/>
  <c r="T12530" i="1"/>
  <c r="T12531" i="1"/>
  <c r="T12532" i="1"/>
  <c r="T12533" i="1"/>
  <c r="T12534" i="1"/>
  <c r="T12535" i="1"/>
  <c r="T12536" i="1"/>
  <c r="T12537" i="1"/>
  <c r="T12538" i="1"/>
  <c r="T12539" i="1"/>
  <c r="T12540" i="1"/>
  <c r="T12541" i="1"/>
  <c r="T12542" i="1"/>
  <c r="T12543" i="1"/>
  <c r="T12544" i="1"/>
  <c r="T12545" i="1"/>
  <c r="T12546" i="1"/>
  <c r="T12547" i="1"/>
  <c r="T12548" i="1"/>
  <c r="T12549" i="1"/>
  <c r="T12550" i="1"/>
  <c r="T12551" i="1"/>
  <c r="T12552" i="1"/>
  <c r="T12553" i="1"/>
  <c r="T12554" i="1"/>
  <c r="T12555" i="1"/>
  <c r="T12556" i="1"/>
  <c r="T12557" i="1"/>
  <c r="T12558" i="1"/>
  <c r="T12559" i="1"/>
  <c r="T12560" i="1"/>
  <c r="T12561" i="1"/>
  <c r="T12562" i="1"/>
  <c r="T12563" i="1"/>
  <c r="T12564" i="1"/>
  <c r="T12565" i="1"/>
  <c r="T12566" i="1"/>
  <c r="T12567" i="1"/>
  <c r="T12568" i="1"/>
  <c r="T12569" i="1"/>
  <c r="T12570" i="1"/>
  <c r="T12571" i="1"/>
  <c r="T12572" i="1"/>
  <c r="T12573" i="1"/>
  <c r="T12574" i="1"/>
  <c r="T12575" i="1"/>
  <c r="T12576" i="1"/>
  <c r="T12577" i="1"/>
  <c r="T12578" i="1"/>
  <c r="T12579" i="1"/>
  <c r="T12580" i="1"/>
  <c r="T12581" i="1"/>
  <c r="T12582" i="1"/>
  <c r="T12583" i="1"/>
  <c r="T12584" i="1"/>
  <c r="T12585" i="1"/>
  <c r="T12586" i="1"/>
  <c r="T12587" i="1"/>
  <c r="T12588" i="1"/>
  <c r="T12589" i="1"/>
  <c r="T12590" i="1"/>
  <c r="T12591" i="1"/>
  <c r="T12592" i="1"/>
  <c r="T12593" i="1"/>
  <c r="T12594" i="1"/>
  <c r="T12595" i="1"/>
  <c r="T12596" i="1"/>
  <c r="T12597" i="1"/>
  <c r="T12598" i="1"/>
  <c r="T12599" i="1"/>
  <c r="T12600" i="1"/>
  <c r="T12601" i="1"/>
  <c r="T12602" i="1"/>
  <c r="T12603" i="1"/>
  <c r="T12604" i="1"/>
  <c r="T12605" i="1"/>
  <c r="T12606" i="1"/>
  <c r="T12607" i="1"/>
  <c r="T12608" i="1"/>
  <c r="T12609" i="1"/>
  <c r="T12610" i="1"/>
  <c r="T12611" i="1"/>
  <c r="T12612" i="1"/>
  <c r="T12613" i="1"/>
  <c r="T12614" i="1"/>
  <c r="T12615" i="1"/>
  <c r="T12616" i="1"/>
  <c r="T12617" i="1"/>
  <c r="T12618" i="1"/>
  <c r="T12619" i="1"/>
  <c r="T12620" i="1"/>
  <c r="T12621" i="1"/>
  <c r="T12622" i="1"/>
  <c r="T12623" i="1"/>
  <c r="T12624" i="1"/>
  <c r="T12625" i="1"/>
  <c r="T12626" i="1"/>
  <c r="T12627" i="1"/>
  <c r="T12628" i="1"/>
  <c r="T12629" i="1"/>
  <c r="T12630" i="1"/>
  <c r="T12631" i="1"/>
  <c r="T12632" i="1"/>
  <c r="T12633" i="1"/>
  <c r="T12634" i="1"/>
  <c r="T12635" i="1"/>
  <c r="T12636" i="1"/>
  <c r="T12637" i="1"/>
  <c r="T12638" i="1"/>
  <c r="T12639" i="1"/>
  <c r="T12640" i="1"/>
  <c r="T12641" i="1"/>
  <c r="T12642" i="1"/>
  <c r="T12643" i="1"/>
  <c r="T12644" i="1"/>
  <c r="T12645" i="1"/>
  <c r="T12646" i="1"/>
  <c r="T12647" i="1"/>
  <c r="T12648" i="1"/>
  <c r="T12649" i="1"/>
  <c r="T12650" i="1"/>
  <c r="T12651" i="1"/>
  <c r="T12652" i="1"/>
  <c r="T12653" i="1"/>
  <c r="T12654" i="1"/>
  <c r="T12655" i="1"/>
  <c r="T12656" i="1"/>
  <c r="T12657" i="1"/>
  <c r="T12658" i="1"/>
  <c r="T12659" i="1"/>
  <c r="T12660" i="1"/>
  <c r="T12661" i="1"/>
  <c r="T12662" i="1"/>
  <c r="T12663" i="1"/>
  <c r="T12664" i="1"/>
  <c r="T12665" i="1"/>
  <c r="T12666" i="1"/>
  <c r="T12667" i="1"/>
  <c r="T12668" i="1"/>
  <c r="T12669" i="1"/>
  <c r="T12670" i="1"/>
  <c r="T12671" i="1"/>
  <c r="T12672" i="1"/>
  <c r="T12673" i="1"/>
  <c r="T12674" i="1"/>
  <c r="T12675" i="1"/>
  <c r="T12676" i="1"/>
  <c r="T12677" i="1"/>
  <c r="T12678" i="1"/>
  <c r="T12679" i="1"/>
  <c r="T12680" i="1"/>
  <c r="T12681" i="1"/>
  <c r="T12682" i="1"/>
  <c r="T12683" i="1"/>
  <c r="T12684" i="1"/>
  <c r="T12685" i="1"/>
  <c r="T12686" i="1"/>
  <c r="T12687" i="1"/>
  <c r="T12688" i="1"/>
  <c r="T12689" i="1"/>
  <c r="T12690" i="1"/>
  <c r="T12691" i="1"/>
  <c r="T12692" i="1"/>
  <c r="T12693" i="1"/>
  <c r="T12694" i="1"/>
  <c r="T12695" i="1"/>
  <c r="T12696" i="1"/>
  <c r="T12697" i="1"/>
  <c r="T12698" i="1"/>
  <c r="T12699" i="1"/>
  <c r="T12700" i="1"/>
  <c r="T12701" i="1"/>
  <c r="T12702" i="1"/>
  <c r="T12703" i="1"/>
  <c r="T12704" i="1"/>
  <c r="T12705" i="1"/>
  <c r="T12706" i="1"/>
  <c r="T12707" i="1"/>
  <c r="T12708" i="1"/>
  <c r="T12709" i="1"/>
  <c r="T12710" i="1"/>
  <c r="T12711" i="1"/>
  <c r="T12712" i="1"/>
  <c r="T12713" i="1"/>
  <c r="T12714" i="1"/>
  <c r="T12715" i="1"/>
  <c r="T12716" i="1"/>
  <c r="T12717" i="1"/>
  <c r="T12718" i="1"/>
  <c r="T12719" i="1"/>
  <c r="T12720" i="1"/>
  <c r="T12721" i="1"/>
  <c r="T12722" i="1"/>
  <c r="T12723" i="1"/>
  <c r="T12724" i="1"/>
  <c r="T12725" i="1"/>
  <c r="T12726" i="1"/>
  <c r="T12727" i="1"/>
  <c r="T12728" i="1"/>
  <c r="T12729" i="1"/>
  <c r="T12730" i="1"/>
  <c r="T12731" i="1"/>
  <c r="T12732" i="1"/>
  <c r="T12733" i="1"/>
  <c r="T12734" i="1"/>
  <c r="T12735" i="1"/>
  <c r="T12736" i="1"/>
  <c r="T12737" i="1"/>
  <c r="T12738" i="1"/>
  <c r="T12739" i="1"/>
  <c r="T12740" i="1"/>
  <c r="T12741" i="1"/>
  <c r="T12742" i="1"/>
  <c r="T12743" i="1"/>
  <c r="T12744" i="1"/>
  <c r="T12745" i="1"/>
  <c r="T12746" i="1"/>
  <c r="T12747" i="1"/>
  <c r="T12748" i="1"/>
  <c r="T12749" i="1"/>
  <c r="T12750" i="1"/>
  <c r="T12751" i="1"/>
  <c r="T12752" i="1"/>
  <c r="T12753" i="1"/>
  <c r="T12754" i="1"/>
  <c r="T12755" i="1"/>
  <c r="T12756" i="1"/>
  <c r="T12757" i="1"/>
  <c r="T12758" i="1"/>
  <c r="T12759" i="1"/>
  <c r="T12760" i="1"/>
  <c r="T12761" i="1"/>
  <c r="T12762" i="1"/>
  <c r="T12763" i="1"/>
  <c r="T12764" i="1"/>
  <c r="T12765" i="1"/>
  <c r="T12766" i="1"/>
  <c r="T12767" i="1"/>
  <c r="T12768" i="1"/>
  <c r="T12769" i="1"/>
  <c r="T12770" i="1"/>
  <c r="T12771" i="1"/>
  <c r="T12772" i="1"/>
  <c r="T12773" i="1"/>
  <c r="T12774" i="1"/>
  <c r="T12775" i="1"/>
  <c r="T12776" i="1"/>
  <c r="T12777" i="1"/>
  <c r="T12778" i="1"/>
  <c r="T12779" i="1"/>
  <c r="T12780" i="1"/>
  <c r="T12781" i="1"/>
  <c r="T12782" i="1"/>
  <c r="T12783" i="1"/>
  <c r="T12784" i="1"/>
  <c r="T12785" i="1"/>
  <c r="T12786" i="1"/>
  <c r="T12787" i="1"/>
  <c r="T12788" i="1"/>
  <c r="T12789" i="1"/>
  <c r="T12790" i="1"/>
  <c r="T12791" i="1"/>
  <c r="T12792" i="1"/>
  <c r="T12793" i="1"/>
  <c r="T12794" i="1"/>
  <c r="T12795" i="1"/>
  <c r="T12796" i="1"/>
  <c r="T12797" i="1"/>
  <c r="T12798" i="1"/>
  <c r="T12799" i="1"/>
  <c r="T12800" i="1"/>
  <c r="T12801" i="1"/>
  <c r="T12802" i="1"/>
  <c r="T12803" i="1"/>
  <c r="T12804" i="1"/>
  <c r="T12805" i="1"/>
  <c r="T12806" i="1"/>
  <c r="T12807" i="1"/>
  <c r="T12808" i="1"/>
  <c r="T12809" i="1"/>
  <c r="T12810" i="1"/>
  <c r="T12811" i="1"/>
  <c r="T12812" i="1"/>
  <c r="T12813" i="1"/>
  <c r="T12814" i="1"/>
  <c r="T12815" i="1"/>
  <c r="T12816" i="1"/>
  <c r="T12817" i="1"/>
  <c r="T12818" i="1"/>
  <c r="T12819" i="1"/>
  <c r="T12820" i="1"/>
  <c r="T12821" i="1"/>
  <c r="T12822" i="1"/>
  <c r="T12823" i="1"/>
  <c r="T12824" i="1"/>
  <c r="T12825" i="1"/>
  <c r="T12826" i="1"/>
  <c r="T12827" i="1"/>
  <c r="T12828" i="1"/>
  <c r="T12829" i="1"/>
  <c r="T12830" i="1"/>
  <c r="T12831" i="1"/>
  <c r="T12832" i="1"/>
  <c r="T12833" i="1"/>
  <c r="T12834" i="1"/>
  <c r="T12835" i="1"/>
  <c r="T12836" i="1"/>
  <c r="T12837" i="1"/>
  <c r="T12838" i="1"/>
  <c r="T12839" i="1"/>
  <c r="T12840" i="1"/>
  <c r="T12841" i="1"/>
  <c r="T12842" i="1"/>
  <c r="T12843" i="1"/>
  <c r="T12844" i="1"/>
  <c r="T12845" i="1"/>
  <c r="T12846" i="1"/>
  <c r="T12847" i="1"/>
  <c r="T12848" i="1"/>
  <c r="T12849" i="1"/>
  <c r="T12850" i="1"/>
  <c r="T12851" i="1"/>
  <c r="T12852" i="1"/>
  <c r="T12853" i="1"/>
  <c r="T12854" i="1"/>
  <c r="T12855" i="1"/>
  <c r="T12856" i="1"/>
  <c r="T12857" i="1"/>
  <c r="T12858" i="1"/>
  <c r="T12859" i="1"/>
  <c r="T12860" i="1"/>
  <c r="T12861" i="1"/>
  <c r="T12862" i="1"/>
  <c r="T12863" i="1"/>
  <c r="T12864" i="1"/>
  <c r="T12865" i="1"/>
  <c r="T12866" i="1"/>
  <c r="T12867" i="1"/>
  <c r="T12868" i="1"/>
  <c r="T12869" i="1"/>
  <c r="T12870" i="1"/>
  <c r="T12871" i="1"/>
  <c r="T12872" i="1"/>
  <c r="T12873" i="1"/>
  <c r="T12874" i="1"/>
  <c r="T12875" i="1"/>
  <c r="T12876" i="1"/>
  <c r="T12877" i="1"/>
  <c r="T12878" i="1"/>
  <c r="T12879" i="1"/>
  <c r="T12880" i="1"/>
  <c r="T12881" i="1"/>
  <c r="T12882" i="1"/>
  <c r="T12883" i="1"/>
  <c r="T12884" i="1"/>
  <c r="T12885" i="1"/>
  <c r="T12886" i="1"/>
  <c r="T12887" i="1"/>
  <c r="T12888" i="1"/>
  <c r="T12889" i="1"/>
  <c r="T12890" i="1"/>
  <c r="T12891" i="1"/>
  <c r="T12892" i="1"/>
  <c r="T12893" i="1"/>
  <c r="T12894" i="1"/>
  <c r="T12895" i="1"/>
  <c r="T12896" i="1"/>
  <c r="T12897" i="1"/>
  <c r="T12898" i="1"/>
  <c r="T12899" i="1"/>
  <c r="T12900" i="1"/>
  <c r="T12901" i="1"/>
  <c r="T12902" i="1"/>
  <c r="T12903" i="1"/>
  <c r="T12904" i="1"/>
  <c r="T12905" i="1"/>
  <c r="T12906" i="1"/>
  <c r="T12907" i="1"/>
  <c r="T12908" i="1"/>
  <c r="T12909" i="1"/>
  <c r="T12910" i="1"/>
  <c r="T12911" i="1"/>
  <c r="T12912" i="1"/>
  <c r="T12913" i="1"/>
  <c r="T12914" i="1"/>
  <c r="T12915" i="1"/>
  <c r="T12916" i="1"/>
  <c r="T12917" i="1"/>
  <c r="T12918" i="1"/>
  <c r="T12919" i="1"/>
  <c r="T12920" i="1"/>
  <c r="T12921" i="1"/>
  <c r="T12922" i="1"/>
  <c r="T12923" i="1"/>
  <c r="T12924" i="1"/>
  <c r="T12925" i="1"/>
  <c r="T12926" i="1"/>
  <c r="T12927" i="1"/>
  <c r="T12928" i="1"/>
  <c r="T12929" i="1"/>
  <c r="T12930" i="1"/>
  <c r="T12931" i="1"/>
  <c r="T12932" i="1"/>
  <c r="T12933" i="1"/>
  <c r="T12934" i="1"/>
  <c r="T12935" i="1"/>
  <c r="T12936" i="1"/>
  <c r="T12937" i="1"/>
  <c r="T12938" i="1"/>
  <c r="T12939" i="1"/>
  <c r="T12940" i="1"/>
  <c r="T12941" i="1"/>
  <c r="T12942" i="1"/>
  <c r="T12943" i="1"/>
  <c r="T12944" i="1"/>
  <c r="T12945" i="1"/>
  <c r="T12946" i="1"/>
  <c r="T12947" i="1"/>
  <c r="T12948" i="1"/>
  <c r="T12949" i="1"/>
  <c r="T12950" i="1"/>
  <c r="T12951" i="1"/>
  <c r="T12952" i="1"/>
  <c r="T12953" i="1"/>
  <c r="T12954" i="1"/>
  <c r="T12955" i="1"/>
  <c r="T12956" i="1"/>
  <c r="T12957" i="1"/>
  <c r="T12958" i="1"/>
  <c r="T12959" i="1"/>
  <c r="T12960" i="1"/>
  <c r="T12961" i="1"/>
  <c r="T12962" i="1"/>
  <c r="T12963" i="1"/>
  <c r="T12964" i="1"/>
  <c r="T12965" i="1"/>
  <c r="T12966" i="1"/>
  <c r="T12967" i="1"/>
  <c r="T12968" i="1"/>
  <c r="T12969" i="1"/>
  <c r="T12970" i="1"/>
  <c r="T12971" i="1"/>
  <c r="T12972" i="1"/>
  <c r="T12973" i="1"/>
  <c r="T12974" i="1"/>
  <c r="T12975" i="1"/>
  <c r="T12976" i="1"/>
  <c r="T12977" i="1"/>
  <c r="T12978" i="1"/>
  <c r="T12979" i="1"/>
  <c r="T12980" i="1"/>
  <c r="T12981" i="1"/>
  <c r="T12982" i="1"/>
  <c r="T12983" i="1"/>
  <c r="T12984" i="1"/>
  <c r="T12985" i="1"/>
  <c r="T12986" i="1"/>
  <c r="T12987" i="1"/>
  <c r="T12988" i="1"/>
  <c r="T12989" i="1"/>
  <c r="T12990" i="1"/>
  <c r="T12991" i="1"/>
  <c r="T12992" i="1"/>
  <c r="T12993" i="1"/>
  <c r="T12994" i="1"/>
  <c r="T12995" i="1"/>
  <c r="T12996" i="1"/>
  <c r="T12997" i="1"/>
  <c r="T12998" i="1"/>
  <c r="T12999" i="1"/>
  <c r="T13000" i="1"/>
  <c r="T13001" i="1"/>
  <c r="T13002" i="1"/>
  <c r="T13003" i="1"/>
  <c r="T13004" i="1"/>
  <c r="T13005" i="1"/>
  <c r="T13006" i="1"/>
  <c r="T13007" i="1"/>
  <c r="T13008" i="1"/>
  <c r="T13009" i="1"/>
  <c r="T13010" i="1"/>
  <c r="T13011" i="1"/>
  <c r="T13012" i="1"/>
  <c r="T13013" i="1"/>
  <c r="T13014" i="1"/>
  <c r="T13015" i="1"/>
  <c r="T13016" i="1"/>
  <c r="T13017" i="1"/>
  <c r="T13018" i="1"/>
  <c r="T13019" i="1"/>
  <c r="T13020" i="1"/>
  <c r="T13021" i="1"/>
  <c r="T13022" i="1"/>
  <c r="T13023" i="1"/>
  <c r="T13024" i="1"/>
  <c r="T13025" i="1"/>
  <c r="T13026" i="1"/>
  <c r="T13027" i="1"/>
  <c r="T13028" i="1"/>
  <c r="T13029" i="1"/>
  <c r="T13030" i="1"/>
  <c r="T13031" i="1"/>
  <c r="T13032" i="1"/>
  <c r="T13033" i="1"/>
  <c r="T13034" i="1"/>
  <c r="T13035" i="1"/>
  <c r="T13036" i="1"/>
  <c r="T13037" i="1"/>
  <c r="T13038" i="1"/>
  <c r="T13039" i="1"/>
  <c r="T13040" i="1"/>
  <c r="T13041" i="1"/>
  <c r="T13042" i="1"/>
  <c r="T13043" i="1"/>
  <c r="T13044" i="1"/>
  <c r="T13045" i="1"/>
  <c r="T13046" i="1"/>
  <c r="T13047" i="1"/>
  <c r="T13048" i="1"/>
  <c r="T13049" i="1"/>
  <c r="T13050" i="1"/>
  <c r="T13051" i="1"/>
  <c r="T13052" i="1"/>
  <c r="T13053" i="1"/>
  <c r="T13054" i="1"/>
  <c r="T13055" i="1"/>
  <c r="T13056" i="1"/>
  <c r="T13057" i="1"/>
  <c r="T13058" i="1"/>
  <c r="T13059" i="1"/>
  <c r="T13060" i="1"/>
  <c r="T13061" i="1"/>
  <c r="T13062" i="1"/>
  <c r="T13063" i="1"/>
  <c r="T13064" i="1"/>
  <c r="T13065" i="1"/>
  <c r="T13066" i="1"/>
  <c r="T13067" i="1"/>
  <c r="T13068" i="1"/>
  <c r="T13069" i="1"/>
  <c r="T13070" i="1"/>
  <c r="T13071" i="1"/>
  <c r="T13072" i="1"/>
  <c r="T13073" i="1"/>
  <c r="T13074" i="1"/>
  <c r="T13075" i="1"/>
  <c r="T13076" i="1"/>
  <c r="T13077" i="1"/>
  <c r="T13078" i="1"/>
  <c r="T13079" i="1"/>
  <c r="T13080" i="1"/>
  <c r="T13081" i="1"/>
  <c r="T13082" i="1"/>
  <c r="T13083" i="1"/>
  <c r="T13084" i="1"/>
  <c r="T13085" i="1"/>
  <c r="T13086" i="1"/>
  <c r="T13087" i="1"/>
  <c r="T13088" i="1"/>
  <c r="T13089" i="1"/>
  <c r="T13090" i="1"/>
  <c r="T13091" i="1"/>
  <c r="T13092" i="1"/>
  <c r="T13093" i="1"/>
  <c r="T13094" i="1"/>
  <c r="T13095" i="1"/>
  <c r="T13096" i="1"/>
  <c r="T13097" i="1"/>
  <c r="T13098" i="1"/>
  <c r="T13099" i="1"/>
  <c r="T13100" i="1"/>
  <c r="T13101" i="1"/>
  <c r="T13102" i="1"/>
  <c r="T13103" i="1"/>
  <c r="T13104" i="1"/>
  <c r="T13105" i="1"/>
  <c r="T13106" i="1"/>
  <c r="T13107" i="1"/>
  <c r="T13108" i="1"/>
  <c r="T13109" i="1"/>
  <c r="T13110" i="1"/>
  <c r="T13111" i="1"/>
  <c r="T13112" i="1"/>
  <c r="T13113" i="1"/>
  <c r="T13114" i="1"/>
  <c r="T13115" i="1"/>
  <c r="T13116" i="1"/>
  <c r="T13117" i="1"/>
  <c r="T13118" i="1"/>
  <c r="T13119" i="1"/>
  <c r="T13120" i="1"/>
  <c r="T13121" i="1"/>
  <c r="T13122" i="1"/>
  <c r="T13123" i="1"/>
  <c r="T13124" i="1"/>
  <c r="T13125" i="1"/>
  <c r="T13126" i="1"/>
  <c r="T13127" i="1"/>
  <c r="T13128" i="1"/>
  <c r="T13129" i="1"/>
  <c r="T13130" i="1"/>
  <c r="T13131" i="1"/>
  <c r="T13132" i="1"/>
  <c r="T13133" i="1"/>
  <c r="T13134" i="1"/>
  <c r="T13135" i="1"/>
  <c r="T13136" i="1"/>
  <c r="T13137" i="1"/>
  <c r="T13138" i="1"/>
  <c r="T13139" i="1"/>
  <c r="T13140" i="1"/>
  <c r="T13141" i="1"/>
  <c r="T13142" i="1"/>
  <c r="T13143" i="1"/>
  <c r="T13144" i="1"/>
  <c r="T13145" i="1"/>
  <c r="T13146" i="1"/>
  <c r="T13147" i="1"/>
  <c r="T13148" i="1"/>
  <c r="T13149" i="1"/>
  <c r="T13150" i="1"/>
  <c r="T13151" i="1"/>
  <c r="T13152" i="1"/>
  <c r="T13153" i="1"/>
  <c r="T13154" i="1"/>
  <c r="T13155" i="1"/>
  <c r="T13156" i="1"/>
  <c r="T13157" i="1"/>
  <c r="T13158" i="1"/>
  <c r="T13159" i="1"/>
  <c r="T13160" i="1"/>
  <c r="T13161" i="1"/>
  <c r="T13162" i="1"/>
  <c r="T13163" i="1"/>
  <c r="T13164" i="1"/>
  <c r="T13165" i="1"/>
  <c r="T13166" i="1"/>
  <c r="T13167" i="1"/>
  <c r="T13168" i="1"/>
  <c r="T13169" i="1"/>
  <c r="T13170" i="1"/>
  <c r="T13171" i="1"/>
  <c r="T13172" i="1"/>
  <c r="T13173" i="1"/>
  <c r="T13174" i="1"/>
  <c r="T13175" i="1"/>
  <c r="T13176" i="1"/>
  <c r="T13177" i="1"/>
  <c r="T13178" i="1"/>
  <c r="T13179" i="1"/>
  <c r="T13180" i="1"/>
  <c r="T13181" i="1"/>
  <c r="T13182" i="1"/>
  <c r="T13183" i="1"/>
  <c r="T13184" i="1"/>
  <c r="T13185" i="1"/>
  <c r="T13186" i="1"/>
  <c r="T13187" i="1"/>
  <c r="T13188" i="1"/>
  <c r="T13189" i="1"/>
  <c r="T13190" i="1"/>
  <c r="T13191" i="1"/>
  <c r="T13192" i="1"/>
  <c r="T13193" i="1"/>
  <c r="T13194" i="1"/>
  <c r="T13195" i="1"/>
  <c r="T13196" i="1"/>
  <c r="T13197" i="1"/>
  <c r="T13198" i="1"/>
  <c r="T13199" i="1"/>
  <c r="T13200" i="1"/>
  <c r="T13201" i="1"/>
  <c r="T13202" i="1"/>
  <c r="T13203" i="1"/>
  <c r="T13204" i="1"/>
  <c r="T13205" i="1"/>
  <c r="T13206" i="1"/>
  <c r="T13207" i="1"/>
  <c r="T13208" i="1"/>
  <c r="T13209" i="1"/>
  <c r="T13210" i="1"/>
  <c r="T13211" i="1"/>
  <c r="T13212" i="1"/>
  <c r="T13213" i="1"/>
  <c r="T13214" i="1"/>
  <c r="T13215" i="1"/>
  <c r="T13216" i="1"/>
  <c r="T13217" i="1"/>
  <c r="T13218" i="1"/>
  <c r="T13219" i="1"/>
  <c r="T13220" i="1"/>
  <c r="T13221" i="1"/>
  <c r="T13222" i="1"/>
  <c r="T13223" i="1"/>
  <c r="T13224" i="1"/>
  <c r="T13225" i="1"/>
  <c r="T13226" i="1"/>
  <c r="T13227" i="1"/>
  <c r="T13228" i="1"/>
  <c r="T13229" i="1"/>
  <c r="T13230" i="1"/>
  <c r="T13231" i="1"/>
  <c r="T13232" i="1"/>
  <c r="T13233" i="1"/>
  <c r="T13234" i="1"/>
  <c r="T13235" i="1"/>
  <c r="T13236" i="1"/>
  <c r="T13237" i="1"/>
  <c r="T13238" i="1"/>
  <c r="T13239" i="1"/>
  <c r="T13240" i="1"/>
  <c r="T13241" i="1"/>
  <c r="T13242" i="1"/>
  <c r="T13243" i="1"/>
  <c r="T13244" i="1"/>
  <c r="T13245" i="1"/>
  <c r="T13246" i="1"/>
  <c r="T13247" i="1"/>
  <c r="T13248" i="1"/>
  <c r="T13249" i="1"/>
  <c r="T13250" i="1"/>
  <c r="T13251" i="1"/>
  <c r="T13252" i="1"/>
  <c r="T13253" i="1"/>
  <c r="T13254" i="1"/>
  <c r="T13255" i="1"/>
  <c r="T13256" i="1"/>
  <c r="T13257" i="1"/>
  <c r="T13258" i="1"/>
  <c r="T13259" i="1"/>
  <c r="T13260" i="1"/>
  <c r="T13261" i="1"/>
  <c r="T13262" i="1"/>
  <c r="T13263" i="1"/>
  <c r="T13264" i="1"/>
  <c r="T13265" i="1"/>
  <c r="T13266" i="1"/>
  <c r="T13267" i="1"/>
  <c r="T13268" i="1"/>
  <c r="T13269" i="1"/>
  <c r="T13270" i="1"/>
  <c r="T13271" i="1"/>
  <c r="T13272" i="1"/>
  <c r="T13273" i="1"/>
  <c r="T13274" i="1"/>
  <c r="T13275" i="1"/>
  <c r="T13276" i="1"/>
  <c r="T13277" i="1"/>
  <c r="T13278" i="1"/>
  <c r="T13279" i="1"/>
  <c r="T13280" i="1"/>
  <c r="T13281" i="1"/>
  <c r="T13282" i="1"/>
  <c r="T13283" i="1"/>
  <c r="T13284" i="1"/>
  <c r="T13285" i="1"/>
  <c r="T13286" i="1"/>
  <c r="T13287" i="1"/>
  <c r="T13288" i="1"/>
  <c r="T13289" i="1"/>
  <c r="T13290" i="1"/>
  <c r="T13291" i="1"/>
  <c r="T13292" i="1"/>
  <c r="T13293" i="1"/>
  <c r="T13294" i="1"/>
  <c r="T13295" i="1"/>
  <c r="T13296" i="1"/>
  <c r="T13297" i="1"/>
  <c r="T13298" i="1"/>
  <c r="T13299" i="1"/>
  <c r="T13300" i="1"/>
  <c r="T13301" i="1"/>
  <c r="T13302" i="1"/>
  <c r="T13303" i="1"/>
  <c r="T13304" i="1"/>
  <c r="T13305" i="1"/>
  <c r="T13306" i="1"/>
  <c r="T13307" i="1"/>
  <c r="T13308" i="1"/>
  <c r="T13309" i="1"/>
  <c r="T13310" i="1"/>
  <c r="T13311" i="1"/>
  <c r="T13312" i="1"/>
  <c r="T13313" i="1"/>
  <c r="T13314" i="1"/>
  <c r="T13315" i="1"/>
  <c r="T13316" i="1"/>
  <c r="T13317" i="1"/>
  <c r="T13318" i="1"/>
  <c r="T13319" i="1"/>
  <c r="T13320" i="1"/>
  <c r="T13321" i="1"/>
  <c r="T13322" i="1"/>
  <c r="T13323" i="1"/>
  <c r="T13324" i="1"/>
  <c r="T13325" i="1"/>
  <c r="T13326" i="1"/>
  <c r="T13327" i="1"/>
  <c r="T13328" i="1"/>
  <c r="T13329" i="1"/>
  <c r="T13330" i="1"/>
  <c r="T13331" i="1"/>
  <c r="T13332" i="1"/>
  <c r="T13333" i="1"/>
  <c r="T13334" i="1"/>
  <c r="T13335" i="1"/>
  <c r="T13336" i="1"/>
  <c r="T13337" i="1"/>
  <c r="T13338" i="1"/>
  <c r="T13339" i="1"/>
  <c r="T13340" i="1"/>
  <c r="T13341" i="1"/>
  <c r="T13342" i="1"/>
  <c r="T13343" i="1"/>
  <c r="T13344" i="1"/>
  <c r="T13345" i="1"/>
  <c r="T13346" i="1"/>
  <c r="T13347" i="1"/>
  <c r="T13348" i="1"/>
  <c r="T13349" i="1"/>
  <c r="T13350" i="1"/>
  <c r="T13351" i="1"/>
  <c r="T13352" i="1"/>
  <c r="T13353" i="1"/>
  <c r="T13354" i="1"/>
  <c r="T13355" i="1"/>
  <c r="T13356" i="1"/>
  <c r="T13357" i="1"/>
  <c r="T13358" i="1"/>
  <c r="T13359" i="1"/>
  <c r="T13360" i="1"/>
  <c r="T13361" i="1"/>
  <c r="T13362" i="1"/>
  <c r="T13363" i="1"/>
  <c r="T13364" i="1"/>
  <c r="T13365" i="1"/>
  <c r="T13366" i="1"/>
  <c r="T13367" i="1"/>
  <c r="T13368" i="1"/>
  <c r="T13369" i="1"/>
  <c r="T13370" i="1"/>
  <c r="T13371" i="1"/>
  <c r="T13372" i="1"/>
  <c r="T13373" i="1"/>
  <c r="T13374" i="1"/>
  <c r="T13375" i="1"/>
  <c r="T13376" i="1"/>
  <c r="T13377" i="1"/>
  <c r="T13378" i="1"/>
  <c r="T13379" i="1"/>
  <c r="T13380" i="1"/>
  <c r="T13381" i="1"/>
  <c r="T13382" i="1"/>
  <c r="T13383" i="1"/>
  <c r="T13384" i="1"/>
  <c r="T13385" i="1"/>
  <c r="T13386" i="1"/>
  <c r="T13387" i="1"/>
  <c r="T13388" i="1"/>
  <c r="T13389" i="1"/>
  <c r="T13390" i="1"/>
  <c r="T13391" i="1"/>
  <c r="T13392" i="1"/>
  <c r="T13393" i="1"/>
  <c r="T13394" i="1"/>
  <c r="T13395" i="1"/>
  <c r="T13396" i="1"/>
  <c r="T13397" i="1"/>
  <c r="T13398" i="1"/>
  <c r="T13399" i="1"/>
  <c r="T13400" i="1"/>
  <c r="T13401" i="1"/>
  <c r="T13402" i="1"/>
  <c r="T13403" i="1"/>
  <c r="T13404" i="1"/>
  <c r="T13405" i="1"/>
  <c r="T13406" i="1"/>
  <c r="T13407" i="1"/>
  <c r="T13408" i="1"/>
  <c r="T13409" i="1"/>
  <c r="T13410" i="1"/>
  <c r="T13411" i="1"/>
  <c r="T13412" i="1"/>
  <c r="T13413" i="1"/>
  <c r="T13414" i="1"/>
  <c r="T13415" i="1"/>
  <c r="T13416" i="1"/>
  <c r="T13417" i="1"/>
  <c r="T13418" i="1"/>
  <c r="T13419" i="1"/>
  <c r="T13420" i="1"/>
  <c r="T13421" i="1"/>
  <c r="T13422" i="1"/>
  <c r="T13423" i="1"/>
  <c r="T13424" i="1"/>
  <c r="T13425" i="1"/>
  <c r="T13426" i="1"/>
  <c r="T13427" i="1"/>
  <c r="T13428" i="1"/>
  <c r="T13429" i="1"/>
  <c r="T13430" i="1"/>
  <c r="T13431" i="1"/>
  <c r="T13432" i="1"/>
  <c r="T13433" i="1"/>
  <c r="T13434" i="1"/>
  <c r="T13435" i="1"/>
  <c r="T13436" i="1"/>
  <c r="T13437" i="1"/>
  <c r="T13438" i="1"/>
  <c r="T13439" i="1"/>
  <c r="T13440" i="1"/>
  <c r="T13441" i="1"/>
  <c r="T13442" i="1"/>
  <c r="T13443" i="1"/>
  <c r="T13444" i="1"/>
  <c r="T13445" i="1"/>
  <c r="T13446" i="1"/>
  <c r="T13447" i="1"/>
  <c r="T13448" i="1"/>
  <c r="T13449" i="1"/>
  <c r="T13450" i="1"/>
  <c r="T13451" i="1"/>
  <c r="T13452" i="1"/>
  <c r="T13453" i="1"/>
  <c r="T13454" i="1"/>
  <c r="T13455" i="1"/>
  <c r="T13456" i="1"/>
  <c r="T13457" i="1"/>
  <c r="T13458" i="1"/>
  <c r="T13459" i="1"/>
  <c r="T13460" i="1"/>
  <c r="T13461" i="1"/>
  <c r="T13462" i="1"/>
  <c r="T13463" i="1"/>
  <c r="T13464" i="1"/>
  <c r="T13465" i="1"/>
  <c r="T13466" i="1"/>
  <c r="T13467" i="1"/>
  <c r="T13468" i="1"/>
  <c r="T13469" i="1"/>
  <c r="T13470" i="1"/>
  <c r="T13471" i="1"/>
  <c r="T13472" i="1"/>
  <c r="T13473" i="1"/>
  <c r="T13474" i="1"/>
  <c r="T13475" i="1"/>
  <c r="T13476" i="1"/>
  <c r="T13477" i="1"/>
  <c r="T13478" i="1"/>
  <c r="T13479" i="1"/>
  <c r="T13480" i="1"/>
  <c r="T13481" i="1"/>
  <c r="T13482" i="1"/>
  <c r="T13483" i="1"/>
  <c r="T13484" i="1"/>
  <c r="T13485" i="1"/>
  <c r="T13486" i="1"/>
  <c r="T13487" i="1"/>
  <c r="T13488" i="1"/>
  <c r="T13489" i="1"/>
  <c r="T13490" i="1"/>
  <c r="T13491" i="1"/>
  <c r="T13492" i="1"/>
  <c r="T13493" i="1"/>
  <c r="T13494" i="1"/>
  <c r="T13495" i="1"/>
  <c r="T13496" i="1"/>
  <c r="T13497" i="1"/>
  <c r="T13498" i="1"/>
  <c r="T13499" i="1"/>
  <c r="T13500" i="1"/>
  <c r="T13501" i="1"/>
  <c r="T13502" i="1"/>
  <c r="T13503" i="1"/>
  <c r="T13504" i="1"/>
  <c r="T13505" i="1"/>
  <c r="T13506" i="1"/>
  <c r="T13507" i="1"/>
  <c r="T13508" i="1"/>
  <c r="T13509" i="1"/>
  <c r="T13510" i="1"/>
  <c r="T13511" i="1"/>
  <c r="T13512" i="1"/>
  <c r="T13513" i="1"/>
  <c r="T13514" i="1"/>
  <c r="T13515" i="1"/>
  <c r="T13516" i="1"/>
  <c r="T13517" i="1"/>
  <c r="T13518" i="1"/>
  <c r="T13519" i="1"/>
  <c r="T13520" i="1"/>
  <c r="T13521" i="1"/>
  <c r="T13522" i="1"/>
  <c r="T13523" i="1"/>
  <c r="T13524" i="1"/>
  <c r="T13525" i="1"/>
  <c r="T13526" i="1"/>
  <c r="T13527" i="1"/>
  <c r="T13528" i="1"/>
  <c r="T13529" i="1"/>
  <c r="T13530" i="1"/>
  <c r="T13531" i="1"/>
  <c r="T13532" i="1"/>
  <c r="T13533" i="1"/>
  <c r="T13534" i="1"/>
  <c r="T13535" i="1"/>
  <c r="T13536" i="1"/>
  <c r="T13537" i="1"/>
  <c r="T13538" i="1"/>
  <c r="T13539" i="1"/>
  <c r="T13540" i="1"/>
  <c r="T13541" i="1"/>
  <c r="T13542" i="1"/>
  <c r="T13543" i="1"/>
  <c r="T13544" i="1"/>
  <c r="T13545" i="1"/>
  <c r="T13546" i="1"/>
  <c r="T13547" i="1"/>
  <c r="T13548" i="1"/>
  <c r="T13549" i="1"/>
  <c r="T13550" i="1"/>
  <c r="T13551" i="1"/>
  <c r="T13552" i="1"/>
  <c r="T13553" i="1"/>
  <c r="T13554" i="1"/>
  <c r="T13555" i="1"/>
  <c r="T13556" i="1"/>
  <c r="T13557" i="1"/>
  <c r="T13558" i="1"/>
  <c r="T13559" i="1"/>
  <c r="T13560" i="1"/>
  <c r="T13561" i="1"/>
  <c r="T13562" i="1"/>
  <c r="T13563" i="1"/>
  <c r="T13564" i="1"/>
  <c r="T13565" i="1"/>
  <c r="T13566" i="1"/>
  <c r="T13567" i="1"/>
  <c r="T13568" i="1"/>
  <c r="T13569" i="1"/>
  <c r="T13570" i="1"/>
  <c r="T13571" i="1"/>
  <c r="T13572" i="1"/>
  <c r="T13573" i="1"/>
  <c r="T13574" i="1"/>
  <c r="T13575" i="1"/>
  <c r="T13576" i="1"/>
  <c r="T13577" i="1"/>
  <c r="T13578" i="1"/>
  <c r="T13579" i="1"/>
  <c r="T13580" i="1"/>
  <c r="T13581" i="1"/>
  <c r="T13582" i="1"/>
  <c r="T13583" i="1"/>
  <c r="T13584" i="1"/>
  <c r="T13585" i="1"/>
  <c r="T13586" i="1"/>
  <c r="T13587" i="1"/>
  <c r="T13588" i="1"/>
  <c r="T13589" i="1"/>
  <c r="T13590" i="1"/>
  <c r="T13591" i="1"/>
  <c r="T13592" i="1"/>
  <c r="T13593" i="1"/>
  <c r="T13594" i="1"/>
  <c r="T13595" i="1"/>
  <c r="T13596" i="1"/>
  <c r="T13597" i="1"/>
  <c r="T13598" i="1"/>
  <c r="T13599" i="1"/>
  <c r="T13600" i="1"/>
  <c r="T13601" i="1"/>
  <c r="T13602" i="1"/>
  <c r="T13603" i="1"/>
  <c r="T13604" i="1"/>
  <c r="T13605" i="1"/>
  <c r="T13606" i="1"/>
  <c r="T13607" i="1"/>
  <c r="T13608" i="1"/>
  <c r="T13609" i="1"/>
  <c r="T13610" i="1"/>
  <c r="T13611" i="1"/>
  <c r="T13612" i="1"/>
  <c r="T13613" i="1"/>
  <c r="T13614" i="1"/>
  <c r="T13615" i="1"/>
  <c r="T13616" i="1"/>
  <c r="T13617" i="1"/>
  <c r="T13618" i="1"/>
  <c r="T13619" i="1"/>
  <c r="T13620" i="1"/>
  <c r="T13621" i="1"/>
  <c r="T13622" i="1"/>
  <c r="T13623" i="1"/>
  <c r="T13624" i="1"/>
  <c r="T13625" i="1"/>
  <c r="T13626" i="1"/>
  <c r="T13627" i="1"/>
  <c r="T13628" i="1"/>
  <c r="T13629" i="1"/>
  <c r="T13630" i="1"/>
  <c r="T13631" i="1"/>
  <c r="T13632" i="1"/>
  <c r="T13633" i="1"/>
  <c r="T13634" i="1"/>
  <c r="T13635" i="1"/>
  <c r="T13636" i="1"/>
  <c r="T13637" i="1"/>
  <c r="T13638" i="1"/>
  <c r="T13639" i="1"/>
  <c r="T13640" i="1"/>
  <c r="T13641" i="1"/>
  <c r="T13642" i="1"/>
  <c r="T13643" i="1"/>
  <c r="T13644" i="1"/>
  <c r="T13645" i="1"/>
  <c r="T13646" i="1"/>
  <c r="T13647" i="1"/>
  <c r="T13648" i="1"/>
  <c r="T13649" i="1"/>
  <c r="T13650" i="1"/>
  <c r="T13651" i="1"/>
  <c r="T13652" i="1"/>
  <c r="T13653" i="1"/>
  <c r="T13654" i="1"/>
  <c r="T13655" i="1"/>
  <c r="T13656" i="1"/>
  <c r="T13657" i="1"/>
  <c r="T13658" i="1"/>
  <c r="T13659" i="1"/>
  <c r="T13660" i="1"/>
  <c r="T13661" i="1"/>
  <c r="T13662" i="1"/>
  <c r="T13663" i="1"/>
  <c r="T13664" i="1"/>
  <c r="T13665" i="1"/>
  <c r="T13666" i="1"/>
  <c r="T13667" i="1"/>
  <c r="T13668" i="1"/>
  <c r="T13669" i="1"/>
  <c r="T13670" i="1"/>
  <c r="T13671" i="1"/>
  <c r="T13672" i="1"/>
  <c r="T13673" i="1"/>
  <c r="T13674" i="1"/>
  <c r="T13675" i="1"/>
  <c r="T13676" i="1"/>
  <c r="T13677" i="1"/>
  <c r="T13678" i="1"/>
  <c r="T13679" i="1"/>
  <c r="T13680" i="1"/>
  <c r="T13681" i="1"/>
  <c r="T13682" i="1"/>
  <c r="T13683" i="1"/>
  <c r="T13684" i="1"/>
  <c r="T13685" i="1"/>
  <c r="T13686" i="1"/>
  <c r="T13687" i="1"/>
  <c r="T13688" i="1"/>
  <c r="T13689" i="1"/>
  <c r="T13690" i="1"/>
  <c r="T13691" i="1"/>
  <c r="T13692" i="1"/>
  <c r="T13693" i="1"/>
  <c r="T13694" i="1"/>
  <c r="T13695" i="1"/>
  <c r="T13696" i="1"/>
  <c r="T13697" i="1"/>
  <c r="T13698" i="1"/>
  <c r="T13699" i="1"/>
  <c r="T13700" i="1"/>
  <c r="T13701" i="1"/>
  <c r="T13702" i="1"/>
  <c r="T13703" i="1"/>
  <c r="T13704" i="1"/>
  <c r="T13705" i="1"/>
  <c r="T13706" i="1"/>
  <c r="T13707" i="1"/>
  <c r="T13708" i="1"/>
  <c r="T13709" i="1"/>
  <c r="T13710" i="1"/>
  <c r="T13711" i="1"/>
  <c r="T13712" i="1"/>
  <c r="T13713" i="1"/>
  <c r="T13714" i="1"/>
  <c r="T13715" i="1"/>
  <c r="T13716" i="1"/>
  <c r="T13717" i="1"/>
  <c r="T13718" i="1"/>
  <c r="T13719" i="1"/>
  <c r="T13720" i="1"/>
  <c r="T13721" i="1"/>
  <c r="T13722" i="1"/>
  <c r="T13723" i="1"/>
  <c r="T13724" i="1"/>
  <c r="T13725" i="1"/>
  <c r="T13726" i="1"/>
  <c r="T13727" i="1"/>
  <c r="T13728" i="1"/>
  <c r="T13729" i="1"/>
  <c r="T13730" i="1"/>
  <c r="T13731" i="1"/>
  <c r="T13732" i="1"/>
  <c r="T13733" i="1"/>
  <c r="T13734" i="1"/>
  <c r="T13735" i="1"/>
  <c r="T13736" i="1"/>
  <c r="T13737" i="1"/>
  <c r="T13738" i="1"/>
  <c r="T13739" i="1"/>
  <c r="T13740" i="1"/>
  <c r="T13741" i="1"/>
  <c r="T13742" i="1"/>
  <c r="T13743" i="1"/>
  <c r="T13744" i="1"/>
  <c r="T13745" i="1"/>
  <c r="T13746" i="1"/>
  <c r="T13747" i="1"/>
  <c r="T13748" i="1"/>
  <c r="T13749" i="1"/>
  <c r="T13750" i="1"/>
  <c r="T13751" i="1"/>
  <c r="T13752" i="1"/>
  <c r="T13753" i="1"/>
  <c r="T13754" i="1"/>
  <c r="T13755" i="1"/>
  <c r="T13756" i="1"/>
  <c r="T13757" i="1"/>
  <c r="T13758" i="1"/>
  <c r="T13759" i="1"/>
  <c r="T13760" i="1"/>
  <c r="T13761" i="1"/>
  <c r="T13762" i="1"/>
  <c r="T13763" i="1"/>
  <c r="T13764" i="1"/>
  <c r="T13765" i="1"/>
  <c r="T13766" i="1"/>
  <c r="T13767" i="1"/>
  <c r="T13768" i="1"/>
  <c r="T13769" i="1"/>
  <c r="T13770" i="1"/>
  <c r="T13771" i="1"/>
  <c r="T13772" i="1"/>
  <c r="T13773" i="1"/>
  <c r="T13774" i="1"/>
  <c r="T13775" i="1"/>
  <c r="T13776" i="1"/>
  <c r="T13777" i="1"/>
  <c r="T13778" i="1"/>
  <c r="T13779" i="1"/>
  <c r="T13780" i="1"/>
  <c r="T13781" i="1"/>
  <c r="T13782" i="1"/>
  <c r="T13783" i="1"/>
  <c r="T13784" i="1"/>
  <c r="T13785" i="1"/>
  <c r="T13786" i="1"/>
  <c r="T13787" i="1"/>
  <c r="T13788" i="1"/>
  <c r="T13789" i="1"/>
  <c r="T13790" i="1"/>
  <c r="T13791" i="1"/>
  <c r="T13792" i="1"/>
  <c r="T13793" i="1"/>
  <c r="T13794" i="1"/>
  <c r="T13795" i="1"/>
  <c r="T13796" i="1"/>
  <c r="T13797" i="1"/>
  <c r="T13798" i="1"/>
  <c r="T13799" i="1"/>
  <c r="T13800" i="1"/>
  <c r="T13801" i="1"/>
  <c r="T13802" i="1"/>
  <c r="T13803" i="1"/>
  <c r="T13804" i="1"/>
  <c r="T13805" i="1"/>
  <c r="T13806" i="1"/>
  <c r="T13807" i="1"/>
  <c r="T13808" i="1"/>
  <c r="T13809" i="1"/>
  <c r="T13810" i="1"/>
  <c r="T13811" i="1"/>
  <c r="T13812" i="1"/>
  <c r="T13813" i="1"/>
  <c r="T13814" i="1"/>
  <c r="T13815" i="1"/>
  <c r="T13816" i="1"/>
  <c r="T13817" i="1"/>
  <c r="T13818" i="1"/>
  <c r="T13819" i="1"/>
  <c r="T13820" i="1"/>
  <c r="T13821" i="1"/>
  <c r="T13822" i="1"/>
  <c r="T13823" i="1"/>
  <c r="T13824" i="1"/>
  <c r="T13825" i="1"/>
  <c r="T13826" i="1"/>
  <c r="T13827" i="1"/>
  <c r="T13828" i="1"/>
  <c r="T13829" i="1"/>
  <c r="T13830" i="1"/>
  <c r="T13831" i="1"/>
  <c r="T13832" i="1"/>
  <c r="T13833" i="1"/>
  <c r="T13834" i="1"/>
  <c r="T13835" i="1"/>
  <c r="T13836" i="1"/>
  <c r="T13837" i="1"/>
  <c r="T13838" i="1"/>
  <c r="T13839" i="1"/>
  <c r="T13840" i="1"/>
  <c r="T13841" i="1"/>
  <c r="T13842" i="1"/>
  <c r="T13843" i="1"/>
  <c r="T13844" i="1"/>
  <c r="T13845" i="1"/>
  <c r="T13846" i="1"/>
  <c r="T13847" i="1"/>
  <c r="T13848" i="1"/>
  <c r="T13849" i="1"/>
  <c r="T13850" i="1"/>
  <c r="T13851" i="1"/>
  <c r="T13852" i="1"/>
  <c r="T13853" i="1"/>
  <c r="T13854" i="1"/>
  <c r="T13855" i="1"/>
  <c r="T13856" i="1"/>
  <c r="T13857" i="1"/>
  <c r="T13858" i="1"/>
  <c r="T13859" i="1"/>
  <c r="T13860" i="1"/>
  <c r="T13861" i="1"/>
  <c r="T13862" i="1"/>
  <c r="T13863" i="1"/>
  <c r="T13864" i="1"/>
  <c r="T13865" i="1"/>
  <c r="T13866" i="1"/>
  <c r="T13867" i="1"/>
  <c r="T13868" i="1"/>
  <c r="T13869" i="1"/>
  <c r="T13870" i="1"/>
  <c r="T13871" i="1"/>
  <c r="T13872" i="1"/>
  <c r="T13873" i="1"/>
  <c r="T13874" i="1"/>
  <c r="T13875" i="1"/>
  <c r="T13876" i="1"/>
  <c r="T13877" i="1"/>
  <c r="T13878" i="1"/>
  <c r="T13879" i="1"/>
  <c r="T13880" i="1"/>
  <c r="T13881" i="1"/>
  <c r="T13882" i="1"/>
  <c r="T13883" i="1"/>
  <c r="T13884" i="1"/>
  <c r="T13885" i="1"/>
  <c r="T13886" i="1"/>
  <c r="T13887" i="1"/>
  <c r="T13888" i="1"/>
  <c r="T13889" i="1"/>
  <c r="T13890" i="1"/>
  <c r="T13891" i="1"/>
  <c r="T13892" i="1"/>
  <c r="T13893" i="1"/>
  <c r="T13894" i="1"/>
  <c r="T13895" i="1"/>
  <c r="T13896" i="1"/>
  <c r="T13897" i="1"/>
  <c r="T13898" i="1"/>
  <c r="T13899" i="1"/>
  <c r="T13900" i="1"/>
  <c r="T13901" i="1"/>
  <c r="T13902" i="1"/>
  <c r="T13903" i="1"/>
  <c r="T13904" i="1"/>
  <c r="T13905" i="1"/>
  <c r="T13906" i="1"/>
  <c r="T13907" i="1"/>
  <c r="T13908" i="1"/>
  <c r="T13909" i="1"/>
  <c r="T13910" i="1"/>
  <c r="T13911" i="1"/>
  <c r="T13912" i="1"/>
  <c r="T13913" i="1"/>
  <c r="T13914" i="1"/>
  <c r="T13915" i="1"/>
  <c r="T13916" i="1"/>
  <c r="T13917" i="1"/>
  <c r="T13918" i="1"/>
  <c r="T13919" i="1"/>
  <c r="T13920" i="1"/>
  <c r="T13921" i="1"/>
  <c r="T13922" i="1"/>
  <c r="T13923" i="1"/>
  <c r="T13924" i="1"/>
  <c r="T13925" i="1"/>
  <c r="T13926" i="1"/>
  <c r="T13927" i="1"/>
  <c r="T13928" i="1"/>
  <c r="T13929" i="1"/>
  <c r="T13930" i="1"/>
  <c r="T13931" i="1"/>
  <c r="T13932" i="1"/>
  <c r="T13933" i="1"/>
  <c r="T13934" i="1"/>
  <c r="T13935" i="1"/>
  <c r="T13936" i="1"/>
  <c r="T13937" i="1"/>
  <c r="T13938" i="1"/>
  <c r="T13939" i="1"/>
  <c r="T13940" i="1"/>
  <c r="T13941" i="1"/>
  <c r="T13942" i="1"/>
  <c r="T13943" i="1"/>
  <c r="T13944" i="1"/>
  <c r="T13945" i="1"/>
  <c r="T13946" i="1"/>
  <c r="T13947" i="1"/>
  <c r="T13948" i="1"/>
  <c r="T13949" i="1"/>
  <c r="T13950" i="1"/>
  <c r="T13951" i="1"/>
  <c r="T13952" i="1"/>
  <c r="T13953" i="1"/>
  <c r="T13954" i="1"/>
  <c r="T13955" i="1"/>
  <c r="T13956" i="1"/>
  <c r="T13957" i="1"/>
  <c r="T13958" i="1"/>
  <c r="T13959" i="1"/>
  <c r="T13960" i="1"/>
  <c r="T13961" i="1"/>
  <c r="T13962" i="1"/>
  <c r="T13963" i="1"/>
  <c r="T13964" i="1"/>
  <c r="T13965" i="1"/>
  <c r="T13966" i="1"/>
  <c r="T13967" i="1"/>
  <c r="T13968" i="1"/>
  <c r="T13969" i="1"/>
  <c r="T13970" i="1"/>
  <c r="T13971" i="1"/>
  <c r="T13972" i="1"/>
  <c r="T13973" i="1"/>
  <c r="T13974" i="1"/>
  <c r="T13975" i="1"/>
  <c r="T13976" i="1"/>
  <c r="T13977" i="1"/>
  <c r="T13978" i="1"/>
  <c r="T13979" i="1"/>
  <c r="T13980" i="1"/>
  <c r="T13981" i="1"/>
  <c r="T13982" i="1"/>
  <c r="T13983" i="1"/>
  <c r="T13984" i="1"/>
  <c r="T13985" i="1"/>
  <c r="T13986" i="1"/>
  <c r="T13987" i="1"/>
  <c r="T13988" i="1"/>
  <c r="T13989" i="1"/>
  <c r="T13990" i="1"/>
  <c r="T13991" i="1"/>
  <c r="T13992" i="1"/>
  <c r="T13993" i="1"/>
  <c r="T13994" i="1"/>
  <c r="T13995" i="1"/>
  <c r="T13996" i="1"/>
  <c r="T13997" i="1"/>
  <c r="T13998" i="1"/>
  <c r="T13999" i="1"/>
  <c r="T14000" i="1"/>
  <c r="T14001" i="1"/>
  <c r="T14002" i="1"/>
  <c r="T14003" i="1"/>
  <c r="T14004" i="1"/>
  <c r="T14005" i="1"/>
  <c r="T14006" i="1"/>
  <c r="T14007" i="1"/>
  <c r="T14008" i="1"/>
  <c r="T14009" i="1"/>
  <c r="T14010" i="1"/>
  <c r="T14011" i="1"/>
  <c r="T14012" i="1"/>
  <c r="T14013" i="1"/>
  <c r="T14014" i="1"/>
  <c r="T14015" i="1"/>
  <c r="T14016" i="1"/>
  <c r="T14017" i="1"/>
  <c r="T14018" i="1"/>
  <c r="T14019" i="1"/>
  <c r="T14020" i="1"/>
  <c r="T14021" i="1"/>
  <c r="T14022" i="1"/>
  <c r="T14023" i="1"/>
  <c r="T14024" i="1"/>
  <c r="T14025" i="1"/>
  <c r="T14026" i="1"/>
  <c r="T14027" i="1"/>
  <c r="T14028" i="1"/>
  <c r="T14029" i="1"/>
  <c r="T14030" i="1"/>
  <c r="T14031" i="1"/>
  <c r="T14032" i="1"/>
  <c r="T14033" i="1"/>
  <c r="T14034" i="1"/>
  <c r="T14035" i="1"/>
  <c r="T14036" i="1"/>
  <c r="T14037" i="1"/>
  <c r="T14038" i="1"/>
  <c r="T14039" i="1"/>
  <c r="T14040" i="1"/>
  <c r="T14041" i="1"/>
  <c r="T14042" i="1"/>
  <c r="T14043" i="1"/>
  <c r="T14044" i="1"/>
  <c r="T14045" i="1"/>
  <c r="T14046" i="1"/>
  <c r="T14047" i="1"/>
  <c r="T14048" i="1"/>
  <c r="T14049" i="1"/>
  <c r="T14050" i="1"/>
  <c r="T14051" i="1"/>
  <c r="T14052" i="1"/>
  <c r="T14053" i="1"/>
  <c r="T14054" i="1"/>
  <c r="T14055" i="1"/>
  <c r="T14056" i="1"/>
  <c r="T14057" i="1"/>
  <c r="T14058" i="1"/>
  <c r="T14059" i="1"/>
  <c r="T14060" i="1"/>
  <c r="T14061" i="1"/>
  <c r="T14062" i="1"/>
  <c r="T14063" i="1"/>
  <c r="T14064" i="1"/>
  <c r="T14065" i="1"/>
  <c r="T14066" i="1"/>
  <c r="T14067" i="1"/>
  <c r="T14068" i="1"/>
  <c r="T14069" i="1"/>
  <c r="T14070" i="1"/>
  <c r="T14071" i="1"/>
  <c r="T14072" i="1"/>
  <c r="T14073" i="1"/>
  <c r="T14074" i="1"/>
  <c r="T14075" i="1"/>
  <c r="T14076" i="1"/>
  <c r="T14077" i="1"/>
  <c r="T14078" i="1"/>
  <c r="T14079" i="1"/>
  <c r="T14080" i="1"/>
  <c r="T14081" i="1"/>
  <c r="T14082" i="1"/>
  <c r="T14083" i="1"/>
  <c r="T14084" i="1"/>
  <c r="T14085" i="1"/>
  <c r="T14086" i="1"/>
  <c r="T14087" i="1"/>
  <c r="T14088" i="1"/>
  <c r="T14089" i="1"/>
  <c r="T14090" i="1"/>
  <c r="T14091" i="1"/>
  <c r="T14092" i="1"/>
  <c r="T14093" i="1"/>
  <c r="T14094" i="1"/>
  <c r="T14095" i="1"/>
  <c r="T14096" i="1"/>
  <c r="T14097" i="1"/>
  <c r="T14098" i="1"/>
  <c r="T14099" i="1"/>
  <c r="T14100" i="1"/>
  <c r="T14101" i="1"/>
  <c r="T14102" i="1"/>
  <c r="T14103" i="1"/>
  <c r="T14104" i="1"/>
  <c r="T14105" i="1"/>
  <c r="T14106" i="1"/>
  <c r="T14107" i="1"/>
  <c r="T14108" i="1"/>
  <c r="T14109" i="1"/>
  <c r="T14110" i="1"/>
  <c r="T14111" i="1"/>
  <c r="T14112" i="1"/>
  <c r="T14113" i="1"/>
  <c r="T14114" i="1"/>
  <c r="T14115" i="1"/>
  <c r="T14116" i="1"/>
  <c r="T14117" i="1"/>
  <c r="T14118" i="1"/>
  <c r="T14119" i="1"/>
  <c r="T14120" i="1"/>
  <c r="T14121" i="1"/>
  <c r="T14122" i="1"/>
  <c r="T14123" i="1"/>
  <c r="T14124" i="1"/>
  <c r="T14125" i="1"/>
  <c r="T14126" i="1"/>
  <c r="T14127" i="1"/>
  <c r="T14128" i="1"/>
  <c r="T14129" i="1"/>
  <c r="T14130" i="1"/>
  <c r="T14131" i="1"/>
  <c r="T14132" i="1"/>
  <c r="T14133" i="1"/>
  <c r="T14134" i="1"/>
  <c r="T14135" i="1"/>
  <c r="T14136" i="1"/>
  <c r="T14137" i="1"/>
  <c r="T14138" i="1"/>
  <c r="T14139" i="1"/>
  <c r="T14140" i="1"/>
  <c r="T14141" i="1"/>
  <c r="T14142" i="1"/>
  <c r="T14143" i="1"/>
  <c r="T14144" i="1"/>
  <c r="T14145" i="1"/>
  <c r="T14146" i="1"/>
  <c r="T14147" i="1"/>
  <c r="T14148" i="1"/>
  <c r="T14149" i="1"/>
  <c r="T14150" i="1"/>
  <c r="T14151" i="1"/>
  <c r="T14152" i="1"/>
  <c r="T14153" i="1"/>
  <c r="T14154" i="1"/>
  <c r="T14155" i="1"/>
  <c r="T14156" i="1"/>
  <c r="T14157" i="1"/>
  <c r="T14158" i="1"/>
  <c r="T14159" i="1"/>
  <c r="T14160" i="1"/>
  <c r="T14161" i="1"/>
  <c r="T14162" i="1"/>
  <c r="T14163" i="1"/>
  <c r="T14164" i="1"/>
  <c r="T14165" i="1"/>
  <c r="T14166" i="1"/>
  <c r="T14167" i="1"/>
  <c r="T14168" i="1"/>
  <c r="T14169" i="1"/>
  <c r="T14170" i="1"/>
  <c r="T14171" i="1"/>
  <c r="T14172" i="1"/>
  <c r="T14173" i="1"/>
  <c r="T14174" i="1"/>
  <c r="T14175" i="1"/>
  <c r="T14176" i="1"/>
  <c r="T14177" i="1"/>
  <c r="T14178" i="1"/>
  <c r="T14179" i="1"/>
  <c r="T14180" i="1"/>
  <c r="T14181" i="1"/>
  <c r="T14182" i="1"/>
  <c r="T14183" i="1"/>
  <c r="T14184" i="1"/>
  <c r="T14185" i="1"/>
  <c r="T14186" i="1"/>
  <c r="T14187" i="1"/>
  <c r="T14188" i="1"/>
  <c r="T14189" i="1"/>
  <c r="T14190" i="1"/>
  <c r="T14191" i="1"/>
  <c r="T14192" i="1"/>
  <c r="T14193" i="1"/>
  <c r="T14194" i="1"/>
  <c r="T14195" i="1"/>
  <c r="T14196" i="1"/>
  <c r="T14197" i="1"/>
  <c r="T14198" i="1"/>
  <c r="T14199" i="1"/>
  <c r="T14200" i="1"/>
  <c r="T14201" i="1"/>
  <c r="T14202" i="1"/>
  <c r="T14203" i="1"/>
  <c r="T14204" i="1"/>
  <c r="T14205" i="1"/>
  <c r="T14206" i="1"/>
  <c r="T14207" i="1"/>
  <c r="T14208" i="1"/>
  <c r="T14209" i="1"/>
  <c r="T14210" i="1"/>
  <c r="T14211" i="1"/>
  <c r="T14212" i="1"/>
  <c r="T14213" i="1"/>
  <c r="T14214" i="1"/>
  <c r="T14215" i="1"/>
  <c r="T14216" i="1"/>
  <c r="T14217" i="1"/>
  <c r="T14218" i="1"/>
  <c r="T14219" i="1"/>
  <c r="T14220" i="1"/>
  <c r="T14221" i="1"/>
  <c r="T14222" i="1"/>
  <c r="T14223" i="1"/>
  <c r="T14224" i="1"/>
  <c r="T14225" i="1"/>
  <c r="T14226" i="1"/>
  <c r="T14227" i="1"/>
  <c r="T14228" i="1"/>
  <c r="T14229" i="1"/>
  <c r="T14230" i="1"/>
  <c r="T14231" i="1"/>
  <c r="T14232" i="1"/>
  <c r="T14233" i="1"/>
  <c r="T14234" i="1"/>
  <c r="T14235" i="1"/>
  <c r="T14236" i="1"/>
  <c r="T14237" i="1"/>
  <c r="T14238" i="1"/>
  <c r="T14239" i="1"/>
  <c r="T14240" i="1"/>
  <c r="T14241" i="1"/>
  <c r="T14242" i="1"/>
  <c r="T14243" i="1"/>
  <c r="T14244" i="1"/>
  <c r="T14245" i="1"/>
  <c r="T14246" i="1"/>
  <c r="T14247" i="1"/>
  <c r="T14248" i="1"/>
  <c r="T14249" i="1"/>
  <c r="T14250" i="1"/>
  <c r="T14251" i="1"/>
  <c r="T14252" i="1"/>
  <c r="T14253" i="1"/>
  <c r="T14254" i="1"/>
  <c r="T14255" i="1"/>
  <c r="T14256" i="1"/>
  <c r="T14257" i="1"/>
  <c r="T14258" i="1"/>
  <c r="T14259" i="1"/>
  <c r="T14260" i="1"/>
  <c r="T14261" i="1"/>
  <c r="T14262" i="1"/>
  <c r="T14263" i="1"/>
  <c r="T14264" i="1"/>
  <c r="T14265" i="1"/>
  <c r="T14266" i="1"/>
  <c r="T14267" i="1"/>
  <c r="T14268" i="1"/>
  <c r="T14269" i="1"/>
  <c r="T14270" i="1"/>
  <c r="T14271" i="1"/>
  <c r="T14272" i="1"/>
  <c r="T14273" i="1"/>
  <c r="T14274" i="1"/>
  <c r="T14275" i="1"/>
  <c r="T14276" i="1"/>
  <c r="T14277" i="1"/>
  <c r="T14278" i="1"/>
  <c r="T14279" i="1"/>
  <c r="T14280" i="1"/>
  <c r="T14281" i="1"/>
  <c r="T14282" i="1"/>
  <c r="T14283" i="1"/>
  <c r="T14284" i="1"/>
  <c r="T14285" i="1"/>
  <c r="T14286" i="1"/>
  <c r="T14287" i="1"/>
  <c r="T14288" i="1"/>
  <c r="T14289" i="1"/>
  <c r="T14290" i="1"/>
  <c r="T14291" i="1"/>
  <c r="T14292" i="1"/>
  <c r="T14293" i="1"/>
  <c r="T14294" i="1"/>
  <c r="T14295" i="1"/>
  <c r="T14296" i="1"/>
  <c r="T14297" i="1"/>
  <c r="T14298" i="1"/>
  <c r="T14299" i="1"/>
  <c r="T14300" i="1"/>
  <c r="T14301" i="1"/>
  <c r="T14302" i="1"/>
  <c r="T14303" i="1"/>
  <c r="T14304" i="1"/>
  <c r="T14305" i="1"/>
  <c r="T14306" i="1"/>
  <c r="T14307" i="1"/>
  <c r="T14308" i="1"/>
  <c r="T14309" i="1"/>
  <c r="T14310" i="1"/>
  <c r="T14311" i="1"/>
  <c r="T14312" i="1"/>
  <c r="T14313" i="1"/>
  <c r="T14314" i="1"/>
  <c r="T14315" i="1"/>
  <c r="T14316" i="1"/>
  <c r="T14317" i="1"/>
  <c r="T14318" i="1"/>
  <c r="T14319" i="1"/>
  <c r="T14320" i="1"/>
  <c r="T14321" i="1"/>
  <c r="T14322" i="1"/>
  <c r="T14323" i="1"/>
  <c r="T14324" i="1"/>
  <c r="T14325" i="1"/>
  <c r="T14326" i="1"/>
  <c r="T14327" i="1"/>
  <c r="T14328" i="1"/>
  <c r="T14329" i="1"/>
  <c r="T14330" i="1"/>
  <c r="T14331" i="1"/>
  <c r="T14332" i="1"/>
  <c r="T14333" i="1"/>
  <c r="T14334" i="1"/>
  <c r="T14335" i="1"/>
  <c r="T14336" i="1"/>
  <c r="T14337" i="1"/>
  <c r="T14338" i="1"/>
  <c r="T14339" i="1"/>
  <c r="T14340" i="1"/>
  <c r="T14341" i="1"/>
  <c r="T14342" i="1"/>
  <c r="T14343" i="1"/>
  <c r="T14344" i="1"/>
  <c r="T14345" i="1"/>
  <c r="T14346" i="1"/>
  <c r="T14347" i="1"/>
  <c r="T14348" i="1"/>
  <c r="T14349" i="1"/>
  <c r="T14350" i="1"/>
  <c r="T14351" i="1"/>
  <c r="T14352" i="1"/>
  <c r="T14353" i="1"/>
  <c r="T14354" i="1"/>
  <c r="T14355" i="1"/>
  <c r="T14356" i="1"/>
  <c r="T14357" i="1"/>
  <c r="T14358" i="1"/>
  <c r="T14359" i="1"/>
  <c r="T14360" i="1"/>
  <c r="T14361" i="1"/>
  <c r="T14362" i="1"/>
  <c r="T14363" i="1"/>
  <c r="T14364" i="1"/>
  <c r="T14365" i="1"/>
  <c r="T14366" i="1"/>
  <c r="T14367" i="1"/>
  <c r="T14368" i="1"/>
  <c r="T14369" i="1"/>
  <c r="T14370" i="1"/>
  <c r="T14371" i="1"/>
  <c r="T14372" i="1"/>
  <c r="T14373" i="1"/>
  <c r="T14374" i="1"/>
  <c r="T14375" i="1"/>
  <c r="T14376" i="1"/>
  <c r="T14377" i="1"/>
  <c r="T14378" i="1"/>
  <c r="T14379" i="1"/>
  <c r="T14380" i="1"/>
  <c r="T14381" i="1"/>
  <c r="T14382" i="1"/>
  <c r="T14383" i="1"/>
  <c r="T14384" i="1"/>
  <c r="T14385" i="1"/>
  <c r="T14386" i="1"/>
  <c r="T14387" i="1"/>
  <c r="T14388" i="1"/>
  <c r="T14389" i="1"/>
  <c r="T14390" i="1"/>
  <c r="T14391" i="1"/>
  <c r="T14392" i="1"/>
  <c r="T14393" i="1"/>
  <c r="T14394" i="1"/>
  <c r="T14395" i="1"/>
  <c r="T14396" i="1"/>
  <c r="T14397" i="1"/>
  <c r="T14398" i="1"/>
  <c r="T14399" i="1"/>
  <c r="T14400" i="1"/>
  <c r="T14401" i="1"/>
  <c r="T14402" i="1"/>
  <c r="T14403" i="1"/>
  <c r="T14404" i="1"/>
  <c r="T14405" i="1"/>
  <c r="T14406" i="1"/>
  <c r="T14407" i="1"/>
  <c r="T14408" i="1"/>
  <c r="T14409" i="1"/>
  <c r="T14410" i="1"/>
  <c r="T14411" i="1"/>
  <c r="T14412" i="1"/>
  <c r="T14413" i="1"/>
  <c r="T14414" i="1"/>
  <c r="T14415" i="1"/>
  <c r="T14416" i="1"/>
  <c r="T14417" i="1"/>
  <c r="T14418" i="1"/>
  <c r="T14419" i="1"/>
  <c r="T14420" i="1"/>
  <c r="T14421" i="1"/>
  <c r="T14422" i="1"/>
  <c r="T14423" i="1"/>
  <c r="T14424" i="1"/>
  <c r="T14425" i="1"/>
  <c r="T14426" i="1"/>
  <c r="T14427" i="1"/>
  <c r="T14428" i="1"/>
  <c r="T14429" i="1"/>
  <c r="T14430" i="1"/>
  <c r="T14431" i="1"/>
  <c r="T14432" i="1"/>
  <c r="T14433" i="1"/>
  <c r="T14434" i="1"/>
  <c r="T14435" i="1"/>
  <c r="T14436" i="1"/>
  <c r="T14437" i="1"/>
  <c r="T14438" i="1"/>
  <c r="T14439" i="1"/>
  <c r="T14440" i="1"/>
  <c r="T14441" i="1"/>
  <c r="T14442" i="1"/>
  <c r="T14443" i="1"/>
  <c r="T14444" i="1"/>
  <c r="T14445" i="1"/>
  <c r="T14446" i="1"/>
  <c r="T14447" i="1"/>
  <c r="T14448" i="1"/>
  <c r="T14449" i="1"/>
  <c r="T14450" i="1"/>
  <c r="T14451" i="1"/>
  <c r="T14452" i="1"/>
  <c r="T14453" i="1"/>
  <c r="T14454" i="1"/>
  <c r="T14455" i="1"/>
  <c r="T14456" i="1"/>
  <c r="T14457" i="1"/>
  <c r="T14458" i="1"/>
  <c r="T14459" i="1"/>
  <c r="T14460" i="1"/>
  <c r="T14461" i="1"/>
  <c r="T14462" i="1"/>
  <c r="T14463" i="1"/>
  <c r="T14464" i="1"/>
  <c r="T14465" i="1"/>
  <c r="T14466" i="1"/>
  <c r="T14467" i="1"/>
  <c r="T14468" i="1"/>
  <c r="T14469" i="1"/>
  <c r="T14470" i="1"/>
  <c r="T14471" i="1"/>
  <c r="T14472" i="1"/>
  <c r="T14473" i="1"/>
  <c r="T14474" i="1"/>
  <c r="T14475" i="1"/>
  <c r="T14476" i="1"/>
  <c r="T14477" i="1"/>
  <c r="T14478" i="1"/>
  <c r="T14479" i="1"/>
  <c r="T14480" i="1"/>
  <c r="T14481" i="1"/>
  <c r="T14482" i="1"/>
  <c r="T14483" i="1"/>
  <c r="T14484" i="1"/>
  <c r="T14485" i="1"/>
  <c r="T14486" i="1"/>
  <c r="T14487" i="1"/>
  <c r="T14488" i="1"/>
  <c r="T14489" i="1"/>
  <c r="T14490" i="1"/>
  <c r="T14491" i="1"/>
  <c r="T14492" i="1"/>
  <c r="T14493" i="1"/>
  <c r="T14494" i="1"/>
  <c r="T14495" i="1"/>
  <c r="T14496" i="1"/>
  <c r="T14497" i="1"/>
  <c r="T14498" i="1"/>
  <c r="T14499" i="1"/>
  <c r="T14500" i="1"/>
  <c r="T14501" i="1"/>
  <c r="T14502" i="1"/>
  <c r="T14503" i="1"/>
  <c r="T14504" i="1"/>
  <c r="T14505" i="1"/>
  <c r="T14506" i="1"/>
  <c r="T14507" i="1"/>
  <c r="T14508" i="1"/>
  <c r="T14509" i="1"/>
  <c r="T14510" i="1"/>
  <c r="T14511" i="1"/>
  <c r="T14512" i="1"/>
  <c r="T14513" i="1"/>
  <c r="T14514" i="1"/>
  <c r="T14515" i="1"/>
  <c r="T14516" i="1"/>
  <c r="T14517" i="1"/>
  <c r="T14518" i="1"/>
  <c r="T14519" i="1"/>
  <c r="T14520" i="1"/>
  <c r="T14521" i="1"/>
  <c r="T14522" i="1"/>
  <c r="T14523" i="1"/>
  <c r="T14524" i="1"/>
  <c r="T14525" i="1"/>
  <c r="T14526" i="1"/>
  <c r="T14527" i="1"/>
  <c r="T14528" i="1"/>
  <c r="T14529" i="1"/>
  <c r="T14530" i="1"/>
  <c r="T14531" i="1"/>
  <c r="T14532" i="1"/>
  <c r="T14533" i="1"/>
  <c r="T14534" i="1"/>
  <c r="T14535" i="1"/>
  <c r="T14536" i="1"/>
  <c r="T14537" i="1"/>
  <c r="T14538" i="1"/>
  <c r="T14539" i="1"/>
  <c r="T14540" i="1"/>
  <c r="T14541" i="1"/>
  <c r="T14542" i="1"/>
  <c r="T14543" i="1"/>
  <c r="T14544" i="1"/>
  <c r="T14545" i="1"/>
  <c r="T14546" i="1"/>
  <c r="T14547" i="1"/>
  <c r="T14548" i="1"/>
  <c r="T14549" i="1"/>
  <c r="T14550" i="1"/>
  <c r="T14551" i="1"/>
  <c r="T14552" i="1"/>
  <c r="T14553" i="1"/>
  <c r="T14554" i="1"/>
  <c r="T14555" i="1"/>
  <c r="T14556" i="1"/>
  <c r="T14557" i="1"/>
  <c r="T14558" i="1"/>
  <c r="T14559" i="1"/>
  <c r="T14560" i="1"/>
  <c r="T14561" i="1"/>
  <c r="T14562" i="1"/>
  <c r="T14563" i="1"/>
  <c r="T14564" i="1"/>
  <c r="T14565" i="1"/>
  <c r="T14566" i="1"/>
  <c r="T14567" i="1"/>
  <c r="T14568" i="1"/>
  <c r="T14569" i="1"/>
  <c r="T14570" i="1"/>
  <c r="T14571" i="1"/>
  <c r="T14572" i="1"/>
  <c r="T14573" i="1"/>
  <c r="T14574" i="1"/>
  <c r="T14575" i="1"/>
  <c r="T14576" i="1"/>
  <c r="T14577" i="1"/>
  <c r="T14578" i="1"/>
  <c r="T14579" i="1"/>
  <c r="T14580" i="1"/>
  <c r="T14581" i="1"/>
  <c r="T14582" i="1"/>
  <c r="T14583" i="1"/>
  <c r="T14584" i="1"/>
  <c r="T14585" i="1"/>
  <c r="T14586" i="1"/>
  <c r="T14587" i="1"/>
  <c r="T14588" i="1"/>
  <c r="T14589" i="1"/>
  <c r="T14590" i="1"/>
  <c r="T14591" i="1"/>
  <c r="T14592" i="1"/>
  <c r="T14593" i="1"/>
  <c r="T14594" i="1"/>
  <c r="T14595" i="1"/>
  <c r="T14596" i="1"/>
  <c r="T14597" i="1"/>
  <c r="T14598" i="1"/>
  <c r="T14599" i="1"/>
  <c r="T14600" i="1"/>
  <c r="T14601" i="1"/>
  <c r="T14602" i="1"/>
  <c r="T14603" i="1"/>
  <c r="T14604" i="1"/>
  <c r="T14605" i="1"/>
  <c r="T14606" i="1"/>
  <c r="T14607" i="1"/>
  <c r="T14608" i="1"/>
  <c r="T14609" i="1"/>
  <c r="T14610" i="1"/>
  <c r="T14611" i="1"/>
  <c r="T14612" i="1"/>
  <c r="T14613" i="1"/>
  <c r="T14614" i="1"/>
  <c r="T14615" i="1"/>
  <c r="T14616" i="1"/>
  <c r="T14617" i="1"/>
  <c r="T14618" i="1"/>
  <c r="T14619" i="1"/>
  <c r="T14620" i="1"/>
  <c r="T14621" i="1"/>
  <c r="T14622" i="1"/>
  <c r="T14623" i="1"/>
  <c r="T14624" i="1"/>
  <c r="T14625" i="1"/>
  <c r="T14626" i="1"/>
  <c r="T14627" i="1"/>
  <c r="T14628" i="1"/>
  <c r="T14629" i="1"/>
  <c r="T14630" i="1"/>
  <c r="T14631" i="1"/>
  <c r="T14632" i="1"/>
  <c r="T14633" i="1"/>
  <c r="T14634" i="1"/>
  <c r="T14635" i="1"/>
  <c r="T14636" i="1"/>
  <c r="T14637" i="1"/>
  <c r="T14638" i="1"/>
  <c r="T14639" i="1"/>
  <c r="T14640" i="1"/>
  <c r="T14641" i="1"/>
  <c r="T14642" i="1"/>
  <c r="T14643" i="1"/>
  <c r="T14644" i="1"/>
  <c r="T14645" i="1"/>
  <c r="T14646" i="1"/>
  <c r="T14647" i="1"/>
  <c r="T14648" i="1"/>
  <c r="T14649" i="1"/>
  <c r="T14650" i="1"/>
  <c r="T14651" i="1"/>
  <c r="T14652" i="1"/>
  <c r="T14653" i="1"/>
  <c r="T14654" i="1"/>
  <c r="T14655" i="1"/>
  <c r="T14656" i="1"/>
  <c r="T14657" i="1"/>
  <c r="T14658" i="1"/>
  <c r="T14659" i="1"/>
  <c r="T14660" i="1"/>
  <c r="T14661" i="1"/>
  <c r="T14662" i="1"/>
  <c r="T14663" i="1"/>
  <c r="T14664" i="1"/>
  <c r="T14665" i="1"/>
  <c r="T14666" i="1"/>
  <c r="T14667" i="1"/>
  <c r="T14668" i="1"/>
  <c r="T14669" i="1"/>
  <c r="T14670" i="1"/>
  <c r="T14671" i="1"/>
  <c r="T14672" i="1"/>
  <c r="T14673" i="1"/>
  <c r="T14674" i="1"/>
  <c r="T14675" i="1"/>
  <c r="T14676" i="1"/>
  <c r="T14677" i="1"/>
  <c r="T14678" i="1"/>
  <c r="T14679" i="1"/>
  <c r="T14680" i="1"/>
  <c r="T14681" i="1"/>
  <c r="T14682" i="1"/>
  <c r="T14683" i="1"/>
  <c r="T14684" i="1"/>
  <c r="T14685" i="1"/>
  <c r="T14686" i="1"/>
  <c r="T14687" i="1"/>
  <c r="T14688" i="1"/>
  <c r="T14689" i="1"/>
  <c r="T14690" i="1"/>
  <c r="T14691" i="1"/>
  <c r="T14692" i="1"/>
  <c r="T14693" i="1"/>
  <c r="T14694" i="1"/>
  <c r="T14695" i="1"/>
  <c r="T14696" i="1"/>
  <c r="T14697" i="1"/>
  <c r="T14698" i="1"/>
  <c r="T14699" i="1"/>
  <c r="T14700" i="1"/>
  <c r="T14701" i="1"/>
  <c r="T14702" i="1"/>
  <c r="T14703" i="1"/>
  <c r="T14704" i="1"/>
  <c r="T14705" i="1"/>
  <c r="T14706" i="1"/>
  <c r="T14707" i="1"/>
  <c r="T14708" i="1"/>
  <c r="T14709" i="1"/>
  <c r="T14710" i="1"/>
  <c r="T14711" i="1"/>
  <c r="T14712" i="1"/>
  <c r="T14713" i="1"/>
  <c r="T14714" i="1"/>
  <c r="T14715" i="1"/>
  <c r="T14716" i="1"/>
  <c r="T14717" i="1"/>
  <c r="T14718" i="1"/>
  <c r="T14719" i="1"/>
  <c r="T14720" i="1"/>
  <c r="T14721" i="1"/>
  <c r="T14722" i="1"/>
  <c r="T14723" i="1"/>
  <c r="T14724" i="1"/>
  <c r="T14725" i="1"/>
  <c r="T14726" i="1"/>
  <c r="T14727" i="1"/>
  <c r="T14728" i="1"/>
  <c r="T14729" i="1"/>
  <c r="T14730" i="1"/>
  <c r="T14731" i="1"/>
  <c r="T14732" i="1"/>
  <c r="T14733" i="1"/>
  <c r="T14734" i="1"/>
  <c r="T14735" i="1"/>
  <c r="T14736" i="1"/>
  <c r="T14737" i="1"/>
  <c r="T14738" i="1"/>
  <c r="T14739" i="1"/>
  <c r="T14740" i="1"/>
  <c r="T14741" i="1"/>
  <c r="T14742" i="1"/>
  <c r="T14743" i="1"/>
  <c r="T14744" i="1"/>
  <c r="T14745" i="1"/>
  <c r="T14746" i="1"/>
  <c r="T14747" i="1"/>
  <c r="T14748" i="1"/>
  <c r="T14749" i="1"/>
  <c r="T14750" i="1"/>
  <c r="T14751" i="1"/>
  <c r="T14752" i="1"/>
  <c r="T14753" i="1"/>
  <c r="T14754" i="1"/>
  <c r="T14755" i="1"/>
  <c r="T14756" i="1"/>
  <c r="T14757" i="1"/>
  <c r="T14758" i="1"/>
  <c r="T14759" i="1"/>
  <c r="T14760" i="1"/>
  <c r="T14761" i="1"/>
  <c r="T14762" i="1"/>
  <c r="T14763" i="1"/>
  <c r="T14764" i="1"/>
  <c r="T14765" i="1"/>
  <c r="T14766" i="1"/>
  <c r="T14767" i="1"/>
  <c r="T14768" i="1"/>
  <c r="T14769" i="1"/>
  <c r="T14770" i="1"/>
  <c r="T14771" i="1"/>
  <c r="T14772" i="1"/>
  <c r="T14773" i="1"/>
  <c r="T14774" i="1"/>
  <c r="T14775" i="1"/>
  <c r="T14776" i="1"/>
  <c r="T14777" i="1"/>
  <c r="T14778" i="1"/>
  <c r="T14779" i="1"/>
  <c r="T14780" i="1"/>
  <c r="T14781" i="1"/>
  <c r="T14782" i="1"/>
  <c r="T14783" i="1"/>
  <c r="T14784" i="1"/>
  <c r="T14785" i="1"/>
  <c r="T14786" i="1"/>
  <c r="T14787" i="1"/>
  <c r="T14788" i="1"/>
  <c r="T14789" i="1"/>
  <c r="T14790" i="1"/>
  <c r="T14791" i="1"/>
  <c r="T14792" i="1"/>
  <c r="T14793" i="1"/>
  <c r="T14794" i="1"/>
  <c r="T14795" i="1"/>
  <c r="T14796" i="1"/>
  <c r="T14797" i="1"/>
  <c r="T14798" i="1"/>
  <c r="T14799" i="1"/>
  <c r="T14800" i="1"/>
  <c r="T14801" i="1"/>
  <c r="T14802" i="1"/>
  <c r="T14803" i="1"/>
  <c r="T14804" i="1"/>
  <c r="T14805" i="1"/>
  <c r="T14806" i="1"/>
  <c r="T14807" i="1"/>
  <c r="T14808" i="1"/>
  <c r="T14809" i="1"/>
  <c r="T14810" i="1"/>
  <c r="T14811" i="1"/>
  <c r="T14812" i="1"/>
  <c r="T14813" i="1"/>
  <c r="T14814" i="1"/>
  <c r="T14815" i="1"/>
  <c r="T14816" i="1"/>
  <c r="T14817" i="1"/>
  <c r="T14818" i="1"/>
  <c r="T14819" i="1"/>
  <c r="T14820" i="1"/>
  <c r="T14821" i="1"/>
  <c r="T14822" i="1"/>
  <c r="T14823" i="1"/>
  <c r="T14824" i="1"/>
  <c r="T14825" i="1"/>
  <c r="T14826" i="1"/>
  <c r="T14827" i="1"/>
  <c r="T14828" i="1"/>
  <c r="T14829" i="1"/>
  <c r="T14830" i="1"/>
  <c r="T14831" i="1"/>
  <c r="T14832" i="1"/>
  <c r="T14833" i="1"/>
  <c r="T14834" i="1"/>
  <c r="T14835" i="1"/>
  <c r="T14836" i="1"/>
  <c r="T14837" i="1"/>
  <c r="T14838" i="1"/>
  <c r="T14839" i="1"/>
  <c r="T14840" i="1"/>
  <c r="T14841" i="1"/>
  <c r="T14842" i="1"/>
  <c r="T14843" i="1"/>
  <c r="T14844" i="1"/>
  <c r="T14845" i="1"/>
  <c r="T14846" i="1"/>
  <c r="T14847" i="1"/>
  <c r="T14848" i="1"/>
  <c r="T14849" i="1"/>
  <c r="T14850" i="1"/>
  <c r="T14851" i="1"/>
  <c r="T14852" i="1"/>
  <c r="T14853" i="1"/>
  <c r="T14854" i="1"/>
  <c r="T14855" i="1"/>
  <c r="T14856" i="1"/>
  <c r="T14857" i="1"/>
  <c r="T14858" i="1"/>
  <c r="T14859" i="1"/>
  <c r="T14860" i="1"/>
  <c r="T14861" i="1"/>
  <c r="T14862" i="1"/>
  <c r="T14863" i="1"/>
  <c r="T14864" i="1"/>
  <c r="T14865" i="1"/>
  <c r="T14866" i="1"/>
  <c r="T14867" i="1"/>
  <c r="T14868" i="1"/>
  <c r="T14869" i="1"/>
  <c r="T14870" i="1"/>
  <c r="T14871" i="1"/>
  <c r="T14872" i="1"/>
  <c r="T14873" i="1"/>
  <c r="T14874" i="1"/>
  <c r="T14875" i="1"/>
  <c r="T14876" i="1"/>
  <c r="T14877" i="1"/>
  <c r="T14878" i="1"/>
  <c r="T14879" i="1"/>
  <c r="T14880" i="1"/>
  <c r="T14881" i="1"/>
  <c r="T14882" i="1"/>
  <c r="T14883" i="1"/>
  <c r="T14884" i="1"/>
  <c r="T14885" i="1"/>
  <c r="T14886" i="1"/>
  <c r="T14887" i="1"/>
  <c r="T14888" i="1"/>
  <c r="T14889" i="1"/>
  <c r="T14890" i="1"/>
  <c r="T14891" i="1"/>
  <c r="T14892" i="1"/>
  <c r="T14893" i="1"/>
  <c r="T14894" i="1"/>
  <c r="T14895" i="1"/>
  <c r="T14896" i="1"/>
  <c r="T14897" i="1"/>
  <c r="T14898" i="1"/>
  <c r="T14899" i="1"/>
  <c r="T14900" i="1"/>
  <c r="T14901" i="1"/>
  <c r="T14902" i="1"/>
  <c r="T14903" i="1"/>
  <c r="T14904" i="1"/>
  <c r="T14905" i="1"/>
  <c r="T14906" i="1"/>
  <c r="T14907" i="1"/>
  <c r="T14908" i="1"/>
  <c r="T14909" i="1"/>
  <c r="T14910" i="1"/>
  <c r="T14911" i="1"/>
  <c r="T14912" i="1"/>
  <c r="T14913" i="1"/>
  <c r="T14914" i="1"/>
  <c r="T14915" i="1"/>
  <c r="T14916" i="1"/>
  <c r="T14917" i="1"/>
  <c r="T14918" i="1"/>
  <c r="T14919" i="1"/>
  <c r="T14920" i="1"/>
  <c r="T14921" i="1"/>
  <c r="T14922" i="1"/>
  <c r="T14923" i="1"/>
  <c r="T14924" i="1"/>
  <c r="T14925" i="1"/>
  <c r="T14926" i="1"/>
  <c r="T14927" i="1"/>
  <c r="T14928" i="1"/>
  <c r="T14929" i="1"/>
  <c r="T14930" i="1"/>
  <c r="T14931" i="1"/>
  <c r="T14932" i="1"/>
  <c r="T14933" i="1"/>
  <c r="T14934" i="1"/>
  <c r="T14935" i="1"/>
  <c r="T14936" i="1"/>
  <c r="T14937" i="1"/>
  <c r="T14938" i="1"/>
  <c r="T14939" i="1"/>
  <c r="T14940" i="1"/>
  <c r="T14941" i="1"/>
  <c r="T14942" i="1"/>
  <c r="T14943" i="1"/>
  <c r="T14944" i="1"/>
  <c r="T14945" i="1"/>
  <c r="T14946" i="1"/>
  <c r="T14947" i="1"/>
  <c r="T14948" i="1"/>
  <c r="T14949" i="1"/>
  <c r="T14950" i="1"/>
  <c r="T14951" i="1"/>
  <c r="T14952" i="1"/>
  <c r="T14953" i="1"/>
  <c r="T14954" i="1"/>
  <c r="T14955" i="1"/>
  <c r="T14956" i="1"/>
  <c r="T14957" i="1"/>
  <c r="T14958" i="1"/>
  <c r="T14959" i="1"/>
  <c r="T14960" i="1"/>
  <c r="T14961" i="1"/>
  <c r="T14962" i="1"/>
  <c r="T14963" i="1"/>
  <c r="T14964" i="1"/>
  <c r="T14965" i="1"/>
  <c r="T14966" i="1"/>
  <c r="T14967" i="1"/>
  <c r="T14968" i="1"/>
  <c r="T14969" i="1"/>
  <c r="T14970" i="1"/>
  <c r="T14971" i="1"/>
  <c r="T14972" i="1"/>
  <c r="T14973" i="1"/>
  <c r="T14974" i="1"/>
  <c r="T14975" i="1"/>
  <c r="T14976" i="1"/>
  <c r="T14977" i="1"/>
  <c r="T14978" i="1"/>
  <c r="T14979" i="1"/>
  <c r="T14980" i="1"/>
  <c r="T14981" i="1"/>
  <c r="T14982" i="1"/>
  <c r="T14983" i="1"/>
  <c r="T14984" i="1"/>
  <c r="T14985" i="1"/>
  <c r="T14986" i="1"/>
  <c r="T14987" i="1"/>
  <c r="T14988" i="1"/>
  <c r="T14989" i="1"/>
  <c r="T14990" i="1"/>
  <c r="T14991" i="1"/>
  <c r="T14992" i="1"/>
  <c r="T14993" i="1"/>
  <c r="T14994" i="1"/>
  <c r="T14995" i="1"/>
  <c r="T14996" i="1"/>
  <c r="T14997" i="1"/>
  <c r="T14998" i="1"/>
  <c r="T14999" i="1"/>
  <c r="T15000" i="1"/>
  <c r="T15001" i="1"/>
  <c r="T15002" i="1"/>
  <c r="T15003" i="1"/>
  <c r="T15004" i="1"/>
  <c r="T15005" i="1"/>
  <c r="T15006" i="1"/>
  <c r="T15007" i="1"/>
  <c r="T15008" i="1"/>
  <c r="T15009" i="1"/>
  <c r="T15010" i="1"/>
  <c r="T15011" i="1"/>
  <c r="T15012" i="1"/>
  <c r="T15013" i="1"/>
  <c r="T15014" i="1"/>
  <c r="T15015" i="1"/>
  <c r="T15016" i="1"/>
  <c r="T15017" i="1"/>
  <c r="T15018" i="1"/>
  <c r="T15019" i="1"/>
  <c r="T15020" i="1"/>
  <c r="T15021" i="1"/>
  <c r="T15022" i="1"/>
  <c r="T15023" i="1"/>
  <c r="T15024" i="1"/>
  <c r="T15025" i="1"/>
  <c r="T15026" i="1"/>
  <c r="T15027" i="1"/>
  <c r="T15028" i="1"/>
  <c r="T15029" i="1"/>
  <c r="T15030" i="1"/>
  <c r="T15031" i="1"/>
  <c r="T15032" i="1"/>
  <c r="T15033" i="1"/>
  <c r="T15034" i="1"/>
  <c r="T15035" i="1"/>
  <c r="T15036" i="1"/>
  <c r="T15037" i="1"/>
  <c r="T15038" i="1"/>
  <c r="T15039" i="1"/>
  <c r="T15040" i="1"/>
  <c r="T15041" i="1"/>
  <c r="T15042" i="1"/>
  <c r="T15043" i="1"/>
  <c r="T15044" i="1"/>
  <c r="T15045" i="1"/>
  <c r="T15046" i="1"/>
  <c r="T15047" i="1"/>
  <c r="T15048" i="1"/>
  <c r="T15049" i="1"/>
  <c r="T15050" i="1"/>
  <c r="T15051" i="1"/>
  <c r="T15052" i="1"/>
  <c r="T15053" i="1"/>
  <c r="T15054" i="1"/>
  <c r="T15055" i="1"/>
  <c r="T15056" i="1"/>
  <c r="T15057" i="1"/>
  <c r="T15058" i="1"/>
  <c r="T15059" i="1"/>
  <c r="T15060" i="1"/>
  <c r="T15061" i="1"/>
  <c r="T15062" i="1"/>
  <c r="T15063" i="1"/>
  <c r="T15064" i="1"/>
  <c r="T15065" i="1"/>
  <c r="T15066" i="1"/>
  <c r="T15067" i="1"/>
  <c r="T15068" i="1"/>
  <c r="T15069" i="1"/>
  <c r="T15070" i="1"/>
  <c r="T15071" i="1"/>
  <c r="T15072" i="1"/>
  <c r="T15073" i="1"/>
  <c r="T15074" i="1"/>
  <c r="T15075" i="1"/>
  <c r="T15076" i="1"/>
  <c r="T15077" i="1"/>
  <c r="T15078" i="1"/>
  <c r="T15079" i="1"/>
  <c r="T15080" i="1"/>
  <c r="T15081" i="1"/>
  <c r="T15082" i="1"/>
  <c r="T15083" i="1"/>
  <c r="T15084" i="1"/>
  <c r="T15085" i="1"/>
  <c r="T15086" i="1"/>
  <c r="T15087" i="1"/>
  <c r="T15088" i="1"/>
  <c r="T15089" i="1"/>
  <c r="T15090" i="1"/>
  <c r="T15091" i="1"/>
  <c r="T15092" i="1"/>
  <c r="T15093" i="1"/>
  <c r="T15094" i="1"/>
  <c r="T15095" i="1"/>
  <c r="T15096" i="1"/>
  <c r="T15097" i="1"/>
  <c r="T15098" i="1"/>
  <c r="T15099" i="1"/>
  <c r="T15100" i="1"/>
  <c r="T15101" i="1"/>
  <c r="T15102" i="1"/>
  <c r="T15103" i="1"/>
  <c r="T15104" i="1"/>
  <c r="T15105" i="1"/>
  <c r="T15106" i="1"/>
  <c r="T15107" i="1"/>
  <c r="T15108" i="1"/>
  <c r="T15109" i="1"/>
  <c r="T15110" i="1"/>
  <c r="T15111" i="1"/>
  <c r="T15112" i="1"/>
  <c r="T15113" i="1"/>
  <c r="T15114" i="1"/>
  <c r="T15115" i="1"/>
  <c r="T15116" i="1"/>
  <c r="T15117" i="1"/>
  <c r="T15118" i="1"/>
  <c r="T15119" i="1"/>
  <c r="T15120" i="1"/>
  <c r="T15121" i="1"/>
  <c r="T15122" i="1"/>
  <c r="T15123" i="1"/>
  <c r="T15124" i="1"/>
  <c r="T15125" i="1"/>
  <c r="T15126" i="1"/>
  <c r="T15127" i="1"/>
  <c r="T15128" i="1"/>
  <c r="T15129" i="1"/>
  <c r="T15130" i="1"/>
  <c r="T15131" i="1"/>
  <c r="T15132" i="1"/>
  <c r="T15133" i="1"/>
  <c r="T15134" i="1"/>
  <c r="T15135" i="1"/>
  <c r="T15136" i="1"/>
  <c r="T15137" i="1"/>
  <c r="T15138" i="1"/>
  <c r="T15139" i="1"/>
  <c r="T15140" i="1"/>
  <c r="T15141" i="1"/>
  <c r="T15142" i="1"/>
  <c r="T15143" i="1"/>
  <c r="T15144" i="1"/>
  <c r="T15145" i="1"/>
  <c r="T15146" i="1"/>
  <c r="T15147" i="1"/>
  <c r="T15148" i="1"/>
  <c r="T15149" i="1"/>
  <c r="T15150" i="1"/>
  <c r="T15151" i="1"/>
  <c r="T15152" i="1"/>
  <c r="T15153" i="1"/>
  <c r="T15154" i="1"/>
  <c r="T15155" i="1"/>
  <c r="T15156" i="1"/>
  <c r="T15157" i="1"/>
  <c r="T15158" i="1"/>
  <c r="T15159" i="1"/>
  <c r="T15160" i="1"/>
  <c r="T15161" i="1"/>
  <c r="T15162" i="1"/>
  <c r="T15163" i="1"/>
  <c r="T15164" i="1"/>
  <c r="T15165" i="1"/>
  <c r="T15166" i="1"/>
  <c r="T15167" i="1"/>
  <c r="T15168" i="1"/>
  <c r="T15169" i="1"/>
  <c r="T15170" i="1"/>
  <c r="T15171" i="1"/>
  <c r="T15172" i="1"/>
  <c r="T15173" i="1"/>
  <c r="T15174" i="1"/>
  <c r="T15175" i="1"/>
  <c r="T15176" i="1"/>
  <c r="T15177" i="1"/>
  <c r="T15178" i="1"/>
  <c r="T15179" i="1"/>
  <c r="T15180" i="1"/>
  <c r="T15181" i="1"/>
  <c r="T15182" i="1"/>
  <c r="T15183" i="1"/>
  <c r="T15184" i="1"/>
  <c r="T15185" i="1"/>
  <c r="T15186" i="1"/>
  <c r="T15187" i="1"/>
  <c r="T15188" i="1"/>
  <c r="T15189" i="1"/>
  <c r="T15190" i="1"/>
  <c r="T15191" i="1"/>
  <c r="T15192" i="1"/>
  <c r="T15193" i="1"/>
  <c r="T15194" i="1"/>
  <c r="T15195" i="1"/>
  <c r="T15196" i="1"/>
  <c r="T15197" i="1"/>
  <c r="T15198" i="1"/>
  <c r="T15199" i="1"/>
  <c r="T15200" i="1"/>
  <c r="T15201" i="1"/>
  <c r="T15202" i="1"/>
  <c r="T15203" i="1"/>
  <c r="T15204" i="1"/>
  <c r="T15205" i="1"/>
  <c r="T15206" i="1"/>
  <c r="T15207" i="1"/>
  <c r="T15208" i="1"/>
  <c r="T15209" i="1"/>
  <c r="T15210" i="1"/>
  <c r="T15211" i="1"/>
  <c r="T15212" i="1"/>
  <c r="T15213" i="1"/>
  <c r="T15214" i="1"/>
  <c r="T15215" i="1"/>
  <c r="T15216" i="1"/>
  <c r="T15217" i="1"/>
  <c r="T15218" i="1"/>
  <c r="T15219" i="1"/>
  <c r="T15220" i="1"/>
  <c r="T15221" i="1"/>
  <c r="T15222" i="1"/>
  <c r="T15223" i="1"/>
  <c r="T15224" i="1"/>
  <c r="T15225" i="1"/>
  <c r="T15226" i="1"/>
  <c r="T15227" i="1"/>
  <c r="T15228" i="1"/>
  <c r="T15229" i="1"/>
  <c r="T15230" i="1"/>
  <c r="T15231" i="1"/>
  <c r="T15232" i="1"/>
  <c r="T15233" i="1"/>
  <c r="T15234" i="1"/>
  <c r="T15235" i="1"/>
  <c r="T15236" i="1"/>
  <c r="T15237" i="1"/>
  <c r="T15238" i="1"/>
  <c r="T15239" i="1"/>
  <c r="T15240" i="1"/>
  <c r="T15241" i="1"/>
  <c r="T15242" i="1"/>
  <c r="T15243" i="1"/>
  <c r="T15244" i="1"/>
  <c r="T15245" i="1"/>
  <c r="T15246" i="1"/>
  <c r="T15247" i="1"/>
  <c r="T15248" i="1"/>
  <c r="T15249" i="1"/>
  <c r="T15250" i="1"/>
  <c r="T15251" i="1"/>
  <c r="T15252" i="1"/>
  <c r="T15253" i="1"/>
  <c r="T15254" i="1"/>
  <c r="T15255" i="1"/>
  <c r="T15256" i="1"/>
  <c r="T15257" i="1"/>
  <c r="T15258" i="1"/>
  <c r="T15259" i="1"/>
  <c r="T15260" i="1"/>
  <c r="T15261" i="1"/>
  <c r="T15262" i="1"/>
  <c r="T15263" i="1"/>
  <c r="T15264" i="1"/>
  <c r="T15265" i="1"/>
  <c r="T15266" i="1"/>
  <c r="T15267" i="1"/>
  <c r="T15268" i="1"/>
  <c r="T15269" i="1"/>
  <c r="T15270" i="1"/>
  <c r="T15271" i="1"/>
  <c r="T15272" i="1"/>
  <c r="T15273" i="1"/>
  <c r="T15274" i="1"/>
  <c r="T15275" i="1"/>
  <c r="T15276" i="1"/>
  <c r="T15277" i="1"/>
  <c r="T15278" i="1"/>
  <c r="T15279" i="1"/>
  <c r="T15280" i="1"/>
  <c r="T15281" i="1"/>
  <c r="T15282" i="1"/>
  <c r="T15283" i="1"/>
  <c r="T15284" i="1"/>
  <c r="T15285" i="1"/>
  <c r="T15286" i="1"/>
  <c r="T15287" i="1"/>
  <c r="T15288" i="1"/>
  <c r="T15289" i="1"/>
  <c r="T15290" i="1"/>
  <c r="T15291" i="1"/>
  <c r="T15292" i="1"/>
  <c r="T15293" i="1"/>
  <c r="T15294" i="1"/>
  <c r="T15295" i="1"/>
  <c r="T15296" i="1"/>
  <c r="T15297" i="1"/>
  <c r="T15298" i="1"/>
  <c r="T15299" i="1"/>
  <c r="T15300" i="1"/>
  <c r="T15301" i="1"/>
  <c r="T15302" i="1"/>
  <c r="T15303" i="1"/>
  <c r="T15304" i="1"/>
  <c r="T15305" i="1"/>
  <c r="T15306" i="1"/>
  <c r="T15307" i="1"/>
  <c r="T15308" i="1"/>
  <c r="T15309" i="1"/>
  <c r="T15310" i="1"/>
  <c r="T15311" i="1"/>
  <c r="T15312" i="1"/>
  <c r="T15313" i="1"/>
  <c r="T15314" i="1"/>
  <c r="T15315" i="1"/>
  <c r="T15316" i="1"/>
  <c r="T15317" i="1"/>
  <c r="T15318" i="1"/>
  <c r="T15319" i="1"/>
  <c r="T15320" i="1"/>
  <c r="T15321" i="1"/>
  <c r="T15322" i="1"/>
  <c r="T15323" i="1"/>
  <c r="T15324" i="1"/>
  <c r="T15325" i="1"/>
  <c r="T15326" i="1"/>
  <c r="T15327" i="1"/>
  <c r="T15328" i="1"/>
  <c r="T15329" i="1"/>
  <c r="T15330" i="1"/>
  <c r="T15331" i="1"/>
  <c r="T15332" i="1"/>
  <c r="T15333" i="1"/>
  <c r="T15334" i="1"/>
  <c r="T15335" i="1"/>
  <c r="T15336" i="1"/>
  <c r="T15337" i="1"/>
  <c r="T15338" i="1"/>
  <c r="T15339" i="1"/>
  <c r="T15340" i="1"/>
  <c r="T15341" i="1"/>
  <c r="T15342" i="1"/>
  <c r="T15343" i="1"/>
  <c r="T15344" i="1"/>
  <c r="T15345" i="1"/>
  <c r="T15346" i="1"/>
  <c r="T15347" i="1"/>
  <c r="T15348" i="1"/>
  <c r="T15349" i="1"/>
  <c r="T15350" i="1"/>
  <c r="T15351" i="1"/>
  <c r="T15352" i="1"/>
  <c r="T15353" i="1"/>
  <c r="T15354" i="1"/>
  <c r="T15355" i="1"/>
  <c r="T15356" i="1"/>
  <c r="T15357" i="1"/>
  <c r="T15358" i="1"/>
  <c r="T15359" i="1"/>
  <c r="T15360" i="1"/>
  <c r="T15361" i="1"/>
  <c r="T15362" i="1"/>
  <c r="T15363" i="1"/>
  <c r="T15364" i="1"/>
  <c r="T15365" i="1"/>
  <c r="T15366" i="1"/>
  <c r="T15367" i="1"/>
  <c r="T15368" i="1"/>
  <c r="T15369" i="1"/>
  <c r="T15370" i="1"/>
  <c r="T15371" i="1"/>
  <c r="T15372" i="1"/>
  <c r="T15373" i="1"/>
  <c r="T15374" i="1"/>
  <c r="T15375" i="1"/>
  <c r="T15376" i="1"/>
  <c r="T15377" i="1"/>
  <c r="T15378" i="1"/>
  <c r="T15379" i="1"/>
  <c r="T15380" i="1"/>
  <c r="T15381" i="1"/>
  <c r="T15382" i="1"/>
  <c r="T15383" i="1"/>
  <c r="T15384" i="1"/>
  <c r="T15385" i="1"/>
  <c r="T15386" i="1"/>
  <c r="T15387" i="1"/>
  <c r="T15388" i="1"/>
  <c r="T15389" i="1"/>
  <c r="T15390" i="1"/>
  <c r="T15391" i="1"/>
  <c r="T15392" i="1"/>
  <c r="T15393" i="1"/>
  <c r="T15394" i="1"/>
  <c r="T15395" i="1"/>
  <c r="T15396" i="1"/>
  <c r="T15397" i="1"/>
  <c r="T15398" i="1"/>
  <c r="T15399" i="1"/>
  <c r="T15400" i="1"/>
  <c r="T15401" i="1"/>
  <c r="T15402" i="1"/>
  <c r="T15403" i="1"/>
  <c r="T15404" i="1"/>
  <c r="T15405" i="1"/>
  <c r="T15406" i="1"/>
  <c r="T15407" i="1"/>
  <c r="T15408" i="1"/>
  <c r="T15409" i="1"/>
  <c r="T15410" i="1"/>
  <c r="T15411" i="1"/>
  <c r="T15412" i="1"/>
  <c r="T15413" i="1"/>
  <c r="T15414" i="1"/>
  <c r="T15415" i="1"/>
  <c r="T15416" i="1"/>
  <c r="T15417" i="1"/>
  <c r="T15418" i="1"/>
  <c r="T15419" i="1"/>
  <c r="T15420" i="1"/>
  <c r="T15421" i="1"/>
  <c r="T15422" i="1"/>
  <c r="T15423" i="1"/>
  <c r="T15424" i="1"/>
  <c r="T15425" i="1"/>
  <c r="T15426" i="1"/>
  <c r="T15427" i="1"/>
  <c r="T15428" i="1"/>
  <c r="T15429" i="1"/>
  <c r="T15430" i="1"/>
  <c r="T15431" i="1"/>
  <c r="T15432" i="1"/>
  <c r="T15433" i="1"/>
  <c r="T15434" i="1"/>
  <c r="T15435" i="1"/>
  <c r="T15436" i="1"/>
  <c r="T15437" i="1"/>
  <c r="T15438" i="1"/>
  <c r="T15439" i="1"/>
  <c r="T15440" i="1"/>
  <c r="T15441" i="1"/>
  <c r="T15442" i="1"/>
  <c r="T15443" i="1"/>
  <c r="T15444" i="1"/>
  <c r="T15445" i="1"/>
  <c r="T15446" i="1"/>
  <c r="T15447" i="1"/>
  <c r="T15448" i="1"/>
  <c r="T15449" i="1"/>
  <c r="T15450" i="1"/>
  <c r="T15451" i="1"/>
  <c r="T15452" i="1"/>
  <c r="T15453" i="1"/>
  <c r="T15454" i="1"/>
  <c r="T15455" i="1"/>
  <c r="T15456" i="1"/>
  <c r="T15457" i="1"/>
  <c r="T15458" i="1"/>
  <c r="T15459" i="1"/>
  <c r="T15460" i="1"/>
  <c r="T15461" i="1"/>
  <c r="T15462" i="1"/>
  <c r="T15463" i="1"/>
  <c r="T15464" i="1"/>
  <c r="T15465" i="1"/>
  <c r="T15466" i="1"/>
  <c r="T15467" i="1"/>
  <c r="T15468" i="1"/>
  <c r="T15469" i="1"/>
  <c r="T15470" i="1"/>
  <c r="T15471" i="1"/>
  <c r="T15472" i="1"/>
  <c r="T15473" i="1"/>
  <c r="T15474" i="1"/>
  <c r="T15475" i="1"/>
  <c r="T15476" i="1"/>
  <c r="T15477" i="1"/>
  <c r="T15478" i="1"/>
  <c r="T15479" i="1"/>
  <c r="T15480" i="1"/>
  <c r="T15481" i="1"/>
  <c r="T15482" i="1"/>
  <c r="T15483" i="1"/>
  <c r="T15484" i="1"/>
  <c r="T15485" i="1"/>
  <c r="T15486" i="1"/>
  <c r="T15487" i="1"/>
  <c r="T15488" i="1"/>
  <c r="T15489" i="1"/>
  <c r="T15490" i="1"/>
  <c r="T15491" i="1"/>
  <c r="T15492" i="1"/>
  <c r="T15493" i="1"/>
  <c r="T15494" i="1"/>
  <c r="T15495" i="1"/>
  <c r="T15496" i="1"/>
  <c r="T15497" i="1"/>
  <c r="T15498" i="1"/>
  <c r="T15499" i="1"/>
  <c r="T15500" i="1"/>
  <c r="T15501" i="1"/>
  <c r="T15502" i="1"/>
  <c r="T15503" i="1"/>
  <c r="T15504" i="1"/>
  <c r="T15505" i="1"/>
  <c r="T15506" i="1"/>
  <c r="T15507" i="1"/>
  <c r="T15508" i="1"/>
  <c r="T15509" i="1"/>
  <c r="T15510" i="1"/>
  <c r="T15511" i="1"/>
  <c r="T15512" i="1"/>
  <c r="T15513" i="1"/>
  <c r="T15514" i="1"/>
  <c r="T15515" i="1"/>
  <c r="T15516" i="1"/>
  <c r="T15517" i="1"/>
  <c r="T15518" i="1"/>
  <c r="T15519" i="1"/>
  <c r="T15520" i="1"/>
  <c r="T15521" i="1"/>
  <c r="T15522" i="1"/>
  <c r="T15523" i="1"/>
  <c r="T15524" i="1"/>
  <c r="T15525" i="1"/>
  <c r="T15526" i="1"/>
  <c r="T15527" i="1"/>
  <c r="T15528" i="1"/>
  <c r="T15529" i="1"/>
  <c r="T15530" i="1"/>
  <c r="T15531" i="1"/>
  <c r="T15532" i="1"/>
  <c r="T15533" i="1"/>
  <c r="T15534" i="1"/>
  <c r="T15535" i="1"/>
  <c r="T15536" i="1"/>
  <c r="T15537" i="1"/>
  <c r="T15538" i="1"/>
  <c r="T15539" i="1"/>
  <c r="T15540" i="1"/>
  <c r="T15541" i="1"/>
  <c r="T15542" i="1"/>
  <c r="T15543" i="1"/>
  <c r="T15544" i="1"/>
  <c r="T15545" i="1"/>
  <c r="T15546" i="1"/>
  <c r="T15547" i="1"/>
  <c r="T15548" i="1"/>
  <c r="T15549" i="1"/>
  <c r="T15550" i="1"/>
  <c r="T15551" i="1"/>
  <c r="T15552" i="1"/>
  <c r="T15553" i="1"/>
  <c r="T15554" i="1"/>
  <c r="T15555" i="1"/>
  <c r="T15556" i="1"/>
  <c r="T15557" i="1"/>
  <c r="T15558" i="1"/>
  <c r="T15559" i="1"/>
  <c r="T15560" i="1"/>
  <c r="T15561" i="1"/>
  <c r="T15562" i="1"/>
  <c r="T15563" i="1"/>
  <c r="T15564" i="1"/>
  <c r="T15565" i="1"/>
  <c r="T15566" i="1"/>
  <c r="T15567" i="1"/>
  <c r="T15568" i="1"/>
  <c r="T15569" i="1"/>
  <c r="T15570" i="1"/>
  <c r="T15571" i="1"/>
  <c r="T15572" i="1"/>
  <c r="T15573" i="1"/>
  <c r="T15574" i="1"/>
  <c r="T15575" i="1"/>
  <c r="T15576" i="1"/>
  <c r="T15577" i="1"/>
  <c r="T15578" i="1"/>
  <c r="T15579" i="1"/>
  <c r="T15580" i="1"/>
  <c r="T15581" i="1"/>
  <c r="T15582" i="1"/>
  <c r="T15583" i="1"/>
  <c r="T15584" i="1"/>
  <c r="T15585" i="1"/>
  <c r="T15586" i="1"/>
  <c r="T15587" i="1"/>
  <c r="T15588" i="1"/>
  <c r="T15589" i="1"/>
  <c r="T15590" i="1"/>
  <c r="T15591" i="1"/>
  <c r="T15592" i="1"/>
  <c r="T15593" i="1"/>
  <c r="T15594" i="1"/>
  <c r="T15595" i="1"/>
  <c r="T15596" i="1"/>
  <c r="T15597" i="1"/>
  <c r="T15598" i="1"/>
  <c r="T15599" i="1"/>
  <c r="T15600" i="1"/>
  <c r="T15601" i="1"/>
  <c r="T15602" i="1"/>
  <c r="T15603" i="1"/>
  <c r="T15604" i="1"/>
  <c r="T15605" i="1"/>
  <c r="T15606" i="1"/>
  <c r="T15607" i="1"/>
  <c r="T15608" i="1"/>
  <c r="T15609" i="1"/>
  <c r="T15610" i="1"/>
  <c r="T15611" i="1"/>
  <c r="T15612" i="1"/>
  <c r="T15613" i="1"/>
  <c r="T15614" i="1"/>
  <c r="T15615" i="1"/>
  <c r="T15616" i="1"/>
  <c r="T15617" i="1"/>
  <c r="T15618" i="1"/>
  <c r="T15619" i="1"/>
  <c r="T15620" i="1"/>
  <c r="T15621" i="1"/>
  <c r="T15622" i="1"/>
  <c r="T15623" i="1"/>
  <c r="T15624" i="1"/>
  <c r="T15625" i="1"/>
  <c r="T15626" i="1"/>
  <c r="T15627" i="1"/>
  <c r="T15628" i="1"/>
  <c r="T15629" i="1"/>
  <c r="T15630" i="1"/>
  <c r="T15631" i="1"/>
  <c r="T15632" i="1"/>
  <c r="T15633" i="1"/>
  <c r="T15634" i="1"/>
  <c r="T15635" i="1"/>
  <c r="T15636" i="1"/>
  <c r="T15637" i="1"/>
  <c r="T15638" i="1"/>
  <c r="T15639" i="1"/>
  <c r="T15640" i="1"/>
  <c r="T15641" i="1"/>
  <c r="T15642" i="1"/>
  <c r="T15643" i="1"/>
  <c r="T15644" i="1"/>
  <c r="T15645" i="1"/>
  <c r="T15646" i="1"/>
  <c r="T15647" i="1"/>
  <c r="T15648" i="1"/>
  <c r="T15649" i="1"/>
  <c r="T15650" i="1"/>
  <c r="T15651" i="1"/>
  <c r="T15652" i="1"/>
  <c r="T15653" i="1"/>
  <c r="T15654" i="1"/>
  <c r="T15655" i="1"/>
  <c r="T15656" i="1"/>
  <c r="T15657" i="1"/>
  <c r="T15658" i="1"/>
  <c r="T15659" i="1"/>
  <c r="T15660" i="1"/>
  <c r="T15661" i="1"/>
  <c r="T15662" i="1"/>
  <c r="T15663" i="1"/>
  <c r="T15664" i="1"/>
  <c r="T15665" i="1"/>
  <c r="T15666" i="1"/>
  <c r="T15667" i="1"/>
  <c r="T15668" i="1"/>
  <c r="T15669" i="1"/>
  <c r="T15670" i="1"/>
  <c r="T15671" i="1"/>
  <c r="T15672" i="1"/>
  <c r="T15673" i="1"/>
  <c r="T15674" i="1"/>
  <c r="T15675" i="1"/>
  <c r="T15676" i="1"/>
  <c r="T15677" i="1"/>
  <c r="T15678" i="1"/>
  <c r="T15679" i="1"/>
  <c r="T15680" i="1"/>
  <c r="T15681" i="1"/>
  <c r="T15682" i="1"/>
  <c r="T15683" i="1"/>
  <c r="T15684" i="1"/>
  <c r="T15685" i="1"/>
  <c r="T15686" i="1"/>
  <c r="T15687" i="1"/>
  <c r="T15688" i="1"/>
  <c r="T15689" i="1"/>
  <c r="T15690" i="1"/>
  <c r="T15691" i="1"/>
  <c r="T15692" i="1"/>
  <c r="T15693" i="1"/>
  <c r="T15694" i="1"/>
  <c r="T15695" i="1"/>
  <c r="T15696" i="1"/>
  <c r="T15697" i="1"/>
  <c r="T15698" i="1"/>
  <c r="T15699" i="1"/>
  <c r="T15700" i="1"/>
  <c r="T15701" i="1"/>
  <c r="T15702" i="1"/>
  <c r="T15703" i="1"/>
  <c r="T15704" i="1"/>
  <c r="T15705" i="1"/>
  <c r="T15706" i="1"/>
  <c r="T15707" i="1"/>
  <c r="T15708" i="1"/>
  <c r="T15709" i="1"/>
  <c r="T15710" i="1"/>
  <c r="T15711" i="1"/>
  <c r="T15712" i="1"/>
  <c r="T15713" i="1"/>
  <c r="T15714" i="1"/>
  <c r="T15715" i="1"/>
  <c r="T15716" i="1"/>
  <c r="T15717" i="1"/>
  <c r="T15718" i="1"/>
  <c r="T15719" i="1"/>
  <c r="T15720" i="1"/>
  <c r="T15721" i="1"/>
  <c r="T15722" i="1"/>
  <c r="T15723" i="1"/>
  <c r="T15724" i="1"/>
  <c r="T15725" i="1"/>
  <c r="T15726" i="1"/>
  <c r="T15727" i="1"/>
  <c r="T15728" i="1"/>
  <c r="T15729" i="1"/>
  <c r="T15730" i="1"/>
  <c r="T15731" i="1"/>
  <c r="T15732" i="1"/>
  <c r="T15733" i="1"/>
  <c r="T15734" i="1"/>
  <c r="T15735" i="1"/>
  <c r="T15736" i="1"/>
  <c r="T15737" i="1"/>
  <c r="T15738" i="1"/>
  <c r="T15739" i="1"/>
  <c r="T15740" i="1"/>
  <c r="T15741" i="1"/>
  <c r="T15742" i="1"/>
  <c r="T15743" i="1"/>
  <c r="T15744" i="1"/>
  <c r="T15745" i="1"/>
  <c r="T15746" i="1"/>
  <c r="T15747" i="1"/>
  <c r="T15748" i="1"/>
  <c r="T15749" i="1"/>
  <c r="T15750" i="1"/>
  <c r="T15751" i="1"/>
  <c r="T15752" i="1"/>
  <c r="T15753" i="1"/>
  <c r="T15754" i="1"/>
  <c r="T15755" i="1"/>
  <c r="T15756" i="1"/>
  <c r="T15757" i="1"/>
  <c r="T15758" i="1"/>
  <c r="T15759" i="1"/>
  <c r="T15760" i="1"/>
  <c r="T15761" i="1"/>
  <c r="T15762" i="1"/>
  <c r="T15763" i="1"/>
  <c r="T15764" i="1"/>
  <c r="T15765" i="1"/>
  <c r="T15766" i="1"/>
  <c r="T15767" i="1"/>
  <c r="T15768" i="1"/>
  <c r="T15769" i="1"/>
  <c r="T15770" i="1"/>
  <c r="T15771" i="1"/>
  <c r="T15772" i="1"/>
  <c r="T15773" i="1"/>
  <c r="T15774" i="1"/>
  <c r="T15775" i="1"/>
  <c r="T15776" i="1"/>
  <c r="T15777" i="1"/>
  <c r="T15778" i="1"/>
  <c r="T15779" i="1"/>
  <c r="T15780" i="1"/>
  <c r="T15781" i="1"/>
  <c r="T15782" i="1"/>
  <c r="T15783" i="1"/>
  <c r="T15784" i="1"/>
  <c r="T15785" i="1"/>
  <c r="T15786" i="1"/>
  <c r="T15787" i="1"/>
  <c r="T15788" i="1"/>
  <c r="T15789" i="1"/>
  <c r="T15790" i="1"/>
  <c r="T15791" i="1"/>
  <c r="T15792" i="1"/>
  <c r="T15793" i="1"/>
  <c r="T15794" i="1"/>
  <c r="T15795" i="1"/>
  <c r="T15796" i="1"/>
  <c r="T15797" i="1"/>
  <c r="T15798" i="1"/>
  <c r="T15799" i="1"/>
  <c r="T15800" i="1"/>
  <c r="T15801" i="1"/>
  <c r="T15802" i="1"/>
  <c r="T15803" i="1"/>
  <c r="T15804" i="1"/>
  <c r="T15805" i="1"/>
  <c r="T15806" i="1"/>
  <c r="T15807" i="1"/>
  <c r="T15808" i="1"/>
  <c r="T15809" i="1"/>
  <c r="T15810" i="1"/>
  <c r="T15811" i="1"/>
  <c r="T15812" i="1"/>
  <c r="T15813" i="1"/>
  <c r="T15814" i="1"/>
  <c r="T15815" i="1"/>
  <c r="T15816" i="1"/>
  <c r="T15817" i="1"/>
  <c r="T15818" i="1"/>
  <c r="T15819" i="1"/>
  <c r="T15820" i="1"/>
  <c r="T15821" i="1"/>
  <c r="T15822" i="1"/>
  <c r="T15823" i="1"/>
  <c r="T15824" i="1"/>
  <c r="T15825" i="1"/>
  <c r="T15826" i="1"/>
  <c r="T15827" i="1"/>
  <c r="T15828" i="1"/>
  <c r="T15829" i="1"/>
  <c r="T15830" i="1"/>
  <c r="T15831" i="1"/>
  <c r="T15832" i="1"/>
  <c r="T15833" i="1"/>
  <c r="T15834" i="1"/>
  <c r="T15835" i="1"/>
  <c r="T15836" i="1"/>
  <c r="T15837" i="1"/>
  <c r="T15838" i="1"/>
  <c r="T15839" i="1"/>
  <c r="T15840" i="1"/>
  <c r="T15841" i="1"/>
  <c r="T15842" i="1"/>
  <c r="T15843" i="1"/>
  <c r="T15844" i="1"/>
  <c r="T15845" i="1"/>
  <c r="T15846" i="1"/>
  <c r="T15847" i="1"/>
  <c r="T15848" i="1"/>
  <c r="T15849" i="1"/>
  <c r="T15850" i="1"/>
  <c r="T15851" i="1"/>
  <c r="T15852" i="1"/>
  <c r="T15853" i="1"/>
  <c r="T15854" i="1"/>
  <c r="T15855" i="1"/>
  <c r="T15856" i="1"/>
  <c r="T15857" i="1"/>
  <c r="T15858" i="1"/>
  <c r="T15859" i="1"/>
  <c r="T15860" i="1"/>
  <c r="T15861" i="1"/>
  <c r="T15862" i="1"/>
  <c r="T15863" i="1"/>
  <c r="T15864" i="1"/>
  <c r="T15865" i="1"/>
  <c r="T15866" i="1"/>
  <c r="T15867" i="1"/>
  <c r="T15868" i="1"/>
  <c r="T15869" i="1"/>
  <c r="T15870" i="1"/>
  <c r="T15871" i="1"/>
  <c r="T15872" i="1"/>
  <c r="T15873" i="1"/>
  <c r="T15874" i="1"/>
  <c r="T15875" i="1"/>
  <c r="T15876" i="1"/>
  <c r="T15877" i="1"/>
  <c r="T15878" i="1"/>
  <c r="T15879" i="1"/>
  <c r="T15880" i="1"/>
  <c r="T15881" i="1"/>
  <c r="T15882" i="1"/>
  <c r="T15883" i="1"/>
  <c r="T15884" i="1"/>
  <c r="T15885" i="1"/>
  <c r="T15886" i="1"/>
  <c r="T15887" i="1"/>
  <c r="T15888" i="1"/>
  <c r="T15889" i="1"/>
  <c r="T15890" i="1"/>
  <c r="T15891" i="1"/>
  <c r="T15892" i="1"/>
  <c r="T15893" i="1"/>
  <c r="T15894" i="1"/>
  <c r="T15895" i="1"/>
  <c r="T15896" i="1"/>
  <c r="T15897" i="1"/>
  <c r="T15898" i="1"/>
  <c r="T15899" i="1"/>
  <c r="T15900" i="1"/>
  <c r="T15901" i="1"/>
  <c r="T15902" i="1"/>
  <c r="T15903" i="1"/>
  <c r="T15904" i="1"/>
  <c r="T15905" i="1"/>
  <c r="T15906" i="1"/>
  <c r="T15907" i="1"/>
  <c r="T15908" i="1"/>
  <c r="T15909" i="1"/>
  <c r="T15910" i="1"/>
  <c r="T15911" i="1"/>
  <c r="T15912" i="1"/>
  <c r="T15913" i="1"/>
  <c r="T15914" i="1"/>
  <c r="T15915" i="1"/>
  <c r="T15916" i="1"/>
  <c r="T15917" i="1"/>
  <c r="T15918" i="1"/>
  <c r="T15919" i="1"/>
  <c r="T15920" i="1"/>
  <c r="T15921" i="1"/>
  <c r="T15922" i="1"/>
  <c r="T15923" i="1"/>
  <c r="T15924" i="1"/>
  <c r="T15925" i="1"/>
  <c r="T15926" i="1"/>
  <c r="T15927" i="1"/>
  <c r="T15928" i="1"/>
  <c r="T15929" i="1"/>
  <c r="T15930" i="1"/>
  <c r="T15931" i="1"/>
  <c r="T15932" i="1"/>
  <c r="T15933" i="1"/>
  <c r="T15934" i="1"/>
  <c r="T15935" i="1"/>
  <c r="T15936" i="1"/>
  <c r="T15937" i="1"/>
  <c r="T15938" i="1"/>
  <c r="T15939" i="1"/>
  <c r="T15940" i="1"/>
  <c r="T15941" i="1"/>
  <c r="T15942" i="1"/>
  <c r="T15943" i="1"/>
  <c r="T15944" i="1"/>
  <c r="T15945" i="1"/>
  <c r="T15946" i="1"/>
  <c r="T15947" i="1"/>
  <c r="T15948" i="1"/>
  <c r="T15949" i="1"/>
  <c r="T15950" i="1"/>
  <c r="T15951" i="1"/>
  <c r="T15952" i="1"/>
  <c r="T15953" i="1"/>
  <c r="T15954" i="1"/>
  <c r="T15955" i="1"/>
  <c r="T15956" i="1"/>
  <c r="T15957" i="1"/>
  <c r="T15958" i="1"/>
  <c r="T15959" i="1"/>
  <c r="T15960" i="1"/>
  <c r="T15961" i="1"/>
  <c r="T15962" i="1"/>
  <c r="T15963" i="1"/>
  <c r="T15964" i="1"/>
  <c r="T15965" i="1"/>
  <c r="T15966" i="1"/>
  <c r="T15967" i="1"/>
  <c r="T15968" i="1"/>
  <c r="T15969" i="1"/>
  <c r="T15970" i="1"/>
  <c r="T15971" i="1"/>
  <c r="T15972" i="1"/>
  <c r="T15973" i="1"/>
  <c r="T15974" i="1"/>
  <c r="T15975" i="1"/>
  <c r="T15976" i="1"/>
  <c r="T15977" i="1"/>
  <c r="T15978" i="1"/>
  <c r="T15979" i="1"/>
  <c r="T15980" i="1"/>
  <c r="T15981" i="1"/>
  <c r="T15982" i="1"/>
  <c r="T15983" i="1"/>
  <c r="T15984" i="1"/>
  <c r="T15985" i="1"/>
  <c r="T15986" i="1"/>
  <c r="T15987" i="1"/>
  <c r="T15988" i="1"/>
  <c r="T15989" i="1"/>
  <c r="T15990" i="1"/>
  <c r="T15991" i="1"/>
  <c r="T15992" i="1"/>
  <c r="T15993" i="1"/>
  <c r="T15994" i="1"/>
  <c r="T15995" i="1"/>
  <c r="T15996" i="1"/>
  <c r="T15997" i="1"/>
  <c r="T15998" i="1"/>
  <c r="T15999" i="1"/>
  <c r="T16000" i="1"/>
  <c r="T16001" i="1"/>
  <c r="T16002" i="1"/>
  <c r="T16003" i="1"/>
  <c r="T16004" i="1"/>
  <c r="T16005" i="1"/>
  <c r="T16006" i="1"/>
  <c r="T16007" i="1"/>
  <c r="T16008" i="1"/>
  <c r="T16009" i="1"/>
  <c r="T16010" i="1"/>
  <c r="T16011" i="1"/>
  <c r="T16012" i="1"/>
  <c r="T16013" i="1"/>
  <c r="T16014" i="1"/>
  <c r="T16015" i="1"/>
  <c r="T16016" i="1"/>
  <c r="T16017" i="1"/>
  <c r="T16018" i="1"/>
  <c r="T16019" i="1"/>
  <c r="T16020" i="1"/>
  <c r="T16021" i="1"/>
  <c r="T16022" i="1"/>
  <c r="T16023" i="1"/>
  <c r="T16024" i="1"/>
  <c r="T16025" i="1"/>
  <c r="T16026" i="1"/>
  <c r="T16027" i="1"/>
  <c r="T16028" i="1"/>
  <c r="T16029" i="1"/>
  <c r="T16030" i="1"/>
  <c r="T16031" i="1"/>
  <c r="T16032" i="1"/>
  <c r="T16033" i="1"/>
  <c r="T16034" i="1"/>
  <c r="T16035" i="1"/>
  <c r="T16036" i="1"/>
  <c r="T16037" i="1"/>
  <c r="T16038" i="1"/>
  <c r="T16039" i="1"/>
  <c r="T16040" i="1"/>
  <c r="T16041" i="1"/>
  <c r="T16042" i="1"/>
  <c r="T16043" i="1"/>
  <c r="T16044" i="1"/>
  <c r="T16045" i="1"/>
  <c r="T16046" i="1"/>
  <c r="T16047" i="1"/>
  <c r="T16048" i="1"/>
  <c r="T16049" i="1"/>
  <c r="T16050" i="1"/>
  <c r="T16051" i="1"/>
  <c r="T16052" i="1"/>
  <c r="T16053" i="1"/>
  <c r="T16054" i="1"/>
  <c r="T16055" i="1"/>
  <c r="T16056" i="1"/>
  <c r="T16057" i="1"/>
  <c r="T16058" i="1"/>
  <c r="T16059" i="1"/>
  <c r="T16060" i="1"/>
  <c r="T16061" i="1"/>
  <c r="T16062" i="1"/>
  <c r="T16063" i="1"/>
  <c r="T16064" i="1"/>
  <c r="T16065" i="1"/>
  <c r="T16066" i="1"/>
  <c r="T16067" i="1"/>
  <c r="T16068" i="1"/>
  <c r="T16069" i="1"/>
  <c r="T16070" i="1"/>
  <c r="T16071" i="1"/>
  <c r="T16072" i="1"/>
  <c r="T16073" i="1"/>
  <c r="T16074" i="1"/>
  <c r="T16075" i="1"/>
  <c r="T16076" i="1"/>
  <c r="T16077" i="1"/>
  <c r="T16078" i="1"/>
  <c r="T16079" i="1"/>
  <c r="T16080" i="1"/>
  <c r="T16081" i="1"/>
  <c r="T16082" i="1"/>
  <c r="T16083" i="1"/>
  <c r="T16084" i="1"/>
  <c r="T16085" i="1"/>
  <c r="T16086" i="1"/>
  <c r="T16087" i="1"/>
  <c r="T16088" i="1"/>
  <c r="T16089" i="1"/>
  <c r="T16090" i="1"/>
  <c r="T16091" i="1"/>
  <c r="T16092" i="1"/>
  <c r="T16093" i="1"/>
  <c r="T16094" i="1"/>
  <c r="T16095" i="1"/>
  <c r="T16096" i="1"/>
  <c r="T16097" i="1"/>
  <c r="T16098" i="1"/>
  <c r="T16099" i="1"/>
  <c r="T16100" i="1"/>
  <c r="T16101" i="1"/>
  <c r="T16102" i="1"/>
  <c r="T16103" i="1"/>
  <c r="T16104" i="1"/>
  <c r="T16105" i="1"/>
  <c r="T16106" i="1"/>
  <c r="T16107" i="1"/>
  <c r="T16108" i="1"/>
  <c r="T16109" i="1"/>
  <c r="T16110" i="1"/>
  <c r="T16111" i="1"/>
  <c r="T16112" i="1"/>
  <c r="T16113" i="1"/>
  <c r="T16114" i="1"/>
  <c r="T16115" i="1"/>
  <c r="T16116" i="1"/>
  <c r="T16117" i="1"/>
  <c r="T16118" i="1"/>
  <c r="T16119" i="1"/>
  <c r="T16120" i="1"/>
  <c r="T16121" i="1"/>
  <c r="T16122" i="1"/>
  <c r="T16123" i="1"/>
  <c r="T16124" i="1"/>
  <c r="T16125" i="1"/>
  <c r="T16126" i="1"/>
  <c r="T16127" i="1"/>
  <c r="T16128" i="1"/>
  <c r="T16129" i="1"/>
  <c r="T16130" i="1"/>
  <c r="T16131" i="1"/>
  <c r="T16132" i="1"/>
  <c r="T16133" i="1"/>
  <c r="T16134" i="1"/>
  <c r="T16135" i="1"/>
  <c r="T16136" i="1"/>
  <c r="T16137" i="1"/>
  <c r="T16138" i="1"/>
  <c r="T16139" i="1"/>
  <c r="T16140" i="1"/>
  <c r="T16141" i="1"/>
  <c r="T16142" i="1"/>
  <c r="T16143" i="1"/>
  <c r="T16144" i="1"/>
  <c r="T16145" i="1"/>
  <c r="T16146" i="1"/>
  <c r="T16147" i="1"/>
  <c r="T16148" i="1"/>
  <c r="T16149" i="1"/>
  <c r="T16150" i="1"/>
  <c r="T16151" i="1"/>
  <c r="T16152" i="1"/>
  <c r="T16153" i="1"/>
  <c r="T16154" i="1"/>
  <c r="T16155" i="1"/>
  <c r="T16156" i="1"/>
  <c r="T16157" i="1"/>
  <c r="T16158" i="1"/>
  <c r="T16159" i="1"/>
  <c r="T16160" i="1"/>
  <c r="T16161" i="1"/>
  <c r="T16162" i="1"/>
  <c r="T16163" i="1"/>
  <c r="T16164" i="1"/>
  <c r="T16165" i="1"/>
  <c r="T16166" i="1"/>
  <c r="T16167" i="1"/>
  <c r="T16168" i="1"/>
  <c r="T16169" i="1"/>
  <c r="T16170" i="1"/>
  <c r="T16171" i="1"/>
  <c r="T16172" i="1"/>
  <c r="T16173" i="1"/>
  <c r="T16174" i="1"/>
  <c r="T16175" i="1"/>
  <c r="T16176" i="1"/>
  <c r="T16177" i="1"/>
  <c r="T16178" i="1"/>
  <c r="T16179" i="1"/>
  <c r="T16180" i="1"/>
  <c r="T16181" i="1"/>
  <c r="T16182" i="1"/>
  <c r="T16183" i="1"/>
  <c r="T16184" i="1"/>
  <c r="T16185" i="1"/>
  <c r="T16186" i="1"/>
  <c r="T16187" i="1"/>
  <c r="T16188" i="1"/>
  <c r="T16189" i="1"/>
  <c r="T16190" i="1"/>
  <c r="T16191" i="1"/>
  <c r="T16192" i="1"/>
  <c r="T16193" i="1"/>
  <c r="T16194" i="1"/>
  <c r="T16195" i="1"/>
  <c r="T16196" i="1"/>
  <c r="T16197" i="1"/>
  <c r="T16198" i="1"/>
  <c r="T16199" i="1"/>
  <c r="T16200" i="1"/>
  <c r="T16201" i="1"/>
  <c r="T16202" i="1"/>
  <c r="T16203" i="1"/>
  <c r="T16204" i="1"/>
  <c r="T16205" i="1"/>
  <c r="T16206" i="1"/>
  <c r="T16207" i="1"/>
  <c r="T16208" i="1"/>
  <c r="T16209" i="1"/>
  <c r="T16210" i="1"/>
  <c r="T16211" i="1"/>
  <c r="T16212" i="1"/>
  <c r="T16213" i="1"/>
  <c r="T16214" i="1"/>
  <c r="T16215" i="1"/>
  <c r="T16216" i="1"/>
  <c r="T16217" i="1"/>
  <c r="T16218" i="1"/>
  <c r="T16219" i="1"/>
  <c r="T16220" i="1"/>
  <c r="T16221" i="1"/>
  <c r="T16222" i="1"/>
  <c r="T16223" i="1"/>
  <c r="T16224" i="1"/>
  <c r="T16225" i="1"/>
  <c r="T16226" i="1"/>
  <c r="T16227" i="1"/>
  <c r="T16228" i="1"/>
  <c r="T16229" i="1"/>
  <c r="T16230" i="1"/>
  <c r="T16231" i="1"/>
  <c r="T16232" i="1"/>
  <c r="T16233" i="1"/>
  <c r="T16234" i="1"/>
  <c r="T16235" i="1"/>
  <c r="T16236" i="1"/>
  <c r="T16237" i="1"/>
  <c r="T16238" i="1"/>
  <c r="T16239" i="1"/>
  <c r="T16240" i="1"/>
  <c r="T16241" i="1"/>
  <c r="T16242" i="1"/>
  <c r="T16243" i="1"/>
  <c r="T16244" i="1"/>
  <c r="T16245" i="1"/>
  <c r="T16246" i="1"/>
  <c r="T16247" i="1"/>
  <c r="T16248" i="1"/>
  <c r="T16249" i="1"/>
  <c r="T16250" i="1"/>
  <c r="T16251" i="1"/>
  <c r="T16252" i="1"/>
  <c r="T16253" i="1"/>
  <c r="T16254" i="1"/>
  <c r="T16255" i="1"/>
  <c r="T16256" i="1"/>
  <c r="T16257" i="1"/>
  <c r="T16258" i="1"/>
  <c r="T16259" i="1"/>
  <c r="T16260" i="1"/>
  <c r="T16261" i="1"/>
  <c r="T16262" i="1"/>
  <c r="T16263" i="1"/>
  <c r="T16264" i="1"/>
  <c r="T16265" i="1"/>
  <c r="T16266" i="1"/>
  <c r="T16267" i="1"/>
  <c r="T16268" i="1"/>
  <c r="T16269" i="1"/>
  <c r="T16270" i="1"/>
  <c r="T16271" i="1"/>
  <c r="T16272" i="1"/>
  <c r="T16273" i="1"/>
  <c r="T16274" i="1"/>
  <c r="T16275" i="1"/>
  <c r="T16276" i="1"/>
  <c r="T16277" i="1"/>
  <c r="T16278" i="1"/>
  <c r="T16279" i="1"/>
  <c r="T16280" i="1"/>
  <c r="T16281" i="1"/>
  <c r="T16282" i="1"/>
  <c r="T16283" i="1"/>
  <c r="T16284" i="1"/>
  <c r="T16285" i="1"/>
  <c r="T16286" i="1"/>
  <c r="T16287" i="1"/>
  <c r="T16288" i="1"/>
  <c r="T16289" i="1"/>
  <c r="T16290" i="1"/>
  <c r="T16291" i="1"/>
  <c r="T16292" i="1"/>
  <c r="T16293" i="1"/>
  <c r="T16294" i="1"/>
  <c r="T16295" i="1"/>
  <c r="T16296" i="1"/>
  <c r="T16297" i="1"/>
  <c r="T16298" i="1"/>
  <c r="T16299" i="1"/>
  <c r="T16300" i="1"/>
  <c r="T16301" i="1"/>
  <c r="T16302" i="1"/>
  <c r="T16303" i="1"/>
  <c r="T16304" i="1"/>
  <c r="T16305" i="1"/>
  <c r="T16306" i="1"/>
  <c r="T16307" i="1"/>
  <c r="T16308" i="1"/>
  <c r="T16309" i="1"/>
  <c r="T16310" i="1"/>
  <c r="T16311" i="1"/>
  <c r="T16312" i="1"/>
  <c r="T16313" i="1"/>
  <c r="T16314" i="1"/>
  <c r="T16315" i="1"/>
  <c r="T16316" i="1"/>
  <c r="T16317" i="1"/>
  <c r="T16318" i="1"/>
  <c r="T16319" i="1"/>
  <c r="T16320" i="1"/>
  <c r="T16321" i="1"/>
  <c r="T16322" i="1"/>
  <c r="T16323" i="1"/>
  <c r="T16324" i="1"/>
  <c r="T16325" i="1"/>
  <c r="T16326" i="1"/>
  <c r="T16327" i="1"/>
  <c r="T16328" i="1"/>
  <c r="T16329" i="1"/>
  <c r="T16330" i="1"/>
  <c r="T16331" i="1"/>
  <c r="T16332" i="1"/>
  <c r="T16333" i="1"/>
  <c r="T16334" i="1"/>
  <c r="T16335" i="1"/>
  <c r="T16336" i="1"/>
  <c r="T16337" i="1"/>
  <c r="T16338" i="1"/>
  <c r="T16339" i="1"/>
  <c r="T16340" i="1"/>
  <c r="T16341" i="1"/>
  <c r="T16342" i="1"/>
  <c r="T16343" i="1"/>
  <c r="T16344" i="1"/>
  <c r="T16345" i="1"/>
  <c r="T16346" i="1"/>
  <c r="T16347" i="1"/>
  <c r="T16348" i="1"/>
  <c r="T16349" i="1"/>
  <c r="T16350" i="1"/>
  <c r="T16351" i="1"/>
  <c r="T16352" i="1"/>
  <c r="T16353" i="1"/>
  <c r="T16354" i="1"/>
  <c r="T16355" i="1"/>
  <c r="T16356" i="1"/>
  <c r="T16357" i="1"/>
  <c r="T16358" i="1"/>
  <c r="T16359" i="1"/>
  <c r="T16360" i="1"/>
  <c r="T16361" i="1"/>
  <c r="T16362" i="1"/>
  <c r="T16363" i="1"/>
  <c r="T16364" i="1"/>
  <c r="T16365" i="1"/>
  <c r="T16366" i="1"/>
  <c r="T16367" i="1"/>
  <c r="T16368" i="1"/>
  <c r="T16369" i="1"/>
  <c r="T16370" i="1"/>
  <c r="T16371" i="1"/>
  <c r="T16372" i="1"/>
  <c r="T16373" i="1"/>
  <c r="T16374" i="1"/>
  <c r="T16375" i="1"/>
  <c r="T16376" i="1"/>
  <c r="T16377" i="1"/>
  <c r="T16378" i="1"/>
  <c r="T16379" i="1"/>
  <c r="T16380" i="1"/>
  <c r="T16381" i="1"/>
  <c r="T16382" i="1"/>
  <c r="T16383" i="1"/>
  <c r="T16384" i="1"/>
  <c r="T16385" i="1"/>
  <c r="T16386" i="1"/>
  <c r="T16387" i="1"/>
  <c r="T16388" i="1"/>
  <c r="T16389" i="1"/>
  <c r="T16390" i="1"/>
  <c r="T16391" i="1"/>
  <c r="T16392" i="1"/>
  <c r="T16393" i="1"/>
  <c r="T16394" i="1"/>
  <c r="T16395" i="1"/>
  <c r="T16396" i="1"/>
  <c r="T16397" i="1"/>
  <c r="T16398" i="1"/>
  <c r="T16399" i="1"/>
  <c r="T16400" i="1"/>
  <c r="T16401" i="1"/>
  <c r="T16402" i="1"/>
  <c r="T16403" i="1"/>
  <c r="T16404" i="1"/>
  <c r="T16405" i="1"/>
  <c r="T16406" i="1"/>
  <c r="T16407" i="1"/>
  <c r="T16408" i="1"/>
  <c r="T16409" i="1"/>
  <c r="T16410" i="1"/>
  <c r="T16411" i="1"/>
  <c r="T16412" i="1"/>
  <c r="T16413" i="1"/>
  <c r="T16414" i="1"/>
  <c r="T16415" i="1"/>
  <c r="T16416" i="1"/>
  <c r="T16417" i="1"/>
  <c r="T16418" i="1"/>
  <c r="T16419" i="1"/>
  <c r="T16420" i="1"/>
  <c r="T16421" i="1"/>
  <c r="T16422" i="1"/>
  <c r="T16423" i="1"/>
  <c r="T16424" i="1"/>
  <c r="T16425" i="1"/>
  <c r="T16426" i="1"/>
  <c r="T16427" i="1"/>
  <c r="T16428" i="1"/>
  <c r="T16429" i="1"/>
  <c r="T16430" i="1"/>
  <c r="T16431" i="1"/>
  <c r="T16432" i="1"/>
  <c r="T16433" i="1"/>
  <c r="T16434" i="1"/>
  <c r="T16435" i="1"/>
  <c r="T16436" i="1"/>
  <c r="T16437" i="1"/>
  <c r="T16438" i="1"/>
  <c r="T16439" i="1"/>
  <c r="T16440" i="1"/>
  <c r="T16441" i="1"/>
  <c r="T16442" i="1"/>
  <c r="T16443" i="1"/>
  <c r="T16444" i="1"/>
  <c r="T16445" i="1"/>
  <c r="T16446" i="1"/>
  <c r="T16447" i="1"/>
  <c r="T16448" i="1"/>
  <c r="T16449" i="1"/>
  <c r="T16450" i="1"/>
  <c r="T16451" i="1"/>
  <c r="T16452" i="1"/>
  <c r="T16453" i="1"/>
  <c r="T16454" i="1"/>
  <c r="T16455" i="1"/>
  <c r="T16456" i="1"/>
  <c r="T16457" i="1"/>
  <c r="T16458" i="1"/>
  <c r="T16459" i="1"/>
  <c r="T16460" i="1"/>
  <c r="T16461" i="1"/>
  <c r="T16462" i="1"/>
  <c r="T16463" i="1"/>
  <c r="T16464" i="1"/>
  <c r="T16465" i="1"/>
  <c r="T16466" i="1"/>
  <c r="T16467" i="1"/>
  <c r="T16468" i="1"/>
  <c r="T16469" i="1"/>
  <c r="T16470" i="1"/>
  <c r="T16471" i="1"/>
  <c r="T16472" i="1"/>
  <c r="T16473" i="1"/>
  <c r="T16474" i="1"/>
  <c r="T16475" i="1"/>
  <c r="T16476" i="1"/>
  <c r="T16477" i="1"/>
  <c r="T16478" i="1"/>
  <c r="T16479" i="1"/>
  <c r="T16480" i="1"/>
  <c r="T16481" i="1"/>
  <c r="T16482" i="1"/>
  <c r="T16483" i="1"/>
  <c r="T16484" i="1"/>
  <c r="T16485" i="1"/>
  <c r="T16486" i="1"/>
  <c r="T16487" i="1"/>
  <c r="T16488" i="1"/>
  <c r="T16489" i="1"/>
  <c r="T16490" i="1"/>
  <c r="T16491" i="1"/>
  <c r="T16492" i="1"/>
  <c r="T16493" i="1"/>
  <c r="T16494" i="1"/>
  <c r="T16495" i="1"/>
  <c r="T16496" i="1"/>
  <c r="T16497" i="1"/>
  <c r="T16498" i="1"/>
  <c r="T16499" i="1"/>
  <c r="T16500" i="1"/>
  <c r="T16501" i="1"/>
  <c r="T16502" i="1"/>
  <c r="T16503" i="1"/>
  <c r="T16504" i="1"/>
  <c r="T16505" i="1"/>
  <c r="T16506" i="1"/>
  <c r="T16507" i="1"/>
  <c r="T16508" i="1"/>
  <c r="T16509" i="1"/>
  <c r="T16510" i="1"/>
  <c r="T16511" i="1"/>
  <c r="T16512" i="1"/>
  <c r="T16513" i="1"/>
  <c r="T16514" i="1"/>
  <c r="T16515" i="1"/>
  <c r="T16516" i="1"/>
  <c r="T16517" i="1"/>
  <c r="T16518" i="1"/>
  <c r="T16519" i="1"/>
  <c r="T16520" i="1"/>
  <c r="T16521" i="1"/>
  <c r="T16522" i="1"/>
  <c r="T16523" i="1"/>
  <c r="T16524" i="1"/>
  <c r="T16525" i="1"/>
  <c r="T16526" i="1"/>
  <c r="T16527" i="1"/>
  <c r="T16528" i="1"/>
  <c r="T16529" i="1"/>
  <c r="T16530" i="1"/>
  <c r="T16531" i="1"/>
  <c r="T16532" i="1"/>
  <c r="T16533" i="1"/>
  <c r="T16534" i="1"/>
  <c r="T16535" i="1"/>
  <c r="T16536" i="1"/>
  <c r="T16537" i="1"/>
  <c r="T16538" i="1"/>
  <c r="T16539" i="1"/>
  <c r="T16540" i="1"/>
  <c r="T16541" i="1"/>
  <c r="T16542" i="1"/>
  <c r="T16543" i="1"/>
  <c r="T16544" i="1"/>
  <c r="T16545" i="1"/>
  <c r="T16546" i="1"/>
  <c r="T16547" i="1"/>
  <c r="T16548" i="1"/>
  <c r="T16549" i="1"/>
  <c r="T16550" i="1"/>
  <c r="T16551" i="1"/>
  <c r="T16552" i="1"/>
  <c r="T16553" i="1"/>
  <c r="T16554" i="1"/>
  <c r="T16555" i="1"/>
  <c r="T16556" i="1"/>
  <c r="T16557" i="1"/>
  <c r="T16558" i="1"/>
  <c r="T16559" i="1"/>
  <c r="T16560" i="1"/>
  <c r="T16561" i="1"/>
  <c r="T16562" i="1"/>
  <c r="T16563" i="1"/>
  <c r="T16564" i="1"/>
  <c r="T16565" i="1"/>
  <c r="T16566" i="1"/>
  <c r="T16567" i="1"/>
  <c r="T16568" i="1"/>
  <c r="T16569" i="1"/>
  <c r="T16570" i="1"/>
  <c r="T16571" i="1"/>
  <c r="T16572" i="1"/>
  <c r="T16573" i="1"/>
  <c r="T16574" i="1"/>
  <c r="T16575" i="1"/>
  <c r="T16576" i="1"/>
  <c r="T16577" i="1"/>
  <c r="T16578" i="1"/>
  <c r="T16579" i="1"/>
  <c r="T16580" i="1"/>
  <c r="T16581" i="1"/>
  <c r="T16582" i="1"/>
  <c r="T16583" i="1"/>
  <c r="T16584" i="1"/>
  <c r="T16585" i="1"/>
  <c r="T16586" i="1"/>
  <c r="T16587" i="1"/>
  <c r="T16588" i="1"/>
  <c r="T16589" i="1"/>
  <c r="T16590" i="1"/>
  <c r="T16591" i="1"/>
  <c r="T16592" i="1"/>
  <c r="T16593" i="1"/>
  <c r="T16594" i="1"/>
  <c r="T16595" i="1"/>
  <c r="T16596" i="1"/>
  <c r="T16597" i="1"/>
  <c r="T16598" i="1"/>
  <c r="T16599" i="1"/>
  <c r="T16600" i="1"/>
  <c r="T16601" i="1"/>
  <c r="T16602" i="1"/>
  <c r="T16603" i="1"/>
  <c r="T16604" i="1"/>
  <c r="T16605" i="1"/>
  <c r="T16606" i="1"/>
  <c r="T16607" i="1"/>
  <c r="T16608" i="1"/>
  <c r="T16609" i="1"/>
  <c r="T16610" i="1"/>
  <c r="T16611" i="1"/>
  <c r="T16612" i="1"/>
  <c r="T16613" i="1"/>
  <c r="T16614" i="1"/>
  <c r="T16615" i="1"/>
  <c r="T16616" i="1"/>
  <c r="T16617" i="1"/>
  <c r="T16618" i="1"/>
  <c r="T16619" i="1"/>
  <c r="T16620" i="1"/>
  <c r="T16621" i="1"/>
  <c r="T16622" i="1"/>
  <c r="T16623" i="1"/>
  <c r="T16624" i="1"/>
  <c r="T16625" i="1"/>
  <c r="T16626" i="1"/>
  <c r="T16627" i="1"/>
  <c r="T16628" i="1"/>
  <c r="T16629" i="1"/>
  <c r="T16630" i="1"/>
  <c r="T16631" i="1"/>
  <c r="T16632" i="1"/>
  <c r="T16633" i="1"/>
  <c r="T16634" i="1"/>
  <c r="T16635" i="1"/>
  <c r="T16636" i="1"/>
  <c r="T16637" i="1"/>
  <c r="T16638" i="1"/>
  <c r="T16639" i="1"/>
  <c r="T16640" i="1"/>
  <c r="T16641" i="1"/>
  <c r="T16642" i="1"/>
  <c r="T16643" i="1"/>
  <c r="T16644" i="1"/>
  <c r="T16645" i="1"/>
  <c r="T16646" i="1"/>
  <c r="T16647" i="1"/>
  <c r="T16648" i="1"/>
  <c r="T16649" i="1"/>
  <c r="T16650" i="1"/>
  <c r="T16651" i="1"/>
  <c r="T16652" i="1"/>
  <c r="T16653" i="1"/>
  <c r="T16654" i="1"/>
  <c r="T16655" i="1"/>
  <c r="T16656" i="1"/>
  <c r="T16657" i="1"/>
  <c r="T16658" i="1"/>
  <c r="T16659" i="1"/>
  <c r="T16660" i="1"/>
  <c r="T16661" i="1"/>
  <c r="T16662" i="1"/>
  <c r="T16663" i="1"/>
  <c r="T16664" i="1"/>
  <c r="T16665" i="1"/>
  <c r="T16666" i="1"/>
  <c r="T16667" i="1"/>
  <c r="T16668" i="1"/>
  <c r="T16669" i="1"/>
  <c r="T16670" i="1"/>
  <c r="T16671" i="1"/>
  <c r="T16672" i="1"/>
  <c r="T16673" i="1"/>
  <c r="T16674" i="1"/>
  <c r="T16675" i="1"/>
  <c r="T16676" i="1"/>
  <c r="T16677" i="1"/>
  <c r="T16678" i="1"/>
  <c r="T16679" i="1"/>
  <c r="T16680" i="1"/>
  <c r="T16681" i="1"/>
  <c r="T16682" i="1"/>
  <c r="T16683" i="1"/>
  <c r="T16684" i="1"/>
  <c r="T16685" i="1"/>
  <c r="T16686" i="1"/>
  <c r="T16687" i="1"/>
  <c r="T16688" i="1"/>
  <c r="T16689" i="1"/>
  <c r="T16690" i="1"/>
  <c r="T16691" i="1"/>
  <c r="T16692" i="1"/>
  <c r="T16693" i="1"/>
  <c r="T16694" i="1"/>
  <c r="T16695" i="1"/>
  <c r="T16696" i="1"/>
  <c r="T16697" i="1"/>
  <c r="T16698" i="1"/>
  <c r="T16699" i="1"/>
  <c r="T16700" i="1"/>
  <c r="T16701" i="1"/>
  <c r="T16702" i="1"/>
  <c r="T16703" i="1"/>
  <c r="T16704" i="1"/>
  <c r="T16705" i="1"/>
  <c r="T16706" i="1"/>
  <c r="T16707" i="1"/>
  <c r="T16708" i="1"/>
  <c r="T16709" i="1"/>
  <c r="T16710" i="1"/>
  <c r="T16711" i="1"/>
  <c r="T16712" i="1"/>
  <c r="T16713" i="1"/>
  <c r="T16714" i="1"/>
  <c r="T16715" i="1"/>
  <c r="T16716" i="1"/>
  <c r="T16717" i="1"/>
  <c r="T16718" i="1"/>
  <c r="T16719" i="1"/>
  <c r="T16720" i="1"/>
  <c r="T16721" i="1"/>
  <c r="T16722" i="1"/>
  <c r="T16723" i="1"/>
  <c r="T16724" i="1"/>
  <c r="T16725" i="1"/>
  <c r="T16726" i="1"/>
  <c r="T16727" i="1"/>
  <c r="T16728" i="1"/>
  <c r="T16729" i="1"/>
  <c r="T16730" i="1"/>
  <c r="T16731" i="1"/>
  <c r="T16732" i="1"/>
  <c r="T16733" i="1"/>
  <c r="T16734" i="1"/>
  <c r="T16735" i="1"/>
  <c r="T16736" i="1"/>
  <c r="T16737" i="1"/>
  <c r="T16738" i="1"/>
  <c r="T16739" i="1"/>
  <c r="T16740" i="1"/>
  <c r="T16741" i="1"/>
  <c r="T16742" i="1"/>
  <c r="T16743" i="1"/>
  <c r="T16744" i="1"/>
  <c r="T16745" i="1"/>
  <c r="T16746" i="1"/>
  <c r="T16747" i="1"/>
  <c r="T16748" i="1"/>
  <c r="T16749" i="1"/>
  <c r="T16750" i="1"/>
  <c r="T16751" i="1"/>
  <c r="T16752" i="1"/>
  <c r="T16753" i="1"/>
  <c r="T16754" i="1"/>
  <c r="T16755" i="1"/>
  <c r="T16756" i="1"/>
  <c r="T16757" i="1"/>
  <c r="T16758" i="1"/>
  <c r="T16759" i="1"/>
  <c r="T16760" i="1"/>
  <c r="T16761" i="1"/>
  <c r="T16762" i="1"/>
  <c r="T16763" i="1"/>
  <c r="T16764" i="1"/>
  <c r="T16765" i="1"/>
  <c r="T16766" i="1"/>
  <c r="T16767" i="1"/>
  <c r="T16768" i="1"/>
  <c r="T16769" i="1"/>
  <c r="T16770" i="1"/>
  <c r="T16771" i="1"/>
  <c r="T16772" i="1"/>
  <c r="T16773" i="1"/>
  <c r="T16774" i="1"/>
  <c r="T16775" i="1"/>
  <c r="T16776" i="1"/>
  <c r="T16777" i="1"/>
  <c r="T16778" i="1"/>
  <c r="T16779" i="1"/>
  <c r="T16780" i="1"/>
  <c r="T16781" i="1"/>
  <c r="T16782" i="1"/>
  <c r="T16783" i="1"/>
  <c r="T16784" i="1"/>
  <c r="T16785" i="1"/>
  <c r="T16786" i="1"/>
  <c r="T16787" i="1"/>
  <c r="T16788" i="1"/>
  <c r="T16789" i="1"/>
  <c r="T16790" i="1"/>
  <c r="T16791" i="1"/>
  <c r="T16792" i="1"/>
  <c r="T16793" i="1"/>
  <c r="T16794" i="1"/>
  <c r="T16795" i="1"/>
  <c r="T16796" i="1"/>
  <c r="T16797" i="1"/>
  <c r="T16798" i="1"/>
  <c r="T16799" i="1"/>
  <c r="T16800" i="1"/>
  <c r="T16801" i="1"/>
  <c r="T16802" i="1"/>
  <c r="T16803" i="1"/>
  <c r="T16804" i="1"/>
  <c r="T16805" i="1"/>
  <c r="T16806" i="1"/>
  <c r="T16807" i="1"/>
  <c r="T16808" i="1"/>
  <c r="T16809" i="1"/>
  <c r="T16810" i="1"/>
  <c r="T16811" i="1"/>
  <c r="T16812" i="1"/>
  <c r="T16813" i="1"/>
  <c r="T16814" i="1"/>
  <c r="T16815" i="1"/>
  <c r="T16816" i="1"/>
  <c r="T16817" i="1"/>
  <c r="T16818" i="1"/>
  <c r="T16819" i="1"/>
  <c r="T16820" i="1"/>
  <c r="T16821" i="1"/>
  <c r="T16822" i="1"/>
  <c r="T16823" i="1"/>
  <c r="T16824" i="1"/>
  <c r="T16825" i="1"/>
  <c r="T16826" i="1"/>
  <c r="T16827" i="1"/>
  <c r="T16828" i="1"/>
  <c r="T16829" i="1"/>
  <c r="T16830" i="1"/>
  <c r="T16831" i="1"/>
  <c r="T16832" i="1"/>
  <c r="T16833" i="1"/>
  <c r="T16834" i="1"/>
  <c r="T16835" i="1"/>
  <c r="T16836" i="1"/>
  <c r="T16837" i="1"/>
  <c r="T16838" i="1"/>
  <c r="T16839" i="1"/>
  <c r="T16840" i="1"/>
  <c r="T16841" i="1"/>
  <c r="T16842" i="1"/>
  <c r="T16843" i="1"/>
  <c r="T16844" i="1"/>
  <c r="T16845" i="1"/>
  <c r="T16846" i="1"/>
  <c r="T16847" i="1"/>
  <c r="T16848" i="1"/>
  <c r="T16849" i="1"/>
  <c r="T16850" i="1"/>
  <c r="T16851" i="1"/>
  <c r="T16852" i="1"/>
  <c r="T16853" i="1"/>
  <c r="T16854" i="1"/>
  <c r="T16855" i="1"/>
  <c r="T16856" i="1"/>
  <c r="T16857" i="1"/>
  <c r="T16858" i="1"/>
  <c r="T16859" i="1"/>
  <c r="T16860" i="1"/>
  <c r="T16861" i="1"/>
  <c r="T16862" i="1"/>
  <c r="T16863" i="1"/>
  <c r="T16864" i="1"/>
  <c r="T16865" i="1"/>
  <c r="T16866" i="1"/>
  <c r="T16867" i="1"/>
  <c r="T16868" i="1"/>
  <c r="T16869" i="1"/>
  <c r="T16870" i="1"/>
  <c r="T16871" i="1"/>
  <c r="T16872" i="1"/>
  <c r="T16873" i="1"/>
  <c r="T16874" i="1"/>
  <c r="T16875" i="1"/>
  <c r="T16876" i="1"/>
  <c r="T16877" i="1"/>
  <c r="T16878" i="1"/>
  <c r="T16879" i="1"/>
  <c r="T16880" i="1"/>
  <c r="T16881" i="1"/>
  <c r="T16882" i="1"/>
  <c r="T16883" i="1"/>
  <c r="T16884" i="1"/>
  <c r="T16885" i="1"/>
  <c r="T16886" i="1"/>
  <c r="T16887" i="1"/>
  <c r="T16888" i="1"/>
  <c r="T16889" i="1"/>
  <c r="T16890" i="1"/>
  <c r="T16891" i="1"/>
  <c r="T16892" i="1"/>
  <c r="T16893" i="1"/>
  <c r="T16894" i="1"/>
  <c r="T16895" i="1"/>
  <c r="T16896" i="1"/>
  <c r="T16897" i="1"/>
  <c r="T16898" i="1"/>
  <c r="T16899" i="1"/>
  <c r="T16900" i="1"/>
  <c r="T16901" i="1"/>
  <c r="T16902" i="1"/>
  <c r="T16903" i="1"/>
  <c r="T16904" i="1"/>
  <c r="T16905" i="1"/>
  <c r="T16906" i="1"/>
  <c r="T16907" i="1"/>
  <c r="T16908" i="1"/>
  <c r="T16909" i="1"/>
  <c r="T16910" i="1"/>
  <c r="T16911" i="1"/>
  <c r="T16912" i="1"/>
  <c r="T16913" i="1"/>
  <c r="T16914" i="1"/>
  <c r="T16915" i="1"/>
  <c r="T16916" i="1"/>
  <c r="T16917" i="1"/>
  <c r="T16918" i="1"/>
  <c r="T16919" i="1"/>
  <c r="T16920" i="1"/>
  <c r="T16921" i="1"/>
  <c r="T16922" i="1"/>
  <c r="T16923" i="1"/>
  <c r="T16924" i="1"/>
  <c r="T16925" i="1"/>
  <c r="T16926" i="1"/>
  <c r="T16927" i="1"/>
  <c r="T16928" i="1"/>
  <c r="T16929" i="1"/>
  <c r="T16930" i="1"/>
  <c r="T16931" i="1"/>
  <c r="T16932" i="1"/>
  <c r="T16933" i="1"/>
  <c r="T16934" i="1"/>
  <c r="T16935" i="1"/>
  <c r="T16936" i="1"/>
  <c r="T16937" i="1"/>
  <c r="T16938" i="1"/>
  <c r="T16939" i="1"/>
  <c r="T16940" i="1"/>
  <c r="T16941" i="1"/>
  <c r="T16942" i="1"/>
  <c r="T16943" i="1"/>
  <c r="T16944" i="1"/>
  <c r="T16945" i="1"/>
  <c r="T16946" i="1"/>
  <c r="T16947" i="1"/>
  <c r="T16948" i="1"/>
  <c r="T16949" i="1"/>
  <c r="T16950" i="1"/>
  <c r="T16951" i="1"/>
  <c r="T16952" i="1"/>
  <c r="T16953" i="1"/>
  <c r="T16954" i="1"/>
  <c r="T16955" i="1"/>
  <c r="T16956" i="1"/>
  <c r="T16957" i="1"/>
  <c r="T16958" i="1"/>
  <c r="T16959" i="1"/>
  <c r="T16960" i="1"/>
  <c r="T16961" i="1"/>
  <c r="T16962" i="1"/>
  <c r="T16963" i="1"/>
  <c r="T16964" i="1"/>
  <c r="T16965" i="1"/>
  <c r="T16966" i="1"/>
  <c r="T16967" i="1"/>
  <c r="T16968" i="1"/>
  <c r="T16969" i="1"/>
  <c r="T16970" i="1"/>
  <c r="T16971" i="1"/>
  <c r="T16972" i="1"/>
  <c r="T16973" i="1"/>
  <c r="T16974" i="1"/>
  <c r="T16975" i="1"/>
  <c r="T16976" i="1"/>
  <c r="T16977" i="1"/>
  <c r="T16978" i="1"/>
  <c r="T16979" i="1"/>
  <c r="T16980" i="1"/>
  <c r="T16981" i="1"/>
  <c r="T16982" i="1"/>
  <c r="T16983" i="1"/>
  <c r="T16984" i="1"/>
  <c r="T16985" i="1"/>
  <c r="T16986" i="1"/>
  <c r="T16987" i="1"/>
  <c r="T16988" i="1"/>
  <c r="T16989" i="1"/>
  <c r="T16990" i="1"/>
  <c r="T16991" i="1"/>
  <c r="T16992" i="1"/>
  <c r="T16993" i="1"/>
  <c r="T16994" i="1"/>
  <c r="T16995" i="1"/>
  <c r="T16996" i="1"/>
  <c r="T16997" i="1"/>
  <c r="T16998" i="1"/>
  <c r="T16999" i="1"/>
  <c r="T17000" i="1"/>
  <c r="T17001" i="1"/>
  <c r="T17002" i="1"/>
  <c r="T17003" i="1"/>
  <c r="T17004" i="1"/>
  <c r="T17005" i="1"/>
  <c r="T17006" i="1"/>
  <c r="T17007" i="1"/>
  <c r="T17008" i="1"/>
  <c r="T17009" i="1"/>
  <c r="T17010" i="1"/>
  <c r="T17011" i="1"/>
  <c r="T17012" i="1"/>
  <c r="T17013" i="1"/>
  <c r="T17014" i="1"/>
  <c r="T17015" i="1"/>
  <c r="T17016" i="1"/>
  <c r="T17017" i="1"/>
  <c r="T17018" i="1"/>
  <c r="T17019" i="1"/>
  <c r="T17020" i="1"/>
  <c r="T17021" i="1"/>
  <c r="T17022" i="1"/>
  <c r="T17023" i="1"/>
  <c r="T17024" i="1"/>
  <c r="T17025" i="1"/>
  <c r="T17026" i="1"/>
  <c r="T17027" i="1"/>
  <c r="T17028" i="1"/>
  <c r="T17029" i="1"/>
  <c r="T17030" i="1"/>
  <c r="T17031" i="1"/>
  <c r="T17032" i="1"/>
  <c r="T17033" i="1"/>
  <c r="T17034" i="1"/>
  <c r="T17035" i="1"/>
  <c r="T17036" i="1"/>
  <c r="T17037" i="1"/>
  <c r="T17038" i="1"/>
  <c r="T17039" i="1"/>
  <c r="T17040" i="1"/>
  <c r="T17041" i="1"/>
  <c r="T17042" i="1"/>
  <c r="T17043" i="1"/>
  <c r="T17044" i="1"/>
  <c r="T17045" i="1"/>
  <c r="T17046" i="1"/>
  <c r="T17047" i="1"/>
  <c r="T17048" i="1"/>
  <c r="T17049" i="1"/>
  <c r="T17050" i="1"/>
  <c r="T17051" i="1"/>
  <c r="T17052" i="1"/>
  <c r="T17053" i="1"/>
  <c r="T17054" i="1"/>
  <c r="T17055" i="1"/>
  <c r="T17056" i="1"/>
  <c r="T17057" i="1"/>
  <c r="T17058" i="1"/>
  <c r="T17059" i="1"/>
  <c r="T17060" i="1"/>
  <c r="T17061" i="1"/>
  <c r="T17062" i="1"/>
  <c r="T17063" i="1"/>
  <c r="T17064" i="1"/>
  <c r="T17065" i="1"/>
  <c r="T17066" i="1"/>
  <c r="T17067" i="1"/>
  <c r="T17068" i="1"/>
  <c r="T17069" i="1"/>
  <c r="T17070" i="1"/>
  <c r="T17071" i="1"/>
  <c r="T17072" i="1"/>
  <c r="T17073" i="1"/>
  <c r="T17074" i="1"/>
  <c r="T17075" i="1"/>
  <c r="T17076" i="1"/>
  <c r="T17077" i="1"/>
  <c r="T17078" i="1"/>
  <c r="T17079" i="1"/>
  <c r="T17080" i="1"/>
  <c r="T17081" i="1"/>
  <c r="T17082" i="1"/>
  <c r="T17083" i="1"/>
  <c r="T17084" i="1"/>
  <c r="T17085" i="1"/>
  <c r="T17086" i="1"/>
  <c r="T17087" i="1"/>
  <c r="T17088" i="1"/>
  <c r="T17089" i="1"/>
  <c r="T17090" i="1"/>
  <c r="T17091" i="1"/>
  <c r="T17092" i="1"/>
  <c r="T17093" i="1"/>
  <c r="T17094" i="1"/>
  <c r="T17095" i="1"/>
  <c r="T17096" i="1"/>
  <c r="T17097" i="1"/>
  <c r="T17098" i="1"/>
  <c r="T17099" i="1"/>
  <c r="T17100" i="1"/>
  <c r="T17101" i="1"/>
  <c r="T17102" i="1"/>
  <c r="T17103" i="1"/>
  <c r="T17104" i="1"/>
  <c r="T17105" i="1"/>
  <c r="T17106" i="1"/>
  <c r="T17107" i="1"/>
  <c r="T17108" i="1"/>
  <c r="T17109" i="1"/>
  <c r="T17110" i="1"/>
  <c r="T17111" i="1"/>
  <c r="T17112" i="1"/>
  <c r="T17113" i="1"/>
  <c r="T17114" i="1"/>
  <c r="T17115" i="1"/>
  <c r="T17116" i="1"/>
  <c r="T17117" i="1"/>
  <c r="T17118" i="1"/>
  <c r="T17119" i="1"/>
  <c r="T17120" i="1"/>
  <c r="T17121" i="1"/>
  <c r="T17122" i="1"/>
  <c r="T17123" i="1"/>
  <c r="T17124" i="1"/>
  <c r="T17125" i="1"/>
  <c r="T17126" i="1"/>
  <c r="T17127" i="1"/>
  <c r="T17128" i="1"/>
  <c r="T17129" i="1"/>
  <c r="T17130" i="1"/>
  <c r="T17131" i="1"/>
  <c r="T17132" i="1"/>
  <c r="T17133" i="1"/>
  <c r="T17134" i="1"/>
  <c r="T17135" i="1"/>
  <c r="T17136" i="1"/>
  <c r="T17137" i="1"/>
  <c r="T17138" i="1"/>
  <c r="T17139" i="1"/>
  <c r="T17140" i="1"/>
  <c r="T17141" i="1"/>
  <c r="T17142" i="1"/>
  <c r="T17143" i="1"/>
  <c r="T17144" i="1"/>
  <c r="T17145" i="1"/>
  <c r="T17146" i="1"/>
  <c r="T17147" i="1"/>
  <c r="T17148" i="1"/>
  <c r="T17149" i="1"/>
  <c r="T17150" i="1"/>
  <c r="T17151" i="1"/>
  <c r="T17152" i="1"/>
  <c r="T17153" i="1"/>
  <c r="T17154" i="1"/>
  <c r="T17155" i="1"/>
  <c r="T17156" i="1"/>
  <c r="T17157" i="1"/>
  <c r="T17158" i="1"/>
  <c r="T17159" i="1"/>
  <c r="T17160" i="1"/>
  <c r="T17161" i="1"/>
  <c r="T17162" i="1"/>
  <c r="T17163" i="1"/>
  <c r="T17164" i="1"/>
  <c r="T17165" i="1"/>
  <c r="T17166" i="1"/>
  <c r="T17167" i="1"/>
  <c r="T17168" i="1"/>
  <c r="T17169" i="1"/>
  <c r="T17170" i="1"/>
  <c r="T17171" i="1"/>
  <c r="T17172" i="1"/>
  <c r="T17173" i="1"/>
  <c r="T17174" i="1"/>
  <c r="T17175" i="1"/>
  <c r="T17176" i="1"/>
  <c r="T17177" i="1"/>
  <c r="T17178" i="1"/>
  <c r="T17179" i="1"/>
  <c r="T17180" i="1"/>
  <c r="T17181" i="1"/>
  <c r="T17182" i="1"/>
  <c r="T17183" i="1"/>
  <c r="T17184" i="1"/>
  <c r="T17185" i="1"/>
  <c r="T17186" i="1"/>
  <c r="T17187" i="1"/>
  <c r="T17188" i="1"/>
  <c r="T17189" i="1"/>
  <c r="T17190" i="1"/>
  <c r="T17191" i="1"/>
  <c r="T17192" i="1"/>
  <c r="T17193" i="1"/>
  <c r="T17194" i="1"/>
  <c r="T17195" i="1"/>
  <c r="T17196" i="1"/>
  <c r="T17197" i="1"/>
  <c r="T17198" i="1"/>
  <c r="T17199" i="1"/>
  <c r="T17200" i="1"/>
  <c r="T17201" i="1"/>
  <c r="T17202" i="1"/>
  <c r="T17203" i="1"/>
  <c r="T17204" i="1"/>
  <c r="T17205" i="1"/>
  <c r="T17206" i="1"/>
  <c r="T17207" i="1"/>
  <c r="T17208" i="1"/>
  <c r="T17209" i="1"/>
  <c r="T17210" i="1"/>
  <c r="T17211" i="1"/>
  <c r="T17212" i="1"/>
  <c r="T17213" i="1"/>
  <c r="T17214" i="1"/>
  <c r="T17215" i="1"/>
  <c r="T17216" i="1"/>
  <c r="T17217" i="1"/>
  <c r="T17218" i="1"/>
  <c r="T17219" i="1"/>
  <c r="T17220" i="1"/>
  <c r="T17221" i="1"/>
  <c r="T17222" i="1"/>
  <c r="T17223" i="1"/>
  <c r="T17224" i="1"/>
  <c r="T17225" i="1"/>
  <c r="T17226" i="1"/>
  <c r="T17227" i="1"/>
  <c r="T17228" i="1"/>
  <c r="T17229" i="1"/>
  <c r="T17230" i="1"/>
  <c r="T17231" i="1"/>
  <c r="T17232" i="1"/>
  <c r="T17233" i="1"/>
  <c r="T17234" i="1"/>
  <c r="T17235" i="1"/>
  <c r="T17236" i="1"/>
  <c r="T17237" i="1"/>
  <c r="T17238" i="1"/>
  <c r="T17239" i="1"/>
  <c r="T17240" i="1"/>
  <c r="T17241" i="1"/>
  <c r="T17242" i="1"/>
  <c r="T17243" i="1"/>
  <c r="T17244" i="1"/>
  <c r="T17245" i="1"/>
  <c r="T17246" i="1"/>
  <c r="T17247" i="1"/>
  <c r="T17248" i="1"/>
  <c r="T17249" i="1"/>
  <c r="T17250" i="1"/>
  <c r="T17251" i="1"/>
  <c r="T17252" i="1"/>
  <c r="T17253" i="1"/>
  <c r="T17254" i="1"/>
  <c r="T17255" i="1"/>
  <c r="T17256" i="1"/>
  <c r="T17257" i="1"/>
  <c r="T17258" i="1"/>
  <c r="T17259" i="1"/>
  <c r="T17260" i="1"/>
  <c r="T17261" i="1"/>
  <c r="T17262" i="1"/>
  <c r="T17263" i="1"/>
  <c r="T17264" i="1"/>
  <c r="T17265" i="1"/>
  <c r="T17266" i="1"/>
  <c r="T17267" i="1"/>
  <c r="T17268" i="1"/>
  <c r="T17269" i="1"/>
  <c r="T17270" i="1"/>
  <c r="T17271" i="1"/>
  <c r="T17272" i="1"/>
  <c r="T17273" i="1"/>
  <c r="T17274" i="1"/>
  <c r="T17275" i="1"/>
  <c r="T17276" i="1"/>
  <c r="T17277" i="1"/>
  <c r="T17278" i="1"/>
  <c r="T17279" i="1"/>
  <c r="T17280" i="1"/>
  <c r="T17281" i="1"/>
  <c r="T17282" i="1"/>
  <c r="T17283" i="1"/>
  <c r="T17284" i="1"/>
  <c r="T17285" i="1"/>
  <c r="T17286" i="1"/>
  <c r="T17287" i="1"/>
  <c r="T17288" i="1"/>
  <c r="T17289" i="1"/>
  <c r="T17290" i="1"/>
  <c r="T17291" i="1"/>
  <c r="T17292" i="1"/>
  <c r="T17293" i="1"/>
  <c r="T17294" i="1"/>
  <c r="T17295" i="1"/>
  <c r="T17296" i="1"/>
  <c r="T17297" i="1"/>
  <c r="T17298" i="1"/>
  <c r="T17299" i="1"/>
  <c r="T17300" i="1"/>
  <c r="T17301" i="1"/>
  <c r="T17302" i="1"/>
  <c r="T17303" i="1"/>
  <c r="T17304" i="1"/>
  <c r="T17305" i="1"/>
  <c r="T17306" i="1"/>
  <c r="T17307" i="1"/>
  <c r="T17308" i="1"/>
  <c r="T17309" i="1"/>
  <c r="T17310" i="1"/>
  <c r="T17311" i="1"/>
  <c r="T17312" i="1"/>
  <c r="T17313" i="1"/>
  <c r="T17314" i="1"/>
  <c r="T17315" i="1"/>
  <c r="T17316" i="1"/>
  <c r="T17317" i="1"/>
  <c r="T17318" i="1"/>
  <c r="T17319" i="1"/>
  <c r="T17320" i="1"/>
  <c r="T17321" i="1"/>
  <c r="T17322" i="1"/>
  <c r="T17323" i="1"/>
  <c r="T17324" i="1"/>
  <c r="T17325" i="1"/>
  <c r="T17326" i="1"/>
  <c r="T17327" i="1"/>
  <c r="T17328" i="1"/>
  <c r="T17329" i="1"/>
  <c r="T17330" i="1"/>
  <c r="T17331" i="1"/>
  <c r="T17332" i="1"/>
  <c r="T17333" i="1"/>
  <c r="T17334" i="1"/>
  <c r="T17335" i="1"/>
  <c r="T17336" i="1"/>
  <c r="T17337" i="1"/>
  <c r="T17338" i="1"/>
  <c r="T17339" i="1"/>
  <c r="T17340" i="1"/>
  <c r="T17341" i="1"/>
  <c r="T17342" i="1"/>
  <c r="T17343" i="1"/>
  <c r="T17344" i="1"/>
  <c r="T17345" i="1"/>
  <c r="T17346" i="1"/>
  <c r="T17347" i="1"/>
  <c r="T17348" i="1"/>
  <c r="T17349" i="1"/>
  <c r="T17350" i="1"/>
  <c r="T17351" i="1"/>
  <c r="T17352" i="1"/>
  <c r="T17353" i="1"/>
  <c r="T17354" i="1"/>
  <c r="T17355" i="1"/>
  <c r="T17356" i="1"/>
  <c r="T17357" i="1"/>
  <c r="T17358" i="1"/>
  <c r="T17359" i="1"/>
  <c r="T17360" i="1"/>
  <c r="T17361" i="1"/>
  <c r="T17362" i="1"/>
  <c r="T17363" i="1"/>
  <c r="T17364" i="1"/>
  <c r="T17365" i="1"/>
  <c r="T17366" i="1"/>
  <c r="T17367" i="1"/>
  <c r="T17368" i="1"/>
  <c r="T17369" i="1"/>
  <c r="T17370" i="1"/>
  <c r="T17371" i="1"/>
  <c r="T17372" i="1"/>
  <c r="T17373" i="1"/>
  <c r="T17374" i="1"/>
  <c r="T17375" i="1"/>
  <c r="T17376" i="1"/>
  <c r="T17377" i="1"/>
  <c r="T17378" i="1"/>
  <c r="T17379" i="1"/>
  <c r="T17380" i="1"/>
  <c r="T17381" i="1"/>
  <c r="T17382" i="1"/>
  <c r="T17383" i="1"/>
  <c r="T17384" i="1"/>
  <c r="T17385" i="1"/>
  <c r="T17386" i="1"/>
  <c r="T17387" i="1"/>
  <c r="T17388" i="1"/>
  <c r="T17389" i="1"/>
  <c r="T17390" i="1"/>
  <c r="T17391" i="1"/>
  <c r="T17392" i="1"/>
  <c r="T17393" i="1"/>
  <c r="T17394" i="1"/>
  <c r="T17395" i="1"/>
  <c r="T17396" i="1"/>
  <c r="T17397" i="1"/>
  <c r="T17398" i="1"/>
  <c r="T17399" i="1"/>
  <c r="T17400" i="1"/>
  <c r="T17401" i="1"/>
  <c r="T17402" i="1"/>
  <c r="T17403" i="1"/>
  <c r="T17404" i="1"/>
  <c r="T17405" i="1"/>
  <c r="T17406" i="1"/>
  <c r="T17407" i="1"/>
  <c r="T17408" i="1"/>
  <c r="T17409" i="1"/>
  <c r="T17410" i="1"/>
  <c r="T17411" i="1"/>
  <c r="T17412" i="1"/>
  <c r="T17413" i="1"/>
  <c r="T17414" i="1"/>
  <c r="T17415" i="1"/>
  <c r="T17416" i="1"/>
  <c r="T17417" i="1"/>
  <c r="T17418" i="1"/>
  <c r="T17419" i="1"/>
  <c r="T17420" i="1"/>
  <c r="T17421" i="1"/>
  <c r="T17422" i="1"/>
  <c r="T17423" i="1"/>
  <c r="T17424" i="1"/>
  <c r="T17425" i="1"/>
  <c r="T17426" i="1"/>
  <c r="T17427" i="1"/>
  <c r="T17428" i="1"/>
  <c r="T17429" i="1"/>
  <c r="T17430" i="1"/>
  <c r="T17431" i="1"/>
  <c r="T17432" i="1"/>
  <c r="T17433" i="1"/>
  <c r="T17434" i="1"/>
  <c r="T17435" i="1"/>
  <c r="T17436" i="1"/>
  <c r="T17437" i="1"/>
  <c r="T17438" i="1"/>
  <c r="T17439" i="1"/>
  <c r="T17440" i="1"/>
  <c r="T17441" i="1"/>
  <c r="T17442" i="1"/>
  <c r="T17443" i="1"/>
  <c r="T17444" i="1"/>
  <c r="T17445" i="1"/>
  <c r="T17446" i="1"/>
  <c r="T17447" i="1"/>
  <c r="T17448" i="1"/>
  <c r="T17449" i="1"/>
  <c r="T17450" i="1"/>
  <c r="T17451" i="1"/>
  <c r="T17452" i="1"/>
  <c r="T17453" i="1"/>
  <c r="T17454" i="1"/>
  <c r="T17455" i="1"/>
  <c r="T17456" i="1"/>
  <c r="T17457" i="1"/>
  <c r="T17458" i="1"/>
  <c r="T17459" i="1"/>
  <c r="T17460" i="1"/>
  <c r="T17461" i="1"/>
  <c r="T17462" i="1"/>
  <c r="T17463" i="1"/>
  <c r="T17464" i="1"/>
  <c r="T17465" i="1"/>
  <c r="T17466" i="1"/>
  <c r="T17467" i="1"/>
  <c r="T17468" i="1"/>
  <c r="T17469" i="1"/>
  <c r="T17470" i="1"/>
  <c r="T17471" i="1"/>
  <c r="T17472" i="1"/>
  <c r="T17473" i="1"/>
  <c r="T17474" i="1"/>
  <c r="T17475" i="1"/>
  <c r="T17476" i="1"/>
  <c r="T17477" i="1"/>
  <c r="T17478" i="1"/>
  <c r="T17479" i="1"/>
  <c r="T17480" i="1"/>
  <c r="T17481" i="1"/>
  <c r="T17482" i="1"/>
  <c r="T17483" i="1"/>
  <c r="T17484" i="1"/>
  <c r="T17485" i="1"/>
  <c r="T17486" i="1"/>
  <c r="T17487" i="1"/>
  <c r="T17488" i="1"/>
  <c r="T17489" i="1"/>
  <c r="T17490" i="1"/>
  <c r="T17491" i="1"/>
  <c r="T17492" i="1"/>
  <c r="T17493" i="1"/>
  <c r="T17494" i="1"/>
  <c r="T17495" i="1"/>
  <c r="T17496" i="1"/>
  <c r="T17497" i="1"/>
  <c r="T17498" i="1"/>
  <c r="T17499" i="1"/>
  <c r="T17500" i="1"/>
  <c r="T17501" i="1"/>
  <c r="T17502" i="1"/>
  <c r="T17503" i="1"/>
  <c r="T17504" i="1"/>
  <c r="T17505" i="1"/>
  <c r="T17506" i="1"/>
  <c r="T17507" i="1"/>
  <c r="T17508" i="1"/>
  <c r="T17509" i="1"/>
  <c r="T17510" i="1"/>
  <c r="T17511" i="1"/>
  <c r="T17512" i="1"/>
  <c r="T17513" i="1"/>
  <c r="T17514" i="1"/>
  <c r="T17515" i="1"/>
  <c r="T17516" i="1"/>
  <c r="T17517" i="1"/>
  <c r="T17518" i="1"/>
  <c r="T17519" i="1"/>
  <c r="T17520" i="1"/>
  <c r="T17521" i="1"/>
  <c r="T17522" i="1"/>
  <c r="T17523" i="1"/>
  <c r="T17524" i="1"/>
  <c r="T17525" i="1"/>
  <c r="T17526" i="1"/>
  <c r="T17527" i="1"/>
  <c r="T17528" i="1"/>
  <c r="T17529" i="1"/>
  <c r="T17530" i="1"/>
  <c r="T17531" i="1"/>
  <c r="T17532" i="1"/>
  <c r="T17533" i="1"/>
  <c r="T17534" i="1"/>
  <c r="T17535" i="1"/>
  <c r="T17536" i="1"/>
  <c r="T17537" i="1"/>
  <c r="T17538" i="1"/>
  <c r="T17539" i="1"/>
  <c r="T17540" i="1"/>
  <c r="T17541" i="1"/>
  <c r="T17542" i="1"/>
  <c r="T17543" i="1"/>
  <c r="T17544" i="1"/>
  <c r="T17545" i="1"/>
  <c r="T17546" i="1"/>
  <c r="T17547" i="1"/>
  <c r="T17548" i="1"/>
  <c r="T17549" i="1"/>
  <c r="T17550" i="1"/>
  <c r="T17551" i="1"/>
  <c r="T17552" i="1"/>
  <c r="T17553" i="1"/>
  <c r="T17554" i="1"/>
  <c r="T17555" i="1"/>
  <c r="T17556" i="1"/>
  <c r="T17557" i="1"/>
  <c r="T17558" i="1"/>
  <c r="T17559" i="1"/>
  <c r="T17560" i="1"/>
  <c r="T17561" i="1"/>
  <c r="T17562" i="1"/>
  <c r="T17563" i="1"/>
  <c r="T17564" i="1"/>
  <c r="T17565" i="1"/>
  <c r="T17566" i="1"/>
  <c r="T17567" i="1"/>
  <c r="T17568" i="1"/>
  <c r="T17569" i="1"/>
  <c r="T17570" i="1"/>
  <c r="T17571" i="1"/>
  <c r="T17572" i="1"/>
  <c r="T17573" i="1"/>
  <c r="T17574" i="1"/>
  <c r="T17575" i="1"/>
  <c r="T17576" i="1"/>
  <c r="T17577" i="1"/>
  <c r="T17578" i="1"/>
  <c r="T17579" i="1"/>
  <c r="T17580" i="1"/>
  <c r="T17581" i="1"/>
  <c r="T17582" i="1"/>
  <c r="T17583" i="1"/>
  <c r="T17584" i="1"/>
  <c r="T17585" i="1"/>
  <c r="T17586" i="1"/>
  <c r="T17587" i="1"/>
  <c r="T17588" i="1"/>
  <c r="T17589" i="1"/>
  <c r="T17590" i="1"/>
  <c r="T17591" i="1"/>
  <c r="T17592" i="1"/>
  <c r="T17593" i="1"/>
  <c r="T17594" i="1"/>
  <c r="T17595" i="1"/>
  <c r="T17596" i="1"/>
  <c r="T17597" i="1"/>
  <c r="T17598" i="1"/>
  <c r="T17599" i="1"/>
  <c r="T17600" i="1"/>
  <c r="T17601" i="1"/>
  <c r="T17602" i="1"/>
  <c r="T17603" i="1"/>
  <c r="T17604" i="1"/>
  <c r="T17605" i="1"/>
  <c r="T17606" i="1"/>
  <c r="T17607" i="1"/>
  <c r="T17608" i="1"/>
  <c r="T17609" i="1"/>
  <c r="T17610" i="1"/>
  <c r="T17611" i="1"/>
  <c r="T17612" i="1"/>
  <c r="T17613" i="1"/>
  <c r="T17614" i="1"/>
  <c r="T17615" i="1"/>
  <c r="T17616" i="1"/>
  <c r="T17617" i="1"/>
  <c r="T17618" i="1"/>
  <c r="T17619" i="1"/>
  <c r="T17620" i="1"/>
  <c r="T17621" i="1"/>
  <c r="T17622" i="1"/>
  <c r="T17623" i="1"/>
  <c r="T17624" i="1"/>
  <c r="T17625" i="1"/>
  <c r="T17626" i="1"/>
  <c r="T17627" i="1"/>
  <c r="T17628" i="1"/>
  <c r="T17629" i="1"/>
  <c r="T17630" i="1"/>
  <c r="T17631" i="1"/>
  <c r="T17632" i="1"/>
  <c r="T17633" i="1"/>
  <c r="T17634" i="1"/>
  <c r="T17635" i="1"/>
  <c r="T17636" i="1"/>
  <c r="T17637" i="1"/>
  <c r="T17638" i="1"/>
  <c r="T17639" i="1"/>
  <c r="T17640" i="1"/>
  <c r="T17641" i="1"/>
  <c r="T17642" i="1"/>
  <c r="T17643" i="1"/>
  <c r="T17644" i="1"/>
  <c r="T17645" i="1"/>
  <c r="T17646" i="1"/>
  <c r="T17647" i="1"/>
  <c r="T17648" i="1"/>
  <c r="T17649" i="1"/>
  <c r="T17650" i="1"/>
  <c r="T17651" i="1"/>
  <c r="T17652" i="1"/>
  <c r="T17653" i="1"/>
  <c r="T17654" i="1"/>
  <c r="T17655" i="1"/>
  <c r="T17656" i="1"/>
  <c r="T17657" i="1"/>
  <c r="T17658" i="1"/>
  <c r="T17659" i="1"/>
  <c r="T17660" i="1"/>
  <c r="T17661" i="1"/>
  <c r="T17662" i="1"/>
  <c r="T17663" i="1"/>
  <c r="T17664" i="1"/>
  <c r="T17665" i="1"/>
  <c r="T17666" i="1"/>
  <c r="T17667" i="1"/>
  <c r="T17668" i="1"/>
  <c r="T17669" i="1"/>
  <c r="T17670" i="1"/>
  <c r="T17671" i="1"/>
  <c r="T17672" i="1"/>
  <c r="T17673" i="1"/>
  <c r="T17674" i="1"/>
  <c r="T17675" i="1"/>
  <c r="T17676" i="1"/>
  <c r="T17677" i="1"/>
  <c r="T17678" i="1"/>
  <c r="T17679" i="1"/>
  <c r="T17680" i="1"/>
  <c r="T17681" i="1"/>
  <c r="T17682" i="1"/>
  <c r="T17683" i="1"/>
  <c r="T17684" i="1"/>
  <c r="T17685" i="1"/>
  <c r="T17686" i="1"/>
  <c r="T17687" i="1"/>
  <c r="T17688" i="1"/>
  <c r="T17689" i="1"/>
  <c r="T17690" i="1"/>
  <c r="T17691" i="1"/>
  <c r="T17692" i="1"/>
  <c r="T17693" i="1"/>
  <c r="T17694" i="1"/>
  <c r="T17695" i="1"/>
  <c r="T17696" i="1"/>
  <c r="T17697" i="1"/>
  <c r="T17698" i="1"/>
  <c r="T17699" i="1"/>
  <c r="T17700" i="1"/>
  <c r="T17701" i="1"/>
  <c r="T17702" i="1"/>
  <c r="T17703" i="1"/>
  <c r="T17704" i="1"/>
  <c r="T17705" i="1"/>
  <c r="T17706" i="1"/>
  <c r="T17707" i="1"/>
  <c r="T17708" i="1"/>
  <c r="T17709" i="1"/>
  <c r="T17710" i="1"/>
  <c r="T17711" i="1"/>
  <c r="T17712" i="1"/>
  <c r="T17713" i="1"/>
  <c r="T17714" i="1"/>
  <c r="T17715" i="1"/>
  <c r="T17716" i="1"/>
  <c r="T17717" i="1"/>
  <c r="T17718" i="1"/>
  <c r="T17719" i="1"/>
  <c r="T17720" i="1"/>
  <c r="T17721" i="1"/>
  <c r="T17722" i="1"/>
  <c r="T17723" i="1"/>
  <c r="T17724" i="1"/>
  <c r="T17725" i="1"/>
  <c r="T17726" i="1"/>
  <c r="T17727" i="1"/>
  <c r="T17728" i="1"/>
  <c r="T17729" i="1"/>
  <c r="T17730" i="1"/>
  <c r="T17731" i="1"/>
  <c r="T17732" i="1"/>
  <c r="T17733" i="1"/>
  <c r="T17734" i="1"/>
  <c r="T17735" i="1"/>
  <c r="T17736" i="1"/>
  <c r="T17737" i="1"/>
  <c r="T17738" i="1"/>
  <c r="T17739" i="1"/>
  <c r="T17740" i="1"/>
  <c r="T17741" i="1"/>
  <c r="T17742" i="1"/>
  <c r="T17743" i="1"/>
  <c r="T17744" i="1"/>
  <c r="T17745" i="1"/>
  <c r="T17746" i="1"/>
  <c r="T17747" i="1"/>
  <c r="T17748" i="1"/>
  <c r="T17749" i="1"/>
  <c r="T17750" i="1"/>
  <c r="T17751" i="1"/>
  <c r="T17752" i="1"/>
  <c r="T17753" i="1"/>
  <c r="T17754" i="1"/>
  <c r="T17755" i="1"/>
  <c r="T17756" i="1"/>
  <c r="T17757" i="1"/>
  <c r="T17758" i="1"/>
  <c r="T17759" i="1"/>
  <c r="T17760" i="1"/>
  <c r="T17761" i="1"/>
  <c r="T17762" i="1"/>
  <c r="T17763" i="1"/>
  <c r="T17764" i="1"/>
  <c r="T17765" i="1"/>
  <c r="T17766" i="1"/>
  <c r="T17767" i="1"/>
  <c r="T17768" i="1"/>
  <c r="T17769" i="1"/>
  <c r="T17770" i="1"/>
  <c r="T17771" i="1"/>
  <c r="T17772" i="1"/>
  <c r="T17773" i="1"/>
  <c r="T17774" i="1"/>
  <c r="T17775" i="1"/>
  <c r="T17776" i="1"/>
  <c r="T17777" i="1"/>
  <c r="T17778" i="1"/>
  <c r="T17779" i="1"/>
  <c r="T17780" i="1"/>
  <c r="T17781" i="1"/>
  <c r="T17782" i="1"/>
  <c r="T17783" i="1"/>
  <c r="T17784" i="1"/>
  <c r="T17785" i="1"/>
  <c r="T17786" i="1"/>
  <c r="T17787" i="1"/>
  <c r="T17788" i="1"/>
  <c r="T17789" i="1"/>
  <c r="T17790" i="1"/>
  <c r="T17791" i="1"/>
  <c r="T17792" i="1"/>
  <c r="T17793" i="1"/>
  <c r="T17794" i="1"/>
  <c r="T17795" i="1"/>
  <c r="T17796" i="1"/>
  <c r="T17797" i="1"/>
  <c r="T17798" i="1"/>
  <c r="T17799" i="1"/>
  <c r="T17800" i="1"/>
  <c r="T17801" i="1"/>
  <c r="T17802" i="1"/>
  <c r="T17803" i="1"/>
  <c r="T17804" i="1"/>
  <c r="T17805" i="1"/>
  <c r="T17806" i="1"/>
  <c r="T17807" i="1"/>
  <c r="T17808" i="1"/>
  <c r="T17809" i="1"/>
  <c r="T17810" i="1"/>
  <c r="T17811" i="1"/>
  <c r="T17812" i="1"/>
  <c r="T17813" i="1"/>
  <c r="T17814" i="1"/>
  <c r="T17815" i="1"/>
  <c r="T17816" i="1"/>
  <c r="T17817" i="1"/>
  <c r="T17818" i="1"/>
  <c r="T17819" i="1"/>
  <c r="T17820" i="1"/>
  <c r="T17821" i="1"/>
  <c r="T17822" i="1"/>
  <c r="T17823" i="1"/>
  <c r="T17824" i="1"/>
  <c r="T17825" i="1"/>
  <c r="T17826" i="1"/>
  <c r="T17827" i="1"/>
  <c r="T17828" i="1"/>
  <c r="T17829" i="1"/>
  <c r="T17830" i="1"/>
  <c r="T17831" i="1"/>
  <c r="T17832" i="1"/>
  <c r="T17833" i="1"/>
  <c r="T17834" i="1"/>
  <c r="T17835" i="1"/>
  <c r="T17836" i="1"/>
  <c r="T17837" i="1"/>
  <c r="T17838" i="1"/>
  <c r="T17839" i="1"/>
  <c r="T17840" i="1"/>
  <c r="T17841" i="1"/>
  <c r="T17842" i="1"/>
  <c r="T17843" i="1"/>
  <c r="T17844" i="1"/>
  <c r="T17845" i="1"/>
  <c r="T17846" i="1"/>
  <c r="T17847" i="1"/>
  <c r="T17848" i="1"/>
  <c r="T17849" i="1"/>
  <c r="T17850" i="1"/>
  <c r="T17851" i="1"/>
  <c r="T17852" i="1"/>
  <c r="T17853" i="1"/>
  <c r="T17854" i="1"/>
  <c r="T17855" i="1"/>
  <c r="T17856" i="1"/>
  <c r="T17857" i="1"/>
  <c r="T17858" i="1"/>
  <c r="T17859" i="1"/>
  <c r="T17860" i="1"/>
  <c r="T17861" i="1"/>
  <c r="T17862" i="1"/>
  <c r="T17863" i="1"/>
  <c r="T17864" i="1"/>
  <c r="T17865" i="1"/>
  <c r="T17866" i="1"/>
  <c r="T17867" i="1"/>
  <c r="T17868" i="1"/>
  <c r="T17869" i="1"/>
  <c r="T17870" i="1"/>
  <c r="T17871" i="1"/>
  <c r="T17872" i="1"/>
  <c r="T17873" i="1"/>
  <c r="T17874" i="1"/>
  <c r="T17875" i="1"/>
  <c r="T17876" i="1"/>
  <c r="T17877" i="1"/>
  <c r="T17878" i="1"/>
  <c r="T17879" i="1"/>
  <c r="T17880" i="1"/>
  <c r="T17881" i="1"/>
  <c r="T17882" i="1"/>
  <c r="T17883" i="1"/>
  <c r="T17884" i="1"/>
  <c r="T17885" i="1"/>
  <c r="T17886" i="1"/>
  <c r="T17887" i="1"/>
  <c r="T17888" i="1"/>
  <c r="T17889" i="1"/>
  <c r="T17890" i="1"/>
  <c r="T17891" i="1"/>
  <c r="T17892" i="1"/>
  <c r="T17893" i="1"/>
  <c r="T17894" i="1"/>
  <c r="T17895" i="1"/>
  <c r="T17896" i="1"/>
  <c r="T17897" i="1"/>
  <c r="T17898" i="1"/>
  <c r="T17899" i="1"/>
  <c r="T17900" i="1"/>
  <c r="T17901" i="1"/>
  <c r="T17902" i="1"/>
  <c r="T17903" i="1"/>
  <c r="T17904" i="1"/>
  <c r="T17905" i="1"/>
  <c r="T17906" i="1"/>
  <c r="T17907" i="1"/>
  <c r="T17908" i="1"/>
  <c r="T17909" i="1"/>
  <c r="T17910" i="1"/>
  <c r="T17911" i="1"/>
  <c r="T17912" i="1"/>
  <c r="T17913" i="1"/>
  <c r="T17914" i="1"/>
  <c r="T17915" i="1"/>
  <c r="T17916" i="1"/>
  <c r="T17917" i="1"/>
  <c r="T17918" i="1"/>
  <c r="T17919" i="1"/>
  <c r="T17920" i="1"/>
  <c r="T17921" i="1"/>
  <c r="T17922" i="1"/>
  <c r="T17923" i="1"/>
  <c r="T17924" i="1"/>
  <c r="T17925" i="1"/>
  <c r="T17926" i="1"/>
  <c r="T17927" i="1"/>
  <c r="T17928" i="1"/>
  <c r="T17929" i="1"/>
  <c r="T17930" i="1"/>
  <c r="T17931" i="1"/>
  <c r="T17932" i="1"/>
  <c r="T17933" i="1"/>
  <c r="T17934" i="1"/>
  <c r="T17935" i="1"/>
  <c r="T17936" i="1"/>
  <c r="T17937" i="1"/>
  <c r="T17938" i="1"/>
  <c r="T17939" i="1"/>
  <c r="T17940" i="1"/>
  <c r="T17941" i="1"/>
  <c r="T17942" i="1"/>
  <c r="T17943" i="1"/>
  <c r="T17944" i="1"/>
  <c r="T17945" i="1"/>
  <c r="T17946" i="1"/>
  <c r="T17947" i="1"/>
  <c r="T17948" i="1"/>
  <c r="T17949" i="1"/>
  <c r="T17950" i="1"/>
  <c r="T17951" i="1"/>
  <c r="T17952" i="1"/>
  <c r="T17953" i="1"/>
  <c r="T17954" i="1"/>
  <c r="T17955" i="1"/>
  <c r="T17956" i="1"/>
  <c r="T17957" i="1"/>
  <c r="T17958" i="1"/>
  <c r="T17959" i="1"/>
  <c r="T17960" i="1"/>
  <c r="T17961" i="1"/>
  <c r="T17962" i="1"/>
  <c r="T17963" i="1"/>
  <c r="T17964" i="1"/>
  <c r="T17965" i="1"/>
  <c r="T17966" i="1"/>
  <c r="T17967" i="1"/>
  <c r="T17968" i="1"/>
  <c r="T17969" i="1"/>
  <c r="T17970" i="1"/>
  <c r="T17971" i="1"/>
  <c r="T17972" i="1"/>
  <c r="T17973" i="1"/>
  <c r="T17974" i="1"/>
  <c r="T17975" i="1"/>
  <c r="T17976" i="1"/>
  <c r="T17977" i="1"/>
  <c r="T17978" i="1"/>
  <c r="T17979" i="1"/>
  <c r="T17980" i="1"/>
  <c r="T17981" i="1"/>
  <c r="T17982" i="1"/>
  <c r="T17983" i="1"/>
  <c r="T17984" i="1"/>
  <c r="T17985" i="1"/>
  <c r="T17986" i="1"/>
  <c r="T17987" i="1"/>
  <c r="T17988" i="1"/>
  <c r="T17989" i="1"/>
  <c r="T17990" i="1"/>
  <c r="T17991" i="1"/>
  <c r="T17992" i="1"/>
  <c r="T17993" i="1"/>
  <c r="T17994" i="1"/>
  <c r="T17995" i="1"/>
  <c r="T17996" i="1"/>
  <c r="T17997" i="1"/>
  <c r="T17998" i="1"/>
  <c r="T17999" i="1"/>
  <c r="T18000" i="1"/>
  <c r="T18001" i="1"/>
  <c r="T18002" i="1"/>
  <c r="T18003" i="1"/>
  <c r="T18004" i="1"/>
  <c r="T18005" i="1"/>
  <c r="T18006" i="1"/>
  <c r="T18007" i="1"/>
  <c r="T18008" i="1"/>
  <c r="T18009" i="1"/>
  <c r="T18010" i="1"/>
  <c r="T18011" i="1"/>
  <c r="T18012" i="1"/>
  <c r="T18013" i="1"/>
  <c r="T18014" i="1"/>
  <c r="T18015" i="1"/>
  <c r="T18016" i="1"/>
  <c r="T18017" i="1"/>
  <c r="T18018" i="1"/>
  <c r="T18019" i="1"/>
  <c r="T18020" i="1"/>
  <c r="T18021" i="1"/>
  <c r="T18022" i="1"/>
  <c r="T18023" i="1"/>
  <c r="T18024" i="1"/>
  <c r="T18025" i="1"/>
  <c r="T18026" i="1"/>
  <c r="T18027" i="1"/>
  <c r="T18028" i="1"/>
  <c r="T18029" i="1"/>
  <c r="T18030" i="1"/>
  <c r="T18031" i="1"/>
  <c r="T18032" i="1"/>
  <c r="T18033" i="1"/>
  <c r="T18034" i="1"/>
  <c r="T18035" i="1"/>
  <c r="T18036" i="1"/>
  <c r="T18037" i="1"/>
  <c r="T18038" i="1"/>
  <c r="T18039" i="1"/>
  <c r="T18040" i="1"/>
  <c r="T18041" i="1"/>
  <c r="T18042" i="1"/>
  <c r="T18043" i="1"/>
  <c r="T18044" i="1"/>
  <c r="T18045" i="1"/>
  <c r="T18046" i="1"/>
  <c r="T18047" i="1"/>
  <c r="T18048" i="1"/>
  <c r="T18049" i="1"/>
  <c r="T18050" i="1"/>
  <c r="T18051" i="1"/>
  <c r="T18052" i="1"/>
  <c r="T18053" i="1"/>
  <c r="T18054" i="1"/>
  <c r="T18055" i="1"/>
  <c r="T18056" i="1"/>
  <c r="T18057" i="1"/>
  <c r="T18058" i="1"/>
  <c r="T18059" i="1"/>
  <c r="T18060" i="1"/>
  <c r="T18061" i="1"/>
  <c r="T18062" i="1"/>
  <c r="T18063" i="1"/>
  <c r="T18064" i="1"/>
  <c r="T18065" i="1"/>
  <c r="T18066" i="1"/>
  <c r="T18067" i="1"/>
  <c r="T18068" i="1"/>
  <c r="T18069" i="1"/>
  <c r="T18070" i="1"/>
  <c r="T18071" i="1"/>
  <c r="T18072" i="1"/>
  <c r="T18073" i="1"/>
  <c r="T18074" i="1"/>
  <c r="T18075" i="1"/>
  <c r="T18076" i="1"/>
  <c r="T18077" i="1"/>
  <c r="T18078" i="1"/>
  <c r="T18079" i="1"/>
  <c r="T18080" i="1"/>
  <c r="T18081" i="1"/>
  <c r="T18082" i="1"/>
  <c r="T18083" i="1"/>
  <c r="T18084" i="1"/>
  <c r="T18085" i="1"/>
  <c r="T18086" i="1"/>
  <c r="T18087" i="1"/>
  <c r="T18088" i="1"/>
  <c r="T18089" i="1"/>
  <c r="T18090" i="1"/>
  <c r="T18091" i="1"/>
  <c r="T18092" i="1"/>
  <c r="T18093" i="1"/>
  <c r="T18094" i="1"/>
  <c r="T18095" i="1"/>
  <c r="T18096" i="1"/>
  <c r="T18097" i="1"/>
  <c r="T18098" i="1"/>
  <c r="T18099" i="1"/>
  <c r="T18100" i="1"/>
  <c r="T18101" i="1"/>
  <c r="T18102" i="1"/>
  <c r="T18103" i="1"/>
  <c r="T18104" i="1"/>
  <c r="T18105" i="1"/>
  <c r="T18106" i="1"/>
  <c r="T18107" i="1"/>
  <c r="T18108" i="1"/>
  <c r="T18109" i="1"/>
  <c r="T18110" i="1"/>
  <c r="T18111" i="1"/>
  <c r="T18112" i="1"/>
  <c r="T18113" i="1"/>
  <c r="T18114" i="1"/>
  <c r="T18115" i="1"/>
  <c r="T18116" i="1"/>
  <c r="T18117" i="1"/>
  <c r="T18118" i="1"/>
  <c r="T18119" i="1"/>
  <c r="T18120" i="1"/>
  <c r="T18121" i="1"/>
  <c r="T18122" i="1"/>
  <c r="T18123" i="1"/>
  <c r="T18124" i="1"/>
  <c r="T18125" i="1"/>
  <c r="T18126" i="1"/>
  <c r="T18127" i="1"/>
  <c r="T18128" i="1"/>
  <c r="T18129" i="1"/>
  <c r="T18130" i="1"/>
  <c r="T18131" i="1"/>
  <c r="T18132" i="1"/>
  <c r="T18133" i="1"/>
  <c r="T18134" i="1"/>
  <c r="T18135" i="1"/>
  <c r="T18136" i="1"/>
  <c r="T18137" i="1"/>
  <c r="T18138" i="1"/>
  <c r="T18139" i="1"/>
  <c r="T18140" i="1"/>
  <c r="T18141" i="1"/>
  <c r="T18142" i="1"/>
  <c r="T18143" i="1"/>
  <c r="T18144" i="1"/>
  <c r="T18145" i="1"/>
  <c r="T18146" i="1"/>
  <c r="T18147" i="1"/>
  <c r="T18148" i="1"/>
  <c r="T18149" i="1"/>
  <c r="T18150" i="1"/>
  <c r="T18151" i="1"/>
  <c r="T18152" i="1"/>
  <c r="T18153" i="1"/>
  <c r="T18154" i="1"/>
  <c r="T18155" i="1"/>
  <c r="T18156" i="1"/>
  <c r="T18157" i="1"/>
  <c r="T18158" i="1"/>
  <c r="T18159" i="1"/>
  <c r="T18160" i="1"/>
  <c r="T18161" i="1"/>
  <c r="T18162" i="1"/>
  <c r="T18163" i="1"/>
  <c r="T18164" i="1"/>
  <c r="T18165" i="1"/>
  <c r="T18166" i="1"/>
  <c r="T18167" i="1"/>
  <c r="T18168" i="1"/>
  <c r="T18169" i="1"/>
  <c r="T18170" i="1"/>
  <c r="T18171" i="1"/>
  <c r="T18172" i="1"/>
  <c r="T18173" i="1"/>
  <c r="T18174" i="1"/>
  <c r="T18175" i="1"/>
  <c r="T18176" i="1"/>
  <c r="T18177" i="1"/>
  <c r="T18178" i="1"/>
  <c r="T18179" i="1"/>
  <c r="T18180" i="1"/>
  <c r="T18181" i="1"/>
  <c r="T18182" i="1"/>
  <c r="T18183" i="1"/>
  <c r="T18184" i="1"/>
  <c r="T18185" i="1"/>
  <c r="T18186" i="1"/>
  <c r="T18187" i="1"/>
  <c r="T18188" i="1"/>
  <c r="T18189" i="1"/>
  <c r="T18190" i="1"/>
  <c r="T18191" i="1"/>
  <c r="T18192" i="1"/>
  <c r="T18193" i="1"/>
  <c r="T18194" i="1"/>
  <c r="T18195" i="1"/>
  <c r="T18196" i="1"/>
  <c r="T18197" i="1"/>
  <c r="T18198" i="1"/>
  <c r="T18199" i="1"/>
  <c r="T18200" i="1"/>
  <c r="T18201" i="1"/>
  <c r="T18202" i="1"/>
  <c r="T18203" i="1"/>
  <c r="T18204" i="1"/>
  <c r="T18205" i="1"/>
  <c r="T18206" i="1"/>
  <c r="T18207" i="1"/>
  <c r="T18208" i="1"/>
  <c r="T18209" i="1"/>
  <c r="T18210" i="1"/>
  <c r="T18211" i="1"/>
  <c r="T18212" i="1"/>
  <c r="T18213" i="1"/>
  <c r="T18214" i="1"/>
  <c r="T18215" i="1"/>
  <c r="T18216" i="1"/>
  <c r="T18217" i="1"/>
  <c r="T18218" i="1"/>
  <c r="T18219" i="1"/>
  <c r="T18220" i="1"/>
  <c r="T18221" i="1"/>
  <c r="T18222" i="1"/>
  <c r="T18223" i="1"/>
  <c r="T18224" i="1"/>
  <c r="T18225" i="1"/>
  <c r="T18226" i="1"/>
  <c r="T18227" i="1"/>
  <c r="T18228" i="1"/>
  <c r="T18229" i="1"/>
  <c r="T18230" i="1"/>
  <c r="T18231" i="1"/>
  <c r="T18232" i="1"/>
  <c r="T18233" i="1"/>
  <c r="T18234" i="1"/>
  <c r="T18235" i="1"/>
  <c r="T18236" i="1"/>
  <c r="T18237" i="1"/>
  <c r="T18238" i="1"/>
  <c r="T18239" i="1"/>
  <c r="T18240" i="1"/>
  <c r="T18241" i="1"/>
  <c r="T18242" i="1"/>
  <c r="T18243" i="1"/>
  <c r="T18244" i="1"/>
  <c r="T18245" i="1"/>
  <c r="T18246" i="1"/>
  <c r="T18247" i="1"/>
  <c r="T18248" i="1"/>
  <c r="T18249" i="1"/>
  <c r="T18250" i="1"/>
  <c r="T18251" i="1"/>
  <c r="T18252" i="1"/>
  <c r="T18253" i="1"/>
  <c r="T18254" i="1"/>
  <c r="T18255" i="1"/>
  <c r="T18256" i="1"/>
  <c r="T18257" i="1"/>
  <c r="T18258" i="1"/>
  <c r="T18259" i="1"/>
  <c r="T18260" i="1"/>
  <c r="T18261" i="1"/>
  <c r="T18262" i="1"/>
  <c r="T18263" i="1"/>
  <c r="T18264" i="1"/>
  <c r="T18265" i="1"/>
  <c r="T18266" i="1"/>
  <c r="T18267" i="1"/>
  <c r="T18268" i="1"/>
  <c r="T18269" i="1"/>
  <c r="T18270" i="1"/>
  <c r="T18271" i="1"/>
  <c r="T18272" i="1"/>
  <c r="T18273" i="1"/>
  <c r="T18274" i="1"/>
  <c r="T18275" i="1"/>
  <c r="T18276" i="1"/>
  <c r="T18277" i="1"/>
  <c r="T18278" i="1"/>
  <c r="T18279" i="1"/>
  <c r="T18280" i="1"/>
  <c r="T18281" i="1"/>
  <c r="T18282" i="1"/>
  <c r="T18283" i="1"/>
  <c r="T18284" i="1"/>
  <c r="T18285" i="1"/>
  <c r="T18286" i="1"/>
  <c r="T18287" i="1"/>
  <c r="T18288" i="1"/>
  <c r="T18289" i="1"/>
  <c r="T18290" i="1"/>
  <c r="T18291" i="1"/>
  <c r="T18292" i="1"/>
  <c r="T18293" i="1"/>
  <c r="T18294" i="1"/>
  <c r="T18295" i="1"/>
  <c r="T18296" i="1"/>
  <c r="T18297" i="1"/>
  <c r="T18298" i="1"/>
  <c r="T18299" i="1"/>
  <c r="T18300" i="1"/>
  <c r="T18301" i="1"/>
  <c r="T18302" i="1"/>
  <c r="T18303" i="1"/>
  <c r="T18304" i="1"/>
  <c r="T18305" i="1"/>
  <c r="T18306" i="1"/>
  <c r="T18307" i="1"/>
  <c r="T18308" i="1"/>
  <c r="T18309" i="1"/>
  <c r="T18310" i="1"/>
  <c r="T18311" i="1"/>
  <c r="T18312" i="1"/>
  <c r="T18313" i="1"/>
  <c r="T18314" i="1"/>
  <c r="T18315" i="1"/>
  <c r="T18316" i="1"/>
  <c r="T18317" i="1"/>
  <c r="T18318" i="1"/>
  <c r="T18319" i="1"/>
  <c r="T18320" i="1"/>
  <c r="T18321" i="1"/>
  <c r="T18322" i="1"/>
  <c r="T18323" i="1"/>
  <c r="T18324" i="1"/>
  <c r="T18325" i="1"/>
  <c r="T18326" i="1"/>
  <c r="T18327" i="1"/>
  <c r="T18328" i="1"/>
  <c r="T18329" i="1"/>
  <c r="T18330" i="1"/>
  <c r="T18331" i="1"/>
  <c r="T18332" i="1"/>
  <c r="T18333" i="1"/>
  <c r="T18334" i="1"/>
  <c r="T18335" i="1"/>
  <c r="T18336" i="1"/>
  <c r="T18337" i="1"/>
  <c r="T18338" i="1"/>
  <c r="T18339" i="1"/>
  <c r="T18340" i="1"/>
  <c r="T18341" i="1"/>
  <c r="T18342" i="1"/>
  <c r="T18343" i="1"/>
  <c r="T18344" i="1"/>
  <c r="T18345" i="1"/>
  <c r="T18346" i="1"/>
  <c r="T18347" i="1"/>
  <c r="T18348" i="1"/>
  <c r="T18349" i="1"/>
  <c r="T18350" i="1"/>
  <c r="T18351" i="1"/>
  <c r="T18352" i="1"/>
  <c r="T18353" i="1"/>
  <c r="T18354" i="1"/>
  <c r="T18355" i="1"/>
  <c r="T18356" i="1"/>
  <c r="T18357" i="1"/>
  <c r="T18358" i="1"/>
  <c r="T18359" i="1"/>
  <c r="T18360" i="1"/>
  <c r="T18361" i="1"/>
  <c r="T18362" i="1"/>
  <c r="T18363" i="1"/>
  <c r="T18364" i="1"/>
  <c r="T18365" i="1"/>
  <c r="T18366" i="1"/>
  <c r="T18367" i="1"/>
  <c r="T18368" i="1"/>
  <c r="T18369" i="1"/>
  <c r="T18370" i="1"/>
  <c r="T18371" i="1"/>
  <c r="T18372" i="1"/>
  <c r="T18373" i="1"/>
  <c r="T18374" i="1"/>
  <c r="T18375" i="1"/>
  <c r="T18376" i="1"/>
  <c r="T18377" i="1"/>
  <c r="T18378" i="1"/>
  <c r="T18379" i="1"/>
  <c r="T18380" i="1"/>
  <c r="T18381" i="1"/>
  <c r="T18382" i="1"/>
  <c r="T18383" i="1"/>
  <c r="T18384" i="1"/>
  <c r="T18385" i="1"/>
  <c r="T18386" i="1"/>
  <c r="T18387" i="1"/>
  <c r="T18388" i="1"/>
  <c r="T18389" i="1"/>
  <c r="T18390" i="1"/>
  <c r="T18391" i="1"/>
  <c r="T18392" i="1"/>
  <c r="T18393" i="1"/>
  <c r="T18394" i="1"/>
  <c r="T18395" i="1"/>
  <c r="T18396" i="1"/>
  <c r="T18397" i="1"/>
  <c r="T18398" i="1"/>
  <c r="T18399" i="1"/>
  <c r="T18400" i="1"/>
  <c r="T18401" i="1"/>
  <c r="T18402" i="1"/>
  <c r="T18403" i="1"/>
  <c r="T18404" i="1"/>
  <c r="T18405" i="1"/>
  <c r="T18406" i="1"/>
  <c r="T18407" i="1"/>
  <c r="T18408" i="1"/>
  <c r="T18409" i="1"/>
  <c r="T18410" i="1"/>
  <c r="T18411" i="1"/>
  <c r="T18412" i="1"/>
  <c r="T18413" i="1"/>
  <c r="T18414" i="1"/>
  <c r="T18415" i="1"/>
  <c r="T18416" i="1"/>
  <c r="T18417" i="1"/>
  <c r="T18418" i="1"/>
  <c r="T18419" i="1"/>
  <c r="T18420" i="1"/>
  <c r="T18421" i="1"/>
  <c r="T18422" i="1"/>
  <c r="T18423" i="1"/>
  <c r="T18424" i="1"/>
  <c r="T18425" i="1"/>
  <c r="T18426" i="1"/>
  <c r="T18427" i="1"/>
  <c r="T18428" i="1"/>
  <c r="T18429" i="1"/>
  <c r="T18430" i="1"/>
  <c r="T18431" i="1"/>
  <c r="T18432" i="1"/>
  <c r="T18433" i="1"/>
  <c r="T18434" i="1"/>
  <c r="T18435" i="1"/>
  <c r="T18436" i="1"/>
  <c r="T18437" i="1"/>
  <c r="T18438" i="1"/>
  <c r="T18439" i="1"/>
  <c r="T18440" i="1"/>
  <c r="T18441" i="1"/>
  <c r="T18442" i="1"/>
  <c r="T18443" i="1"/>
  <c r="T18444" i="1"/>
  <c r="T18445" i="1"/>
  <c r="T18446" i="1"/>
  <c r="T18447" i="1"/>
  <c r="T18448" i="1"/>
  <c r="T18449" i="1"/>
  <c r="T18450" i="1"/>
  <c r="T18451" i="1"/>
  <c r="T18452" i="1"/>
  <c r="T18453" i="1"/>
  <c r="T18454" i="1"/>
  <c r="T18455" i="1"/>
  <c r="T18456" i="1"/>
  <c r="T18457" i="1"/>
  <c r="T18458" i="1"/>
  <c r="T18459" i="1"/>
  <c r="T18460" i="1"/>
  <c r="T18461" i="1"/>
  <c r="T18462" i="1"/>
  <c r="T18463" i="1"/>
  <c r="T18464" i="1"/>
  <c r="T18465" i="1"/>
  <c r="T18466" i="1"/>
  <c r="T18467" i="1"/>
  <c r="T18468" i="1"/>
  <c r="T18469" i="1"/>
  <c r="T18470" i="1"/>
  <c r="T18471" i="1"/>
  <c r="T18472" i="1"/>
  <c r="T18473" i="1"/>
  <c r="T18474" i="1"/>
  <c r="T18475" i="1"/>
  <c r="T18476" i="1"/>
  <c r="T18477" i="1"/>
  <c r="T18478" i="1"/>
  <c r="T18479" i="1"/>
  <c r="T18480" i="1"/>
  <c r="T18481" i="1"/>
  <c r="T18482" i="1"/>
  <c r="T18483" i="1"/>
  <c r="T18484" i="1"/>
  <c r="T18485" i="1"/>
  <c r="T18486" i="1"/>
  <c r="T18487" i="1"/>
  <c r="T18488" i="1"/>
  <c r="T18489" i="1"/>
  <c r="T18490" i="1"/>
  <c r="T18491" i="1"/>
  <c r="T18492" i="1"/>
  <c r="T18493" i="1"/>
  <c r="T18494" i="1"/>
  <c r="T18495" i="1"/>
  <c r="T18496" i="1"/>
  <c r="T18497" i="1"/>
  <c r="T18498" i="1"/>
  <c r="T18499" i="1"/>
  <c r="T18500" i="1"/>
  <c r="T18501" i="1"/>
  <c r="T18502" i="1"/>
  <c r="T18503" i="1"/>
  <c r="T18504" i="1"/>
  <c r="T18505" i="1"/>
  <c r="T18506" i="1"/>
  <c r="T18507" i="1"/>
  <c r="T18508" i="1"/>
  <c r="T18509" i="1"/>
  <c r="T18510" i="1"/>
  <c r="T18511" i="1"/>
  <c r="T18512" i="1"/>
  <c r="T18513" i="1"/>
  <c r="T18514" i="1"/>
  <c r="T18515" i="1"/>
  <c r="T18516" i="1"/>
  <c r="T18517" i="1"/>
  <c r="T18518" i="1"/>
  <c r="T18519" i="1"/>
  <c r="T18520" i="1"/>
  <c r="T18521" i="1"/>
  <c r="T18522" i="1"/>
  <c r="T18523" i="1"/>
  <c r="T18524" i="1"/>
  <c r="T18525" i="1"/>
  <c r="T18526" i="1"/>
  <c r="T18527" i="1"/>
  <c r="T18528" i="1"/>
  <c r="T18529" i="1"/>
  <c r="T18530" i="1"/>
  <c r="T18531" i="1"/>
  <c r="T18532" i="1"/>
  <c r="T18533" i="1"/>
  <c r="T18534" i="1"/>
  <c r="T18535" i="1"/>
  <c r="T18536" i="1"/>
  <c r="T18537" i="1"/>
  <c r="T18538" i="1"/>
  <c r="T18539" i="1"/>
  <c r="T18540" i="1"/>
  <c r="T18541" i="1"/>
  <c r="T18542" i="1"/>
  <c r="T18543" i="1"/>
  <c r="T18544" i="1"/>
  <c r="T18545" i="1"/>
  <c r="T18546" i="1"/>
  <c r="T18547" i="1"/>
  <c r="T18548" i="1"/>
  <c r="T18549" i="1"/>
  <c r="T18550" i="1"/>
  <c r="T18551" i="1"/>
  <c r="T18552" i="1"/>
  <c r="T18553" i="1"/>
  <c r="T18554" i="1"/>
  <c r="T18555" i="1"/>
  <c r="T18556" i="1"/>
  <c r="T18557" i="1"/>
  <c r="T18558" i="1"/>
  <c r="T18559" i="1"/>
  <c r="T18560" i="1"/>
  <c r="T18561" i="1"/>
  <c r="T18562" i="1"/>
  <c r="T18563" i="1"/>
  <c r="T18564" i="1"/>
  <c r="T18565" i="1"/>
  <c r="T18566" i="1"/>
  <c r="T18567" i="1"/>
  <c r="T18568" i="1"/>
  <c r="T18569" i="1"/>
  <c r="T18570" i="1"/>
  <c r="T18571" i="1"/>
  <c r="T18572" i="1"/>
  <c r="T18573" i="1"/>
  <c r="T18574" i="1"/>
  <c r="T18575" i="1"/>
  <c r="T18576" i="1"/>
  <c r="T18577" i="1"/>
  <c r="T18578" i="1"/>
  <c r="T18579" i="1"/>
  <c r="T18580" i="1"/>
  <c r="T18581" i="1"/>
  <c r="T18582" i="1"/>
  <c r="T18583" i="1"/>
  <c r="T18584" i="1"/>
  <c r="T18585" i="1"/>
  <c r="T18586" i="1"/>
  <c r="T18587" i="1"/>
  <c r="T18588" i="1"/>
  <c r="T18589" i="1"/>
  <c r="T18590" i="1"/>
  <c r="T18591" i="1"/>
  <c r="T18592" i="1"/>
  <c r="T18593" i="1"/>
  <c r="T18594" i="1"/>
  <c r="T18595" i="1"/>
  <c r="T18596" i="1"/>
  <c r="T18597" i="1"/>
  <c r="T18598" i="1"/>
  <c r="T18599" i="1"/>
  <c r="T18600" i="1"/>
  <c r="T18601" i="1"/>
  <c r="T18602" i="1"/>
  <c r="T18603" i="1"/>
  <c r="T18604" i="1"/>
  <c r="T18605" i="1"/>
  <c r="T18606" i="1"/>
  <c r="T18607" i="1"/>
  <c r="T18608" i="1"/>
  <c r="T18609" i="1"/>
  <c r="T18610" i="1"/>
  <c r="T18611" i="1"/>
  <c r="T18612" i="1"/>
  <c r="T18613" i="1"/>
  <c r="T18614" i="1"/>
  <c r="T18615" i="1"/>
  <c r="T18616" i="1"/>
  <c r="T18617" i="1"/>
  <c r="T18618" i="1"/>
  <c r="T18619" i="1"/>
  <c r="T18620" i="1"/>
  <c r="T18621" i="1"/>
  <c r="T18622" i="1"/>
  <c r="T18623" i="1"/>
  <c r="T18624" i="1"/>
  <c r="T18625" i="1"/>
  <c r="T18626" i="1"/>
  <c r="T18627" i="1"/>
  <c r="T18628" i="1"/>
  <c r="T18629" i="1"/>
  <c r="T18630" i="1"/>
  <c r="T18631" i="1"/>
  <c r="T18632" i="1"/>
  <c r="T18633" i="1"/>
  <c r="T18634" i="1"/>
  <c r="T18635" i="1"/>
  <c r="T18636" i="1"/>
  <c r="T18637" i="1"/>
  <c r="T18638" i="1"/>
  <c r="T18639" i="1"/>
  <c r="T18640" i="1"/>
  <c r="T18641" i="1"/>
  <c r="T18642" i="1"/>
  <c r="T18643" i="1"/>
  <c r="T18644" i="1"/>
  <c r="T18645" i="1"/>
  <c r="T18646" i="1"/>
  <c r="T18647" i="1"/>
  <c r="T18648" i="1"/>
  <c r="T18649" i="1"/>
  <c r="T18650" i="1"/>
  <c r="T18651" i="1"/>
  <c r="T18652" i="1"/>
  <c r="T18653" i="1"/>
  <c r="T18654" i="1"/>
  <c r="T18655" i="1"/>
  <c r="T18656" i="1"/>
  <c r="T18657" i="1"/>
  <c r="T18658" i="1"/>
  <c r="T18659" i="1"/>
  <c r="T18660" i="1"/>
  <c r="T18661" i="1"/>
  <c r="T18662" i="1"/>
  <c r="T18663" i="1"/>
  <c r="T18664" i="1"/>
  <c r="T18665" i="1"/>
  <c r="T18666" i="1"/>
  <c r="T18667" i="1"/>
  <c r="T18668" i="1"/>
  <c r="T18669" i="1"/>
  <c r="T18670" i="1"/>
  <c r="T18671" i="1"/>
  <c r="T18672" i="1"/>
  <c r="T18673" i="1"/>
  <c r="T18674" i="1"/>
  <c r="T18675" i="1"/>
  <c r="T18676" i="1"/>
  <c r="T18677" i="1"/>
  <c r="T18678" i="1"/>
  <c r="T18679" i="1"/>
  <c r="T18680" i="1"/>
  <c r="T18681" i="1"/>
  <c r="T18682" i="1"/>
  <c r="T18683" i="1"/>
  <c r="T18684" i="1"/>
  <c r="T18685" i="1"/>
  <c r="T18686" i="1"/>
  <c r="T18687" i="1"/>
  <c r="T18688" i="1"/>
  <c r="T18689" i="1"/>
  <c r="T18690" i="1"/>
  <c r="T18691" i="1"/>
  <c r="T18692" i="1"/>
  <c r="T18693" i="1"/>
  <c r="T18694" i="1"/>
  <c r="T18695" i="1"/>
  <c r="T18696" i="1"/>
  <c r="T18697" i="1"/>
  <c r="T18698" i="1"/>
  <c r="T18699" i="1"/>
  <c r="T18700" i="1"/>
  <c r="T18701" i="1"/>
  <c r="T18702" i="1"/>
  <c r="T18703" i="1"/>
  <c r="T18704" i="1"/>
  <c r="T18705" i="1"/>
  <c r="T18706" i="1"/>
  <c r="T18707" i="1"/>
  <c r="T18708" i="1"/>
  <c r="T18709" i="1"/>
  <c r="T18710" i="1"/>
  <c r="T18711" i="1"/>
  <c r="T18712" i="1"/>
  <c r="T18713" i="1"/>
  <c r="T18714" i="1"/>
  <c r="T18715" i="1"/>
  <c r="T18716" i="1"/>
  <c r="T18717" i="1"/>
  <c r="T18718" i="1"/>
  <c r="T18719" i="1"/>
  <c r="T18720" i="1"/>
  <c r="T18721" i="1"/>
  <c r="T18722" i="1"/>
  <c r="T18723" i="1"/>
  <c r="T18724" i="1"/>
  <c r="T18725" i="1"/>
  <c r="T18726" i="1"/>
  <c r="T18727" i="1"/>
  <c r="T18728" i="1"/>
  <c r="T18729" i="1"/>
  <c r="T18730" i="1"/>
  <c r="T18731" i="1"/>
  <c r="T18732" i="1"/>
  <c r="T18733" i="1"/>
  <c r="T18734" i="1"/>
  <c r="T18735" i="1"/>
  <c r="T18736" i="1"/>
  <c r="T18737" i="1"/>
  <c r="T18738" i="1"/>
  <c r="T18739" i="1"/>
  <c r="T18740" i="1"/>
  <c r="T18741" i="1"/>
  <c r="T18742" i="1"/>
  <c r="T18743" i="1"/>
  <c r="T18744" i="1"/>
  <c r="T18745" i="1"/>
  <c r="T18746" i="1"/>
  <c r="T18747" i="1"/>
  <c r="T18748" i="1"/>
  <c r="T18749" i="1"/>
  <c r="T18750" i="1"/>
  <c r="T18751" i="1"/>
  <c r="T18752" i="1"/>
  <c r="T18753" i="1"/>
  <c r="T18754" i="1"/>
  <c r="T18755" i="1"/>
  <c r="T18756" i="1"/>
  <c r="T18757" i="1"/>
  <c r="T18758" i="1"/>
  <c r="T18759" i="1"/>
  <c r="T18760" i="1"/>
  <c r="T18761" i="1"/>
  <c r="T18762" i="1"/>
  <c r="T18763" i="1"/>
  <c r="T18764" i="1"/>
  <c r="T18765" i="1"/>
  <c r="T18766" i="1"/>
  <c r="T18767" i="1"/>
  <c r="T18768" i="1"/>
  <c r="T18769" i="1"/>
  <c r="T18770" i="1"/>
  <c r="T18771" i="1"/>
  <c r="T18772" i="1"/>
  <c r="T18773" i="1"/>
  <c r="T18774" i="1"/>
  <c r="T18775" i="1"/>
  <c r="T18776" i="1"/>
  <c r="T18777" i="1"/>
  <c r="T18778" i="1"/>
  <c r="T18779" i="1"/>
  <c r="T18780" i="1"/>
  <c r="T18781" i="1"/>
  <c r="T18782" i="1"/>
  <c r="T18783" i="1"/>
  <c r="T18784" i="1"/>
  <c r="T18785" i="1"/>
  <c r="T18786" i="1"/>
  <c r="T18787" i="1"/>
  <c r="T18788" i="1"/>
  <c r="T18789" i="1"/>
  <c r="T18790" i="1"/>
  <c r="T18791" i="1"/>
  <c r="T18792" i="1"/>
  <c r="T18793" i="1"/>
  <c r="T18794" i="1"/>
  <c r="T18795" i="1"/>
  <c r="T18796" i="1"/>
  <c r="T18797" i="1"/>
  <c r="T18798" i="1"/>
  <c r="T18799" i="1"/>
  <c r="T18800" i="1"/>
  <c r="T18801" i="1"/>
  <c r="T18802" i="1"/>
  <c r="T18803" i="1"/>
  <c r="T18804" i="1"/>
  <c r="T18805" i="1"/>
  <c r="T18806" i="1"/>
  <c r="T18807" i="1"/>
  <c r="T18808" i="1"/>
  <c r="T18809" i="1"/>
  <c r="T18810" i="1"/>
  <c r="T18811" i="1"/>
  <c r="T18812" i="1"/>
  <c r="T18813" i="1"/>
  <c r="T18814" i="1"/>
  <c r="T18815" i="1"/>
  <c r="T18816" i="1"/>
  <c r="T18817" i="1"/>
  <c r="T18818" i="1"/>
  <c r="T18819" i="1"/>
  <c r="T18820" i="1"/>
  <c r="T18821" i="1"/>
  <c r="T18822" i="1"/>
  <c r="T18823" i="1"/>
  <c r="T18824" i="1"/>
  <c r="T18825" i="1"/>
  <c r="T18826" i="1"/>
  <c r="T18827" i="1"/>
  <c r="T18828" i="1"/>
  <c r="T18829" i="1"/>
  <c r="T18830" i="1"/>
  <c r="T18831" i="1"/>
  <c r="T18832" i="1"/>
  <c r="T18833" i="1"/>
  <c r="T18834" i="1"/>
  <c r="T18835" i="1"/>
  <c r="T18836" i="1"/>
  <c r="T18837" i="1"/>
  <c r="T18838" i="1"/>
  <c r="T18839" i="1"/>
  <c r="T18840" i="1"/>
  <c r="T18841" i="1"/>
  <c r="T18842" i="1"/>
  <c r="T18843" i="1"/>
  <c r="T18844" i="1"/>
  <c r="T18845" i="1"/>
  <c r="T18846" i="1"/>
  <c r="T18847" i="1"/>
  <c r="T18848" i="1"/>
  <c r="T18849" i="1"/>
  <c r="T18850" i="1"/>
  <c r="T18851" i="1"/>
  <c r="T18852" i="1"/>
  <c r="T18853" i="1"/>
  <c r="T18854" i="1"/>
  <c r="T18855" i="1"/>
  <c r="T18856" i="1"/>
  <c r="T18857" i="1"/>
  <c r="T18858" i="1"/>
  <c r="T18859" i="1"/>
  <c r="T18860" i="1"/>
  <c r="T18861" i="1"/>
  <c r="T18862" i="1"/>
  <c r="T18863" i="1"/>
  <c r="T18864" i="1"/>
  <c r="T18865" i="1"/>
  <c r="T18866" i="1"/>
  <c r="T18867" i="1"/>
  <c r="T18868" i="1"/>
  <c r="T18869" i="1"/>
  <c r="T18870" i="1"/>
  <c r="T18871" i="1"/>
  <c r="T18872" i="1"/>
  <c r="T18873" i="1"/>
  <c r="T18874" i="1"/>
  <c r="T18875" i="1"/>
  <c r="T18876" i="1"/>
  <c r="T18877" i="1"/>
  <c r="T18878" i="1"/>
  <c r="T18879" i="1"/>
  <c r="T18880" i="1"/>
  <c r="T18881" i="1"/>
  <c r="T18882" i="1"/>
  <c r="T18883" i="1"/>
  <c r="T18884" i="1"/>
  <c r="T18885" i="1"/>
  <c r="T18886" i="1"/>
  <c r="T18887" i="1"/>
  <c r="T18888" i="1"/>
  <c r="T18889" i="1"/>
  <c r="T18890" i="1"/>
  <c r="T18891" i="1"/>
  <c r="T18892" i="1"/>
  <c r="T18893" i="1"/>
  <c r="T18894" i="1"/>
  <c r="T18895" i="1"/>
  <c r="T18896" i="1"/>
  <c r="T18897" i="1"/>
  <c r="T18898" i="1"/>
  <c r="T18899" i="1"/>
  <c r="T18900" i="1"/>
  <c r="T18901" i="1"/>
  <c r="T18902" i="1"/>
  <c r="T18903" i="1"/>
  <c r="T18904" i="1"/>
  <c r="T18905" i="1"/>
  <c r="T18906" i="1"/>
  <c r="T18907" i="1"/>
  <c r="T18908" i="1"/>
  <c r="T18909" i="1"/>
  <c r="T18910" i="1"/>
  <c r="T18911" i="1"/>
  <c r="T18912" i="1"/>
  <c r="T18913" i="1"/>
  <c r="T18914" i="1"/>
  <c r="T18915" i="1"/>
  <c r="T18916" i="1"/>
  <c r="T18917" i="1"/>
  <c r="T18918" i="1"/>
  <c r="T18919" i="1"/>
  <c r="T18920" i="1"/>
  <c r="T18921" i="1"/>
  <c r="T18922" i="1"/>
  <c r="T18923" i="1"/>
  <c r="T18924" i="1"/>
  <c r="T18925" i="1"/>
  <c r="T18926" i="1"/>
  <c r="T18927" i="1"/>
  <c r="T18928" i="1"/>
  <c r="T18929" i="1"/>
  <c r="T18930" i="1"/>
  <c r="T18931" i="1"/>
  <c r="T18932" i="1"/>
  <c r="T18933" i="1"/>
  <c r="T18934" i="1"/>
  <c r="T18935" i="1"/>
  <c r="T18936" i="1"/>
  <c r="T18937" i="1"/>
  <c r="T18938" i="1"/>
  <c r="T18939" i="1"/>
  <c r="T18940" i="1"/>
  <c r="T18941" i="1"/>
  <c r="T18942" i="1"/>
  <c r="T18943" i="1"/>
  <c r="T18944" i="1"/>
  <c r="T18945" i="1"/>
  <c r="T18946" i="1"/>
  <c r="T18947" i="1"/>
  <c r="T18948" i="1"/>
  <c r="T18949" i="1"/>
  <c r="T18950" i="1"/>
  <c r="T18951" i="1"/>
  <c r="T18952" i="1"/>
  <c r="T18953" i="1"/>
  <c r="T18954" i="1"/>
  <c r="T18955" i="1"/>
  <c r="T18956" i="1"/>
  <c r="T18957" i="1"/>
  <c r="T18958" i="1"/>
  <c r="T18959" i="1"/>
  <c r="T18960" i="1"/>
  <c r="T18961" i="1"/>
  <c r="T18962" i="1"/>
  <c r="T18963" i="1"/>
  <c r="T18964" i="1"/>
  <c r="T18965" i="1"/>
  <c r="T18966" i="1"/>
  <c r="T18967" i="1"/>
  <c r="T18968" i="1"/>
  <c r="T18969" i="1"/>
  <c r="T18970" i="1"/>
  <c r="T18971" i="1"/>
  <c r="T18972" i="1"/>
  <c r="T18973" i="1"/>
  <c r="T18974" i="1"/>
  <c r="T18975" i="1"/>
  <c r="T18976" i="1"/>
  <c r="T18977" i="1"/>
  <c r="T18978" i="1"/>
  <c r="T18979" i="1"/>
  <c r="T18980" i="1"/>
  <c r="T18981" i="1"/>
  <c r="T18982" i="1"/>
  <c r="T18983" i="1"/>
  <c r="T18984" i="1"/>
  <c r="T18985" i="1"/>
  <c r="T18986" i="1"/>
  <c r="T18987" i="1"/>
  <c r="T18988" i="1"/>
  <c r="T18989" i="1"/>
  <c r="T18990" i="1"/>
  <c r="T18991" i="1"/>
  <c r="T18992" i="1"/>
  <c r="T18993" i="1"/>
  <c r="T18994" i="1"/>
  <c r="T18995" i="1"/>
  <c r="T18996" i="1"/>
  <c r="T18997" i="1"/>
  <c r="T18998" i="1"/>
  <c r="T18999" i="1"/>
  <c r="T19000" i="1"/>
  <c r="T19001" i="1"/>
  <c r="T19002" i="1"/>
  <c r="T19003" i="1"/>
  <c r="T19004" i="1"/>
  <c r="T19005" i="1"/>
  <c r="T19006" i="1"/>
  <c r="T19007" i="1"/>
  <c r="T19008" i="1"/>
  <c r="T19009" i="1"/>
  <c r="T19010" i="1"/>
  <c r="T19011" i="1"/>
  <c r="T19012" i="1"/>
  <c r="T19013" i="1"/>
  <c r="T19014" i="1"/>
  <c r="T19015" i="1"/>
  <c r="T19016" i="1"/>
  <c r="T19017" i="1"/>
  <c r="T19018" i="1"/>
  <c r="T19019" i="1"/>
  <c r="T19020" i="1"/>
  <c r="T19021" i="1"/>
  <c r="T19022" i="1"/>
  <c r="T19023" i="1"/>
  <c r="T19024" i="1"/>
  <c r="T19025" i="1"/>
  <c r="T19026" i="1"/>
  <c r="T19027" i="1"/>
  <c r="T19028" i="1"/>
  <c r="T19029" i="1"/>
  <c r="T19030" i="1"/>
  <c r="T19031" i="1"/>
  <c r="T19032" i="1"/>
  <c r="T19033" i="1"/>
  <c r="T19034" i="1"/>
  <c r="T19035" i="1"/>
  <c r="T19036" i="1"/>
  <c r="T19037" i="1"/>
  <c r="T19038" i="1"/>
  <c r="T19039" i="1"/>
  <c r="T19040" i="1"/>
  <c r="T19041" i="1"/>
  <c r="T19042" i="1"/>
  <c r="T19043" i="1"/>
  <c r="T19044" i="1"/>
  <c r="T19045" i="1"/>
  <c r="T19046" i="1"/>
  <c r="T19047" i="1"/>
  <c r="T19048" i="1"/>
  <c r="T19049" i="1"/>
  <c r="T19050" i="1"/>
  <c r="T19051" i="1"/>
  <c r="T19052" i="1"/>
  <c r="T19053" i="1"/>
  <c r="T19054" i="1"/>
  <c r="T19055" i="1"/>
  <c r="T19056" i="1"/>
  <c r="T19057" i="1"/>
  <c r="T19058" i="1"/>
  <c r="T19059" i="1"/>
  <c r="T19060" i="1"/>
  <c r="T19061" i="1"/>
  <c r="T19062" i="1"/>
  <c r="T19063" i="1"/>
  <c r="T19064" i="1"/>
  <c r="T19065" i="1"/>
  <c r="T19066" i="1"/>
  <c r="T19067" i="1"/>
  <c r="T19068" i="1"/>
  <c r="T19069" i="1"/>
  <c r="T19070" i="1"/>
  <c r="T19071" i="1"/>
  <c r="T19072" i="1"/>
  <c r="T19073" i="1"/>
  <c r="T19074" i="1"/>
  <c r="T19075" i="1"/>
  <c r="T19076" i="1"/>
  <c r="T19077" i="1"/>
  <c r="T19078" i="1"/>
  <c r="T19079" i="1"/>
  <c r="T19080" i="1"/>
  <c r="T19081" i="1"/>
  <c r="T19082" i="1"/>
  <c r="T19083" i="1"/>
  <c r="T19084" i="1"/>
  <c r="T19085" i="1"/>
  <c r="T19086" i="1"/>
  <c r="T19087" i="1"/>
  <c r="T19088" i="1"/>
  <c r="T19089" i="1"/>
  <c r="T19090" i="1"/>
  <c r="T19091" i="1"/>
  <c r="T19092" i="1"/>
  <c r="T19093" i="1"/>
  <c r="T19094" i="1"/>
  <c r="T19095" i="1"/>
  <c r="T19096" i="1"/>
  <c r="T19097" i="1"/>
  <c r="T19098" i="1"/>
  <c r="T19099" i="1"/>
  <c r="T19100" i="1"/>
  <c r="T19101" i="1"/>
  <c r="T19102" i="1"/>
  <c r="T19103" i="1"/>
  <c r="T19104" i="1"/>
  <c r="T19105" i="1"/>
  <c r="T19106" i="1"/>
  <c r="T19107" i="1"/>
  <c r="T19108" i="1"/>
  <c r="T19109" i="1"/>
  <c r="T19110" i="1"/>
  <c r="T19111" i="1"/>
  <c r="T19112" i="1"/>
  <c r="T19113" i="1"/>
  <c r="T19114" i="1"/>
  <c r="T19115" i="1"/>
  <c r="T19116" i="1"/>
  <c r="T19117" i="1"/>
  <c r="T19118" i="1"/>
  <c r="T19119" i="1"/>
  <c r="T19120" i="1"/>
  <c r="T19121" i="1"/>
  <c r="T19122" i="1"/>
  <c r="T19123" i="1"/>
  <c r="T19124" i="1"/>
  <c r="T19125" i="1"/>
  <c r="T19126" i="1"/>
  <c r="T19127" i="1"/>
  <c r="T19128" i="1"/>
  <c r="T19129" i="1"/>
  <c r="T19130" i="1"/>
  <c r="T19131" i="1"/>
  <c r="T19132" i="1"/>
  <c r="T19133" i="1"/>
  <c r="T19134" i="1"/>
  <c r="T19135" i="1"/>
  <c r="T19136" i="1"/>
  <c r="T19137" i="1"/>
  <c r="T19138" i="1"/>
  <c r="T19139" i="1"/>
  <c r="T19140" i="1"/>
  <c r="T19141" i="1"/>
  <c r="T19142" i="1"/>
  <c r="T19143" i="1"/>
  <c r="T19144" i="1"/>
  <c r="T19145" i="1"/>
  <c r="T19146" i="1"/>
  <c r="T19147" i="1"/>
  <c r="T19148" i="1"/>
  <c r="T19149" i="1"/>
  <c r="T19150" i="1"/>
  <c r="T19151" i="1"/>
  <c r="T19152" i="1"/>
  <c r="T19153" i="1"/>
  <c r="T19154" i="1"/>
  <c r="T19155" i="1"/>
  <c r="T19156" i="1"/>
  <c r="T19157" i="1"/>
  <c r="T19158" i="1"/>
  <c r="T19159" i="1"/>
  <c r="T19160" i="1"/>
  <c r="T19161" i="1"/>
  <c r="T19162" i="1"/>
  <c r="T19163" i="1"/>
  <c r="T19164" i="1"/>
  <c r="T19165" i="1"/>
  <c r="T19166" i="1"/>
  <c r="T19167" i="1"/>
  <c r="T19168" i="1"/>
  <c r="T19169" i="1"/>
  <c r="T19170" i="1"/>
  <c r="T19171" i="1"/>
  <c r="T19172" i="1"/>
  <c r="T19173" i="1"/>
  <c r="T19174" i="1"/>
  <c r="T19175" i="1"/>
  <c r="T19176" i="1"/>
  <c r="T19177" i="1"/>
  <c r="T19178" i="1"/>
  <c r="T19179" i="1"/>
  <c r="T19180" i="1"/>
  <c r="T19181" i="1"/>
  <c r="T19182" i="1"/>
  <c r="T19183" i="1"/>
  <c r="T19184" i="1"/>
  <c r="T19185" i="1"/>
  <c r="T19186" i="1"/>
  <c r="T19187" i="1"/>
  <c r="T19188" i="1"/>
  <c r="T19189" i="1"/>
  <c r="T19190" i="1"/>
  <c r="T19191" i="1"/>
  <c r="T19192" i="1"/>
  <c r="T19193" i="1"/>
  <c r="T19194" i="1"/>
  <c r="T19195" i="1"/>
  <c r="T19196" i="1"/>
  <c r="T19197" i="1"/>
  <c r="T19198" i="1"/>
  <c r="T19199" i="1"/>
  <c r="T19200" i="1"/>
  <c r="T19201" i="1"/>
  <c r="T19202" i="1"/>
  <c r="T19203" i="1"/>
  <c r="T19204" i="1"/>
  <c r="T19205" i="1"/>
  <c r="T19206" i="1"/>
  <c r="T19207" i="1"/>
  <c r="T19208" i="1"/>
  <c r="T19209" i="1"/>
  <c r="T19210" i="1"/>
  <c r="T19211" i="1"/>
  <c r="T19212" i="1"/>
  <c r="T19213" i="1"/>
  <c r="T19214" i="1"/>
  <c r="T19215" i="1"/>
  <c r="T19216" i="1"/>
  <c r="T19217" i="1"/>
  <c r="T19218" i="1"/>
  <c r="T19219" i="1"/>
  <c r="T19220" i="1"/>
  <c r="T19221" i="1"/>
  <c r="T19222" i="1"/>
  <c r="T19223" i="1"/>
  <c r="T19224" i="1"/>
  <c r="T19225" i="1"/>
  <c r="T19226" i="1"/>
  <c r="T19227" i="1"/>
  <c r="T19228" i="1"/>
  <c r="T19229" i="1"/>
  <c r="T19230" i="1"/>
  <c r="T19231" i="1"/>
  <c r="T19232" i="1"/>
  <c r="T19233" i="1"/>
  <c r="T19234" i="1"/>
  <c r="T19235" i="1"/>
  <c r="T19236" i="1"/>
  <c r="T19237" i="1"/>
  <c r="T19238" i="1"/>
  <c r="T19239" i="1"/>
  <c r="T19240" i="1"/>
  <c r="T19241" i="1"/>
  <c r="T19242" i="1"/>
  <c r="T19243" i="1"/>
  <c r="T19244" i="1"/>
  <c r="T19245" i="1"/>
  <c r="T19246" i="1"/>
  <c r="T19247" i="1"/>
  <c r="T19248" i="1"/>
  <c r="T19249" i="1"/>
  <c r="T19250" i="1"/>
  <c r="T19251" i="1"/>
  <c r="T19252" i="1"/>
  <c r="T19253" i="1"/>
  <c r="T19254" i="1"/>
  <c r="T19255" i="1"/>
  <c r="T19256" i="1"/>
  <c r="T19257" i="1"/>
  <c r="T19258" i="1"/>
  <c r="T19259" i="1"/>
  <c r="T19260" i="1"/>
  <c r="T19261" i="1"/>
  <c r="T19262" i="1"/>
  <c r="T19263" i="1"/>
  <c r="T19264" i="1"/>
  <c r="T19265" i="1"/>
  <c r="T19266" i="1"/>
  <c r="T19267" i="1"/>
  <c r="T19268" i="1"/>
  <c r="T19269" i="1"/>
  <c r="T19270" i="1"/>
  <c r="T19271" i="1"/>
  <c r="T19272" i="1"/>
  <c r="T19273" i="1"/>
  <c r="T19274" i="1"/>
  <c r="T19275" i="1"/>
  <c r="T19276" i="1"/>
  <c r="T19277" i="1"/>
  <c r="T19278" i="1"/>
  <c r="T19279" i="1"/>
  <c r="T19280" i="1"/>
  <c r="T19281" i="1"/>
  <c r="T19282" i="1"/>
  <c r="T19283" i="1"/>
  <c r="T19284" i="1"/>
  <c r="T19285" i="1"/>
  <c r="T19286" i="1"/>
  <c r="T19287" i="1"/>
  <c r="T19288" i="1"/>
  <c r="T19289" i="1"/>
  <c r="T19290" i="1"/>
  <c r="T19291" i="1"/>
  <c r="T19292" i="1"/>
  <c r="T19293" i="1"/>
  <c r="T19294" i="1"/>
  <c r="T19295" i="1"/>
  <c r="T19296" i="1"/>
  <c r="T19297" i="1"/>
  <c r="T19298" i="1"/>
  <c r="T19299" i="1"/>
  <c r="T19300" i="1"/>
  <c r="T19301" i="1"/>
  <c r="T19302" i="1"/>
  <c r="T19303" i="1"/>
  <c r="T19304" i="1"/>
  <c r="T19305" i="1"/>
  <c r="T19306" i="1"/>
  <c r="T19307" i="1"/>
  <c r="T19308" i="1"/>
  <c r="T19309" i="1"/>
  <c r="T19310" i="1"/>
  <c r="T19311" i="1"/>
  <c r="T19312" i="1"/>
  <c r="T19313" i="1"/>
  <c r="T19314" i="1"/>
  <c r="T19315" i="1"/>
  <c r="T19316" i="1"/>
  <c r="T19317" i="1"/>
  <c r="T19318" i="1"/>
  <c r="T19319" i="1"/>
  <c r="T19320" i="1"/>
  <c r="T19321" i="1"/>
  <c r="T19322" i="1"/>
  <c r="T19323" i="1"/>
  <c r="T19324" i="1"/>
  <c r="T19325" i="1"/>
  <c r="T19326" i="1"/>
  <c r="T19327" i="1"/>
  <c r="T19328" i="1"/>
  <c r="T19329" i="1"/>
  <c r="T19330" i="1"/>
  <c r="T19331" i="1"/>
  <c r="T19332" i="1"/>
  <c r="T19333" i="1"/>
  <c r="T19334" i="1"/>
  <c r="T19335" i="1"/>
  <c r="T19336" i="1"/>
  <c r="T19337" i="1"/>
  <c r="T19338" i="1"/>
  <c r="T19339" i="1"/>
  <c r="T19340" i="1"/>
  <c r="T19341" i="1"/>
  <c r="T19342" i="1"/>
  <c r="T19343" i="1"/>
  <c r="T19344" i="1"/>
  <c r="T19345" i="1"/>
  <c r="T19346" i="1"/>
  <c r="T19347" i="1"/>
  <c r="T19348" i="1"/>
  <c r="T19349" i="1"/>
  <c r="T19350" i="1"/>
  <c r="T19351" i="1"/>
  <c r="T19352" i="1"/>
  <c r="T19353" i="1"/>
  <c r="T19354" i="1"/>
  <c r="T19355" i="1"/>
  <c r="T19356" i="1"/>
  <c r="T19357" i="1"/>
  <c r="T19358" i="1"/>
  <c r="T19359" i="1"/>
  <c r="T19360" i="1"/>
  <c r="T19361" i="1"/>
  <c r="T19362" i="1"/>
  <c r="T19363" i="1"/>
  <c r="T19364" i="1"/>
  <c r="T19365" i="1"/>
  <c r="T19366" i="1"/>
  <c r="T19367" i="1"/>
  <c r="T19368" i="1"/>
  <c r="T19369" i="1"/>
  <c r="T19370" i="1"/>
  <c r="T19371" i="1"/>
  <c r="T19372" i="1"/>
  <c r="T19373" i="1"/>
  <c r="T19374" i="1"/>
  <c r="T19375" i="1"/>
  <c r="T19376" i="1"/>
  <c r="T19377" i="1"/>
  <c r="T19378" i="1"/>
  <c r="T19379" i="1"/>
  <c r="T19380" i="1"/>
  <c r="T19381" i="1"/>
  <c r="T19382" i="1"/>
  <c r="T19383" i="1"/>
  <c r="T19384" i="1"/>
  <c r="T19385" i="1"/>
  <c r="T19386" i="1"/>
  <c r="T19387" i="1"/>
  <c r="T19388" i="1"/>
  <c r="T19389" i="1"/>
  <c r="T19390" i="1"/>
  <c r="T19391" i="1"/>
  <c r="T19392" i="1"/>
  <c r="T19393" i="1"/>
  <c r="T19394" i="1"/>
  <c r="T19395" i="1"/>
  <c r="T19396" i="1"/>
  <c r="T19397" i="1"/>
  <c r="T19398" i="1"/>
  <c r="T19399" i="1"/>
  <c r="T19400" i="1"/>
  <c r="T19401" i="1"/>
  <c r="T19402" i="1"/>
  <c r="T19403" i="1"/>
  <c r="T19404" i="1"/>
  <c r="T19405" i="1"/>
  <c r="T19406" i="1"/>
  <c r="T19407" i="1"/>
  <c r="T19408" i="1"/>
  <c r="T19409" i="1"/>
  <c r="T19410" i="1"/>
  <c r="T19411" i="1"/>
  <c r="T19412" i="1"/>
  <c r="T19413" i="1"/>
  <c r="T19414" i="1"/>
  <c r="T19415" i="1"/>
  <c r="T19416" i="1"/>
  <c r="T19417" i="1"/>
  <c r="T19418" i="1"/>
  <c r="T19419" i="1"/>
  <c r="T19420" i="1"/>
  <c r="T19421" i="1"/>
  <c r="T19422" i="1"/>
  <c r="T19423" i="1"/>
  <c r="T19424" i="1"/>
  <c r="T19425" i="1"/>
  <c r="T19426" i="1"/>
  <c r="T19427" i="1"/>
  <c r="T19428" i="1"/>
  <c r="T19429" i="1"/>
  <c r="T19430" i="1"/>
  <c r="T19431" i="1"/>
  <c r="T19432" i="1"/>
  <c r="T19433" i="1"/>
  <c r="T19434" i="1"/>
  <c r="T19435" i="1"/>
  <c r="T19436" i="1"/>
  <c r="T19437" i="1"/>
  <c r="T19438" i="1"/>
  <c r="T19439" i="1"/>
  <c r="T19440" i="1"/>
  <c r="T19441" i="1"/>
  <c r="T19442" i="1"/>
  <c r="T19443" i="1"/>
  <c r="T19444" i="1"/>
  <c r="T19445" i="1"/>
  <c r="T19446" i="1"/>
  <c r="T19447" i="1"/>
  <c r="T19448" i="1"/>
  <c r="T19449" i="1"/>
  <c r="T19450" i="1"/>
  <c r="T19451" i="1"/>
  <c r="T19452" i="1"/>
  <c r="T19453" i="1"/>
  <c r="T19454" i="1"/>
  <c r="T19455" i="1"/>
  <c r="T19456" i="1"/>
  <c r="T19457" i="1"/>
  <c r="T19458" i="1"/>
  <c r="T19459" i="1"/>
  <c r="T19460" i="1"/>
  <c r="T19461" i="1"/>
  <c r="T19462" i="1"/>
  <c r="T19463" i="1"/>
  <c r="T19464" i="1"/>
  <c r="T19465" i="1"/>
  <c r="T19466" i="1"/>
  <c r="T19467" i="1"/>
  <c r="T19468" i="1"/>
  <c r="T19469" i="1"/>
  <c r="T19470" i="1"/>
  <c r="T19471" i="1"/>
  <c r="T19472" i="1"/>
  <c r="T19473" i="1"/>
  <c r="T19474" i="1"/>
  <c r="T19475" i="1"/>
  <c r="T19476" i="1"/>
  <c r="T19477" i="1"/>
  <c r="T19478" i="1"/>
  <c r="T19479" i="1"/>
  <c r="T19480" i="1"/>
  <c r="T19481" i="1"/>
  <c r="T19482" i="1"/>
  <c r="T19483" i="1"/>
  <c r="T19484" i="1"/>
  <c r="T19485" i="1"/>
  <c r="T19486" i="1"/>
  <c r="T19487" i="1"/>
  <c r="T19488" i="1"/>
  <c r="T19489" i="1"/>
  <c r="T19490" i="1"/>
  <c r="T19491" i="1"/>
  <c r="T19492" i="1"/>
  <c r="T19493" i="1"/>
  <c r="T19494" i="1"/>
  <c r="T19495" i="1"/>
  <c r="T19496" i="1"/>
  <c r="T19497" i="1"/>
  <c r="T19498" i="1"/>
  <c r="T19499" i="1"/>
  <c r="T19500" i="1"/>
  <c r="T19501" i="1"/>
  <c r="T19502" i="1"/>
  <c r="T19503" i="1"/>
  <c r="T19504" i="1"/>
  <c r="T19505" i="1"/>
  <c r="T19506" i="1"/>
  <c r="T19507" i="1"/>
  <c r="T19508" i="1"/>
  <c r="T19509" i="1"/>
  <c r="T19510" i="1"/>
  <c r="T19511" i="1"/>
  <c r="T19512" i="1"/>
  <c r="T19513" i="1"/>
  <c r="T19514" i="1"/>
  <c r="T19515" i="1"/>
  <c r="T19516" i="1"/>
  <c r="T19517" i="1"/>
  <c r="T19518" i="1"/>
  <c r="T19519" i="1"/>
  <c r="T19520" i="1"/>
  <c r="T19521" i="1"/>
  <c r="T19522" i="1"/>
  <c r="T19523" i="1"/>
  <c r="T19524" i="1"/>
  <c r="T19525" i="1"/>
  <c r="T19526" i="1"/>
  <c r="T19527" i="1"/>
  <c r="T19528" i="1"/>
  <c r="T19529" i="1"/>
  <c r="T19530" i="1"/>
  <c r="T19531" i="1"/>
  <c r="T19532" i="1"/>
  <c r="T19533" i="1"/>
  <c r="T19534" i="1"/>
  <c r="T19535" i="1"/>
  <c r="T19536" i="1"/>
  <c r="T19537" i="1"/>
  <c r="T19538" i="1"/>
  <c r="T19539" i="1"/>
  <c r="T19540" i="1"/>
  <c r="T19541" i="1"/>
  <c r="T19542" i="1"/>
  <c r="T19543" i="1"/>
  <c r="T19544" i="1"/>
  <c r="T19545" i="1"/>
  <c r="T19546" i="1"/>
  <c r="T19547" i="1"/>
  <c r="T19548" i="1"/>
  <c r="T19549" i="1"/>
  <c r="T19550" i="1"/>
  <c r="T19551" i="1"/>
  <c r="T19552" i="1"/>
  <c r="T19553" i="1"/>
  <c r="T19554" i="1"/>
  <c r="T19555" i="1"/>
  <c r="T19556" i="1"/>
  <c r="T19557" i="1"/>
  <c r="T19558" i="1"/>
  <c r="T19559" i="1"/>
  <c r="T19560" i="1"/>
  <c r="T19561" i="1"/>
  <c r="T19562" i="1"/>
  <c r="T19563" i="1"/>
  <c r="T19564" i="1"/>
  <c r="T19565" i="1"/>
  <c r="T19566" i="1"/>
  <c r="T19567" i="1"/>
  <c r="T19568" i="1"/>
  <c r="T19569" i="1"/>
  <c r="T19570" i="1"/>
  <c r="T19571" i="1"/>
  <c r="T19572" i="1"/>
  <c r="T19573" i="1"/>
  <c r="T19574" i="1"/>
  <c r="T19575" i="1"/>
  <c r="T19576" i="1"/>
  <c r="T19577" i="1"/>
  <c r="T19578" i="1"/>
  <c r="T19579" i="1"/>
  <c r="T19580" i="1"/>
  <c r="T19581" i="1"/>
  <c r="T19582" i="1"/>
  <c r="T19583" i="1"/>
  <c r="T19584" i="1"/>
  <c r="T19585" i="1"/>
  <c r="T19586" i="1"/>
  <c r="T19587" i="1"/>
  <c r="T19588" i="1"/>
  <c r="T19589" i="1"/>
  <c r="T19590" i="1"/>
  <c r="T19591" i="1"/>
  <c r="T19592" i="1"/>
  <c r="T19593" i="1"/>
  <c r="T19594" i="1"/>
  <c r="T19595" i="1"/>
  <c r="T19596" i="1"/>
  <c r="T19597" i="1"/>
  <c r="T19598" i="1"/>
  <c r="T19599" i="1"/>
  <c r="T19600" i="1"/>
  <c r="T19601" i="1"/>
  <c r="T19602" i="1"/>
  <c r="T19603" i="1"/>
  <c r="T19604" i="1"/>
  <c r="T19605" i="1"/>
  <c r="T19606" i="1"/>
  <c r="T19607" i="1"/>
  <c r="T19608" i="1"/>
  <c r="T19609" i="1"/>
  <c r="T19610" i="1"/>
  <c r="T19611" i="1"/>
  <c r="T19612" i="1"/>
  <c r="T19613" i="1"/>
  <c r="T19614" i="1"/>
  <c r="T19615" i="1"/>
  <c r="T19616" i="1"/>
  <c r="T19617" i="1"/>
  <c r="T19618" i="1"/>
  <c r="T19619" i="1"/>
  <c r="T19620" i="1"/>
  <c r="T19621" i="1"/>
  <c r="T19622" i="1"/>
  <c r="T19623" i="1"/>
  <c r="T19624" i="1"/>
  <c r="T19625" i="1"/>
  <c r="T19626" i="1"/>
  <c r="T19627" i="1"/>
  <c r="T19628" i="1"/>
  <c r="T19629" i="1"/>
  <c r="T19630" i="1"/>
  <c r="T19631" i="1"/>
  <c r="T19632" i="1"/>
  <c r="T19633" i="1"/>
  <c r="T19634" i="1"/>
  <c r="T19635" i="1"/>
  <c r="T19636" i="1"/>
  <c r="T19637" i="1"/>
  <c r="T19638" i="1"/>
  <c r="T19639" i="1"/>
  <c r="T19640" i="1"/>
  <c r="T19641" i="1"/>
  <c r="T19642" i="1"/>
  <c r="T19643" i="1"/>
  <c r="T19644" i="1"/>
  <c r="T19645" i="1"/>
  <c r="T19646" i="1"/>
  <c r="T19647" i="1"/>
  <c r="T19648" i="1"/>
  <c r="T19649" i="1"/>
  <c r="T19650" i="1"/>
  <c r="T19651" i="1"/>
  <c r="T19652" i="1"/>
  <c r="T19653" i="1"/>
  <c r="T19654" i="1"/>
  <c r="T19655" i="1"/>
  <c r="T19656" i="1"/>
  <c r="T19657" i="1"/>
  <c r="T19658" i="1"/>
  <c r="T19659" i="1"/>
  <c r="T19660" i="1"/>
  <c r="T19661" i="1"/>
  <c r="T19662" i="1"/>
  <c r="T19663" i="1"/>
  <c r="T19664" i="1"/>
  <c r="T19665" i="1"/>
  <c r="T19666" i="1"/>
  <c r="T19667" i="1"/>
  <c r="T19668" i="1"/>
  <c r="T19669" i="1"/>
  <c r="T19670" i="1"/>
  <c r="T19671" i="1"/>
  <c r="T19672" i="1"/>
  <c r="T19673" i="1"/>
  <c r="T19674" i="1"/>
  <c r="T19675" i="1"/>
  <c r="T19676" i="1"/>
  <c r="T19677" i="1"/>
  <c r="T19678" i="1"/>
  <c r="T19679" i="1"/>
  <c r="T19680" i="1"/>
  <c r="T19681" i="1"/>
  <c r="T19682" i="1"/>
  <c r="T19683" i="1"/>
  <c r="T19684" i="1"/>
  <c r="T19685" i="1"/>
  <c r="T19686" i="1"/>
  <c r="T19687" i="1"/>
  <c r="T19688" i="1"/>
  <c r="T19689" i="1"/>
  <c r="T19690" i="1"/>
  <c r="T19691" i="1"/>
  <c r="T19692" i="1"/>
  <c r="T19693" i="1"/>
  <c r="T19694" i="1"/>
  <c r="T19695" i="1"/>
  <c r="T19696" i="1"/>
  <c r="T19697" i="1"/>
  <c r="T19698" i="1"/>
  <c r="T19699" i="1"/>
  <c r="T19700" i="1"/>
  <c r="T19701" i="1"/>
  <c r="T19702" i="1"/>
  <c r="T19703" i="1"/>
  <c r="T19704" i="1"/>
  <c r="T19705" i="1"/>
  <c r="T19706" i="1"/>
  <c r="T19707" i="1"/>
  <c r="T19708" i="1"/>
  <c r="T19709" i="1"/>
  <c r="T19710" i="1"/>
  <c r="T19711" i="1"/>
  <c r="T19712" i="1"/>
  <c r="T19713" i="1"/>
  <c r="T19714" i="1"/>
  <c r="T19715" i="1"/>
  <c r="T19716" i="1"/>
  <c r="T19717" i="1"/>
  <c r="T19718" i="1"/>
  <c r="T19719" i="1"/>
  <c r="T19720" i="1"/>
  <c r="T19721" i="1"/>
  <c r="T19722" i="1"/>
  <c r="T19723" i="1"/>
  <c r="T19724" i="1"/>
  <c r="T19725" i="1"/>
  <c r="T19726" i="1"/>
  <c r="T19727" i="1"/>
  <c r="T19728" i="1"/>
  <c r="T19729" i="1"/>
  <c r="T19730" i="1"/>
  <c r="T19731" i="1"/>
  <c r="T19732" i="1"/>
  <c r="T19733" i="1"/>
  <c r="T19734" i="1"/>
  <c r="T19735" i="1"/>
  <c r="T19736" i="1"/>
  <c r="T19737" i="1"/>
  <c r="T19738" i="1"/>
  <c r="T19739" i="1"/>
  <c r="T19740" i="1"/>
  <c r="T19741" i="1"/>
  <c r="T19742" i="1"/>
  <c r="T19743" i="1"/>
  <c r="T19744" i="1"/>
  <c r="T19745" i="1"/>
  <c r="T19746" i="1"/>
  <c r="T19747" i="1"/>
  <c r="T19748" i="1"/>
  <c r="T19749" i="1"/>
  <c r="T19750" i="1"/>
  <c r="T19751" i="1"/>
  <c r="T19752" i="1"/>
  <c r="T19753" i="1"/>
  <c r="T19754" i="1"/>
  <c r="T19755" i="1"/>
  <c r="T19756" i="1"/>
  <c r="T19757" i="1"/>
  <c r="T19758" i="1"/>
  <c r="T19759" i="1"/>
  <c r="T19760" i="1"/>
  <c r="T19761" i="1"/>
  <c r="T19762" i="1"/>
  <c r="T19763" i="1"/>
  <c r="T19764" i="1"/>
  <c r="T19765" i="1"/>
  <c r="T19766" i="1"/>
  <c r="T19767" i="1"/>
  <c r="T19768" i="1"/>
  <c r="T19769" i="1"/>
  <c r="T19770" i="1"/>
  <c r="T19771" i="1"/>
  <c r="T19772" i="1"/>
  <c r="T19773" i="1"/>
  <c r="T19774" i="1"/>
  <c r="T19775" i="1"/>
  <c r="T19776" i="1"/>
  <c r="T19777" i="1"/>
  <c r="T19778" i="1"/>
  <c r="T19779" i="1"/>
  <c r="T19780" i="1"/>
  <c r="T19781" i="1"/>
  <c r="T19782" i="1"/>
  <c r="T19783" i="1"/>
  <c r="T19784" i="1"/>
  <c r="T19785" i="1"/>
  <c r="T19786" i="1"/>
  <c r="T19787" i="1"/>
  <c r="T19788" i="1"/>
  <c r="T19789" i="1"/>
  <c r="T19790" i="1"/>
  <c r="T19791" i="1"/>
  <c r="T19792" i="1"/>
  <c r="T19793" i="1"/>
  <c r="T19794" i="1"/>
  <c r="T19795" i="1"/>
  <c r="T19796" i="1"/>
  <c r="T19797" i="1"/>
  <c r="T19798" i="1"/>
  <c r="T19799" i="1"/>
  <c r="T19800" i="1"/>
  <c r="T19801" i="1"/>
  <c r="T19802" i="1"/>
  <c r="T19803" i="1"/>
  <c r="T19804" i="1"/>
  <c r="T19805" i="1"/>
  <c r="T19806" i="1"/>
  <c r="T19807" i="1"/>
  <c r="T19808" i="1"/>
  <c r="T19809" i="1"/>
  <c r="T19810" i="1"/>
  <c r="T19811" i="1"/>
  <c r="T19812" i="1"/>
  <c r="T19813" i="1"/>
  <c r="T19814" i="1"/>
  <c r="T19815" i="1"/>
  <c r="T19816" i="1"/>
  <c r="T19817" i="1"/>
  <c r="T19818" i="1"/>
  <c r="T19819" i="1"/>
  <c r="T19820" i="1"/>
  <c r="T19821" i="1"/>
  <c r="T19822" i="1"/>
  <c r="T19823" i="1"/>
  <c r="T19824" i="1"/>
  <c r="T19825" i="1"/>
  <c r="T19826" i="1"/>
  <c r="T19827" i="1"/>
  <c r="T19828" i="1"/>
  <c r="T19829" i="1"/>
  <c r="T19830" i="1"/>
  <c r="T19831" i="1"/>
  <c r="T19832" i="1"/>
  <c r="T19833" i="1"/>
  <c r="T19834" i="1"/>
  <c r="T19835" i="1"/>
  <c r="T19836" i="1"/>
  <c r="T19837" i="1"/>
  <c r="T19838" i="1"/>
  <c r="T19839" i="1"/>
  <c r="T19840" i="1"/>
  <c r="T19841" i="1"/>
  <c r="T19842" i="1"/>
  <c r="T19843" i="1"/>
  <c r="T19844" i="1"/>
  <c r="T19845" i="1"/>
  <c r="T19846" i="1"/>
  <c r="T19847" i="1"/>
  <c r="T19848" i="1"/>
  <c r="T19849" i="1"/>
  <c r="T19850" i="1"/>
  <c r="T19851" i="1"/>
  <c r="T19852" i="1"/>
  <c r="T19853" i="1"/>
  <c r="T19854" i="1"/>
  <c r="T19855" i="1"/>
  <c r="T19856" i="1"/>
  <c r="T19857" i="1"/>
  <c r="T19858" i="1"/>
  <c r="T19859" i="1"/>
  <c r="T19860" i="1"/>
  <c r="T19861" i="1"/>
  <c r="T19862" i="1"/>
  <c r="T19863" i="1"/>
  <c r="T19864" i="1"/>
  <c r="T19865" i="1"/>
  <c r="T19866" i="1"/>
  <c r="T19867" i="1"/>
  <c r="T19868" i="1"/>
  <c r="T19869" i="1"/>
  <c r="T19870" i="1"/>
  <c r="T19871" i="1"/>
  <c r="T19872" i="1"/>
  <c r="T19873" i="1"/>
  <c r="T19874" i="1"/>
  <c r="T19875" i="1"/>
  <c r="T19876" i="1"/>
  <c r="T19877" i="1"/>
  <c r="T19878" i="1"/>
  <c r="T19879" i="1"/>
  <c r="T19880" i="1"/>
  <c r="T19881" i="1"/>
  <c r="T19882" i="1"/>
  <c r="T19883" i="1"/>
  <c r="T19884" i="1"/>
  <c r="T19885" i="1"/>
  <c r="T19886" i="1"/>
  <c r="T19887" i="1"/>
  <c r="T19888" i="1"/>
  <c r="T19889" i="1"/>
  <c r="T19890" i="1"/>
  <c r="T19891" i="1"/>
  <c r="T19892" i="1"/>
  <c r="T19893" i="1"/>
  <c r="T19894" i="1"/>
  <c r="T19895" i="1"/>
  <c r="T19896" i="1"/>
  <c r="T19897" i="1"/>
  <c r="T19898" i="1"/>
  <c r="T19899" i="1"/>
  <c r="T19900" i="1"/>
  <c r="T19901" i="1"/>
  <c r="T19902" i="1"/>
  <c r="T19903" i="1"/>
  <c r="T19904" i="1"/>
  <c r="T19905" i="1"/>
  <c r="T19906" i="1"/>
  <c r="T19907" i="1"/>
  <c r="T19908" i="1"/>
  <c r="T19909" i="1"/>
  <c r="T19910" i="1"/>
  <c r="T19911" i="1"/>
  <c r="T19912" i="1"/>
  <c r="T19913" i="1"/>
  <c r="T19914" i="1"/>
  <c r="T19915" i="1"/>
  <c r="T19916" i="1"/>
  <c r="T19917" i="1"/>
  <c r="T19918" i="1"/>
  <c r="T19919" i="1"/>
  <c r="T19920" i="1"/>
  <c r="T19921" i="1"/>
  <c r="T19922" i="1"/>
  <c r="T19923" i="1"/>
  <c r="T19924" i="1"/>
  <c r="T19925" i="1"/>
  <c r="T19926" i="1"/>
  <c r="T19927" i="1"/>
  <c r="T19928" i="1"/>
  <c r="T19929" i="1"/>
  <c r="T19930" i="1"/>
  <c r="T19931" i="1"/>
  <c r="T19932" i="1"/>
  <c r="T19933" i="1"/>
  <c r="T19934" i="1"/>
  <c r="T19935" i="1"/>
  <c r="T19936" i="1"/>
  <c r="T19937" i="1"/>
  <c r="T19938" i="1"/>
  <c r="T19939" i="1"/>
  <c r="T19940" i="1"/>
  <c r="T19941" i="1"/>
  <c r="T19942" i="1"/>
  <c r="T19943" i="1"/>
  <c r="T19944" i="1"/>
  <c r="T19945" i="1"/>
  <c r="T19946" i="1"/>
  <c r="T19947" i="1"/>
  <c r="T19948" i="1"/>
  <c r="T19949" i="1"/>
  <c r="T19950" i="1"/>
  <c r="T19951" i="1"/>
  <c r="T19952" i="1"/>
  <c r="T19953" i="1"/>
  <c r="T19954" i="1"/>
  <c r="T19955" i="1"/>
  <c r="T19956" i="1"/>
  <c r="T19957" i="1"/>
  <c r="T19958" i="1"/>
  <c r="T19959" i="1"/>
  <c r="T19960" i="1"/>
  <c r="T19961" i="1"/>
  <c r="T19962" i="1"/>
  <c r="T19963" i="1"/>
  <c r="T19964" i="1"/>
  <c r="T19965" i="1"/>
  <c r="T19966" i="1"/>
  <c r="T19967" i="1"/>
  <c r="T19968" i="1"/>
  <c r="T19969" i="1"/>
  <c r="T19970" i="1"/>
  <c r="T19971" i="1"/>
  <c r="T19972" i="1"/>
  <c r="T19973" i="1"/>
  <c r="T19974" i="1"/>
  <c r="T19975" i="1"/>
  <c r="T19976" i="1"/>
  <c r="T19977" i="1"/>
  <c r="T19978" i="1"/>
  <c r="T19979" i="1"/>
  <c r="T19980" i="1"/>
  <c r="T19981" i="1"/>
  <c r="T19982" i="1"/>
  <c r="T19983" i="1"/>
  <c r="T19984" i="1"/>
  <c r="T19985" i="1"/>
  <c r="T19986" i="1"/>
  <c r="T19987" i="1"/>
  <c r="T19988" i="1"/>
  <c r="T19989" i="1"/>
  <c r="T19990" i="1"/>
  <c r="T19991" i="1"/>
  <c r="T19992" i="1"/>
  <c r="T19993" i="1"/>
  <c r="T19994" i="1"/>
  <c r="T19995" i="1"/>
  <c r="T19996" i="1"/>
  <c r="T19997" i="1"/>
  <c r="T19998" i="1"/>
  <c r="T19999" i="1"/>
  <c r="T20000" i="1"/>
  <c r="T20001" i="1"/>
  <c r="T20002" i="1"/>
  <c r="T20003" i="1"/>
  <c r="T20004" i="1"/>
  <c r="T20005" i="1"/>
  <c r="T20006" i="1"/>
  <c r="T20007" i="1"/>
  <c r="T20008" i="1"/>
  <c r="T20009" i="1"/>
  <c r="T20010" i="1"/>
  <c r="T20011" i="1"/>
  <c r="T20012" i="1"/>
  <c r="T20013" i="1"/>
  <c r="T20014" i="1"/>
  <c r="T20015" i="1"/>
  <c r="T20016" i="1"/>
  <c r="T20017" i="1"/>
  <c r="T20018" i="1"/>
  <c r="T20019" i="1"/>
  <c r="T20020" i="1"/>
  <c r="T20021" i="1"/>
  <c r="T20022" i="1"/>
  <c r="T20023" i="1"/>
  <c r="T20024" i="1"/>
  <c r="T20025" i="1"/>
  <c r="T20026" i="1"/>
  <c r="T20027" i="1"/>
  <c r="T20028" i="1"/>
  <c r="T20029" i="1"/>
  <c r="T20030" i="1"/>
  <c r="T20031" i="1"/>
  <c r="T20032" i="1"/>
  <c r="T20033" i="1"/>
  <c r="T20034" i="1"/>
  <c r="T20035" i="1"/>
  <c r="T20036" i="1"/>
  <c r="T20037" i="1"/>
  <c r="T20038" i="1"/>
  <c r="T20039" i="1"/>
  <c r="T20040" i="1"/>
  <c r="T20041" i="1"/>
  <c r="T20042" i="1"/>
  <c r="T20043" i="1"/>
  <c r="T20044" i="1"/>
  <c r="T20045" i="1"/>
  <c r="T20046" i="1"/>
  <c r="T20047" i="1"/>
  <c r="T20048" i="1"/>
  <c r="T20049" i="1"/>
  <c r="T20050" i="1"/>
  <c r="T20051" i="1"/>
  <c r="T20052" i="1"/>
  <c r="T20053" i="1"/>
  <c r="T20054" i="1"/>
  <c r="T20055" i="1"/>
  <c r="T20056" i="1"/>
  <c r="T20057" i="1"/>
  <c r="T20058" i="1"/>
  <c r="T20059" i="1"/>
  <c r="T20060" i="1"/>
  <c r="T20061" i="1"/>
  <c r="T20062" i="1"/>
  <c r="T20063" i="1"/>
  <c r="T20064" i="1"/>
  <c r="T20065" i="1"/>
  <c r="T20066" i="1"/>
  <c r="T20067" i="1"/>
  <c r="T20068" i="1"/>
  <c r="T20069" i="1"/>
  <c r="T20070" i="1"/>
  <c r="T20071" i="1"/>
  <c r="T20072" i="1"/>
  <c r="T20073" i="1"/>
  <c r="T20074" i="1"/>
  <c r="T20075" i="1"/>
  <c r="T20076" i="1"/>
  <c r="T20077" i="1"/>
  <c r="T20078" i="1"/>
  <c r="T20079" i="1"/>
  <c r="T20080" i="1"/>
  <c r="T20081" i="1"/>
  <c r="T20082" i="1"/>
  <c r="T20083" i="1"/>
  <c r="T20084" i="1"/>
  <c r="T20085" i="1"/>
  <c r="T20086" i="1"/>
  <c r="T20087" i="1"/>
  <c r="T20088" i="1"/>
  <c r="T20089" i="1"/>
  <c r="T20090" i="1"/>
  <c r="T20091" i="1"/>
  <c r="T20092" i="1"/>
  <c r="T20093" i="1"/>
  <c r="T20094" i="1"/>
  <c r="T20095" i="1"/>
  <c r="T20096" i="1"/>
  <c r="T20097" i="1"/>
  <c r="T20098" i="1"/>
  <c r="T20099" i="1"/>
  <c r="T20100" i="1"/>
  <c r="T20101" i="1"/>
  <c r="T20102" i="1"/>
  <c r="T20103" i="1"/>
  <c r="T20104" i="1"/>
  <c r="T20105" i="1"/>
  <c r="T20106" i="1"/>
  <c r="T20107" i="1"/>
  <c r="T20108" i="1"/>
  <c r="T20109" i="1"/>
  <c r="T20110" i="1"/>
  <c r="T20111" i="1"/>
  <c r="T20112" i="1"/>
  <c r="T20113" i="1"/>
  <c r="T20114" i="1"/>
  <c r="T20115" i="1"/>
  <c r="T20116" i="1"/>
  <c r="T20117" i="1"/>
  <c r="T20118" i="1"/>
  <c r="T20119" i="1"/>
  <c r="T20120" i="1"/>
  <c r="T20121" i="1"/>
  <c r="T20122" i="1"/>
  <c r="T20123" i="1"/>
  <c r="T20124" i="1"/>
  <c r="T20125" i="1"/>
  <c r="T20126" i="1"/>
  <c r="T20127" i="1"/>
  <c r="T20128" i="1"/>
  <c r="T20129" i="1"/>
  <c r="T20130" i="1"/>
  <c r="T20131" i="1"/>
  <c r="T20132" i="1"/>
  <c r="T20133" i="1"/>
  <c r="T20134" i="1"/>
  <c r="T20135" i="1"/>
  <c r="T20136" i="1"/>
  <c r="T20137" i="1"/>
  <c r="T20138" i="1"/>
  <c r="T20139" i="1"/>
  <c r="T20140" i="1"/>
  <c r="T20141" i="1"/>
  <c r="T20142" i="1"/>
  <c r="T20143" i="1"/>
  <c r="T20144" i="1"/>
  <c r="T20145" i="1"/>
  <c r="T20146" i="1"/>
  <c r="T20147" i="1"/>
  <c r="T20148" i="1"/>
  <c r="T20149" i="1"/>
  <c r="T20150" i="1"/>
  <c r="T20151" i="1"/>
  <c r="T20152" i="1"/>
  <c r="T20153" i="1"/>
  <c r="T20154" i="1"/>
  <c r="T20155" i="1"/>
  <c r="T20156" i="1"/>
  <c r="T20157" i="1"/>
  <c r="T20158" i="1"/>
  <c r="T20159" i="1"/>
  <c r="T20160" i="1"/>
  <c r="T20161" i="1"/>
  <c r="T20162" i="1"/>
  <c r="T20163" i="1"/>
  <c r="T20164" i="1"/>
  <c r="T20165" i="1"/>
  <c r="T20166" i="1"/>
  <c r="T20167" i="1"/>
  <c r="T20168" i="1"/>
  <c r="T20169" i="1"/>
  <c r="T20170" i="1"/>
  <c r="T20171" i="1"/>
  <c r="T20172" i="1"/>
  <c r="T20173" i="1"/>
  <c r="T20174" i="1"/>
  <c r="T20175" i="1"/>
  <c r="T20176" i="1"/>
  <c r="T20177" i="1"/>
  <c r="T20178" i="1"/>
  <c r="T20179" i="1"/>
  <c r="T20180" i="1"/>
  <c r="T20181" i="1"/>
  <c r="T20182" i="1"/>
  <c r="T20183" i="1"/>
  <c r="T20184" i="1"/>
  <c r="T20185" i="1"/>
  <c r="T20186" i="1"/>
  <c r="T20187" i="1"/>
  <c r="T20188" i="1"/>
  <c r="T20189" i="1"/>
  <c r="T20190" i="1"/>
  <c r="T20191" i="1"/>
  <c r="T20192" i="1"/>
  <c r="T20193" i="1"/>
  <c r="T20194" i="1"/>
  <c r="T20195" i="1"/>
  <c r="T20196" i="1"/>
  <c r="T20197" i="1"/>
  <c r="T20198" i="1"/>
  <c r="T20199" i="1"/>
  <c r="T20200" i="1"/>
  <c r="T20201" i="1"/>
  <c r="T20202" i="1"/>
  <c r="T20203" i="1"/>
  <c r="T20204" i="1"/>
  <c r="T20205" i="1"/>
  <c r="T20206" i="1"/>
  <c r="T20207" i="1"/>
  <c r="T20208" i="1"/>
  <c r="T20209" i="1"/>
  <c r="T20210" i="1"/>
  <c r="T20211" i="1"/>
  <c r="T20212" i="1"/>
  <c r="T20213" i="1"/>
  <c r="T20214" i="1"/>
  <c r="T20215" i="1"/>
  <c r="T20216" i="1"/>
  <c r="T20217" i="1"/>
  <c r="T20218" i="1"/>
  <c r="T20219" i="1"/>
  <c r="T20220" i="1"/>
  <c r="T20221" i="1"/>
  <c r="T20222" i="1"/>
  <c r="T20223" i="1"/>
  <c r="T20224" i="1"/>
  <c r="T20225" i="1"/>
  <c r="T20226" i="1"/>
  <c r="T20227" i="1"/>
  <c r="T20228" i="1"/>
  <c r="T20229" i="1"/>
  <c r="T20230" i="1"/>
  <c r="T20231" i="1"/>
  <c r="T20232" i="1"/>
  <c r="T20233" i="1"/>
  <c r="T20234" i="1"/>
  <c r="T20235" i="1"/>
  <c r="T20236" i="1"/>
  <c r="T20237" i="1"/>
  <c r="T20238" i="1"/>
  <c r="T20239" i="1"/>
  <c r="T20240" i="1"/>
  <c r="T20241" i="1"/>
  <c r="T20242" i="1"/>
  <c r="T20243" i="1"/>
  <c r="T20244" i="1"/>
  <c r="T20245" i="1"/>
  <c r="T20246" i="1"/>
  <c r="T20247" i="1"/>
  <c r="T20248" i="1"/>
  <c r="T20249" i="1"/>
  <c r="T20250" i="1"/>
  <c r="T20251" i="1"/>
  <c r="T20252" i="1"/>
  <c r="T20253" i="1"/>
  <c r="T20254" i="1"/>
  <c r="T20255" i="1"/>
  <c r="T20256" i="1"/>
  <c r="T20257" i="1"/>
  <c r="T20258" i="1"/>
  <c r="T20259" i="1"/>
  <c r="T20260" i="1"/>
  <c r="T20261" i="1"/>
  <c r="T20262" i="1"/>
  <c r="T20263" i="1"/>
  <c r="T20264" i="1"/>
  <c r="T20265" i="1"/>
  <c r="T20266" i="1"/>
  <c r="T20267" i="1"/>
  <c r="T20268" i="1"/>
  <c r="T20269" i="1"/>
  <c r="T20270" i="1"/>
  <c r="T20271" i="1"/>
  <c r="T20272" i="1"/>
  <c r="T20273" i="1"/>
  <c r="T20274" i="1"/>
  <c r="T20275" i="1"/>
  <c r="T20276" i="1"/>
  <c r="T20277" i="1"/>
  <c r="T20278" i="1"/>
  <c r="T20279" i="1"/>
  <c r="T20280" i="1"/>
  <c r="T20281" i="1"/>
  <c r="T20282" i="1"/>
  <c r="T20283" i="1"/>
  <c r="T20284" i="1"/>
  <c r="T20285" i="1"/>
  <c r="T20286" i="1"/>
  <c r="T20287" i="1"/>
  <c r="T20288" i="1"/>
  <c r="T20289" i="1"/>
  <c r="T20290" i="1"/>
  <c r="T20291" i="1"/>
  <c r="T20292" i="1"/>
  <c r="T20293" i="1"/>
  <c r="T20294" i="1"/>
  <c r="T20295" i="1"/>
  <c r="T20296" i="1"/>
  <c r="T20297" i="1"/>
  <c r="T20298" i="1"/>
  <c r="T20299" i="1"/>
  <c r="T20300" i="1"/>
  <c r="T20301" i="1"/>
  <c r="T20302" i="1"/>
  <c r="T20303" i="1"/>
  <c r="T20304" i="1"/>
  <c r="T20305" i="1"/>
  <c r="T20306" i="1"/>
  <c r="T20307" i="1"/>
  <c r="T20308" i="1"/>
  <c r="T20309" i="1"/>
  <c r="T20310" i="1"/>
  <c r="T20311" i="1"/>
  <c r="T20312" i="1"/>
  <c r="T20313" i="1"/>
  <c r="T20314" i="1"/>
  <c r="T20315" i="1"/>
  <c r="T20316" i="1"/>
  <c r="T20317" i="1"/>
  <c r="T20318" i="1"/>
  <c r="T20319" i="1"/>
  <c r="T20320" i="1"/>
  <c r="T20321" i="1"/>
  <c r="T20322" i="1"/>
  <c r="T20323" i="1"/>
  <c r="T20324" i="1"/>
  <c r="T20325" i="1"/>
  <c r="T20326" i="1"/>
  <c r="T20327" i="1"/>
  <c r="T20328" i="1"/>
  <c r="T20329" i="1"/>
  <c r="T20330" i="1"/>
  <c r="T20331" i="1"/>
  <c r="T20332" i="1"/>
  <c r="T20333" i="1"/>
  <c r="T20334" i="1"/>
  <c r="T20335" i="1"/>
  <c r="T20336" i="1"/>
  <c r="T20337" i="1"/>
  <c r="T20338" i="1"/>
  <c r="T20339" i="1"/>
  <c r="T20340" i="1"/>
  <c r="T20341" i="1"/>
  <c r="T20342" i="1"/>
  <c r="T20343" i="1"/>
  <c r="T20344" i="1"/>
  <c r="T20345" i="1"/>
  <c r="T20346" i="1"/>
  <c r="T20347" i="1"/>
  <c r="T20348" i="1"/>
  <c r="T20349" i="1"/>
  <c r="T20350" i="1"/>
  <c r="T20351" i="1"/>
  <c r="T20352" i="1"/>
  <c r="T20353" i="1"/>
  <c r="T20354" i="1"/>
  <c r="T20355" i="1"/>
  <c r="T20356" i="1"/>
  <c r="T20357" i="1"/>
  <c r="T20358" i="1"/>
  <c r="T20359" i="1"/>
  <c r="T20360" i="1"/>
  <c r="T20361" i="1"/>
  <c r="T20362" i="1"/>
  <c r="T20363" i="1"/>
  <c r="T20364" i="1"/>
  <c r="T20365" i="1"/>
  <c r="T20366" i="1"/>
  <c r="T20367" i="1"/>
  <c r="T20368" i="1"/>
  <c r="T20369" i="1"/>
  <c r="T20370" i="1"/>
  <c r="T20371" i="1"/>
  <c r="T20372" i="1"/>
  <c r="T20373" i="1"/>
  <c r="T20374" i="1"/>
  <c r="T20375" i="1"/>
  <c r="T20376" i="1"/>
  <c r="T20377" i="1"/>
  <c r="T20378" i="1"/>
  <c r="T20379" i="1"/>
  <c r="T20380" i="1"/>
  <c r="T20381" i="1"/>
  <c r="T20382" i="1"/>
  <c r="T20383" i="1"/>
  <c r="T20384" i="1"/>
  <c r="T20385" i="1"/>
  <c r="T20386" i="1"/>
  <c r="T20387" i="1"/>
  <c r="T20388" i="1"/>
  <c r="T20389" i="1"/>
  <c r="T20390" i="1"/>
  <c r="T20391" i="1"/>
  <c r="T20392" i="1"/>
  <c r="T20393" i="1"/>
  <c r="T20394" i="1"/>
  <c r="T20395" i="1"/>
  <c r="T20396" i="1"/>
  <c r="T20397" i="1"/>
  <c r="T20398" i="1"/>
  <c r="T20399" i="1"/>
  <c r="T20400" i="1"/>
  <c r="T20401" i="1"/>
  <c r="T20402" i="1"/>
  <c r="T20403" i="1"/>
  <c r="T20404" i="1"/>
  <c r="T20405" i="1"/>
  <c r="T20406" i="1"/>
  <c r="T20407" i="1"/>
  <c r="T20408" i="1"/>
  <c r="T20409" i="1"/>
  <c r="T20410" i="1"/>
  <c r="T20411" i="1"/>
  <c r="T20412" i="1"/>
  <c r="T20413" i="1"/>
  <c r="T20414" i="1"/>
  <c r="T20415" i="1"/>
  <c r="T20416" i="1"/>
  <c r="T20417" i="1"/>
  <c r="T20418" i="1"/>
  <c r="T20419" i="1"/>
  <c r="T20420" i="1"/>
  <c r="T20421" i="1"/>
  <c r="T20422" i="1"/>
  <c r="T20423" i="1"/>
  <c r="T20424" i="1"/>
  <c r="T20425" i="1"/>
  <c r="T20426" i="1"/>
  <c r="T20427" i="1"/>
  <c r="T20428" i="1"/>
  <c r="T20429" i="1"/>
  <c r="T20430" i="1"/>
  <c r="T20431" i="1"/>
  <c r="T20432" i="1"/>
  <c r="T20433" i="1"/>
  <c r="T20434" i="1"/>
  <c r="T20435" i="1"/>
  <c r="T20436" i="1"/>
  <c r="T20437" i="1"/>
  <c r="T20438" i="1"/>
  <c r="T20439" i="1"/>
  <c r="T20440" i="1"/>
  <c r="T20441" i="1"/>
  <c r="T20442" i="1"/>
  <c r="T20443" i="1"/>
  <c r="T20444" i="1"/>
  <c r="T20445" i="1"/>
  <c r="T20446" i="1"/>
  <c r="T20447" i="1"/>
  <c r="T20448" i="1"/>
  <c r="T20449" i="1"/>
  <c r="T20450" i="1"/>
  <c r="T20451" i="1"/>
  <c r="T20452" i="1"/>
  <c r="T20453" i="1"/>
  <c r="T20454" i="1"/>
  <c r="T20455" i="1"/>
  <c r="T20456" i="1"/>
  <c r="T20457" i="1"/>
  <c r="T20458" i="1"/>
  <c r="T20459" i="1"/>
  <c r="T20460" i="1"/>
  <c r="T20461" i="1"/>
  <c r="T20462" i="1"/>
  <c r="T20463" i="1"/>
  <c r="T20464" i="1"/>
  <c r="T20465" i="1"/>
  <c r="T20466" i="1"/>
  <c r="T20467" i="1"/>
  <c r="T20468" i="1"/>
  <c r="T20469" i="1"/>
  <c r="T20470" i="1"/>
  <c r="T20471" i="1"/>
  <c r="T20472" i="1"/>
  <c r="T20473" i="1"/>
  <c r="T20474" i="1"/>
  <c r="T20475" i="1"/>
  <c r="T20476" i="1"/>
  <c r="T20477" i="1"/>
  <c r="T20478" i="1"/>
  <c r="T20479" i="1"/>
  <c r="T20480" i="1"/>
  <c r="T20481" i="1"/>
  <c r="T20482" i="1"/>
  <c r="T20483" i="1"/>
  <c r="T20484" i="1"/>
  <c r="T20485" i="1"/>
  <c r="T20486" i="1"/>
  <c r="T20487" i="1"/>
  <c r="T20488" i="1"/>
  <c r="T20489" i="1"/>
  <c r="T20490" i="1"/>
  <c r="T20491" i="1"/>
  <c r="T20492" i="1"/>
  <c r="T20493" i="1"/>
  <c r="T20494" i="1"/>
  <c r="T20495" i="1"/>
  <c r="T20496" i="1"/>
  <c r="T20497" i="1"/>
  <c r="T20498" i="1"/>
  <c r="T20499" i="1"/>
  <c r="T20500" i="1"/>
  <c r="T20501" i="1"/>
  <c r="T20502" i="1"/>
  <c r="T20503" i="1"/>
  <c r="T20504" i="1"/>
  <c r="T20505" i="1"/>
  <c r="T20506" i="1"/>
  <c r="T20507" i="1"/>
  <c r="T20508" i="1"/>
  <c r="T20509" i="1"/>
  <c r="T20510" i="1"/>
  <c r="T20511" i="1"/>
  <c r="T20512" i="1"/>
  <c r="T20513" i="1"/>
  <c r="T20514" i="1"/>
  <c r="T20515" i="1"/>
  <c r="T20516" i="1"/>
  <c r="T20517" i="1"/>
  <c r="T20518" i="1"/>
  <c r="T20519" i="1"/>
  <c r="T20520" i="1"/>
  <c r="T20521" i="1"/>
  <c r="T20522" i="1"/>
  <c r="T20523" i="1"/>
  <c r="T20524" i="1"/>
  <c r="T20525" i="1"/>
  <c r="T20526" i="1"/>
  <c r="T20527" i="1"/>
  <c r="T20528" i="1"/>
  <c r="T20529" i="1"/>
  <c r="T20530" i="1"/>
  <c r="T20531" i="1"/>
  <c r="T20532" i="1"/>
  <c r="T20533" i="1"/>
  <c r="T20534" i="1"/>
  <c r="T20535" i="1"/>
  <c r="T20536" i="1"/>
  <c r="T20537" i="1"/>
  <c r="T20538" i="1"/>
  <c r="T20539" i="1"/>
  <c r="T20540" i="1"/>
  <c r="T20541" i="1"/>
  <c r="T20542" i="1"/>
  <c r="T20543" i="1"/>
  <c r="T20544" i="1"/>
  <c r="T20545" i="1"/>
  <c r="T20546" i="1"/>
  <c r="T20547" i="1"/>
  <c r="T20548" i="1"/>
  <c r="T20549" i="1"/>
  <c r="T20550" i="1"/>
  <c r="T20551" i="1"/>
  <c r="T20552" i="1"/>
  <c r="T20553" i="1"/>
  <c r="T20554" i="1"/>
  <c r="T20555" i="1"/>
  <c r="T20556" i="1"/>
  <c r="T20557" i="1"/>
  <c r="T20558" i="1"/>
  <c r="T20559" i="1"/>
  <c r="T20560" i="1"/>
  <c r="T20561" i="1"/>
  <c r="T20562" i="1"/>
  <c r="T20563" i="1"/>
  <c r="T20564" i="1"/>
  <c r="T20565" i="1"/>
  <c r="T20566" i="1"/>
  <c r="T20567" i="1"/>
  <c r="T20568" i="1"/>
  <c r="T20569" i="1"/>
  <c r="T20570" i="1"/>
  <c r="T20571" i="1"/>
  <c r="T20572" i="1"/>
  <c r="T20573" i="1"/>
  <c r="T20574" i="1"/>
  <c r="T20575" i="1"/>
  <c r="T20576" i="1"/>
  <c r="T20577" i="1"/>
  <c r="T20578" i="1"/>
  <c r="T20579" i="1"/>
  <c r="T20580" i="1"/>
  <c r="T20581" i="1"/>
  <c r="T20582" i="1"/>
  <c r="T20583" i="1"/>
  <c r="T20584" i="1"/>
  <c r="T20585" i="1"/>
  <c r="T20586" i="1"/>
  <c r="T20587" i="1"/>
  <c r="T20588" i="1"/>
  <c r="T20589" i="1"/>
  <c r="T20590" i="1"/>
  <c r="T20591" i="1"/>
  <c r="T20592" i="1"/>
  <c r="T20593" i="1"/>
  <c r="T20594" i="1"/>
  <c r="T20595" i="1"/>
  <c r="T20596" i="1"/>
  <c r="T20597" i="1"/>
  <c r="T20598" i="1"/>
  <c r="T20599" i="1"/>
  <c r="T20600" i="1"/>
  <c r="T20601" i="1"/>
  <c r="T20602" i="1"/>
  <c r="T20603" i="1"/>
  <c r="T20604" i="1"/>
  <c r="T20605" i="1"/>
  <c r="T20606" i="1"/>
  <c r="T20607" i="1"/>
  <c r="T20608" i="1"/>
  <c r="T20609" i="1"/>
  <c r="T20610" i="1"/>
  <c r="T20611" i="1"/>
  <c r="T20612" i="1"/>
  <c r="T20613" i="1"/>
  <c r="T20614" i="1"/>
  <c r="T20615" i="1"/>
  <c r="T20616" i="1"/>
  <c r="T20617" i="1"/>
  <c r="T20618" i="1"/>
  <c r="T20619" i="1"/>
  <c r="T20620" i="1"/>
  <c r="T20621" i="1"/>
  <c r="T20622" i="1"/>
  <c r="T20623" i="1"/>
  <c r="T20624" i="1"/>
  <c r="T20625" i="1"/>
  <c r="T20626" i="1"/>
  <c r="T20627" i="1"/>
  <c r="T20628" i="1"/>
  <c r="T20629" i="1"/>
  <c r="T20630" i="1"/>
  <c r="T20631" i="1"/>
  <c r="T20632" i="1"/>
  <c r="T20633" i="1"/>
  <c r="T20634" i="1"/>
  <c r="T20635" i="1"/>
  <c r="T20636" i="1"/>
  <c r="T20637" i="1"/>
  <c r="T20638" i="1"/>
  <c r="T20639" i="1"/>
  <c r="T20640" i="1"/>
  <c r="T20641" i="1"/>
  <c r="T20642" i="1"/>
  <c r="T20643" i="1"/>
  <c r="T20644" i="1"/>
  <c r="T20645" i="1"/>
  <c r="T20646" i="1"/>
  <c r="T20647" i="1"/>
  <c r="T20648" i="1"/>
  <c r="T20649" i="1"/>
  <c r="T20650" i="1"/>
  <c r="T20651" i="1"/>
  <c r="T20652" i="1"/>
  <c r="T20653" i="1"/>
  <c r="T20654" i="1"/>
  <c r="T20655" i="1"/>
  <c r="T20656" i="1"/>
  <c r="T20657" i="1"/>
  <c r="T20658" i="1"/>
  <c r="T20659" i="1"/>
  <c r="T20660" i="1"/>
  <c r="T20661" i="1"/>
  <c r="T20662" i="1"/>
  <c r="T20663" i="1"/>
  <c r="T20664" i="1"/>
  <c r="T20665" i="1"/>
  <c r="T20666" i="1"/>
  <c r="T20667" i="1"/>
  <c r="T20668" i="1"/>
  <c r="T20669" i="1"/>
  <c r="T20670" i="1"/>
  <c r="T20671" i="1"/>
  <c r="T20672" i="1"/>
  <c r="T20673" i="1"/>
  <c r="T20674" i="1"/>
  <c r="T20675" i="1"/>
  <c r="T20676" i="1"/>
  <c r="T20677" i="1"/>
  <c r="T20678" i="1"/>
  <c r="T20679" i="1"/>
  <c r="T20680" i="1"/>
  <c r="T20681" i="1"/>
  <c r="T20682" i="1"/>
  <c r="T20683" i="1"/>
  <c r="T20684" i="1"/>
  <c r="T20685" i="1"/>
  <c r="T20686" i="1"/>
  <c r="T20687" i="1"/>
  <c r="T20688" i="1"/>
  <c r="T20689" i="1"/>
  <c r="T20690" i="1"/>
  <c r="T20691" i="1"/>
  <c r="T20692" i="1"/>
  <c r="T20693" i="1"/>
  <c r="T20694" i="1"/>
  <c r="T20695" i="1"/>
  <c r="T20696" i="1"/>
  <c r="T20697" i="1"/>
  <c r="T20698" i="1"/>
  <c r="T20699" i="1"/>
  <c r="T20700" i="1"/>
  <c r="T20701" i="1"/>
  <c r="T20702" i="1"/>
  <c r="T20703" i="1"/>
  <c r="T20704" i="1"/>
  <c r="T20705" i="1"/>
  <c r="T20706" i="1"/>
  <c r="T20707" i="1"/>
  <c r="T20708" i="1"/>
  <c r="T20709" i="1"/>
  <c r="T20710" i="1"/>
  <c r="T20711" i="1"/>
  <c r="T20712" i="1"/>
  <c r="T20713" i="1"/>
  <c r="T20714" i="1"/>
  <c r="T20715" i="1"/>
  <c r="T20716" i="1"/>
  <c r="T20717" i="1"/>
  <c r="T20718" i="1"/>
  <c r="T20719" i="1"/>
  <c r="T20720" i="1"/>
  <c r="T20721" i="1"/>
  <c r="T20722" i="1"/>
  <c r="T20723" i="1"/>
  <c r="T20724" i="1"/>
  <c r="T20725" i="1"/>
  <c r="T20726" i="1"/>
  <c r="T20727" i="1"/>
  <c r="T20728" i="1"/>
  <c r="T20729" i="1"/>
  <c r="T20730" i="1"/>
  <c r="T20731" i="1"/>
  <c r="T20732" i="1"/>
  <c r="T20733" i="1"/>
  <c r="T20734" i="1"/>
  <c r="T20735" i="1"/>
  <c r="T20736" i="1"/>
  <c r="T20737" i="1"/>
  <c r="T20738" i="1"/>
  <c r="T20739" i="1"/>
  <c r="T20740" i="1"/>
  <c r="T20741" i="1"/>
  <c r="T20742" i="1"/>
  <c r="T20743" i="1"/>
  <c r="T20744" i="1"/>
  <c r="T20745" i="1"/>
  <c r="T20746" i="1"/>
  <c r="T20747" i="1"/>
  <c r="T20748" i="1"/>
  <c r="T20749" i="1"/>
  <c r="T20750" i="1"/>
  <c r="T20751" i="1"/>
  <c r="T20752" i="1"/>
  <c r="T20753" i="1"/>
  <c r="T20754" i="1"/>
  <c r="T20755" i="1"/>
  <c r="T20756" i="1"/>
  <c r="T20757" i="1"/>
  <c r="T20758" i="1"/>
  <c r="T20759" i="1"/>
  <c r="T20760" i="1"/>
  <c r="T20761" i="1"/>
  <c r="T20762" i="1"/>
  <c r="T20763" i="1"/>
  <c r="T20764" i="1"/>
  <c r="T20765" i="1"/>
  <c r="T20766" i="1"/>
  <c r="T20767" i="1"/>
  <c r="T20768" i="1"/>
  <c r="T20769" i="1"/>
  <c r="T20770" i="1"/>
  <c r="T20771" i="1"/>
  <c r="T20772" i="1"/>
  <c r="T20773" i="1"/>
  <c r="T20774" i="1"/>
  <c r="T20775" i="1"/>
  <c r="T20776" i="1"/>
  <c r="T20777" i="1"/>
  <c r="T20778" i="1"/>
  <c r="T20779" i="1"/>
  <c r="T20780" i="1"/>
  <c r="T20781" i="1"/>
  <c r="T20782" i="1"/>
  <c r="T20783" i="1"/>
  <c r="T20784" i="1"/>
  <c r="T20785" i="1"/>
  <c r="T20786" i="1"/>
  <c r="T20787" i="1"/>
  <c r="T20788" i="1"/>
  <c r="T20789" i="1"/>
  <c r="T20790" i="1"/>
  <c r="T20791" i="1"/>
  <c r="T20792" i="1"/>
  <c r="T20793" i="1"/>
  <c r="T20794" i="1"/>
  <c r="T20795" i="1"/>
  <c r="T20796" i="1"/>
  <c r="T20797" i="1"/>
  <c r="T20798" i="1"/>
  <c r="T20799" i="1"/>
  <c r="T20800" i="1"/>
  <c r="T20801" i="1"/>
  <c r="T20802" i="1"/>
  <c r="T20803" i="1"/>
  <c r="T20804" i="1"/>
  <c r="T20805" i="1"/>
  <c r="T20806" i="1"/>
  <c r="T20807" i="1"/>
  <c r="T20808" i="1"/>
  <c r="T20809" i="1"/>
  <c r="T20810" i="1"/>
  <c r="T20811" i="1"/>
  <c r="T20812" i="1"/>
  <c r="T20813" i="1"/>
  <c r="T20814" i="1"/>
  <c r="T20815" i="1"/>
  <c r="T20816" i="1"/>
  <c r="T20817" i="1"/>
  <c r="T20818" i="1"/>
  <c r="T20819" i="1"/>
  <c r="T20820" i="1"/>
  <c r="T20821" i="1"/>
  <c r="T20822" i="1"/>
  <c r="T20823" i="1"/>
  <c r="T20824" i="1"/>
  <c r="T20825" i="1"/>
  <c r="T20826" i="1"/>
  <c r="T20827" i="1"/>
  <c r="T20828" i="1"/>
  <c r="T20829" i="1"/>
  <c r="T20830" i="1"/>
  <c r="T20831" i="1"/>
  <c r="T20832" i="1"/>
  <c r="T20833" i="1"/>
  <c r="T20834" i="1"/>
  <c r="T20835" i="1"/>
  <c r="T20836" i="1"/>
  <c r="T20837" i="1"/>
  <c r="T20838" i="1"/>
  <c r="T20839" i="1"/>
  <c r="T20840" i="1"/>
  <c r="T20841" i="1"/>
  <c r="T20842" i="1"/>
  <c r="T20843" i="1"/>
  <c r="T20844" i="1"/>
  <c r="T20845" i="1"/>
  <c r="T20846" i="1"/>
  <c r="T20847" i="1"/>
  <c r="T20848" i="1"/>
  <c r="T20849" i="1"/>
  <c r="T20850" i="1"/>
  <c r="T20851" i="1"/>
  <c r="T20852" i="1"/>
  <c r="T20853" i="1"/>
  <c r="T20854" i="1"/>
  <c r="T20855" i="1"/>
  <c r="T20856" i="1"/>
  <c r="T20857" i="1"/>
  <c r="T20858" i="1"/>
  <c r="T20859" i="1"/>
  <c r="T20860" i="1"/>
  <c r="T20861" i="1"/>
  <c r="T20862" i="1"/>
  <c r="T20863" i="1"/>
  <c r="T20864" i="1"/>
  <c r="T20865" i="1"/>
  <c r="T20866" i="1"/>
  <c r="T20867" i="1"/>
  <c r="T20868" i="1"/>
  <c r="T20869" i="1"/>
  <c r="T20870" i="1"/>
  <c r="T20871" i="1"/>
  <c r="T20872" i="1"/>
  <c r="T20873" i="1"/>
  <c r="T20874" i="1"/>
  <c r="T20875" i="1"/>
  <c r="T20876" i="1"/>
  <c r="T20877" i="1"/>
  <c r="T20878" i="1"/>
  <c r="T20879" i="1"/>
  <c r="T20880" i="1"/>
  <c r="T20881" i="1"/>
  <c r="T20882" i="1"/>
  <c r="T20883" i="1"/>
  <c r="T20884" i="1"/>
  <c r="T20885" i="1"/>
  <c r="T20886" i="1"/>
  <c r="T20887" i="1"/>
  <c r="T20888" i="1"/>
  <c r="T20889" i="1"/>
  <c r="T20890" i="1"/>
  <c r="T20891" i="1"/>
  <c r="T20892" i="1"/>
  <c r="T20893" i="1"/>
  <c r="T20894" i="1"/>
  <c r="T20895" i="1"/>
  <c r="T20896" i="1"/>
  <c r="T20897" i="1"/>
  <c r="T20898" i="1"/>
  <c r="T20899" i="1"/>
  <c r="T20900" i="1"/>
  <c r="T20901" i="1"/>
  <c r="T20902" i="1"/>
  <c r="T20903" i="1"/>
  <c r="T20904" i="1"/>
  <c r="T20905" i="1"/>
  <c r="T20906" i="1"/>
  <c r="T20907" i="1"/>
  <c r="T20908" i="1"/>
  <c r="T20909" i="1"/>
  <c r="T20910" i="1"/>
  <c r="T20911" i="1"/>
  <c r="T20912" i="1"/>
  <c r="T20913" i="1"/>
  <c r="T20914" i="1"/>
  <c r="T20915" i="1"/>
  <c r="T20916" i="1"/>
  <c r="T20917" i="1"/>
  <c r="T20918" i="1"/>
  <c r="T20919" i="1"/>
  <c r="T20920" i="1"/>
  <c r="T20921" i="1"/>
  <c r="T20922" i="1"/>
  <c r="T20923" i="1"/>
  <c r="T20924" i="1"/>
  <c r="T20925" i="1"/>
  <c r="T20926" i="1"/>
  <c r="T20927" i="1"/>
  <c r="T20928" i="1"/>
  <c r="T20929" i="1"/>
  <c r="T20930" i="1"/>
  <c r="T20931" i="1"/>
  <c r="T20932" i="1"/>
  <c r="T20933" i="1"/>
  <c r="T20934" i="1"/>
  <c r="T20935" i="1"/>
  <c r="T20936" i="1"/>
  <c r="T20937" i="1"/>
  <c r="T20938" i="1"/>
  <c r="T20939" i="1"/>
  <c r="T20940" i="1"/>
  <c r="T20941" i="1"/>
  <c r="T20942" i="1"/>
  <c r="T20943" i="1"/>
  <c r="T20944" i="1"/>
  <c r="T20945" i="1"/>
  <c r="T20946" i="1"/>
  <c r="T20947" i="1"/>
  <c r="T20948" i="1"/>
  <c r="T20949" i="1"/>
  <c r="T20950" i="1"/>
  <c r="T20951" i="1"/>
  <c r="T20952" i="1"/>
  <c r="T20953" i="1"/>
  <c r="T20954" i="1"/>
  <c r="T20955" i="1"/>
  <c r="T20956" i="1"/>
  <c r="T20957" i="1"/>
  <c r="T20958" i="1"/>
  <c r="T20959" i="1"/>
  <c r="T20960" i="1"/>
  <c r="T20961" i="1"/>
  <c r="T20962" i="1"/>
  <c r="T20963" i="1"/>
  <c r="T20964" i="1"/>
  <c r="T20965" i="1"/>
  <c r="T20966" i="1"/>
  <c r="T20967" i="1"/>
  <c r="T20968" i="1"/>
  <c r="T20969" i="1"/>
  <c r="T20970" i="1"/>
  <c r="T20971" i="1"/>
  <c r="T20972" i="1"/>
  <c r="T20973" i="1"/>
  <c r="T20974" i="1"/>
  <c r="T20975" i="1"/>
  <c r="T20976" i="1"/>
  <c r="T20977" i="1"/>
  <c r="T20978" i="1"/>
  <c r="T20979" i="1"/>
  <c r="T20980" i="1"/>
  <c r="T20981" i="1"/>
  <c r="T20982" i="1"/>
  <c r="T20983" i="1"/>
  <c r="T20984" i="1"/>
  <c r="T20985" i="1"/>
  <c r="T20986" i="1"/>
  <c r="T20987" i="1"/>
  <c r="T20988" i="1"/>
  <c r="T20989" i="1"/>
  <c r="T20990" i="1"/>
  <c r="T20991" i="1"/>
  <c r="T20992" i="1"/>
  <c r="T20993" i="1"/>
  <c r="T20994" i="1"/>
  <c r="T20995" i="1"/>
  <c r="T20996" i="1"/>
  <c r="T20997" i="1"/>
  <c r="T20998" i="1"/>
  <c r="T20999" i="1"/>
  <c r="T21000" i="1"/>
  <c r="T21001" i="1"/>
  <c r="T21002" i="1"/>
  <c r="T21003" i="1"/>
  <c r="T21004" i="1"/>
  <c r="T21005" i="1"/>
  <c r="T21006" i="1"/>
  <c r="T21007" i="1"/>
  <c r="T21008" i="1"/>
  <c r="T21009" i="1"/>
  <c r="T21010" i="1"/>
  <c r="T21011" i="1"/>
  <c r="T21012" i="1"/>
  <c r="T21013" i="1"/>
  <c r="T21014" i="1"/>
  <c r="T21015" i="1"/>
  <c r="T21016" i="1"/>
  <c r="T21017" i="1"/>
  <c r="T21018" i="1"/>
  <c r="T21019" i="1"/>
  <c r="T21020" i="1"/>
  <c r="T21021" i="1"/>
  <c r="T21022" i="1"/>
  <c r="T21023" i="1"/>
  <c r="T21024" i="1"/>
  <c r="T21025" i="1"/>
  <c r="T21026" i="1"/>
  <c r="T21027" i="1"/>
  <c r="T21028" i="1"/>
  <c r="T21029" i="1"/>
  <c r="T21030" i="1"/>
  <c r="T21031" i="1"/>
  <c r="T21032" i="1"/>
  <c r="T21033" i="1"/>
  <c r="T21034" i="1"/>
  <c r="T21035" i="1"/>
  <c r="T21036" i="1"/>
  <c r="T21037" i="1"/>
  <c r="T21038" i="1"/>
  <c r="T21039" i="1"/>
  <c r="T21040" i="1"/>
  <c r="T21041" i="1"/>
  <c r="T21042" i="1"/>
  <c r="T21043" i="1"/>
  <c r="T21044" i="1"/>
  <c r="T21045" i="1"/>
  <c r="T21046" i="1"/>
  <c r="T21047" i="1"/>
  <c r="T21048" i="1"/>
  <c r="T21049" i="1"/>
  <c r="T21050" i="1"/>
  <c r="T21051" i="1"/>
  <c r="T21052" i="1"/>
  <c r="T21053" i="1"/>
  <c r="T21054" i="1"/>
  <c r="T21055" i="1"/>
  <c r="T21056" i="1"/>
  <c r="T21057" i="1"/>
  <c r="T21058" i="1"/>
  <c r="T21059" i="1"/>
  <c r="T21060" i="1"/>
  <c r="T21061" i="1"/>
  <c r="T21062" i="1"/>
  <c r="T21063" i="1"/>
  <c r="T21064" i="1"/>
  <c r="T21065" i="1"/>
  <c r="T21066" i="1"/>
  <c r="T21067" i="1"/>
  <c r="T21068" i="1"/>
  <c r="T21069" i="1"/>
  <c r="T21070" i="1"/>
  <c r="T21071" i="1"/>
  <c r="T21072" i="1"/>
  <c r="T21073" i="1"/>
  <c r="T21074" i="1"/>
  <c r="T21075" i="1"/>
  <c r="T21076" i="1"/>
  <c r="T21077" i="1"/>
  <c r="T21078" i="1"/>
  <c r="T21079" i="1"/>
  <c r="T21080" i="1"/>
  <c r="T21081" i="1"/>
  <c r="T21082" i="1"/>
  <c r="T21083" i="1"/>
  <c r="T21084" i="1"/>
  <c r="T21085" i="1"/>
  <c r="T21086" i="1"/>
  <c r="T21087" i="1"/>
  <c r="T21088" i="1"/>
  <c r="T21089" i="1"/>
  <c r="T21090" i="1"/>
  <c r="T21091" i="1"/>
  <c r="T21092" i="1"/>
  <c r="T21093" i="1"/>
  <c r="T21094" i="1"/>
  <c r="T21095" i="1"/>
  <c r="T21096" i="1"/>
  <c r="T21097" i="1"/>
  <c r="T21098" i="1"/>
  <c r="T21099" i="1"/>
  <c r="T21100" i="1"/>
  <c r="T21101" i="1"/>
  <c r="T21102" i="1"/>
  <c r="T21103" i="1"/>
  <c r="T21104" i="1"/>
  <c r="T21105" i="1"/>
  <c r="T21106" i="1"/>
  <c r="T21107" i="1"/>
  <c r="T21108" i="1"/>
  <c r="T21109" i="1"/>
  <c r="T21110" i="1"/>
  <c r="T21111" i="1"/>
  <c r="T21112" i="1"/>
  <c r="T21113" i="1"/>
  <c r="T21114" i="1"/>
  <c r="T21115" i="1"/>
  <c r="T21116" i="1"/>
  <c r="T21117" i="1"/>
  <c r="T21118" i="1"/>
  <c r="T21119" i="1"/>
  <c r="T21120" i="1"/>
  <c r="T21121" i="1"/>
  <c r="T21122" i="1"/>
  <c r="T21123" i="1"/>
  <c r="T21124" i="1"/>
  <c r="T21125" i="1"/>
  <c r="T21126" i="1"/>
  <c r="T21127" i="1"/>
  <c r="T21128" i="1"/>
  <c r="T21129" i="1"/>
  <c r="T21130" i="1"/>
  <c r="T21131" i="1"/>
  <c r="T21132" i="1"/>
  <c r="T21133" i="1"/>
  <c r="T21134" i="1"/>
  <c r="T21135" i="1"/>
  <c r="T21136" i="1"/>
  <c r="T21137" i="1"/>
  <c r="T21138" i="1"/>
  <c r="T21139" i="1"/>
  <c r="T21140" i="1"/>
  <c r="T21141" i="1"/>
  <c r="T21142" i="1"/>
  <c r="T21143" i="1"/>
  <c r="T21144" i="1"/>
  <c r="T21145" i="1"/>
  <c r="T21146" i="1"/>
  <c r="T21147" i="1"/>
  <c r="T21148" i="1"/>
  <c r="T21149" i="1"/>
  <c r="T21150" i="1"/>
  <c r="T21151" i="1"/>
  <c r="T21152" i="1"/>
  <c r="T21153" i="1"/>
  <c r="T21154" i="1"/>
  <c r="T21155" i="1"/>
  <c r="T21156" i="1"/>
  <c r="T21157" i="1"/>
  <c r="T21158" i="1"/>
  <c r="T21159" i="1"/>
  <c r="T21160" i="1"/>
  <c r="T21161" i="1"/>
  <c r="T21162" i="1"/>
  <c r="T21163" i="1"/>
  <c r="T21164" i="1"/>
  <c r="T21165" i="1"/>
  <c r="T21166" i="1"/>
  <c r="T21167" i="1"/>
  <c r="T21168" i="1"/>
  <c r="T21169" i="1"/>
  <c r="T21170" i="1"/>
  <c r="T21171" i="1"/>
  <c r="T21172" i="1"/>
  <c r="T21173" i="1"/>
  <c r="T21174" i="1"/>
  <c r="T21175" i="1"/>
  <c r="T21176" i="1"/>
  <c r="T21177" i="1"/>
  <c r="T21178" i="1"/>
  <c r="T21179" i="1"/>
  <c r="T21180" i="1"/>
  <c r="T21181" i="1"/>
  <c r="T21182" i="1"/>
  <c r="T21183" i="1"/>
  <c r="T21184" i="1"/>
  <c r="T21185" i="1"/>
  <c r="T21186" i="1"/>
  <c r="T21187" i="1"/>
  <c r="T21188" i="1"/>
  <c r="T21189" i="1"/>
  <c r="T21190" i="1"/>
  <c r="T21191" i="1"/>
  <c r="T21192" i="1"/>
  <c r="T21193" i="1"/>
  <c r="T21194" i="1"/>
  <c r="T21195" i="1"/>
  <c r="T21196" i="1"/>
  <c r="T21197" i="1"/>
  <c r="T21198" i="1"/>
  <c r="T21199" i="1"/>
  <c r="T21200" i="1"/>
  <c r="T21201" i="1"/>
  <c r="T21202" i="1"/>
  <c r="T21203" i="1"/>
  <c r="T21204" i="1"/>
  <c r="T21205" i="1"/>
  <c r="T21206" i="1"/>
  <c r="T21207" i="1"/>
  <c r="T21208" i="1"/>
  <c r="T21209" i="1"/>
  <c r="T21210" i="1"/>
  <c r="T21211" i="1"/>
  <c r="T21212" i="1"/>
  <c r="T21213" i="1"/>
  <c r="T21214" i="1"/>
  <c r="T21215" i="1"/>
  <c r="T21216" i="1"/>
  <c r="T21217" i="1"/>
  <c r="T21218" i="1"/>
  <c r="T21219" i="1"/>
  <c r="T21220" i="1"/>
  <c r="T21221" i="1"/>
  <c r="T21222" i="1"/>
  <c r="T21223" i="1"/>
  <c r="T21224" i="1"/>
  <c r="T21225" i="1"/>
  <c r="T21226" i="1"/>
  <c r="T21227" i="1"/>
  <c r="T21228" i="1"/>
  <c r="T21229" i="1"/>
  <c r="T21230" i="1"/>
  <c r="T21231" i="1"/>
  <c r="T21232" i="1"/>
  <c r="T21233" i="1"/>
  <c r="T21234" i="1"/>
  <c r="T21235" i="1"/>
  <c r="T21236" i="1"/>
  <c r="T21237" i="1"/>
  <c r="T21238" i="1"/>
  <c r="T21239" i="1"/>
  <c r="T21240" i="1"/>
  <c r="T21241" i="1"/>
  <c r="T21242" i="1"/>
  <c r="T21243" i="1"/>
  <c r="T21244" i="1"/>
  <c r="T21245" i="1"/>
  <c r="T21246" i="1"/>
  <c r="T21247" i="1"/>
  <c r="T21248" i="1"/>
  <c r="T21249" i="1"/>
  <c r="T21250" i="1"/>
  <c r="T21251" i="1"/>
  <c r="T21252" i="1"/>
  <c r="T21253" i="1"/>
  <c r="T21254" i="1"/>
  <c r="T21255" i="1"/>
  <c r="T21256" i="1"/>
  <c r="T21257" i="1"/>
  <c r="T21258" i="1"/>
  <c r="T21259" i="1"/>
  <c r="T21260" i="1"/>
  <c r="T21261" i="1"/>
  <c r="T21262" i="1"/>
  <c r="T21263" i="1"/>
  <c r="T21264" i="1"/>
  <c r="T21265" i="1"/>
  <c r="T21266" i="1"/>
  <c r="T21267" i="1"/>
  <c r="T21268" i="1"/>
  <c r="T21269" i="1"/>
  <c r="T21270" i="1"/>
  <c r="T21271" i="1"/>
  <c r="T21272" i="1"/>
  <c r="T21273" i="1"/>
  <c r="T21274" i="1"/>
  <c r="T21275" i="1"/>
  <c r="T21276" i="1"/>
  <c r="T21277" i="1"/>
  <c r="T21278" i="1"/>
  <c r="T21279" i="1"/>
  <c r="T21280" i="1"/>
  <c r="T21281" i="1"/>
  <c r="T21282" i="1"/>
  <c r="T21283" i="1"/>
  <c r="T21284" i="1"/>
  <c r="T21285" i="1"/>
  <c r="T21286" i="1"/>
  <c r="T21287" i="1"/>
  <c r="T21288" i="1"/>
  <c r="T21289" i="1"/>
  <c r="T21290" i="1"/>
  <c r="T21291" i="1"/>
  <c r="T21292" i="1"/>
  <c r="T21293" i="1"/>
  <c r="T21294" i="1"/>
  <c r="T21295" i="1"/>
  <c r="T21296" i="1"/>
  <c r="T21297" i="1"/>
  <c r="T21298" i="1"/>
  <c r="T21299" i="1"/>
  <c r="T21300" i="1"/>
  <c r="T21301" i="1"/>
  <c r="T21302" i="1"/>
  <c r="T21303" i="1"/>
  <c r="T21304" i="1"/>
  <c r="T21305" i="1"/>
  <c r="T21306" i="1"/>
  <c r="T21307" i="1"/>
  <c r="T21308" i="1"/>
  <c r="T21309" i="1"/>
  <c r="T21310" i="1"/>
  <c r="T21311" i="1"/>
  <c r="T21312" i="1"/>
  <c r="T21313" i="1"/>
  <c r="T21314" i="1"/>
  <c r="T21315" i="1"/>
  <c r="T21316" i="1"/>
  <c r="T21317" i="1"/>
  <c r="T21318" i="1"/>
  <c r="T21319" i="1"/>
  <c r="T21320" i="1"/>
  <c r="T21321" i="1"/>
  <c r="T21322" i="1"/>
  <c r="T21323" i="1"/>
  <c r="T21324" i="1"/>
  <c r="T21325" i="1"/>
  <c r="T21326" i="1"/>
  <c r="T21327" i="1"/>
  <c r="T21328" i="1"/>
  <c r="T21329" i="1"/>
  <c r="T21330" i="1"/>
  <c r="T21331" i="1"/>
  <c r="T21332" i="1"/>
  <c r="T21333" i="1"/>
  <c r="T21334" i="1"/>
  <c r="T21335" i="1"/>
  <c r="T21336" i="1"/>
  <c r="T21337" i="1"/>
  <c r="T21338" i="1"/>
  <c r="T21339" i="1"/>
  <c r="T21340" i="1"/>
  <c r="T21341" i="1"/>
  <c r="T21342" i="1"/>
  <c r="T21343" i="1"/>
  <c r="T21344" i="1"/>
  <c r="T21345" i="1"/>
  <c r="T21346" i="1"/>
  <c r="T21347" i="1"/>
  <c r="T21348" i="1"/>
  <c r="T21349" i="1"/>
  <c r="T21350" i="1"/>
  <c r="T21351" i="1"/>
  <c r="T21352" i="1"/>
  <c r="T21353" i="1"/>
  <c r="T21354" i="1"/>
  <c r="T21355" i="1"/>
  <c r="T21356" i="1"/>
  <c r="T21357" i="1"/>
  <c r="T21358" i="1"/>
  <c r="T21359" i="1"/>
  <c r="T21360" i="1"/>
  <c r="T21361" i="1"/>
  <c r="T21362" i="1"/>
  <c r="T21363" i="1"/>
  <c r="T21364" i="1"/>
  <c r="T21365" i="1"/>
  <c r="T21366" i="1"/>
  <c r="T21367" i="1"/>
  <c r="T21368" i="1"/>
  <c r="T21369" i="1"/>
  <c r="T21370" i="1"/>
  <c r="T21371" i="1"/>
  <c r="T21372" i="1"/>
  <c r="T21373" i="1"/>
  <c r="T21374" i="1"/>
  <c r="T21375" i="1"/>
  <c r="T21376" i="1"/>
  <c r="T21377" i="1"/>
  <c r="T21378" i="1"/>
  <c r="T21379" i="1"/>
  <c r="T21380" i="1"/>
  <c r="T21381" i="1"/>
  <c r="T21382" i="1"/>
  <c r="T21383" i="1"/>
  <c r="T21384" i="1"/>
  <c r="T21385" i="1"/>
  <c r="T21386" i="1"/>
  <c r="T21387" i="1"/>
  <c r="T21388" i="1"/>
  <c r="T21389" i="1"/>
  <c r="T21390" i="1"/>
  <c r="T21391" i="1"/>
  <c r="T21392" i="1"/>
  <c r="T21393" i="1"/>
  <c r="T21394" i="1"/>
  <c r="T21395" i="1"/>
  <c r="T21396" i="1"/>
  <c r="T21397" i="1"/>
  <c r="T21398" i="1"/>
  <c r="T21399" i="1"/>
  <c r="T21400" i="1"/>
  <c r="T21401" i="1"/>
  <c r="T21402" i="1"/>
  <c r="T21403" i="1"/>
  <c r="T21404" i="1"/>
  <c r="T21405" i="1"/>
  <c r="T21406" i="1"/>
  <c r="T21407" i="1"/>
  <c r="T21408" i="1"/>
  <c r="T21409" i="1"/>
  <c r="T21410" i="1"/>
  <c r="T21411" i="1"/>
  <c r="T21412" i="1"/>
  <c r="T21413" i="1"/>
  <c r="T21414" i="1"/>
  <c r="T21415" i="1"/>
  <c r="T21416" i="1"/>
  <c r="T21417" i="1"/>
  <c r="T21418" i="1"/>
  <c r="T21419" i="1"/>
  <c r="T21420" i="1"/>
  <c r="T21421" i="1"/>
  <c r="T21422" i="1"/>
  <c r="T21423" i="1"/>
  <c r="T21424" i="1"/>
  <c r="T21425" i="1"/>
  <c r="T21426" i="1"/>
  <c r="T21427" i="1"/>
  <c r="T21428" i="1"/>
  <c r="T21429" i="1"/>
  <c r="T21430" i="1"/>
  <c r="T21431" i="1"/>
  <c r="T21432" i="1"/>
  <c r="T21433" i="1"/>
  <c r="T21434" i="1"/>
  <c r="T21435" i="1"/>
  <c r="T21436" i="1"/>
  <c r="T21437" i="1"/>
  <c r="T21438" i="1"/>
  <c r="T21439" i="1"/>
  <c r="T21440" i="1"/>
  <c r="T21441" i="1"/>
  <c r="T21442" i="1"/>
  <c r="T21443" i="1"/>
  <c r="T21444" i="1"/>
  <c r="T21445" i="1"/>
  <c r="T21446" i="1"/>
  <c r="T21447" i="1"/>
  <c r="T21448" i="1"/>
  <c r="T21449" i="1"/>
  <c r="T21450" i="1"/>
  <c r="T21451" i="1"/>
  <c r="T21452" i="1"/>
  <c r="T21453" i="1"/>
  <c r="T21454" i="1"/>
  <c r="T21455" i="1"/>
  <c r="T21456" i="1"/>
  <c r="T21457" i="1"/>
  <c r="T21458" i="1"/>
  <c r="T21459" i="1"/>
  <c r="T21460" i="1"/>
  <c r="T21461" i="1"/>
  <c r="T21462" i="1"/>
  <c r="T21463" i="1"/>
  <c r="T21464" i="1"/>
  <c r="T21465" i="1"/>
  <c r="T21466" i="1"/>
  <c r="T21467" i="1"/>
  <c r="T21468" i="1"/>
  <c r="T21469" i="1"/>
  <c r="T21470" i="1"/>
  <c r="T21471" i="1"/>
  <c r="T21472" i="1"/>
  <c r="T21473" i="1"/>
  <c r="T21474" i="1"/>
  <c r="T21475" i="1"/>
  <c r="T21476" i="1"/>
  <c r="T21477" i="1"/>
  <c r="T21478" i="1"/>
  <c r="T21479" i="1"/>
  <c r="T21480" i="1"/>
  <c r="T21481" i="1"/>
  <c r="T21482" i="1"/>
  <c r="T21483" i="1"/>
  <c r="T21484" i="1"/>
  <c r="T21485" i="1"/>
  <c r="T21486" i="1"/>
  <c r="T21487" i="1"/>
  <c r="T21488" i="1"/>
  <c r="T21489" i="1"/>
  <c r="T21490" i="1"/>
  <c r="T21491" i="1"/>
  <c r="T21492" i="1"/>
  <c r="T21493" i="1"/>
  <c r="T21494" i="1"/>
  <c r="T21495" i="1"/>
  <c r="T21496" i="1"/>
  <c r="T21497" i="1"/>
  <c r="T21498" i="1"/>
  <c r="T21499" i="1"/>
  <c r="T21500" i="1"/>
  <c r="T21501" i="1"/>
  <c r="T21502" i="1"/>
  <c r="T21503" i="1"/>
  <c r="T21504" i="1"/>
  <c r="T21505" i="1"/>
  <c r="T21506" i="1"/>
  <c r="T21507" i="1"/>
  <c r="T21508" i="1"/>
  <c r="T21509" i="1"/>
  <c r="T21510" i="1"/>
  <c r="T21511" i="1"/>
  <c r="T21512" i="1"/>
  <c r="T21513" i="1"/>
  <c r="T21514" i="1"/>
  <c r="T21515" i="1"/>
  <c r="T21516" i="1"/>
  <c r="T21517" i="1"/>
  <c r="T21518" i="1"/>
  <c r="T21519" i="1"/>
  <c r="T21520" i="1"/>
  <c r="T21521" i="1"/>
  <c r="T21522" i="1"/>
  <c r="T21523" i="1"/>
  <c r="T21524" i="1"/>
  <c r="T21525" i="1"/>
  <c r="T21526" i="1"/>
  <c r="T21527" i="1"/>
  <c r="T21528" i="1"/>
  <c r="T21529" i="1"/>
  <c r="T21530" i="1"/>
  <c r="T21531" i="1"/>
  <c r="T21532" i="1"/>
  <c r="T21533" i="1"/>
  <c r="T21534" i="1"/>
  <c r="T21535" i="1"/>
  <c r="T21536" i="1"/>
  <c r="T21537" i="1"/>
  <c r="T21538" i="1"/>
  <c r="T21539" i="1"/>
  <c r="T21540" i="1"/>
  <c r="T21541" i="1"/>
  <c r="T21542" i="1"/>
  <c r="T21543" i="1"/>
  <c r="T21544" i="1"/>
  <c r="T21545" i="1"/>
  <c r="T21546" i="1"/>
  <c r="T21547" i="1"/>
  <c r="T21548" i="1"/>
  <c r="T21549" i="1"/>
  <c r="T21550" i="1"/>
  <c r="T21551" i="1"/>
  <c r="T21552" i="1"/>
  <c r="T21553" i="1"/>
  <c r="T21554" i="1"/>
  <c r="T21555" i="1"/>
  <c r="T21556" i="1"/>
  <c r="T21557" i="1"/>
  <c r="T21558" i="1"/>
  <c r="T21559" i="1"/>
  <c r="T21560" i="1"/>
  <c r="T21561" i="1"/>
  <c r="T21562" i="1"/>
  <c r="T21563" i="1"/>
  <c r="T21564" i="1"/>
  <c r="T21565" i="1"/>
  <c r="T21566" i="1"/>
  <c r="T21567" i="1"/>
  <c r="T21568" i="1"/>
  <c r="T21569" i="1"/>
  <c r="T21570" i="1"/>
  <c r="T21571" i="1"/>
  <c r="T21572" i="1"/>
  <c r="T21573" i="1"/>
  <c r="T21574" i="1"/>
  <c r="T21575" i="1"/>
  <c r="T21576" i="1"/>
  <c r="T21577" i="1"/>
  <c r="T21578" i="1"/>
  <c r="T21579" i="1"/>
  <c r="T21580" i="1"/>
  <c r="T21581" i="1"/>
  <c r="T21582" i="1"/>
  <c r="T21583" i="1"/>
  <c r="T21584" i="1"/>
  <c r="T21585" i="1"/>
  <c r="T21586" i="1"/>
  <c r="T21587" i="1"/>
  <c r="T21588" i="1"/>
  <c r="T21589" i="1"/>
  <c r="T21590" i="1"/>
  <c r="T21591" i="1"/>
  <c r="T21592" i="1"/>
  <c r="T21593" i="1"/>
  <c r="T21594" i="1"/>
  <c r="T21595" i="1"/>
  <c r="T21596" i="1"/>
  <c r="T21597" i="1"/>
  <c r="T21598" i="1"/>
  <c r="T21599" i="1"/>
  <c r="T21600" i="1"/>
  <c r="T21601" i="1"/>
  <c r="T21602" i="1"/>
  <c r="T21603" i="1"/>
  <c r="T21604" i="1"/>
  <c r="T21605" i="1"/>
  <c r="T21606" i="1"/>
  <c r="T21607" i="1"/>
  <c r="T21608" i="1"/>
  <c r="T21609" i="1"/>
  <c r="T21610" i="1"/>
  <c r="T21611" i="1"/>
  <c r="T21612" i="1"/>
  <c r="T21613" i="1"/>
  <c r="T21614" i="1"/>
  <c r="T21615" i="1"/>
  <c r="T21616" i="1"/>
  <c r="T21617" i="1"/>
  <c r="T21618" i="1"/>
  <c r="T21619" i="1"/>
  <c r="T21620" i="1"/>
  <c r="T21621" i="1"/>
  <c r="T21622" i="1"/>
  <c r="T21623" i="1"/>
  <c r="T21624" i="1"/>
  <c r="T21625" i="1"/>
  <c r="T21626" i="1"/>
  <c r="T21627" i="1"/>
  <c r="T21628" i="1"/>
  <c r="T21629" i="1"/>
  <c r="T21630" i="1"/>
  <c r="T21631" i="1"/>
  <c r="T21632" i="1"/>
  <c r="T21633" i="1"/>
  <c r="T21634" i="1"/>
  <c r="T21635" i="1"/>
  <c r="T21636" i="1"/>
  <c r="T21637" i="1"/>
  <c r="T21638" i="1"/>
  <c r="T21639" i="1"/>
  <c r="T21640" i="1"/>
  <c r="T21641" i="1"/>
  <c r="T21642" i="1"/>
  <c r="T21643" i="1"/>
  <c r="T21644" i="1"/>
  <c r="T21645" i="1"/>
  <c r="T21646" i="1"/>
  <c r="T21647" i="1"/>
  <c r="T21648" i="1"/>
  <c r="T21649" i="1"/>
  <c r="T21650" i="1"/>
  <c r="T21651" i="1"/>
  <c r="T21652" i="1"/>
  <c r="T21653" i="1"/>
  <c r="T21654" i="1"/>
  <c r="T21655" i="1"/>
  <c r="T21656" i="1"/>
  <c r="T21657" i="1"/>
  <c r="T21658" i="1"/>
  <c r="T21659" i="1"/>
  <c r="T21660" i="1"/>
  <c r="T21661" i="1"/>
  <c r="T21662" i="1"/>
  <c r="T21663" i="1"/>
  <c r="T21664" i="1"/>
  <c r="T21665" i="1"/>
  <c r="T21666" i="1"/>
  <c r="T21667" i="1"/>
  <c r="T21668" i="1"/>
  <c r="T21669" i="1"/>
  <c r="T21670" i="1"/>
  <c r="T21671" i="1"/>
  <c r="T21672" i="1"/>
  <c r="T21673" i="1"/>
  <c r="T21674" i="1"/>
  <c r="T21675" i="1"/>
  <c r="T21676" i="1"/>
  <c r="T21677" i="1"/>
  <c r="T21678" i="1"/>
  <c r="T21679" i="1"/>
  <c r="T21680" i="1"/>
  <c r="T21681" i="1"/>
  <c r="T21682" i="1"/>
  <c r="T21683" i="1"/>
  <c r="T21684" i="1"/>
  <c r="T21685" i="1"/>
  <c r="T21686" i="1"/>
  <c r="T21687" i="1"/>
  <c r="T21688" i="1"/>
  <c r="T21689" i="1"/>
  <c r="T21690" i="1"/>
  <c r="T21691" i="1"/>
  <c r="T21692" i="1"/>
  <c r="T21693" i="1"/>
  <c r="T21694" i="1"/>
  <c r="T21695" i="1"/>
  <c r="T21696" i="1"/>
  <c r="T21697" i="1"/>
  <c r="T21698" i="1"/>
  <c r="T21699" i="1"/>
  <c r="T21700" i="1"/>
  <c r="T21701" i="1"/>
  <c r="T21702" i="1"/>
  <c r="T21703" i="1"/>
  <c r="T21704" i="1"/>
  <c r="T21705" i="1"/>
  <c r="T21706" i="1"/>
  <c r="T21707" i="1"/>
  <c r="T21708" i="1"/>
  <c r="T21709" i="1"/>
  <c r="T21710" i="1"/>
  <c r="T21711" i="1"/>
  <c r="T21712" i="1"/>
  <c r="T21713" i="1"/>
  <c r="T21714" i="1"/>
  <c r="T21715" i="1"/>
  <c r="T21716" i="1"/>
  <c r="T21717" i="1"/>
  <c r="T21718" i="1"/>
  <c r="T21719" i="1"/>
  <c r="T21720" i="1"/>
  <c r="T21721" i="1"/>
  <c r="T21722" i="1"/>
  <c r="T21723" i="1"/>
  <c r="T21724" i="1"/>
  <c r="T21725" i="1"/>
  <c r="T21726" i="1"/>
  <c r="T21727" i="1"/>
  <c r="T21728" i="1"/>
  <c r="T21729" i="1"/>
  <c r="T21730" i="1"/>
  <c r="T21731" i="1"/>
  <c r="T21732" i="1"/>
  <c r="T21733" i="1"/>
  <c r="T21734" i="1"/>
  <c r="T21735" i="1"/>
  <c r="T21736" i="1"/>
  <c r="T21737" i="1"/>
  <c r="T21738" i="1"/>
  <c r="T21739" i="1"/>
  <c r="T21740" i="1"/>
  <c r="T21741" i="1"/>
  <c r="T21742" i="1"/>
  <c r="T21743" i="1"/>
  <c r="T21744" i="1"/>
  <c r="T21745" i="1"/>
  <c r="T21746" i="1"/>
  <c r="T21747" i="1"/>
  <c r="T21748" i="1"/>
  <c r="T21749" i="1"/>
  <c r="T21750" i="1"/>
  <c r="T21751" i="1"/>
  <c r="T21752" i="1"/>
  <c r="T21753" i="1"/>
  <c r="T21754" i="1"/>
  <c r="T21755" i="1"/>
  <c r="T21756" i="1"/>
  <c r="T21757" i="1"/>
  <c r="T21758" i="1"/>
  <c r="T21759" i="1"/>
  <c r="T21760" i="1"/>
  <c r="T21761" i="1"/>
  <c r="T21762" i="1"/>
  <c r="T21763" i="1"/>
  <c r="T21764" i="1"/>
  <c r="T21765" i="1"/>
  <c r="T21766" i="1"/>
  <c r="T21767" i="1"/>
  <c r="T21768" i="1"/>
  <c r="T21769" i="1"/>
  <c r="T21770" i="1"/>
  <c r="T21771" i="1"/>
  <c r="T21772" i="1"/>
  <c r="T21773" i="1"/>
  <c r="T21774" i="1"/>
  <c r="T21775" i="1"/>
  <c r="T21776" i="1"/>
  <c r="T21777" i="1"/>
  <c r="T21778" i="1"/>
  <c r="T21779" i="1"/>
  <c r="T21780" i="1"/>
  <c r="T21781" i="1"/>
  <c r="T21782" i="1"/>
  <c r="T21783" i="1"/>
  <c r="T21784" i="1"/>
  <c r="T21785" i="1"/>
  <c r="T21786" i="1"/>
  <c r="T21787" i="1"/>
  <c r="T21788" i="1"/>
  <c r="T21789" i="1"/>
  <c r="T21790" i="1"/>
  <c r="T21791" i="1"/>
  <c r="T21792" i="1"/>
  <c r="T21793" i="1"/>
  <c r="T21794" i="1"/>
  <c r="T21795" i="1"/>
  <c r="T21796" i="1"/>
  <c r="T21797" i="1"/>
  <c r="T21798" i="1"/>
  <c r="T21799" i="1"/>
  <c r="T21800" i="1"/>
  <c r="T21801" i="1"/>
  <c r="T21802" i="1"/>
  <c r="T21803" i="1"/>
  <c r="T21804" i="1"/>
  <c r="T21805" i="1"/>
  <c r="T21806" i="1"/>
  <c r="T21807" i="1"/>
  <c r="T21808" i="1"/>
  <c r="T21809" i="1"/>
  <c r="T21810" i="1"/>
  <c r="T21811" i="1"/>
  <c r="T21812" i="1"/>
  <c r="T21813" i="1"/>
  <c r="T21814" i="1"/>
  <c r="T21815" i="1"/>
  <c r="T21816" i="1"/>
  <c r="T21817" i="1"/>
  <c r="T21818" i="1"/>
  <c r="T21819" i="1"/>
  <c r="T21820" i="1"/>
  <c r="T21821" i="1"/>
  <c r="T21822" i="1"/>
  <c r="T21823" i="1"/>
  <c r="T21824" i="1"/>
  <c r="T21825" i="1"/>
  <c r="T21826" i="1"/>
  <c r="T21827" i="1"/>
  <c r="T21828" i="1"/>
  <c r="T21829" i="1"/>
  <c r="T21830" i="1"/>
  <c r="T21831" i="1"/>
  <c r="T21832" i="1"/>
  <c r="T21833" i="1"/>
  <c r="T21834" i="1"/>
  <c r="T21835" i="1"/>
  <c r="T21836" i="1"/>
  <c r="T21837" i="1"/>
  <c r="T21838" i="1"/>
  <c r="T21839" i="1"/>
  <c r="T21840" i="1"/>
  <c r="T21841" i="1"/>
  <c r="T21842" i="1"/>
  <c r="T21843" i="1"/>
  <c r="T21844" i="1"/>
  <c r="T21845" i="1"/>
  <c r="T21846" i="1"/>
  <c r="T21847" i="1"/>
  <c r="T21848" i="1"/>
  <c r="T21849" i="1"/>
  <c r="T21850" i="1"/>
  <c r="T21851" i="1"/>
  <c r="T21852" i="1"/>
  <c r="T21853" i="1"/>
  <c r="T21854" i="1"/>
  <c r="T21855" i="1"/>
  <c r="T21856" i="1"/>
  <c r="T21857" i="1"/>
  <c r="T21858" i="1"/>
  <c r="T21859" i="1"/>
  <c r="T21860" i="1"/>
  <c r="T21861" i="1"/>
  <c r="T21862" i="1"/>
  <c r="T21863" i="1"/>
  <c r="T21864" i="1"/>
  <c r="T21865" i="1"/>
  <c r="T21866" i="1"/>
  <c r="T21867" i="1"/>
  <c r="T21868" i="1"/>
  <c r="T21869" i="1"/>
  <c r="T21870" i="1"/>
  <c r="T21871" i="1"/>
  <c r="T21872" i="1"/>
  <c r="T21873" i="1"/>
  <c r="T21874" i="1"/>
  <c r="T21875" i="1"/>
  <c r="T21876" i="1"/>
  <c r="T21877" i="1"/>
  <c r="T21878" i="1"/>
  <c r="T21879" i="1"/>
  <c r="T21880" i="1"/>
  <c r="T21881" i="1"/>
  <c r="T21882" i="1"/>
  <c r="T21883" i="1"/>
  <c r="T21884" i="1"/>
  <c r="T21885" i="1"/>
  <c r="T21886" i="1"/>
  <c r="T21887" i="1"/>
  <c r="T21888" i="1"/>
  <c r="T21889" i="1"/>
  <c r="T21890" i="1"/>
  <c r="T21891" i="1"/>
  <c r="T21892" i="1"/>
  <c r="T21893" i="1"/>
  <c r="T21894" i="1"/>
  <c r="T21895" i="1"/>
  <c r="T21896" i="1"/>
  <c r="T21897" i="1"/>
  <c r="T21898" i="1"/>
  <c r="T21899" i="1"/>
  <c r="T21900" i="1"/>
  <c r="T21901" i="1"/>
  <c r="T21902" i="1"/>
  <c r="T21903" i="1"/>
  <c r="T21904" i="1"/>
  <c r="T21905" i="1"/>
  <c r="T21906" i="1"/>
  <c r="T21907" i="1"/>
  <c r="T21908" i="1"/>
  <c r="T21909" i="1"/>
  <c r="T21910" i="1"/>
  <c r="T21911" i="1"/>
  <c r="T21912" i="1"/>
  <c r="T21913" i="1"/>
  <c r="T21914" i="1"/>
  <c r="T21915" i="1"/>
  <c r="T21916" i="1"/>
  <c r="T21917" i="1"/>
  <c r="T21918" i="1"/>
  <c r="T21919" i="1"/>
  <c r="T21920" i="1"/>
  <c r="T21921" i="1"/>
  <c r="T21922" i="1"/>
  <c r="T21923" i="1"/>
  <c r="T21924" i="1"/>
  <c r="T21925" i="1"/>
  <c r="T21926" i="1"/>
  <c r="T21927" i="1"/>
  <c r="T21928" i="1"/>
  <c r="T21929" i="1"/>
  <c r="T21930" i="1"/>
  <c r="T21931" i="1"/>
  <c r="T21932" i="1"/>
  <c r="T21933" i="1"/>
  <c r="T21934" i="1"/>
  <c r="T21935" i="1"/>
  <c r="T21936" i="1"/>
  <c r="T21937" i="1"/>
  <c r="T21938" i="1"/>
  <c r="T21939" i="1"/>
  <c r="T21940" i="1"/>
  <c r="T21941" i="1"/>
  <c r="T21942" i="1"/>
  <c r="T21943" i="1"/>
  <c r="T21944" i="1"/>
  <c r="T21945" i="1"/>
  <c r="T21946" i="1"/>
  <c r="T21947" i="1"/>
  <c r="T21948" i="1"/>
  <c r="T21949" i="1"/>
  <c r="T21950" i="1"/>
  <c r="T21951" i="1"/>
  <c r="T21952" i="1"/>
  <c r="T21953" i="1"/>
  <c r="T21954" i="1"/>
  <c r="T21955" i="1"/>
  <c r="T21956" i="1"/>
  <c r="T21957" i="1"/>
  <c r="T21958" i="1"/>
  <c r="T21959" i="1"/>
  <c r="T21960" i="1"/>
  <c r="T21961" i="1"/>
  <c r="T21962" i="1"/>
  <c r="T21963" i="1"/>
  <c r="T21964" i="1"/>
  <c r="T21965" i="1"/>
  <c r="T21966" i="1"/>
  <c r="T21967" i="1"/>
  <c r="T21968" i="1"/>
  <c r="T21969" i="1"/>
  <c r="T21970" i="1"/>
  <c r="T21971" i="1"/>
  <c r="T21972" i="1"/>
  <c r="T21973" i="1"/>
  <c r="T21974" i="1"/>
  <c r="T21975" i="1"/>
  <c r="T21976" i="1"/>
  <c r="T21977" i="1"/>
  <c r="T21978" i="1"/>
  <c r="T21979" i="1"/>
  <c r="T21980" i="1"/>
  <c r="T21981" i="1"/>
  <c r="T21982" i="1"/>
  <c r="T21983" i="1"/>
  <c r="T21984" i="1"/>
  <c r="T21985" i="1"/>
  <c r="T21986" i="1"/>
  <c r="T21987" i="1"/>
  <c r="T21988" i="1"/>
  <c r="T21989" i="1"/>
  <c r="T21990" i="1"/>
  <c r="T21991" i="1"/>
  <c r="T21992" i="1"/>
  <c r="T21993" i="1"/>
  <c r="T21994" i="1"/>
  <c r="T21995" i="1"/>
  <c r="T21996" i="1"/>
  <c r="T21997" i="1"/>
  <c r="T21998" i="1"/>
  <c r="T21999" i="1"/>
  <c r="T22000" i="1"/>
  <c r="T22001" i="1"/>
  <c r="T22002" i="1"/>
  <c r="T22003" i="1"/>
  <c r="T22004" i="1"/>
  <c r="T22005" i="1"/>
  <c r="T22006" i="1"/>
  <c r="T22007" i="1"/>
  <c r="T22008" i="1"/>
  <c r="T22009" i="1"/>
  <c r="T22010" i="1"/>
  <c r="T22011" i="1"/>
  <c r="T22012" i="1"/>
  <c r="T22013" i="1"/>
  <c r="T22014" i="1"/>
  <c r="T22015" i="1"/>
  <c r="T22016" i="1"/>
  <c r="T22017" i="1"/>
  <c r="T22018" i="1"/>
  <c r="T22019" i="1"/>
  <c r="T22020" i="1"/>
  <c r="T22021" i="1"/>
  <c r="T22022" i="1"/>
  <c r="T22023" i="1"/>
  <c r="T22024" i="1"/>
  <c r="T22025" i="1"/>
  <c r="T22026" i="1"/>
  <c r="T22027" i="1"/>
  <c r="T22028" i="1"/>
  <c r="T22029" i="1"/>
  <c r="T22030" i="1"/>
  <c r="T22031" i="1"/>
  <c r="T22032" i="1"/>
  <c r="T22033" i="1"/>
  <c r="T22034" i="1"/>
  <c r="T22035" i="1"/>
  <c r="T22036" i="1"/>
  <c r="T22037" i="1"/>
  <c r="T22038" i="1"/>
  <c r="T22039" i="1"/>
  <c r="T22040" i="1"/>
  <c r="T22041" i="1"/>
  <c r="T22042" i="1"/>
  <c r="T22043" i="1"/>
  <c r="T22044" i="1"/>
  <c r="T22045" i="1"/>
  <c r="T22046" i="1"/>
  <c r="T22047" i="1"/>
  <c r="T22048" i="1"/>
  <c r="T22049" i="1"/>
  <c r="T22050" i="1"/>
  <c r="T22051" i="1"/>
  <c r="T22052" i="1"/>
  <c r="T22053" i="1"/>
  <c r="T22054" i="1"/>
  <c r="T22055" i="1"/>
  <c r="T22056" i="1"/>
  <c r="T22057" i="1"/>
  <c r="T22058" i="1"/>
  <c r="T22059" i="1"/>
  <c r="T22060" i="1"/>
  <c r="T22061" i="1"/>
  <c r="T22062" i="1"/>
  <c r="T22063" i="1"/>
  <c r="T22064" i="1"/>
  <c r="T22065" i="1"/>
  <c r="T22066" i="1"/>
  <c r="T22067" i="1"/>
  <c r="T22068" i="1"/>
  <c r="T22069" i="1"/>
  <c r="T22070" i="1"/>
  <c r="T22071" i="1"/>
  <c r="T22072" i="1"/>
  <c r="T22073" i="1"/>
  <c r="T22074" i="1"/>
  <c r="T22075" i="1"/>
  <c r="T22076" i="1"/>
  <c r="T22077" i="1"/>
  <c r="T22078" i="1"/>
  <c r="T22079" i="1"/>
  <c r="T22080" i="1"/>
  <c r="T22081" i="1"/>
  <c r="T22082" i="1"/>
  <c r="T22083" i="1"/>
  <c r="T22084" i="1"/>
  <c r="T22085" i="1"/>
  <c r="T22086" i="1"/>
  <c r="T22087" i="1"/>
  <c r="T22088" i="1"/>
  <c r="T22089" i="1"/>
  <c r="T22090" i="1"/>
  <c r="T22091" i="1"/>
  <c r="T22092" i="1"/>
  <c r="T22093" i="1"/>
  <c r="T22094" i="1"/>
  <c r="T22095" i="1"/>
  <c r="T22096" i="1"/>
  <c r="T22097" i="1"/>
  <c r="T22098" i="1"/>
  <c r="T22099" i="1"/>
  <c r="T22100" i="1"/>
  <c r="T22101" i="1"/>
  <c r="T22102" i="1"/>
  <c r="T22103" i="1"/>
  <c r="T22104" i="1"/>
  <c r="T22105" i="1"/>
  <c r="T22106" i="1"/>
  <c r="T22107" i="1"/>
  <c r="T22108" i="1"/>
  <c r="T22109" i="1"/>
  <c r="T22110" i="1"/>
  <c r="T22111" i="1"/>
  <c r="T22112" i="1"/>
  <c r="T22113" i="1"/>
  <c r="T22114" i="1"/>
  <c r="T22115" i="1"/>
  <c r="T22116" i="1"/>
  <c r="T22117" i="1"/>
  <c r="T22118" i="1"/>
  <c r="T22119" i="1"/>
  <c r="T22120" i="1"/>
  <c r="T22121" i="1"/>
  <c r="T22122" i="1"/>
  <c r="T22123" i="1"/>
  <c r="T22124" i="1"/>
  <c r="T22125" i="1"/>
  <c r="T22126" i="1"/>
  <c r="T22127" i="1"/>
  <c r="T22128" i="1"/>
  <c r="T22129" i="1"/>
  <c r="T22130" i="1"/>
  <c r="T22131" i="1"/>
  <c r="T22132" i="1"/>
  <c r="T22133" i="1"/>
  <c r="T22134" i="1"/>
  <c r="T22135" i="1"/>
  <c r="T22136" i="1"/>
  <c r="T22137" i="1"/>
  <c r="T22138" i="1"/>
  <c r="T22139" i="1"/>
  <c r="T22140" i="1"/>
  <c r="T22141" i="1"/>
  <c r="T22142" i="1"/>
  <c r="T22143" i="1"/>
  <c r="T22144" i="1"/>
  <c r="T22145" i="1"/>
  <c r="T22146" i="1"/>
  <c r="T22147" i="1"/>
  <c r="T22148" i="1"/>
  <c r="T22149" i="1"/>
  <c r="T22150" i="1"/>
  <c r="T22151" i="1"/>
  <c r="T22152" i="1"/>
  <c r="T22153" i="1"/>
  <c r="T22154" i="1"/>
  <c r="T22155" i="1"/>
  <c r="T22156" i="1"/>
  <c r="T22157" i="1"/>
  <c r="T22158" i="1"/>
  <c r="T22159" i="1"/>
  <c r="T22160" i="1"/>
  <c r="T22161" i="1"/>
  <c r="T22162" i="1"/>
  <c r="T22163" i="1"/>
  <c r="T22164" i="1"/>
  <c r="T22165" i="1"/>
  <c r="T22166" i="1"/>
  <c r="T22167" i="1"/>
  <c r="T22168" i="1"/>
  <c r="T22169" i="1"/>
  <c r="T22170" i="1"/>
  <c r="T22171" i="1"/>
  <c r="T22172" i="1"/>
  <c r="T22173" i="1"/>
  <c r="T22174" i="1"/>
  <c r="T22175" i="1"/>
  <c r="T22176" i="1"/>
  <c r="T22177" i="1"/>
  <c r="T22178" i="1"/>
  <c r="T22179" i="1"/>
  <c r="T22180" i="1"/>
  <c r="T22181" i="1"/>
  <c r="T22182" i="1"/>
  <c r="T22183" i="1"/>
  <c r="T22184" i="1"/>
  <c r="T22185" i="1"/>
  <c r="T22186" i="1"/>
  <c r="T22187" i="1"/>
  <c r="T22188" i="1"/>
  <c r="T22189" i="1"/>
  <c r="T22190" i="1"/>
  <c r="T22191" i="1"/>
  <c r="T22192" i="1"/>
  <c r="T22193" i="1"/>
  <c r="T22194" i="1"/>
  <c r="T22195" i="1"/>
  <c r="T22196" i="1"/>
  <c r="T22197" i="1"/>
  <c r="T22198" i="1"/>
  <c r="T22199" i="1"/>
  <c r="T22200" i="1"/>
  <c r="T22201" i="1"/>
  <c r="T22202" i="1"/>
  <c r="T22203" i="1"/>
  <c r="T22204" i="1"/>
  <c r="T22205" i="1"/>
  <c r="T22206" i="1"/>
  <c r="T22207" i="1"/>
  <c r="T22208" i="1"/>
  <c r="T22209" i="1"/>
  <c r="T22210" i="1"/>
  <c r="T22211" i="1"/>
  <c r="T22212" i="1"/>
  <c r="T22213" i="1"/>
  <c r="T22214" i="1"/>
  <c r="T22215" i="1"/>
  <c r="T22216" i="1"/>
  <c r="T22217" i="1"/>
  <c r="T22218" i="1"/>
  <c r="T22219" i="1"/>
  <c r="T22220" i="1"/>
  <c r="T22221" i="1"/>
  <c r="T22222" i="1"/>
  <c r="T22223" i="1"/>
  <c r="T22224" i="1"/>
  <c r="T22225" i="1"/>
  <c r="T22226" i="1"/>
  <c r="T22227" i="1"/>
  <c r="T22228" i="1"/>
  <c r="T22229" i="1"/>
  <c r="T22230" i="1"/>
  <c r="T22231" i="1"/>
  <c r="T22232" i="1"/>
  <c r="T22233" i="1"/>
  <c r="T22234" i="1"/>
  <c r="T22235" i="1"/>
  <c r="T22236" i="1"/>
  <c r="T22237" i="1"/>
  <c r="T22238" i="1"/>
  <c r="T22239" i="1"/>
  <c r="T22240" i="1"/>
  <c r="T22241" i="1"/>
  <c r="T22242" i="1"/>
  <c r="T22243" i="1"/>
  <c r="T22244" i="1"/>
  <c r="T22245" i="1"/>
  <c r="T22246" i="1"/>
  <c r="T22247" i="1"/>
  <c r="T22248" i="1"/>
  <c r="T22249" i="1"/>
  <c r="T22250" i="1"/>
  <c r="T22251" i="1"/>
  <c r="T22252" i="1"/>
  <c r="T22253" i="1"/>
  <c r="T22254" i="1"/>
  <c r="T22255" i="1"/>
  <c r="T22256" i="1"/>
  <c r="T22257" i="1"/>
  <c r="T22258" i="1"/>
  <c r="T22259" i="1"/>
  <c r="T22260" i="1"/>
  <c r="T22261" i="1"/>
  <c r="T22262" i="1"/>
  <c r="T22263" i="1"/>
  <c r="T22264" i="1"/>
  <c r="T22265" i="1"/>
  <c r="T22266" i="1"/>
  <c r="T22267" i="1"/>
  <c r="T22268" i="1"/>
  <c r="T22269" i="1"/>
  <c r="T22270" i="1"/>
  <c r="T22271" i="1"/>
  <c r="T22272" i="1"/>
  <c r="T22273" i="1"/>
  <c r="T22274" i="1"/>
  <c r="T22275" i="1"/>
  <c r="T22276" i="1"/>
  <c r="T22277" i="1"/>
  <c r="T22278" i="1"/>
  <c r="T22279" i="1"/>
  <c r="T22280" i="1"/>
  <c r="T22281" i="1"/>
  <c r="T22282" i="1"/>
  <c r="T22283" i="1"/>
  <c r="T22284" i="1"/>
  <c r="T22285" i="1"/>
  <c r="T22286" i="1"/>
  <c r="T22287" i="1"/>
  <c r="T22288" i="1"/>
  <c r="T22289" i="1"/>
  <c r="T22290" i="1"/>
  <c r="T22291" i="1"/>
  <c r="T22292" i="1"/>
  <c r="T22293" i="1"/>
  <c r="T22294" i="1"/>
  <c r="T22295" i="1"/>
  <c r="T22296" i="1"/>
  <c r="T22297" i="1"/>
  <c r="T22298" i="1"/>
  <c r="T22299" i="1"/>
  <c r="T22300" i="1"/>
  <c r="T22301" i="1"/>
  <c r="T22302" i="1"/>
  <c r="T22303" i="1"/>
  <c r="T22304" i="1"/>
  <c r="T22305" i="1"/>
  <c r="T22306" i="1"/>
  <c r="T22307" i="1"/>
  <c r="T22308" i="1"/>
  <c r="T22309" i="1"/>
  <c r="T22310" i="1"/>
  <c r="T22311" i="1"/>
  <c r="T22312" i="1"/>
  <c r="T22313" i="1"/>
  <c r="T22314" i="1"/>
  <c r="T22315" i="1"/>
  <c r="T22316" i="1"/>
  <c r="T22317" i="1"/>
  <c r="T22318" i="1"/>
  <c r="T22319" i="1"/>
  <c r="T22320" i="1"/>
  <c r="T22321" i="1"/>
  <c r="T22322" i="1"/>
  <c r="T22323" i="1"/>
  <c r="T22324" i="1"/>
  <c r="T22325" i="1"/>
  <c r="T22326" i="1"/>
  <c r="T22327" i="1"/>
  <c r="T22328" i="1"/>
  <c r="T22329" i="1"/>
  <c r="T22330" i="1"/>
  <c r="T22331" i="1"/>
  <c r="T22332" i="1"/>
  <c r="T22333" i="1"/>
  <c r="T22334" i="1"/>
  <c r="T22335" i="1"/>
  <c r="T22336" i="1"/>
  <c r="T22337" i="1"/>
  <c r="T22338" i="1"/>
  <c r="T22339" i="1"/>
  <c r="T22340" i="1"/>
  <c r="T22341" i="1"/>
  <c r="T22342" i="1"/>
  <c r="T22343" i="1"/>
  <c r="T22344" i="1"/>
  <c r="T22345" i="1"/>
  <c r="T22346" i="1"/>
  <c r="T22347" i="1"/>
  <c r="T22348" i="1"/>
  <c r="T22349" i="1"/>
  <c r="T22350" i="1"/>
  <c r="T22351" i="1"/>
  <c r="T22352" i="1"/>
  <c r="T22353" i="1"/>
  <c r="T22354" i="1"/>
  <c r="T22355" i="1"/>
  <c r="T22356" i="1"/>
  <c r="T22357" i="1"/>
  <c r="T22358" i="1"/>
  <c r="T22359" i="1"/>
  <c r="T22360" i="1"/>
  <c r="T22361" i="1"/>
  <c r="T22362" i="1"/>
  <c r="T22363" i="1"/>
  <c r="T22364" i="1"/>
  <c r="T22365" i="1"/>
  <c r="T22366" i="1"/>
  <c r="T22367" i="1"/>
  <c r="T22368" i="1"/>
  <c r="T22369" i="1"/>
  <c r="T22370" i="1"/>
  <c r="T22371" i="1"/>
  <c r="T22372" i="1"/>
  <c r="T22373" i="1"/>
  <c r="T22374" i="1"/>
  <c r="T22375" i="1"/>
  <c r="T22376" i="1"/>
  <c r="T22377" i="1"/>
  <c r="T22378" i="1"/>
  <c r="T22379" i="1"/>
  <c r="T22380" i="1"/>
  <c r="T22381" i="1"/>
  <c r="T22382" i="1"/>
  <c r="T22383" i="1"/>
  <c r="T22384" i="1"/>
  <c r="T22385" i="1"/>
  <c r="T22386" i="1"/>
  <c r="T22387" i="1"/>
  <c r="T22388" i="1"/>
  <c r="T22389" i="1"/>
  <c r="T22390" i="1"/>
  <c r="T22391" i="1"/>
  <c r="T22392" i="1"/>
  <c r="T22393" i="1"/>
  <c r="T22394" i="1"/>
  <c r="T22395" i="1"/>
  <c r="T22396" i="1"/>
  <c r="T22397" i="1"/>
  <c r="T22398" i="1"/>
  <c r="T22399" i="1"/>
  <c r="T22400" i="1"/>
  <c r="T22401" i="1"/>
  <c r="T22402" i="1"/>
  <c r="T22403" i="1"/>
  <c r="T22404" i="1"/>
  <c r="T22405" i="1"/>
  <c r="T22406" i="1"/>
  <c r="T22407" i="1"/>
  <c r="T22408" i="1"/>
  <c r="T22409" i="1"/>
  <c r="T22410" i="1"/>
  <c r="T22411" i="1"/>
  <c r="T22412" i="1"/>
  <c r="T22413" i="1"/>
  <c r="T22414" i="1"/>
  <c r="T22415" i="1"/>
  <c r="T22416" i="1"/>
  <c r="T22417" i="1"/>
  <c r="T22418" i="1"/>
  <c r="T22419" i="1"/>
  <c r="T22420" i="1"/>
  <c r="T22421" i="1"/>
  <c r="T22422" i="1"/>
  <c r="T22423" i="1"/>
  <c r="T22424" i="1"/>
  <c r="T22425" i="1"/>
  <c r="T22426" i="1"/>
  <c r="T22427" i="1"/>
  <c r="T22428" i="1"/>
  <c r="T22429" i="1"/>
  <c r="T22430" i="1"/>
  <c r="T22431" i="1"/>
  <c r="T22432" i="1"/>
  <c r="T22433" i="1"/>
  <c r="T22434" i="1"/>
  <c r="T22435" i="1"/>
  <c r="T22436" i="1"/>
  <c r="T22437" i="1"/>
  <c r="T22438" i="1"/>
  <c r="T22439" i="1"/>
  <c r="T22440" i="1"/>
  <c r="T22441" i="1"/>
  <c r="T22442" i="1"/>
  <c r="T22443" i="1"/>
  <c r="T22444" i="1"/>
  <c r="T22445" i="1"/>
  <c r="T22446" i="1"/>
  <c r="T22447" i="1"/>
  <c r="T22448" i="1"/>
  <c r="T22449" i="1"/>
  <c r="T22450" i="1"/>
  <c r="T22451" i="1"/>
  <c r="T22452" i="1"/>
  <c r="T22453" i="1"/>
  <c r="T22454" i="1"/>
  <c r="T22455" i="1"/>
  <c r="T22456" i="1"/>
  <c r="T22457" i="1"/>
  <c r="T22458" i="1"/>
  <c r="T22459" i="1"/>
  <c r="T22460" i="1"/>
  <c r="T22461" i="1"/>
  <c r="T22462" i="1"/>
  <c r="T22463" i="1"/>
  <c r="T22464" i="1"/>
  <c r="T22465" i="1"/>
  <c r="T22466" i="1"/>
  <c r="T22467" i="1"/>
  <c r="T22468" i="1"/>
  <c r="T22469" i="1"/>
  <c r="T22470" i="1"/>
  <c r="T22471" i="1"/>
  <c r="T22472" i="1"/>
  <c r="T22473" i="1"/>
  <c r="T22474" i="1"/>
  <c r="T22475" i="1"/>
  <c r="T22476" i="1"/>
  <c r="T22477" i="1"/>
  <c r="T22478" i="1"/>
  <c r="T22479" i="1"/>
  <c r="T22480" i="1"/>
  <c r="T22481" i="1"/>
  <c r="T22482" i="1"/>
  <c r="T22483" i="1"/>
  <c r="T22484" i="1"/>
  <c r="T22485" i="1"/>
  <c r="T22486" i="1"/>
  <c r="T22487" i="1"/>
  <c r="T22488" i="1"/>
  <c r="T22489" i="1"/>
  <c r="T22490" i="1"/>
  <c r="T22491" i="1"/>
  <c r="T22492" i="1"/>
  <c r="T22493" i="1"/>
  <c r="T22494" i="1"/>
  <c r="T22495" i="1"/>
  <c r="T22496" i="1"/>
  <c r="T22497" i="1"/>
  <c r="T22498" i="1"/>
  <c r="T22499" i="1"/>
  <c r="T22500" i="1"/>
  <c r="T22501" i="1"/>
  <c r="T22502" i="1"/>
  <c r="T22503" i="1"/>
  <c r="T22504" i="1"/>
  <c r="T22505" i="1"/>
  <c r="T22506" i="1"/>
  <c r="T22507" i="1"/>
  <c r="T22508" i="1"/>
  <c r="T22509" i="1"/>
  <c r="T22510" i="1"/>
  <c r="T22511" i="1"/>
  <c r="T22512" i="1"/>
  <c r="T22513" i="1"/>
  <c r="T22514" i="1"/>
  <c r="T22515" i="1"/>
  <c r="T22516" i="1"/>
  <c r="T22517" i="1"/>
  <c r="T22518" i="1"/>
  <c r="T22519" i="1"/>
  <c r="T22520" i="1"/>
  <c r="T22521" i="1"/>
  <c r="T22522" i="1"/>
  <c r="T22523" i="1"/>
  <c r="T22524" i="1"/>
  <c r="T22525" i="1"/>
  <c r="T22526" i="1"/>
  <c r="T22527" i="1"/>
  <c r="T22528" i="1"/>
  <c r="T22529" i="1"/>
  <c r="T22530" i="1"/>
  <c r="T22531" i="1"/>
  <c r="T22532" i="1"/>
  <c r="T22533" i="1"/>
  <c r="T22534" i="1"/>
  <c r="T22535" i="1"/>
  <c r="T22536" i="1"/>
  <c r="T22537" i="1"/>
  <c r="T22538" i="1"/>
  <c r="T22539" i="1"/>
  <c r="T22540" i="1"/>
  <c r="T22541" i="1"/>
  <c r="T22542" i="1"/>
  <c r="T22543" i="1"/>
  <c r="T22544" i="1"/>
  <c r="T22545" i="1"/>
  <c r="T22546" i="1"/>
  <c r="T22547" i="1"/>
  <c r="T22548" i="1"/>
  <c r="T22549" i="1"/>
  <c r="T22550" i="1"/>
  <c r="T22551" i="1"/>
  <c r="T22552" i="1"/>
  <c r="T22553" i="1"/>
  <c r="T22554" i="1"/>
  <c r="T22555" i="1"/>
  <c r="T22556" i="1"/>
  <c r="T22557" i="1"/>
  <c r="T22558" i="1"/>
  <c r="T22559" i="1"/>
  <c r="T22560" i="1"/>
  <c r="T22561" i="1"/>
  <c r="T22562" i="1"/>
  <c r="T22563" i="1"/>
  <c r="T22564" i="1"/>
  <c r="T22565" i="1"/>
  <c r="T22566" i="1"/>
  <c r="T22567" i="1"/>
  <c r="T22568" i="1"/>
  <c r="T22569" i="1"/>
  <c r="T22570" i="1"/>
  <c r="T22571" i="1"/>
  <c r="T22572" i="1"/>
  <c r="T22573" i="1"/>
  <c r="T22574" i="1"/>
  <c r="T22575" i="1"/>
  <c r="T22576" i="1"/>
  <c r="T22577" i="1"/>
  <c r="T22578" i="1"/>
  <c r="T22579" i="1"/>
  <c r="T22580" i="1"/>
  <c r="T22581" i="1"/>
  <c r="T22582" i="1"/>
  <c r="T22583" i="1"/>
  <c r="T22584" i="1"/>
  <c r="T22585" i="1"/>
  <c r="T22586" i="1"/>
  <c r="T22587" i="1"/>
  <c r="T22588" i="1"/>
  <c r="T22589" i="1"/>
  <c r="T22590" i="1"/>
  <c r="T22591" i="1"/>
  <c r="T22592" i="1"/>
  <c r="T22593" i="1"/>
  <c r="T22594" i="1"/>
  <c r="T22595" i="1"/>
  <c r="T22596" i="1"/>
  <c r="T22597" i="1"/>
  <c r="T22598" i="1"/>
  <c r="T22599" i="1"/>
  <c r="T22600" i="1"/>
  <c r="T22601" i="1"/>
  <c r="T22602" i="1"/>
  <c r="T22603" i="1"/>
  <c r="T22604" i="1"/>
  <c r="T22605" i="1"/>
  <c r="T22606" i="1"/>
  <c r="T22607" i="1"/>
  <c r="T22608" i="1"/>
  <c r="T22609" i="1"/>
  <c r="T22610" i="1"/>
  <c r="T22611" i="1"/>
  <c r="T22612" i="1"/>
  <c r="T22613" i="1"/>
  <c r="T22614" i="1"/>
  <c r="T22615" i="1"/>
  <c r="T22616" i="1"/>
  <c r="T22617" i="1"/>
  <c r="T22618" i="1"/>
  <c r="T22619" i="1"/>
  <c r="T22620" i="1"/>
  <c r="T22621" i="1"/>
  <c r="T22622" i="1"/>
  <c r="T22623" i="1"/>
  <c r="T22624" i="1"/>
  <c r="T22625" i="1"/>
  <c r="T22626" i="1"/>
  <c r="T22627" i="1"/>
  <c r="T22628" i="1"/>
  <c r="T22629" i="1"/>
  <c r="T22630" i="1"/>
  <c r="T22631" i="1"/>
  <c r="T22632" i="1"/>
  <c r="T22633" i="1"/>
  <c r="T22634" i="1"/>
  <c r="T22635" i="1"/>
  <c r="T22636" i="1"/>
  <c r="T22637" i="1"/>
  <c r="T22638" i="1"/>
  <c r="T22639" i="1"/>
  <c r="T22640" i="1"/>
  <c r="T22641" i="1"/>
  <c r="T22642" i="1"/>
  <c r="T22643" i="1"/>
  <c r="T22644" i="1"/>
  <c r="T22645" i="1"/>
  <c r="T22646" i="1"/>
  <c r="T22647" i="1"/>
  <c r="T22648" i="1"/>
  <c r="T22649" i="1"/>
  <c r="T22650" i="1"/>
  <c r="T22651" i="1"/>
  <c r="T22652" i="1"/>
  <c r="T22653" i="1"/>
  <c r="T22654" i="1"/>
  <c r="T22655" i="1"/>
  <c r="T22656" i="1"/>
  <c r="T22657" i="1"/>
  <c r="T22658" i="1"/>
  <c r="T22659" i="1"/>
  <c r="T22660" i="1"/>
  <c r="T22661" i="1"/>
  <c r="T22662" i="1"/>
  <c r="T22663" i="1"/>
  <c r="T22664" i="1"/>
  <c r="T22665" i="1"/>
  <c r="T22666" i="1"/>
  <c r="T22667" i="1"/>
  <c r="T22668" i="1"/>
  <c r="T22669" i="1"/>
  <c r="T22670" i="1"/>
  <c r="T22671" i="1"/>
  <c r="T22672" i="1"/>
  <c r="T22673" i="1"/>
  <c r="T22674" i="1"/>
  <c r="T22675" i="1"/>
  <c r="T22676" i="1"/>
  <c r="T22677" i="1"/>
  <c r="T22678" i="1"/>
  <c r="T22679" i="1"/>
  <c r="T22680" i="1"/>
  <c r="T22681" i="1"/>
  <c r="T22682" i="1"/>
  <c r="T22683" i="1"/>
  <c r="T22684" i="1"/>
  <c r="T22685" i="1"/>
  <c r="T22686" i="1"/>
  <c r="T22687" i="1"/>
  <c r="T22688" i="1"/>
  <c r="T22689" i="1"/>
  <c r="T22690" i="1"/>
  <c r="T22691" i="1"/>
  <c r="T22692" i="1"/>
  <c r="T22693" i="1"/>
  <c r="T22694" i="1"/>
  <c r="T22695" i="1"/>
  <c r="T22696" i="1"/>
  <c r="T22697" i="1"/>
  <c r="T22698" i="1"/>
  <c r="T22699" i="1"/>
  <c r="T22700" i="1"/>
  <c r="T22701" i="1"/>
  <c r="T22702" i="1"/>
  <c r="T22703" i="1"/>
  <c r="T22704" i="1"/>
  <c r="T22705" i="1"/>
  <c r="T22706" i="1"/>
  <c r="T22707" i="1"/>
  <c r="T22708" i="1"/>
  <c r="T22709" i="1"/>
  <c r="T22710" i="1"/>
  <c r="T22711" i="1"/>
  <c r="T22712" i="1"/>
  <c r="T22713" i="1"/>
  <c r="T22714" i="1"/>
  <c r="T22715" i="1"/>
  <c r="T22716" i="1"/>
  <c r="T22717" i="1"/>
  <c r="T22718" i="1"/>
  <c r="T22719" i="1"/>
  <c r="T22720" i="1"/>
  <c r="T22721" i="1"/>
  <c r="T22722" i="1"/>
  <c r="T22723" i="1"/>
  <c r="T22724" i="1"/>
  <c r="T22725" i="1"/>
  <c r="T22726" i="1"/>
  <c r="T22727" i="1"/>
  <c r="T22728" i="1"/>
  <c r="T22729" i="1"/>
  <c r="T22730" i="1"/>
  <c r="T22731" i="1"/>
  <c r="T22732" i="1"/>
  <c r="T22733" i="1"/>
  <c r="T22734" i="1"/>
  <c r="T22735" i="1"/>
  <c r="T22736" i="1"/>
  <c r="T22737" i="1"/>
  <c r="T22738" i="1"/>
  <c r="T22739" i="1"/>
  <c r="T22740" i="1"/>
  <c r="T22741" i="1"/>
  <c r="T22742" i="1"/>
  <c r="T22743" i="1"/>
  <c r="T22744" i="1"/>
  <c r="T22745" i="1"/>
  <c r="T22746" i="1"/>
  <c r="T22747" i="1"/>
  <c r="T22748" i="1"/>
  <c r="T22749" i="1"/>
  <c r="T22750" i="1"/>
  <c r="T22751" i="1"/>
  <c r="T22752" i="1"/>
  <c r="T22753" i="1"/>
  <c r="T22754" i="1"/>
  <c r="T22755" i="1"/>
  <c r="T22756" i="1"/>
  <c r="T22757" i="1"/>
  <c r="T22758" i="1"/>
  <c r="T22759" i="1"/>
  <c r="T22760" i="1"/>
  <c r="T22761" i="1"/>
  <c r="T22762" i="1"/>
  <c r="T22763" i="1"/>
  <c r="T22764" i="1"/>
  <c r="T22765" i="1"/>
  <c r="T22766" i="1"/>
  <c r="T22767" i="1"/>
  <c r="T22768" i="1"/>
  <c r="T22769" i="1"/>
  <c r="T22770" i="1"/>
  <c r="T22771" i="1"/>
  <c r="T22772" i="1"/>
  <c r="T22773" i="1"/>
  <c r="T22774" i="1"/>
  <c r="T22775" i="1"/>
  <c r="T22776" i="1"/>
  <c r="T22777" i="1"/>
  <c r="T22778" i="1"/>
  <c r="T22779" i="1"/>
  <c r="T22780" i="1"/>
  <c r="T22781" i="1"/>
  <c r="T22782" i="1"/>
  <c r="T22783" i="1"/>
  <c r="T22784" i="1"/>
  <c r="T22785" i="1"/>
  <c r="T22786" i="1"/>
  <c r="T22787" i="1"/>
  <c r="T22788" i="1"/>
  <c r="T22789" i="1"/>
  <c r="T22790" i="1"/>
  <c r="T22791" i="1"/>
  <c r="T22792" i="1"/>
  <c r="T22793" i="1"/>
  <c r="T22794" i="1"/>
  <c r="T22795" i="1"/>
  <c r="T22796" i="1"/>
  <c r="T22797" i="1"/>
  <c r="T22798" i="1"/>
  <c r="T22799" i="1"/>
  <c r="T22800" i="1"/>
  <c r="T22801" i="1"/>
  <c r="T22802" i="1"/>
  <c r="T22803" i="1"/>
  <c r="T22804" i="1"/>
  <c r="T22805" i="1"/>
  <c r="T22806" i="1"/>
  <c r="T22807" i="1"/>
  <c r="T22808" i="1"/>
  <c r="T22809" i="1"/>
  <c r="T22810" i="1"/>
  <c r="T22811" i="1"/>
  <c r="T22812" i="1"/>
  <c r="T22813" i="1"/>
  <c r="T22814" i="1"/>
  <c r="T22815" i="1"/>
  <c r="T22816" i="1"/>
  <c r="T22817" i="1"/>
  <c r="T22818" i="1"/>
  <c r="T22819" i="1"/>
  <c r="T22820" i="1"/>
  <c r="T22821" i="1"/>
  <c r="T22822" i="1"/>
  <c r="T22823" i="1"/>
  <c r="T22824" i="1"/>
  <c r="T22825" i="1"/>
  <c r="T22826" i="1"/>
  <c r="T22827" i="1"/>
  <c r="T22828" i="1"/>
  <c r="T22829" i="1"/>
  <c r="T22830" i="1"/>
  <c r="T22831" i="1"/>
  <c r="T22832" i="1"/>
  <c r="T22833" i="1"/>
  <c r="T22834" i="1"/>
  <c r="T22835" i="1"/>
  <c r="T22836" i="1"/>
  <c r="T22837" i="1"/>
  <c r="T22838" i="1"/>
  <c r="T22839" i="1"/>
  <c r="T22840" i="1"/>
  <c r="T22841" i="1"/>
  <c r="T22842" i="1"/>
  <c r="T22843" i="1"/>
  <c r="T22844" i="1"/>
  <c r="T22845" i="1"/>
  <c r="T22846" i="1"/>
  <c r="T22847" i="1"/>
  <c r="T22848" i="1"/>
  <c r="T22849" i="1"/>
  <c r="T22850" i="1"/>
  <c r="T22851" i="1"/>
  <c r="T22852" i="1"/>
  <c r="T22853" i="1"/>
  <c r="T22854" i="1"/>
  <c r="T22855" i="1"/>
  <c r="T22856" i="1"/>
  <c r="T22857" i="1"/>
  <c r="T22858" i="1"/>
  <c r="T22859" i="1"/>
  <c r="T22860" i="1"/>
  <c r="T22861" i="1"/>
  <c r="T22862" i="1"/>
  <c r="T22863" i="1"/>
  <c r="T22864" i="1"/>
  <c r="T22865" i="1"/>
  <c r="T22866" i="1"/>
  <c r="T22867" i="1"/>
  <c r="T22868" i="1"/>
  <c r="T22869" i="1"/>
  <c r="T22870" i="1"/>
  <c r="T22871" i="1"/>
  <c r="T22872" i="1"/>
  <c r="T22873" i="1"/>
  <c r="T22874" i="1"/>
  <c r="T22875" i="1"/>
  <c r="T22876" i="1"/>
  <c r="T22877" i="1"/>
  <c r="T22878" i="1"/>
  <c r="T22879" i="1"/>
  <c r="T22880" i="1"/>
  <c r="T22881" i="1"/>
  <c r="T22882" i="1"/>
  <c r="T22883" i="1"/>
  <c r="T22884" i="1"/>
  <c r="T22885" i="1"/>
  <c r="T22886" i="1"/>
  <c r="T22887" i="1"/>
  <c r="T22888" i="1"/>
  <c r="T22889" i="1"/>
  <c r="T22890" i="1"/>
  <c r="T22891" i="1"/>
  <c r="T22892" i="1"/>
  <c r="T22893" i="1"/>
  <c r="T22894" i="1"/>
  <c r="T22895" i="1"/>
  <c r="T22896" i="1"/>
  <c r="T22897" i="1"/>
  <c r="T22898" i="1"/>
  <c r="T22899" i="1"/>
  <c r="T22900" i="1"/>
  <c r="T22901" i="1"/>
  <c r="T22902" i="1"/>
  <c r="T22903" i="1"/>
  <c r="T22904" i="1"/>
  <c r="T22905" i="1"/>
  <c r="T22906" i="1"/>
  <c r="T22907" i="1"/>
  <c r="T22908" i="1"/>
  <c r="T22909" i="1"/>
  <c r="T22910" i="1"/>
  <c r="T22911" i="1"/>
  <c r="T22912" i="1"/>
  <c r="T22913" i="1"/>
  <c r="T22914" i="1"/>
  <c r="T22915" i="1"/>
  <c r="T22916" i="1"/>
  <c r="T22917" i="1"/>
  <c r="T22918" i="1"/>
  <c r="T22919" i="1"/>
  <c r="T22920" i="1"/>
  <c r="T22921" i="1"/>
  <c r="T22922" i="1"/>
  <c r="T22923" i="1"/>
  <c r="T22924" i="1"/>
  <c r="T22925" i="1"/>
  <c r="T22926" i="1"/>
  <c r="T22927" i="1"/>
  <c r="T22928" i="1"/>
  <c r="T22929" i="1"/>
  <c r="T22930" i="1"/>
  <c r="T22931" i="1"/>
  <c r="T22932" i="1"/>
  <c r="T22933" i="1"/>
  <c r="T22934" i="1"/>
  <c r="T22935" i="1"/>
  <c r="T22936" i="1"/>
  <c r="T22937" i="1"/>
  <c r="T22938" i="1"/>
  <c r="T22939" i="1"/>
  <c r="T22940" i="1"/>
  <c r="T22941" i="1"/>
  <c r="T22942" i="1"/>
  <c r="T22943" i="1"/>
  <c r="T22944" i="1"/>
  <c r="T22945" i="1"/>
  <c r="T22946" i="1"/>
  <c r="T22947" i="1"/>
  <c r="T22948" i="1"/>
  <c r="T22949" i="1"/>
  <c r="T22950" i="1"/>
  <c r="T22951" i="1"/>
  <c r="T22952" i="1"/>
  <c r="T22953" i="1"/>
  <c r="T22954" i="1"/>
  <c r="T22955" i="1"/>
  <c r="T22956" i="1"/>
  <c r="T22957" i="1"/>
  <c r="T22958" i="1"/>
  <c r="T22959" i="1"/>
  <c r="T22960" i="1"/>
  <c r="T22961" i="1"/>
  <c r="T22962" i="1"/>
  <c r="T22963" i="1"/>
  <c r="T22964" i="1"/>
  <c r="T22965" i="1"/>
  <c r="T22966" i="1"/>
  <c r="T22967" i="1"/>
  <c r="T22968" i="1"/>
  <c r="T22969" i="1"/>
  <c r="T22970" i="1"/>
  <c r="T22971" i="1"/>
  <c r="T22972" i="1"/>
  <c r="T22973" i="1"/>
  <c r="T22974" i="1"/>
  <c r="T22975" i="1"/>
  <c r="T22976" i="1"/>
  <c r="T22977" i="1"/>
  <c r="T22978" i="1"/>
  <c r="T22979" i="1"/>
  <c r="T22980" i="1"/>
  <c r="T22981" i="1"/>
  <c r="T22982" i="1"/>
  <c r="T22983" i="1"/>
  <c r="T22984" i="1"/>
  <c r="T22985" i="1"/>
  <c r="T22986" i="1"/>
  <c r="T22987" i="1"/>
  <c r="T22988" i="1"/>
  <c r="T22989" i="1"/>
  <c r="T22990" i="1"/>
  <c r="T22991" i="1"/>
  <c r="T22992" i="1"/>
  <c r="T22993" i="1"/>
  <c r="T22994" i="1"/>
  <c r="T22995" i="1"/>
  <c r="T22996" i="1"/>
  <c r="T22997" i="1"/>
  <c r="T22998" i="1"/>
  <c r="T22999" i="1"/>
  <c r="T23000" i="1"/>
  <c r="T23001" i="1"/>
  <c r="T23002" i="1"/>
  <c r="T23003" i="1"/>
  <c r="T23004" i="1"/>
  <c r="T23005" i="1"/>
  <c r="T23006" i="1"/>
  <c r="T23007" i="1"/>
  <c r="T23008" i="1"/>
  <c r="T23009" i="1"/>
  <c r="T23010" i="1"/>
  <c r="T23011" i="1"/>
  <c r="T23012" i="1"/>
  <c r="T23013" i="1"/>
  <c r="T23014" i="1"/>
  <c r="T23015" i="1"/>
  <c r="T23016" i="1"/>
  <c r="T23017" i="1"/>
  <c r="T23018" i="1"/>
  <c r="T23019" i="1"/>
  <c r="T23020" i="1"/>
  <c r="T23021" i="1"/>
  <c r="T23022" i="1"/>
  <c r="T23023" i="1"/>
  <c r="T23024" i="1"/>
  <c r="T23025" i="1"/>
  <c r="T23026" i="1"/>
  <c r="T23027" i="1"/>
  <c r="T23028" i="1"/>
  <c r="T23029" i="1"/>
  <c r="T23030" i="1"/>
  <c r="T23031" i="1"/>
  <c r="T23032" i="1"/>
  <c r="T23033" i="1"/>
  <c r="T23034" i="1"/>
  <c r="T23035" i="1"/>
  <c r="T23036" i="1"/>
  <c r="T23037" i="1"/>
  <c r="T23038" i="1"/>
  <c r="T23039" i="1"/>
  <c r="T23040" i="1"/>
  <c r="T23041" i="1"/>
  <c r="T23042" i="1"/>
  <c r="T23043" i="1"/>
  <c r="T23044" i="1"/>
  <c r="T23045" i="1"/>
  <c r="T23046" i="1"/>
  <c r="T23047" i="1"/>
  <c r="T23048" i="1"/>
  <c r="T23049" i="1"/>
  <c r="T23050" i="1"/>
  <c r="T23051" i="1"/>
  <c r="T23052" i="1"/>
  <c r="T23053" i="1"/>
  <c r="T23054" i="1"/>
  <c r="T23055" i="1"/>
  <c r="T23056" i="1"/>
  <c r="T23057" i="1"/>
  <c r="T23058" i="1"/>
  <c r="T23059" i="1"/>
  <c r="T23060" i="1"/>
  <c r="T23061" i="1"/>
  <c r="T23062" i="1"/>
  <c r="T23063" i="1"/>
  <c r="T23064" i="1"/>
  <c r="T23065" i="1"/>
  <c r="T23066" i="1"/>
  <c r="T23067" i="1"/>
  <c r="T23068" i="1"/>
  <c r="T23069" i="1"/>
  <c r="T23070" i="1"/>
  <c r="T23071" i="1"/>
  <c r="T23072" i="1"/>
  <c r="T23073" i="1"/>
  <c r="T23074" i="1"/>
  <c r="T23075" i="1"/>
  <c r="T23076" i="1"/>
  <c r="T23077" i="1"/>
  <c r="T23078" i="1"/>
  <c r="T23079" i="1"/>
  <c r="T23080" i="1"/>
  <c r="T23081" i="1"/>
  <c r="T23082" i="1"/>
  <c r="T23083" i="1"/>
  <c r="T23084" i="1"/>
  <c r="T23085" i="1"/>
  <c r="T23086" i="1"/>
  <c r="T23087" i="1"/>
  <c r="T23088" i="1"/>
  <c r="T23089" i="1"/>
  <c r="T23090" i="1"/>
  <c r="T23091" i="1"/>
  <c r="T23092" i="1"/>
  <c r="T23093" i="1"/>
  <c r="T23094" i="1"/>
  <c r="T23095" i="1"/>
  <c r="T23096" i="1"/>
  <c r="T23097" i="1"/>
  <c r="T23098" i="1"/>
  <c r="T23099" i="1"/>
  <c r="T23100" i="1"/>
  <c r="T23101" i="1"/>
  <c r="T23102" i="1"/>
  <c r="T23103" i="1"/>
  <c r="T23104" i="1"/>
  <c r="T23105" i="1"/>
  <c r="T23106" i="1"/>
  <c r="T23107" i="1"/>
  <c r="T23108" i="1"/>
  <c r="T23109" i="1"/>
  <c r="T23110" i="1"/>
  <c r="T23111" i="1"/>
  <c r="T23112" i="1"/>
  <c r="T23113" i="1"/>
  <c r="T23114" i="1"/>
  <c r="T23115" i="1"/>
  <c r="T23116" i="1"/>
  <c r="T23117" i="1"/>
  <c r="T23118" i="1"/>
  <c r="T23119" i="1"/>
  <c r="T23120" i="1"/>
  <c r="T23121" i="1"/>
  <c r="T23122" i="1"/>
  <c r="T23123" i="1"/>
  <c r="T23124" i="1"/>
  <c r="T23125" i="1"/>
  <c r="T23126" i="1"/>
  <c r="T23127" i="1"/>
  <c r="T23128" i="1"/>
  <c r="T23129" i="1"/>
  <c r="T23130" i="1"/>
  <c r="T23131" i="1"/>
  <c r="T23132" i="1"/>
  <c r="T23133" i="1"/>
  <c r="T23134" i="1"/>
  <c r="T23135" i="1"/>
  <c r="T23136" i="1"/>
  <c r="T23137" i="1"/>
  <c r="T23138" i="1"/>
  <c r="T23139" i="1"/>
  <c r="T23140" i="1"/>
  <c r="T23141" i="1"/>
  <c r="T23142" i="1"/>
  <c r="T23143" i="1"/>
  <c r="T23144" i="1"/>
  <c r="T23145" i="1"/>
  <c r="T23146" i="1"/>
  <c r="T23147" i="1"/>
  <c r="T23148" i="1"/>
  <c r="T23149" i="1"/>
  <c r="T23150" i="1"/>
  <c r="T23151" i="1"/>
  <c r="T23152" i="1"/>
  <c r="T23153" i="1"/>
  <c r="T23154" i="1"/>
  <c r="T23155" i="1"/>
  <c r="T23156" i="1"/>
  <c r="T23157" i="1"/>
  <c r="T23158" i="1"/>
  <c r="T23159" i="1"/>
  <c r="T23160" i="1"/>
  <c r="T23161" i="1"/>
  <c r="T23162" i="1"/>
  <c r="T23163" i="1"/>
  <c r="T23164" i="1"/>
  <c r="T23165" i="1"/>
  <c r="T23166" i="1"/>
  <c r="T23167" i="1"/>
  <c r="T23168" i="1"/>
  <c r="T23169" i="1"/>
  <c r="T23170" i="1"/>
  <c r="T23171" i="1"/>
  <c r="T23172" i="1"/>
  <c r="T23173" i="1"/>
  <c r="T23174" i="1"/>
  <c r="T23175" i="1"/>
  <c r="T23176" i="1"/>
  <c r="T23177" i="1"/>
  <c r="T23178" i="1"/>
  <c r="T23179" i="1"/>
  <c r="T23180" i="1"/>
  <c r="T23181" i="1"/>
  <c r="T23182" i="1"/>
  <c r="T23183" i="1"/>
  <c r="T23184" i="1"/>
  <c r="T23185" i="1"/>
  <c r="T23186" i="1"/>
  <c r="T23187" i="1"/>
  <c r="T23188" i="1"/>
  <c r="T23189" i="1"/>
  <c r="T23190" i="1"/>
  <c r="T23191" i="1"/>
  <c r="T23192" i="1"/>
  <c r="T23193" i="1"/>
  <c r="T23194" i="1"/>
  <c r="T23195" i="1"/>
  <c r="T23196" i="1"/>
  <c r="T23197" i="1"/>
  <c r="T23198" i="1"/>
  <c r="T23199" i="1"/>
  <c r="T23200" i="1"/>
  <c r="T23201" i="1"/>
  <c r="T23202" i="1"/>
  <c r="T23203" i="1"/>
  <c r="T23204" i="1"/>
  <c r="T23205" i="1"/>
  <c r="T23206" i="1"/>
  <c r="T23207" i="1"/>
  <c r="T23208" i="1"/>
  <c r="T23209" i="1"/>
  <c r="T23210" i="1"/>
  <c r="T23211" i="1"/>
  <c r="T23212" i="1"/>
  <c r="T23213" i="1"/>
  <c r="T23214" i="1"/>
  <c r="T23215" i="1"/>
  <c r="T23216" i="1"/>
  <c r="T23217" i="1"/>
  <c r="T23218" i="1"/>
  <c r="T23219" i="1"/>
  <c r="T23220" i="1"/>
  <c r="T23221" i="1"/>
  <c r="T23222" i="1"/>
  <c r="T23223" i="1"/>
  <c r="T23224" i="1"/>
  <c r="T23225" i="1"/>
  <c r="T23226" i="1"/>
  <c r="T23227" i="1"/>
  <c r="T23228" i="1"/>
  <c r="T23229" i="1"/>
  <c r="T23230" i="1"/>
  <c r="T23231" i="1"/>
  <c r="T23232" i="1"/>
  <c r="T23233" i="1"/>
  <c r="T23234" i="1"/>
  <c r="T23235" i="1"/>
  <c r="T23236" i="1"/>
  <c r="T23237" i="1"/>
  <c r="T23238" i="1"/>
  <c r="T23239" i="1"/>
  <c r="T23240" i="1"/>
  <c r="T23241" i="1"/>
  <c r="T23242" i="1"/>
  <c r="T23243" i="1"/>
  <c r="T23244" i="1"/>
  <c r="T23245" i="1"/>
  <c r="T23246" i="1"/>
  <c r="T23247" i="1"/>
  <c r="T23248" i="1"/>
  <c r="T23249" i="1"/>
  <c r="T23250" i="1"/>
  <c r="T23251" i="1"/>
  <c r="T23252" i="1"/>
  <c r="T23253" i="1"/>
  <c r="T23254" i="1"/>
  <c r="T23255" i="1"/>
  <c r="T23256" i="1"/>
  <c r="T23257" i="1"/>
  <c r="T23258" i="1"/>
  <c r="T23259" i="1"/>
  <c r="T23260" i="1"/>
  <c r="T23261" i="1"/>
  <c r="T23262" i="1"/>
  <c r="T23263" i="1"/>
  <c r="T23264" i="1"/>
  <c r="T23265" i="1"/>
  <c r="T23266" i="1"/>
  <c r="T23267" i="1"/>
  <c r="T23268" i="1"/>
  <c r="T23269" i="1"/>
  <c r="T23270" i="1"/>
  <c r="T23271" i="1"/>
  <c r="T23272" i="1"/>
  <c r="T23273" i="1"/>
  <c r="T23274" i="1"/>
  <c r="T23275" i="1"/>
  <c r="T23276" i="1"/>
  <c r="T23277" i="1"/>
  <c r="T23278" i="1"/>
  <c r="T23279" i="1"/>
  <c r="T23280" i="1"/>
  <c r="T23281" i="1"/>
  <c r="T23282" i="1"/>
  <c r="T23283" i="1"/>
  <c r="T23284" i="1"/>
  <c r="T23285" i="1"/>
  <c r="T23286" i="1"/>
  <c r="T23287" i="1"/>
  <c r="T23288" i="1"/>
  <c r="T23289" i="1"/>
  <c r="T23290" i="1"/>
  <c r="T23291" i="1"/>
  <c r="T23292" i="1"/>
  <c r="T23293" i="1"/>
  <c r="T23294" i="1"/>
  <c r="T23295" i="1"/>
  <c r="T23296" i="1"/>
  <c r="T23297" i="1"/>
  <c r="T23298" i="1"/>
  <c r="T23299" i="1"/>
  <c r="T23300" i="1"/>
  <c r="T23301" i="1"/>
  <c r="T23302" i="1"/>
  <c r="T23303" i="1"/>
  <c r="T23304" i="1"/>
  <c r="T23305" i="1"/>
  <c r="T23306" i="1"/>
  <c r="T23307" i="1"/>
  <c r="T23308" i="1"/>
  <c r="T23309" i="1"/>
  <c r="T23310" i="1"/>
  <c r="T23311" i="1"/>
  <c r="T23312" i="1"/>
  <c r="T23313" i="1"/>
  <c r="T23314" i="1"/>
  <c r="T23315" i="1"/>
  <c r="T23316" i="1"/>
  <c r="T23317" i="1"/>
  <c r="T23318" i="1"/>
  <c r="T23319" i="1"/>
  <c r="T23320" i="1"/>
  <c r="T23321" i="1"/>
  <c r="T23322" i="1"/>
  <c r="T23323" i="1"/>
  <c r="T23324" i="1"/>
  <c r="T23325" i="1"/>
  <c r="T23326" i="1"/>
  <c r="T23327" i="1"/>
  <c r="T23328" i="1"/>
  <c r="T23329" i="1"/>
  <c r="T23330" i="1"/>
  <c r="T23331" i="1"/>
  <c r="T23332" i="1"/>
  <c r="T23333" i="1"/>
  <c r="T23334" i="1"/>
  <c r="T23335" i="1"/>
  <c r="T23336" i="1"/>
  <c r="T23337" i="1"/>
  <c r="T23338" i="1"/>
  <c r="T23339" i="1"/>
  <c r="T23340" i="1"/>
  <c r="T23341" i="1"/>
  <c r="T23342" i="1"/>
  <c r="T23343" i="1"/>
  <c r="T23344" i="1"/>
  <c r="T23345" i="1"/>
  <c r="T23346" i="1"/>
  <c r="T23347" i="1"/>
  <c r="T23348" i="1"/>
  <c r="T23349" i="1"/>
  <c r="T23350" i="1"/>
  <c r="T23351" i="1"/>
  <c r="T23352" i="1"/>
  <c r="T23353" i="1"/>
  <c r="T23354" i="1"/>
  <c r="T23355" i="1"/>
  <c r="T23356" i="1"/>
  <c r="T23357" i="1"/>
  <c r="T23358" i="1"/>
  <c r="T23359" i="1"/>
  <c r="T23360" i="1"/>
  <c r="T23361" i="1"/>
  <c r="T23362" i="1"/>
  <c r="T23363" i="1"/>
  <c r="T23364" i="1"/>
  <c r="T23365" i="1"/>
  <c r="T23366" i="1"/>
  <c r="T23367" i="1"/>
  <c r="T23368" i="1"/>
  <c r="T23369" i="1"/>
  <c r="T23370" i="1"/>
  <c r="T23371" i="1"/>
  <c r="T23372" i="1"/>
  <c r="T23373" i="1"/>
  <c r="T23374" i="1"/>
  <c r="T23375" i="1"/>
  <c r="T23376" i="1"/>
  <c r="T23377" i="1"/>
  <c r="T23378" i="1"/>
  <c r="T23379" i="1"/>
  <c r="T23380" i="1"/>
  <c r="T23381" i="1"/>
  <c r="T23382" i="1"/>
  <c r="T23383" i="1"/>
  <c r="T23384" i="1"/>
  <c r="T23385" i="1"/>
  <c r="T23386" i="1"/>
  <c r="T23387" i="1"/>
  <c r="T23388" i="1"/>
  <c r="T23389" i="1"/>
  <c r="T23390" i="1"/>
  <c r="T23391" i="1"/>
  <c r="T23392" i="1"/>
  <c r="T23393" i="1"/>
  <c r="T23394" i="1"/>
  <c r="T23395" i="1"/>
  <c r="T23396" i="1"/>
  <c r="T23397" i="1"/>
  <c r="T23398" i="1"/>
  <c r="T23399" i="1"/>
  <c r="T23400" i="1"/>
  <c r="T23401" i="1"/>
  <c r="T23402" i="1"/>
  <c r="T23403" i="1"/>
  <c r="T23404" i="1"/>
  <c r="T23405" i="1"/>
  <c r="T23406" i="1"/>
  <c r="T23407" i="1"/>
  <c r="T23408" i="1"/>
  <c r="T23409" i="1"/>
  <c r="T23410" i="1"/>
  <c r="T23411" i="1"/>
  <c r="T23412" i="1"/>
  <c r="T23413" i="1"/>
  <c r="T23414" i="1"/>
  <c r="T23415" i="1"/>
  <c r="T23416" i="1"/>
  <c r="T23417" i="1"/>
  <c r="T23418" i="1"/>
  <c r="T23419" i="1"/>
  <c r="T23420" i="1"/>
  <c r="T23421" i="1"/>
  <c r="T23422" i="1"/>
  <c r="T23423" i="1"/>
  <c r="T23424" i="1"/>
  <c r="T23425" i="1"/>
  <c r="T23426" i="1"/>
  <c r="T23427" i="1"/>
  <c r="T23428" i="1"/>
  <c r="T23429" i="1"/>
  <c r="T23430" i="1"/>
  <c r="T23431" i="1"/>
  <c r="T23432" i="1"/>
  <c r="T23433" i="1"/>
  <c r="T23434" i="1"/>
  <c r="T23435" i="1"/>
  <c r="T23436" i="1"/>
  <c r="T23437" i="1"/>
  <c r="T23438" i="1"/>
  <c r="T23439" i="1"/>
  <c r="T23440" i="1"/>
  <c r="T23441" i="1"/>
  <c r="T23442" i="1"/>
  <c r="T23443" i="1"/>
  <c r="T23444" i="1"/>
  <c r="T23445" i="1"/>
  <c r="T23446" i="1"/>
  <c r="T23447" i="1"/>
  <c r="T23448" i="1"/>
  <c r="T23449" i="1"/>
  <c r="T23450" i="1"/>
  <c r="T23451" i="1"/>
  <c r="T23452" i="1"/>
  <c r="T23453" i="1"/>
  <c r="T23454" i="1"/>
  <c r="T23455" i="1"/>
  <c r="T23456" i="1"/>
  <c r="T23457" i="1"/>
  <c r="T23458" i="1"/>
  <c r="T23459" i="1"/>
  <c r="T23460" i="1"/>
  <c r="T23461" i="1"/>
  <c r="T23462" i="1"/>
  <c r="T23463" i="1"/>
  <c r="T23464" i="1"/>
  <c r="T23465" i="1"/>
  <c r="T23466" i="1"/>
  <c r="T23467" i="1"/>
  <c r="T23468" i="1"/>
  <c r="T23469" i="1"/>
  <c r="T23470" i="1"/>
  <c r="T23471" i="1"/>
  <c r="T23472" i="1"/>
  <c r="T23473" i="1"/>
  <c r="T23474" i="1"/>
  <c r="T23475" i="1"/>
  <c r="T23476" i="1"/>
  <c r="T23477" i="1"/>
  <c r="T23478" i="1"/>
  <c r="T23479" i="1"/>
  <c r="T23480" i="1"/>
  <c r="T23481" i="1"/>
  <c r="T23482" i="1"/>
  <c r="T23483" i="1"/>
  <c r="T23484" i="1"/>
  <c r="T23485" i="1"/>
  <c r="T23486" i="1"/>
  <c r="T23487" i="1"/>
  <c r="T23488" i="1"/>
  <c r="T23489" i="1"/>
  <c r="T23490" i="1"/>
  <c r="T23491" i="1"/>
  <c r="T23492" i="1"/>
  <c r="T23493" i="1"/>
  <c r="T23494" i="1"/>
  <c r="T23495" i="1"/>
  <c r="T23496" i="1"/>
  <c r="T23497" i="1"/>
  <c r="T23498" i="1"/>
  <c r="T23499" i="1"/>
  <c r="T23500" i="1"/>
  <c r="T23501" i="1"/>
  <c r="T23502" i="1"/>
  <c r="T23503" i="1"/>
  <c r="T23504" i="1"/>
  <c r="T23505" i="1"/>
  <c r="T23506" i="1"/>
  <c r="T23507" i="1"/>
  <c r="T23508" i="1"/>
  <c r="T23509" i="1"/>
  <c r="T23510" i="1"/>
  <c r="T23511" i="1"/>
  <c r="T23512" i="1"/>
  <c r="T23513" i="1"/>
  <c r="T23514" i="1"/>
  <c r="T23515" i="1"/>
  <c r="T23516" i="1"/>
  <c r="T23517" i="1"/>
  <c r="T23518" i="1"/>
  <c r="T23519" i="1"/>
  <c r="T23520" i="1"/>
  <c r="T23521" i="1"/>
  <c r="T23522" i="1"/>
  <c r="T23523" i="1"/>
  <c r="T23524" i="1"/>
  <c r="T23525" i="1"/>
  <c r="T23526" i="1"/>
  <c r="T23527" i="1"/>
  <c r="T23528" i="1"/>
  <c r="T23529" i="1"/>
  <c r="T23530" i="1"/>
  <c r="T23531" i="1"/>
  <c r="T23532" i="1"/>
  <c r="T23533" i="1"/>
  <c r="T23534" i="1"/>
  <c r="T23535" i="1"/>
  <c r="T23536" i="1"/>
  <c r="T23537" i="1"/>
  <c r="T23538" i="1"/>
  <c r="T23539" i="1"/>
  <c r="T23540" i="1"/>
  <c r="T23541" i="1"/>
  <c r="T23542" i="1"/>
  <c r="T23543" i="1"/>
  <c r="T23544" i="1"/>
  <c r="T23545" i="1"/>
  <c r="T23546" i="1"/>
  <c r="T23547" i="1"/>
  <c r="T23548" i="1"/>
  <c r="T23549" i="1"/>
  <c r="T23550" i="1"/>
  <c r="T23551" i="1"/>
  <c r="T23552" i="1"/>
  <c r="T23553" i="1"/>
  <c r="T23554" i="1"/>
  <c r="T23555" i="1"/>
  <c r="T23556" i="1"/>
  <c r="T23557" i="1"/>
  <c r="T23558" i="1"/>
  <c r="T23559" i="1"/>
  <c r="T23560" i="1"/>
  <c r="T23561" i="1"/>
  <c r="T23562" i="1"/>
  <c r="T23563" i="1"/>
  <c r="T23564" i="1"/>
  <c r="T23565" i="1"/>
  <c r="T23566" i="1"/>
  <c r="T23567" i="1"/>
  <c r="T23568" i="1"/>
  <c r="T23569" i="1"/>
  <c r="T23570" i="1"/>
  <c r="T23571" i="1"/>
  <c r="T23572" i="1"/>
  <c r="T23573" i="1"/>
  <c r="T23574" i="1"/>
  <c r="T23575" i="1"/>
  <c r="T23576" i="1"/>
  <c r="T23577" i="1"/>
  <c r="T23578" i="1"/>
  <c r="T23579" i="1"/>
  <c r="T23580" i="1"/>
  <c r="T23581" i="1"/>
  <c r="T23582" i="1"/>
  <c r="T23583" i="1"/>
  <c r="T23584" i="1"/>
  <c r="T23585" i="1"/>
  <c r="T23586" i="1"/>
  <c r="T23587" i="1"/>
  <c r="T23588" i="1"/>
  <c r="T23589" i="1"/>
  <c r="T23590" i="1"/>
  <c r="T23591" i="1"/>
  <c r="T23592" i="1"/>
  <c r="T23593" i="1"/>
  <c r="T23594" i="1"/>
  <c r="T23595" i="1"/>
  <c r="T23596" i="1"/>
  <c r="T23597" i="1"/>
  <c r="T23598" i="1"/>
  <c r="T23599" i="1"/>
  <c r="T23600" i="1"/>
  <c r="T23601" i="1"/>
  <c r="T23602" i="1"/>
  <c r="T23603" i="1"/>
  <c r="T23604" i="1"/>
  <c r="T23605" i="1"/>
  <c r="T23606" i="1"/>
  <c r="T23607" i="1"/>
  <c r="T23608" i="1"/>
  <c r="T23609" i="1"/>
  <c r="T23610" i="1"/>
  <c r="T23611" i="1"/>
  <c r="T23612" i="1"/>
  <c r="T23613" i="1"/>
  <c r="T23614" i="1"/>
  <c r="T23615" i="1"/>
  <c r="T23616" i="1"/>
  <c r="T23617" i="1"/>
  <c r="T23618" i="1"/>
  <c r="T23619" i="1"/>
  <c r="T23620" i="1"/>
  <c r="T23621" i="1"/>
  <c r="T23622" i="1"/>
  <c r="T23623" i="1"/>
  <c r="T23624" i="1"/>
  <c r="T23625" i="1"/>
  <c r="T23626" i="1"/>
  <c r="T23627" i="1"/>
  <c r="T23628" i="1"/>
  <c r="T23629" i="1"/>
  <c r="T23630" i="1"/>
  <c r="T23631" i="1"/>
  <c r="T23632" i="1"/>
  <c r="T23633" i="1"/>
  <c r="T23634" i="1"/>
  <c r="T23635" i="1"/>
  <c r="T23636" i="1"/>
  <c r="T23637" i="1"/>
  <c r="T23638" i="1"/>
  <c r="T23639" i="1"/>
  <c r="T23640" i="1"/>
  <c r="T23641" i="1"/>
  <c r="T23642" i="1"/>
  <c r="T23643" i="1"/>
  <c r="T23644" i="1"/>
  <c r="T23645" i="1"/>
  <c r="T23646" i="1"/>
  <c r="T23647" i="1"/>
  <c r="T23648" i="1"/>
  <c r="T23649" i="1"/>
  <c r="T23650" i="1"/>
  <c r="T23651" i="1"/>
  <c r="T23652" i="1"/>
  <c r="T23653" i="1"/>
  <c r="T23654" i="1"/>
  <c r="T23655" i="1"/>
  <c r="T23656" i="1"/>
  <c r="T23657" i="1"/>
  <c r="T23658" i="1"/>
  <c r="T23659" i="1"/>
  <c r="T23660" i="1"/>
  <c r="T23661" i="1"/>
  <c r="T23662" i="1"/>
  <c r="T23663" i="1"/>
  <c r="T23664" i="1"/>
  <c r="T23665" i="1"/>
  <c r="T23666" i="1"/>
  <c r="T23667" i="1"/>
  <c r="T23668" i="1"/>
  <c r="T23669" i="1"/>
  <c r="T23670" i="1"/>
  <c r="T23671" i="1"/>
  <c r="T23672" i="1"/>
  <c r="T23673" i="1"/>
  <c r="T23674" i="1"/>
  <c r="T23675" i="1"/>
  <c r="T23676" i="1"/>
  <c r="T23677" i="1"/>
  <c r="T23678" i="1"/>
  <c r="T23679" i="1"/>
  <c r="T23680" i="1"/>
  <c r="T23681" i="1"/>
  <c r="T23682" i="1"/>
  <c r="T23683" i="1"/>
  <c r="T23684" i="1"/>
  <c r="T23685" i="1"/>
  <c r="T23686" i="1"/>
  <c r="T23687" i="1"/>
  <c r="T23688" i="1"/>
  <c r="T23689" i="1"/>
  <c r="T23690" i="1"/>
  <c r="T23691" i="1"/>
  <c r="T23692" i="1"/>
  <c r="T23693" i="1"/>
  <c r="T23694" i="1"/>
  <c r="T23695" i="1"/>
  <c r="T23696" i="1"/>
  <c r="T23697" i="1"/>
  <c r="T23698" i="1"/>
  <c r="T23699" i="1"/>
  <c r="T23700" i="1"/>
  <c r="T23701" i="1"/>
  <c r="T23702" i="1"/>
  <c r="T23703" i="1"/>
  <c r="T23704" i="1"/>
  <c r="T23705" i="1"/>
  <c r="T23706" i="1"/>
  <c r="T23707" i="1"/>
  <c r="T23708" i="1"/>
  <c r="T23709" i="1"/>
  <c r="T23710" i="1"/>
  <c r="T23711" i="1"/>
  <c r="T23712" i="1"/>
  <c r="T23713" i="1"/>
  <c r="T23714" i="1"/>
  <c r="T23715" i="1"/>
  <c r="T23716" i="1"/>
  <c r="T23717" i="1"/>
  <c r="T23718" i="1"/>
  <c r="T23719" i="1"/>
  <c r="T23720" i="1"/>
  <c r="T23721" i="1"/>
  <c r="T23722" i="1"/>
  <c r="T23723" i="1"/>
  <c r="T23724" i="1"/>
  <c r="T23725" i="1"/>
  <c r="T23726" i="1"/>
  <c r="T23727" i="1"/>
  <c r="T23728" i="1"/>
  <c r="T23729" i="1"/>
  <c r="T23730" i="1"/>
  <c r="T23731" i="1"/>
  <c r="T23732" i="1"/>
  <c r="T23733" i="1"/>
  <c r="T23734" i="1"/>
  <c r="T23735" i="1"/>
  <c r="T23736" i="1"/>
  <c r="T23737" i="1"/>
  <c r="T23738" i="1"/>
  <c r="T23739" i="1"/>
  <c r="T23740" i="1"/>
  <c r="T23741" i="1"/>
  <c r="T23742" i="1"/>
  <c r="T23743" i="1"/>
  <c r="T23744" i="1"/>
  <c r="T23745" i="1"/>
  <c r="T23746" i="1"/>
  <c r="T23747" i="1"/>
  <c r="T23748" i="1"/>
  <c r="T23749" i="1"/>
  <c r="T23750" i="1"/>
  <c r="T23751" i="1"/>
  <c r="T23752" i="1"/>
  <c r="T23753" i="1"/>
  <c r="T23754" i="1"/>
  <c r="T23755" i="1"/>
  <c r="T23756" i="1"/>
  <c r="T23757" i="1"/>
  <c r="T23758" i="1"/>
  <c r="T23759" i="1"/>
  <c r="T23760" i="1"/>
  <c r="T23761" i="1"/>
  <c r="T23762" i="1"/>
  <c r="T23763" i="1"/>
  <c r="T23764" i="1"/>
  <c r="T23765" i="1"/>
  <c r="T23766" i="1"/>
  <c r="T23767" i="1"/>
  <c r="T23768" i="1"/>
  <c r="T23769" i="1"/>
  <c r="T23770" i="1"/>
  <c r="T23771" i="1"/>
  <c r="T23772" i="1"/>
  <c r="T23773" i="1"/>
  <c r="T23774" i="1"/>
  <c r="T23775" i="1"/>
  <c r="T23776" i="1"/>
  <c r="T23777" i="1"/>
  <c r="T23778" i="1"/>
  <c r="T23779" i="1"/>
  <c r="T23780" i="1"/>
  <c r="T23781" i="1"/>
  <c r="T23782" i="1"/>
  <c r="T23783" i="1"/>
  <c r="T23784" i="1"/>
  <c r="T23785" i="1"/>
  <c r="T23786" i="1"/>
  <c r="T23787" i="1"/>
  <c r="T23788" i="1"/>
  <c r="T23789" i="1"/>
  <c r="T23790" i="1"/>
  <c r="T23791" i="1"/>
  <c r="T23792" i="1"/>
  <c r="T23793" i="1"/>
  <c r="T23794" i="1"/>
  <c r="T23795" i="1"/>
  <c r="T23796" i="1"/>
  <c r="T23797" i="1"/>
  <c r="T23798" i="1"/>
  <c r="T23799" i="1"/>
  <c r="T23800" i="1"/>
  <c r="T23801" i="1"/>
  <c r="T23802" i="1"/>
  <c r="T23803" i="1"/>
  <c r="T23804" i="1"/>
  <c r="T23805" i="1"/>
  <c r="T23806" i="1"/>
  <c r="T23807" i="1"/>
  <c r="T23808" i="1"/>
  <c r="T23809" i="1"/>
  <c r="T23810" i="1"/>
  <c r="T23811" i="1"/>
  <c r="T23812" i="1"/>
  <c r="T23813" i="1"/>
  <c r="T23814" i="1"/>
  <c r="T23815" i="1"/>
  <c r="T23816" i="1"/>
  <c r="T23817" i="1"/>
  <c r="T23818" i="1"/>
  <c r="T23819" i="1"/>
  <c r="T23820" i="1"/>
  <c r="T23821" i="1"/>
  <c r="T23822" i="1"/>
  <c r="T23823" i="1"/>
  <c r="T23824" i="1"/>
  <c r="T23825" i="1"/>
  <c r="T23826" i="1"/>
  <c r="T23827" i="1"/>
  <c r="T23828" i="1"/>
  <c r="T23829" i="1"/>
  <c r="T23830" i="1"/>
  <c r="T23831" i="1"/>
  <c r="T23832" i="1"/>
  <c r="T23833" i="1"/>
  <c r="T23834" i="1"/>
  <c r="T23835" i="1"/>
  <c r="T23836" i="1"/>
  <c r="T23837" i="1"/>
  <c r="T23838" i="1"/>
  <c r="T23839" i="1"/>
  <c r="T23840" i="1"/>
  <c r="T23841" i="1"/>
  <c r="T23842" i="1"/>
  <c r="T23843" i="1"/>
  <c r="T23844" i="1"/>
  <c r="T23845" i="1"/>
  <c r="T23846" i="1"/>
  <c r="T23847" i="1"/>
  <c r="T23848" i="1"/>
  <c r="T23849" i="1"/>
  <c r="T23850" i="1"/>
  <c r="T23851" i="1"/>
  <c r="T23852" i="1"/>
  <c r="T23853" i="1"/>
  <c r="T23854" i="1"/>
  <c r="T23855" i="1"/>
  <c r="T23856" i="1"/>
  <c r="T23857" i="1"/>
  <c r="T23858" i="1"/>
  <c r="T23859" i="1"/>
  <c r="T23860" i="1"/>
  <c r="T23861" i="1"/>
  <c r="T23862" i="1"/>
  <c r="T23863" i="1"/>
  <c r="T23864" i="1"/>
  <c r="T23865" i="1"/>
  <c r="T23866" i="1"/>
  <c r="T23867" i="1"/>
  <c r="T23868" i="1"/>
  <c r="T23869" i="1"/>
  <c r="T23870" i="1"/>
  <c r="T23871" i="1"/>
  <c r="T23872" i="1"/>
  <c r="T23873" i="1"/>
  <c r="T23874" i="1"/>
  <c r="T23875" i="1"/>
  <c r="T23876" i="1"/>
  <c r="T23877" i="1"/>
  <c r="T23878" i="1"/>
  <c r="T23879" i="1"/>
  <c r="T23880" i="1"/>
  <c r="T23881" i="1"/>
  <c r="T23882" i="1"/>
  <c r="T23883" i="1"/>
  <c r="T23884" i="1"/>
  <c r="T23885" i="1"/>
  <c r="T23886" i="1"/>
  <c r="T23887" i="1"/>
  <c r="T23888" i="1"/>
  <c r="T23889" i="1"/>
  <c r="T23890" i="1"/>
  <c r="T23891" i="1"/>
  <c r="T23892" i="1"/>
  <c r="T23893" i="1"/>
  <c r="T23894" i="1"/>
  <c r="T23895" i="1"/>
  <c r="T23896" i="1"/>
  <c r="T23897" i="1"/>
  <c r="T23898" i="1"/>
  <c r="T23899" i="1"/>
  <c r="T23900" i="1"/>
  <c r="T23901" i="1"/>
  <c r="T23902" i="1"/>
  <c r="T23903" i="1"/>
  <c r="T23904" i="1"/>
  <c r="T23905" i="1"/>
  <c r="T23906" i="1"/>
  <c r="T23907" i="1"/>
  <c r="T23908" i="1"/>
  <c r="T23909" i="1"/>
  <c r="T23910" i="1"/>
  <c r="T23911" i="1"/>
  <c r="T23912" i="1"/>
  <c r="T23913" i="1"/>
  <c r="T23914" i="1"/>
  <c r="T23915" i="1"/>
  <c r="T23916" i="1"/>
  <c r="T23917" i="1"/>
  <c r="T23918" i="1"/>
  <c r="T23919" i="1"/>
  <c r="T23920" i="1"/>
  <c r="T23921" i="1"/>
  <c r="T23922" i="1"/>
  <c r="T23923" i="1"/>
  <c r="T23924" i="1"/>
  <c r="T23925" i="1"/>
  <c r="T23926" i="1"/>
  <c r="T23927" i="1"/>
  <c r="T23928" i="1"/>
  <c r="T23929" i="1"/>
  <c r="T23930" i="1"/>
  <c r="T23931" i="1"/>
  <c r="T23932" i="1"/>
  <c r="T23933" i="1"/>
  <c r="T23934" i="1"/>
  <c r="T23935" i="1"/>
  <c r="T23936" i="1"/>
  <c r="T23937" i="1"/>
  <c r="T23938" i="1"/>
  <c r="T23939" i="1"/>
  <c r="T23940" i="1"/>
  <c r="T23941" i="1"/>
  <c r="T23942" i="1"/>
  <c r="T23943" i="1"/>
  <c r="T23944" i="1"/>
  <c r="T23945" i="1"/>
  <c r="T23946" i="1"/>
  <c r="T23947" i="1"/>
  <c r="T23948" i="1"/>
  <c r="T23949" i="1"/>
  <c r="T23950" i="1"/>
  <c r="T23951" i="1"/>
  <c r="T23952" i="1"/>
  <c r="T23953" i="1"/>
  <c r="T23954" i="1"/>
  <c r="T23955" i="1"/>
  <c r="T23956" i="1"/>
  <c r="T23957" i="1"/>
  <c r="T23958" i="1"/>
  <c r="T23959" i="1"/>
  <c r="T23960" i="1"/>
  <c r="T23961" i="1"/>
  <c r="T23962" i="1"/>
  <c r="T23963" i="1"/>
  <c r="T23964" i="1"/>
  <c r="T23965" i="1"/>
  <c r="T23966" i="1"/>
  <c r="T23967" i="1"/>
  <c r="T23968" i="1"/>
  <c r="T23969" i="1"/>
  <c r="T23970" i="1"/>
  <c r="T23971" i="1"/>
  <c r="T23972" i="1"/>
  <c r="T23973" i="1"/>
  <c r="T23974" i="1"/>
  <c r="T23975" i="1"/>
  <c r="T23976" i="1"/>
  <c r="T23977" i="1"/>
  <c r="T23978" i="1"/>
  <c r="T23979" i="1"/>
  <c r="T23980" i="1"/>
  <c r="T23981" i="1"/>
  <c r="T23982" i="1"/>
  <c r="T23983" i="1"/>
  <c r="T23984" i="1"/>
  <c r="T23985" i="1"/>
  <c r="T23986" i="1"/>
  <c r="T23987" i="1"/>
  <c r="T23988" i="1"/>
  <c r="T23989" i="1"/>
  <c r="T23990" i="1"/>
  <c r="T23991" i="1"/>
  <c r="T23992" i="1"/>
  <c r="T23993" i="1"/>
  <c r="T23994" i="1"/>
  <c r="T23995" i="1"/>
  <c r="T23996" i="1"/>
  <c r="T23997" i="1"/>
  <c r="T23998" i="1"/>
  <c r="T23999" i="1"/>
  <c r="T24000" i="1"/>
  <c r="T24001" i="1"/>
  <c r="T24002" i="1"/>
  <c r="T24003" i="1"/>
  <c r="T24004" i="1"/>
  <c r="T24005" i="1"/>
  <c r="T24006" i="1"/>
  <c r="T24007" i="1"/>
  <c r="T24008" i="1"/>
  <c r="T24009" i="1"/>
  <c r="T24010" i="1"/>
  <c r="T24011" i="1"/>
  <c r="T24012" i="1"/>
  <c r="T24013" i="1"/>
  <c r="T24014" i="1"/>
  <c r="T24015" i="1"/>
  <c r="T24016" i="1"/>
  <c r="T24017" i="1"/>
  <c r="T24018" i="1"/>
  <c r="T24019" i="1"/>
  <c r="T24020" i="1"/>
  <c r="T24021" i="1"/>
  <c r="T24022" i="1"/>
  <c r="T24023" i="1"/>
  <c r="T24024" i="1"/>
  <c r="T24025" i="1"/>
  <c r="T24026" i="1"/>
  <c r="T24027" i="1"/>
  <c r="T24028" i="1"/>
  <c r="T24029" i="1"/>
  <c r="T24030" i="1"/>
  <c r="T24031" i="1"/>
  <c r="T24032" i="1"/>
  <c r="T24033" i="1"/>
  <c r="T24034" i="1"/>
  <c r="T24035" i="1"/>
  <c r="T24036" i="1"/>
  <c r="T24037" i="1"/>
  <c r="T24038" i="1"/>
  <c r="T24039" i="1"/>
  <c r="T24040" i="1"/>
  <c r="T24041" i="1"/>
  <c r="T24042" i="1"/>
  <c r="T24043" i="1"/>
  <c r="T24044" i="1"/>
  <c r="T24045" i="1"/>
  <c r="T24046" i="1"/>
  <c r="T24047" i="1"/>
  <c r="T24048" i="1"/>
  <c r="T24049" i="1"/>
  <c r="T24050" i="1"/>
  <c r="T24051" i="1"/>
  <c r="T24052" i="1"/>
  <c r="T24053" i="1"/>
  <c r="T24054" i="1"/>
  <c r="T24055" i="1"/>
  <c r="T24056" i="1"/>
  <c r="T24057" i="1"/>
  <c r="T24058" i="1"/>
  <c r="T24059" i="1"/>
  <c r="T24060" i="1"/>
  <c r="T24061" i="1"/>
  <c r="T24062" i="1"/>
  <c r="T24063" i="1"/>
  <c r="T24064" i="1"/>
  <c r="T24065" i="1"/>
  <c r="T24066" i="1"/>
  <c r="T24067" i="1"/>
  <c r="T24068" i="1"/>
  <c r="T24069" i="1"/>
  <c r="T24070" i="1"/>
  <c r="T24071" i="1"/>
  <c r="T24072" i="1"/>
  <c r="T24073" i="1"/>
  <c r="T24074" i="1"/>
  <c r="T24075" i="1"/>
  <c r="T24076" i="1"/>
  <c r="T24077" i="1"/>
  <c r="T24078" i="1"/>
  <c r="T24079" i="1"/>
  <c r="T24080" i="1"/>
  <c r="T24081" i="1"/>
  <c r="T24082" i="1"/>
  <c r="T24083" i="1"/>
  <c r="T24084" i="1"/>
  <c r="T24085" i="1"/>
  <c r="T24086" i="1"/>
  <c r="T24087" i="1"/>
  <c r="T24088" i="1"/>
  <c r="T24089" i="1"/>
  <c r="T24090" i="1"/>
  <c r="T24091" i="1"/>
  <c r="T24092" i="1"/>
  <c r="T24093" i="1"/>
  <c r="T24094" i="1"/>
  <c r="T24095" i="1"/>
  <c r="T24096" i="1"/>
  <c r="T24097" i="1"/>
  <c r="T24098" i="1"/>
  <c r="T24099" i="1"/>
  <c r="T24100" i="1"/>
  <c r="T24101" i="1"/>
  <c r="T24102" i="1"/>
  <c r="T24103" i="1"/>
  <c r="T24104" i="1"/>
  <c r="T24105" i="1"/>
  <c r="T24106" i="1"/>
  <c r="T24107" i="1"/>
  <c r="T24108" i="1"/>
  <c r="T24109" i="1"/>
  <c r="T24110" i="1"/>
  <c r="T24111" i="1"/>
  <c r="T24112" i="1"/>
  <c r="T24113" i="1"/>
  <c r="T24114" i="1"/>
  <c r="T24115" i="1"/>
  <c r="T24116" i="1"/>
  <c r="T24117" i="1"/>
  <c r="T24118" i="1"/>
  <c r="T24119" i="1"/>
  <c r="T24120" i="1"/>
  <c r="T24121" i="1"/>
  <c r="T24122" i="1"/>
  <c r="T24123" i="1"/>
  <c r="T24124" i="1"/>
  <c r="T24125" i="1"/>
  <c r="T24126" i="1"/>
  <c r="T24127" i="1"/>
  <c r="T24128" i="1"/>
  <c r="T24129" i="1"/>
  <c r="T24130" i="1"/>
  <c r="T24131" i="1"/>
  <c r="T24132" i="1"/>
  <c r="T24133" i="1"/>
  <c r="T24134" i="1"/>
  <c r="T24135" i="1"/>
  <c r="T24136" i="1"/>
  <c r="T24137" i="1"/>
  <c r="T24138" i="1"/>
  <c r="T24139" i="1"/>
  <c r="T24140" i="1"/>
  <c r="T24141" i="1"/>
  <c r="T24142" i="1"/>
  <c r="T24143" i="1"/>
  <c r="T24144" i="1"/>
  <c r="T24145" i="1"/>
  <c r="T24146" i="1"/>
  <c r="T24147" i="1"/>
  <c r="T24148" i="1"/>
  <c r="T24149" i="1"/>
  <c r="T24150" i="1"/>
  <c r="T24151" i="1"/>
  <c r="T24152" i="1"/>
  <c r="T24153" i="1"/>
  <c r="T24154" i="1"/>
  <c r="T24155" i="1"/>
  <c r="T24156" i="1"/>
  <c r="T24157" i="1"/>
  <c r="T24158" i="1"/>
  <c r="T24159" i="1"/>
  <c r="T24160" i="1"/>
  <c r="T24161" i="1"/>
  <c r="T24162" i="1"/>
  <c r="T24163" i="1"/>
  <c r="T24164" i="1"/>
  <c r="T24165" i="1"/>
  <c r="T24166" i="1"/>
  <c r="T24167" i="1"/>
  <c r="T24168" i="1"/>
  <c r="T24169" i="1"/>
  <c r="T24170" i="1"/>
  <c r="T24171" i="1"/>
  <c r="T24172" i="1"/>
  <c r="T24173" i="1"/>
  <c r="T24174" i="1"/>
  <c r="T24175" i="1"/>
  <c r="T24176" i="1"/>
  <c r="T24177" i="1"/>
  <c r="T24178" i="1"/>
  <c r="T24179" i="1"/>
  <c r="T24180" i="1"/>
  <c r="T24181" i="1"/>
  <c r="T24182" i="1"/>
  <c r="T24183" i="1"/>
  <c r="T24184" i="1"/>
  <c r="T24185" i="1"/>
  <c r="T24186" i="1"/>
  <c r="T24187" i="1"/>
  <c r="T24188" i="1"/>
  <c r="T24189" i="1"/>
  <c r="T24190" i="1"/>
  <c r="T24191" i="1"/>
  <c r="T24192" i="1"/>
  <c r="T24193" i="1"/>
  <c r="T24194" i="1"/>
  <c r="T24195" i="1"/>
  <c r="T24196" i="1"/>
  <c r="T24197" i="1"/>
  <c r="T24198" i="1"/>
  <c r="T24199" i="1"/>
  <c r="T24200" i="1"/>
  <c r="T24201" i="1"/>
  <c r="T24202" i="1"/>
  <c r="T24203" i="1"/>
  <c r="T24204" i="1"/>
  <c r="T24205" i="1"/>
  <c r="T24206" i="1"/>
  <c r="T24207" i="1"/>
  <c r="T24208" i="1"/>
  <c r="T24209" i="1"/>
  <c r="T24210" i="1"/>
  <c r="T24211" i="1"/>
  <c r="T24212" i="1"/>
  <c r="T24213" i="1"/>
  <c r="T24214" i="1"/>
  <c r="T24215" i="1"/>
  <c r="T24216" i="1"/>
  <c r="T24217" i="1"/>
  <c r="T24218" i="1"/>
  <c r="T24219" i="1"/>
  <c r="T24220" i="1"/>
  <c r="T24221" i="1"/>
  <c r="T24222" i="1"/>
  <c r="T24223" i="1"/>
  <c r="T24224" i="1"/>
  <c r="T24225" i="1"/>
  <c r="T24226" i="1"/>
  <c r="T24227" i="1"/>
  <c r="T24228" i="1"/>
  <c r="T24229" i="1"/>
  <c r="T24230" i="1"/>
  <c r="T24231" i="1"/>
  <c r="T24232" i="1"/>
  <c r="T24233" i="1"/>
  <c r="T24234" i="1"/>
  <c r="T24235" i="1"/>
  <c r="T24236" i="1"/>
  <c r="T24237" i="1"/>
  <c r="T24238" i="1"/>
  <c r="T24239" i="1"/>
  <c r="T24240" i="1"/>
  <c r="T24241" i="1"/>
  <c r="T24242" i="1"/>
  <c r="T24243" i="1"/>
  <c r="T24244" i="1"/>
  <c r="T24245" i="1"/>
  <c r="T24246" i="1"/>
  <c r="T24247" i="1"/>
  <c r="T24248" i="1"/>
  <c r="T24249" i="1"/>
  <c r="T24250" i="1"/>
  <c r="T24251" i="1"/>
  <c r="T24252" i="1"/>
  <c r="T24253" i="1"/>
  <c r="T24254" i="1"/>
  <c r="T24255" i="1"/>
  <c r="T24256" i="1"/>
  <c r="T24257" i="1"/>
  <c r="T24258" i="1"/>
  <c r="T24259" i="1"/>
  <c r="T24260" i="1"/>
  <c r="T24261" i="1"/>
  <c r="T24262" i="1"/>
  <c r="T24263" i="1"/>
  <c r="T24264" i="1"/>
  <c r="T24265" i="1"/>
  <c r="T24266" i="1"/>
  <c r="T24267" i="1"/>
  <c r="T24268" i="1"/>
  <c r="T24269" i="1"/>
  <c r="T24270" i="1"/>
  <c r="T24271" i="1"/>
  <c r="T24272" i="1"/>
  <c r="T24273" i="1"/>
  <c r="T24274" i="1"/>
  <c r="T24275" i="1"/>
  <c r="T24276" i="1"/>
  <c r="T24277" i="1"/>
  <c r="T24278" i="1"/>
  <c r="T24279" i="1"/>
  <c r="T24280" i="1"/>
  <c r="T24281" i="1"/>
  <c r="T24282" i="1"/>
  <c r="T24283" i="1"/>
  <c r="T24284" i="1"/>
  <c r="T24285" i="1"/>
  <c r="T24286" i="1"/>
  <c r="T24287" i="1"/>
  <c r="T24288" i="1"/>
  <c r="T24289" i="1"/>
  <c r="T24290" i="1"/>
  <c r="T24291" i="1"/>
  <c r="T24292" i="1"/>
  <c r="T24293" i="1"/>
  <c r="T24294" i="1"/>
  <c r="T24295" i="1"/>
  <c r="T24296" i="1"/>
  <c r="T24297" i="1"/>
  <c r="T24298" i="1"/>
  <c r="T24299" i="1"/>
  <c r="T24300" i="1"/>
  <c r="T24301" i="1"/>
  <c r="T24302" i="1"/>
  <c r="T24303" i="1"/>
  <c r="T24304" i="1"/>
  <c r="T24305" i="1"/>
  <c r="T24306" i="1"/>
  <c r="T24307" i="1"/>
  <c r="T24308" i="1"/>
  <c r="T24309" i="1"/>
  <c r="T24310" i="1"/>
  <c r="T24311" i="1"/>
  <c r="T24312" i="1"/>
  <c r="T24313" i="1"/>
  <c r="T24314" i="1"/>
  <c r="T24315" i="1"/>
  <c r="T24316" i="1"/>
  <c r="T24317" i="1"/>
  <c r="T24318" i="1"/>
  <c r="T24319" i="1"/>
  <c r="T24320" i="1"/>
  <c r="T24321" i="1"/>
  <c r="T24322" i="1"/>
  <c r="T24323" i="1"/>
  <c r="T24324" i="1"/>
  <c r="T24325" i="1"/>
  <c r="T24326" i="1"/>
  <c r="T24327" i="1"/>
  <c r="T24328" i="1"/>
  <c r="T24329" i="1"/>
  <c r="T24330" i="1"/>
  <c r="T24331" i="1"/>
  <c r="T24332" i="1"/>
  <c r="T24333" i="1"/>
  <c r="T24334" i="1"/>
  <c r="T24335" i="1"/>
  <c r="T24336" i="1"/>
  <c r="T24337" i="1"/>
  <c r="T24338" i="1"/>
  <c r="T24339" i="1"/>
  <c r="T24340" i="1"/>
  <c r="T24341" i="1"/>
  <c r="T24342" i="1"/>
  <c r="T24343" i="1"/>
  <c r="T24344" i="1"/>
  <c r="T24345" i="1"/>
  <c r="T24346" i="1"/>
  <c r="T24347" i="1"/>
  <c r="T24348" i="1"/>
  <c r="T24349" i="1"/>
  <c r="T24350" i="1"/>
  <c r="T24351" i="1"/>
  <c r="T24352" i="1"/>
  <c r="T24353" i="1"/>
  <c r="T24354" i="1"/>
  <c r="T24355" i="1"/>
  <c r="T24356" i="1"/>
  <c r="T24357" i="1"/>
  <c r="T24358" i="1"/>
  <c r="T24359" i="1"/>
  <c r="T24360" i="1"/>
  <c r="T24361" i="1"/>
  <c r="T24362" i="1"/>
  <c r="T24363" i="1"/>
  <c r="T24364" i="1"/>
  <c r="T24365" i="1"/>
  <c r="T24366" i="1"/>
  <c r="T24367" i="1"/>
  <c r="T24368" i="1"/>
  <c r="T24369" i="1"/>
  <c r="T24370" i="1"/>
  <c r="T24371" i="1"/>
  <c r="T24372" i="1"/>
  <c r="T24373" i="1"/>
  <c r="T24374" i="1"/>
  <c r="T24375" i="1"/>
  <c r="T24376" i="1"/>
  <c r="T24377" i="1"/>
  <c r="T24378" i="1"/>
  <c r="T24379" i="1"/>
  <c r="T24380" i="1"/>
  <c r="T24381" i="1"/>
  <c r="T24382" i="1"/>
  <c r="T24383" i="1"/>
  <c r="T24384" i="1"/>
  <c r="T24385" i="1"/>
  <c r="T24386" i="1"/>
  <c r="T24387" i="1"/>
  <c r="T24388" i="1"/>
  <c r="T24389" i="1"/>
  <c r="T24390" i="1"/>
  <c r="T24391" i="1"/>
  <c r="T24392" i="1"/>
  <c r="T24393" i="1"/>
  <c r="T24394" i="1"/>
  <c r="T24395" i="1"/>
  <c r="T24396" i="1"/>
  <c r="T24397" i="1"/>
  <c r="T24398" i="1"/>
  <c r="T24399" i="1"/>
  <c r="T24400" i="1"/>
  <c r="T24401" i="1"/>
  <c r="T24402" i="1"/>
  <c r="T24403" i="1"/>
  <c r="T24404" i="1"/>
  <c r="T24405" i="1"/>
  <c r="T24406" i="1"/>
  <c r="T24407" i="1"/>
  <c r="T24408" i="1"/>
  <c r="T24409" i="1"/>
  <c r="T24410" i="1"/>
  <c r="T24411" i="1"/>
  <c r="T24412" i="1"/>
  <c r="T24413" i="1"/>
  <c r="T24414" i="1"/>
  <c r="T24415" i="1"/>
  <c r="T24416" i="1"/>
  <c r="T24417" i="1"/>
  <c r="T24418" i="1"/>
  <c r="T24419" i="1"/>
  <c r="T24420" i="1"/>
  <c r="T24421" i="1"/>
  <c r="T24422" i="1"/>
  <c r="T24423" i="1"/>
  <c r="T24424" i="1"/>
  <c r="T24425" i="1"/>
  <c r="T24426" i="1"/>
  <c r="T24427" i="1"/>
  <c r="T24428" i="1"/>
  <c r="T24429" i="1"/>
  <c r="T24430" i="1"/>
  <c r="T24431" i="1"/>
  <c r="T24432" i="1"/>
  <c r="T24433" i="1"/>
  <c r="T24434" i="1"/>
  <c r="T24435" i="1"/>
  <c r="T24436" i="1"/>
  <c r="T24437" i="1"/>
  <c r="T24438" i="1"/>
  <c r="T24439" i="1"/>
  <c r="T24440" i="1"/>
  <c r="T24441" i="1"/>
  <c r="T24442" i="1"/>
  <c r="T24443" i="1"/>
  <c r="T24444" i="1"/>
  <c r="T24445" i="1"/>
  <c r="T24446" i="1"/>
  <c r="T24447" i="1"/>
  <c r="T24448" i="1"/>
  <c r="T24449" i="1"/>
  <c r="T24450" i="1"/>
  <c r="T24451" i="1"/>
  <c r="T24452" i="1"/>
  <c r="T24453" i="1"/>
  <c r="T24454" i="1"/>
  <c r="T24455" i="1"/>
  <c r="T24456" i="1"/>
  <c r="T24457" i="1"/>
  <c r="T24458" i="1"/>
  <c r="T24459" i="1"/>
  <c r="T24460" i="1"/>
  <c r="T24461" i="1"/>
  <c r="T24462" i="1"/>
  <c r="T24463" i="1"/>
  <c r="T24464" i="1"/>
  <c r="T24465" i="1"/>
  <c r="T24466" i="1"/>
  <c r="T24467" i="1"/>
  <c r="T24468" i="1"/>
  <c r="T24469" i="1"/>
  <c r="T24470" i="1"/>
  <c r="T24471" i="1"/>
  <c r="T24472" i="1"/>
  <c r="T24473" i="1"/>
  <c r="T24474" i="1"/>
  <c r="T24475" i="1"/>
  <c r="T24476" i="1"/>
  <c r="T24477" i="1"/>
  <c r="T24478" i="1"/>
  <c r="T24479" i="1"/>
  <c r="T24480" i="1"/>
  <c r="T24481" i="1"/>
  <c r="T24482" i="1"/>
  <c r="T24483" i="1"/>
  <c r="T24484" i="1"/>
  <c r="T24485" i="1"/>
  <c r="T24486" i="1"/>
  <c r="T24487" i="1"/>
  <c r="T24488" i="1"/>
  <c r="T24489" i="1"/>
  <c r="T24490" i="1"/>
  <c r="T24491" i="1"/>
  <c r="T24492" i="1"/>
  <c r="T24493" i="1"/>
  <c r="T24494" i="1"/>
  <c r="T24495" i="1"/>
  <c r="T24496" i="1"/>
  <c r="T24497" i="1"/>
  <c r="T24498" i="1"/>
  <c r="T24499" i="1"/>
  <c r="T24500" i="1"/>
  <c r="T24501" i="1"/>
  <c r="T24502" i="1"/>
  <c r="T24503" i="1"/>
  <c r="T24504" i="1"/>
  <c r="T24505" i="1"/>
  <c r="T24506" i="1"/>
  <c r="T24507" i="1"/>
  <c r="T24508" i="1"/>
  <c r="T24509" i="1"/>
  <c r="T24510" i="1"/>
  <c r="T24511" i="1"/>
  <c r="T24512" i="1"/>
  <c r="T24513" i="1"/>
  <c r="T24514" i="1"/>
  <c r="T24515" i="1"/>
  <c r="T24516" i="1"/>
  <c r="T24517" i="1"/>
  <c r="T24518" i="1"/>
  <c r="T24519" i="1"/>
  <c r="T24520" i="1"/>
  <c r="T24521" i="1"/>
  <c r="T24522" i="1"/>
  <c r="T24523" i="1"/>
  <c r="T24524" i="1"/>
  <c r="T24525" i="1"/>
  <c r="T24526" i="1"/>
  <c r="T24527" i="1"/>
  <c r="T24528" i="1"/>
  <c r="T24529" i="1"/>
  <c r="T24530" i="1"/>
  <c r="T24531" i="1"/>
  <c r="T24532" i="1"/>
  <c r="T24533" i="1"/>
  <c r="T24534" i="1"/>
  <c r="T24535" i="1"/>
  <c r="T24536" i="1"/>
  <c r="T24537" i="1"/>
  <c r="T24538" i="1"/>
  <c r="T24539" i="1"/>
  <c r="T24540" i="1"/>
  <c r="T24541" i="1"/>
  <c r="T24542" i="1"/>
  <c r="T24543" i="1"/>
  <c r="T24544" i="1"/>
  <c r="T24545" i="1"/>
  <c r="T24546" i="1"/>
  <c r="T24547" i="1"/>
  <c r="T24548" i="1"/>
  <c r="T24549" i="1"/>
  <c r="T24550" i="1"/>
  <c r="T24551" i="1"/>
  <c r="T24552" i="1"/>
  <c r="T24553" i="1"/>
  <c r="T24554" i="1"/>
  <c r="T24555" i="1"/>
  <c r="T24556" i="1"/>
  <c r="T24557" i="1"/>
  <c r="T24558" i="1"/>
  <c r="T24559" i="1"/>
  <c r="T24560" i="1"/>
  <c r="T24561" i="1"/>
  <c r="T24562" i="1"/>
  <c r="T24563" i="1"/>
  <c r="T24564" i="1"/>
  <c r="T24565" i="1"/>
  <c r="T24566" i="1"/>
  <c r="T24567" i="1"/>
  <c r="T24568" i="1"/>
  <c r="T24569" i="1"/>
  <c r="T24570" i="1"/>
  <c r="T24571" i="1"/>
  <c r="T24572" i="1"/>
  <c r="T24573" i="1"/>
  <c r="T24574" i="1"/>
  <c r="T24575" i="1"/>
  <c r="T24576" i="1"/>
  <c r="T24577" i="1"/>
  <c r="T24578" i="1"/>
  <c r="T24579" i="1"/>
  <c r="T24580" i="1"/>
  <c r="T24581" i="1"/>
  <c r="T24582" i="1"/>
  <c r="T24583" i="1"/>
  <c r="T24584" i="1"/>
  <c r="T24585" i="1"/>
  <c r="T24586" i="1"/>
  <c r="T24587" i="1"/>
  <c r="T24588" i="1"/>
  <c r="T24589" i="1"/>
  <c r="T24590" i="1"/>
  <c r="T24591" i="1"/>
  <c r="T24592" i="1"/>
  <c r="T24593" i="1"/>
  <c r="T24594" i="1"/>
  <c r="T24595" i="1"/>
  <c r="T24596" i="1"/>
  <c r="T24597" i="1"/>
  <c r="T24598" i="1"/>
  <c r="T24599" i="1"/>
  <c r="T24600" i="1"/>
  <c r="T24601" i="1"/>
  <c r="T24602" i="1"/>
  <c r="T24603" i="1"/>
  <c r="T24604" i="1"/>
  <c r="T24605" i="1"/>
  <c r="T24606" i="1"/>
  <c r="T24607" i="1"/>
  <c r="T24608" i="1"/>
  <c r="T24609" i="1"/>
  <c r="T24610" i="1"/>
  <c r="T24611" i="1"/>
  <c r="T24612" i="1"/>
  <c r="T24613" i="1"/>
  <c r="T24614" i="1"/>
  <c r="T24615" i="1"/>
  <c r="T24616" i="1"/>
  <c r="T24617" i="1"/>
  <c r="T24618" i="1"/>
  <c r="T24619" i="1"/>
  <c r="T24620" i="1"/>
  <c r="T24621" i="1"/>
  <c r="T24622" i="1"/>
  <c r="T24623" i="1"/>
  <c r="T24624" i="1"/>
  <c r="T24625" i="1"/>
  <c r="T24626" i="1"/>
  <c r="T24627" i="1"/>
  <c r="T24628" i="1"/>
  <c r="T24629" i="1"/>
  <c r="T24630" i="1"/>
  <c r="T24631" i="1"/>
  <c r="T24632" i="1"/>
  <c r="T24633" i="1"/>
  <c r="T24634" i="1"/>
  <c r="T24635" i="1"/>
  <c r="T24636" i="1"/>
  <c r="T24637" i="1"/>
  <c r="T24638" i="1"/>
  <c r="T24639" i="1"/>
  <c r="T24640" i="1"/>
  <c r="T24641" i="1"/>
  <c r="T24642" i="1"/>
  <c r="T24643" i="1"/>
  <c r="T24644" i="1"/>
  <c r="T24645" i="1"/>
  <c r="T24646" i="1"/>
  <c r="T24647" i="1"/>
  <c r="T24648" i="1"/>
  <c r="T24649" i="1"/>
  <c r="T24650" i="1"/>
  <c r="T24651" i="1"/>
  <c r="T24652" i="1"/>
  <c r="T24653" i="1"/>
  <c r="T24654" i="1"/>
  <c r="T24655" i="1"/>
  <c r="T24656" i="1"/>
  <c r="T24657" i="1"/>
  <c r="T24658" i="1"/>
  <c r="T24659" i="1"/>
  <c r="T24660" i="1"/>
  <c r="T24661" i="1"/>
  <c r="T24662" i="1"/>
  <c r="T24663" i="1"/>
  <c r="T24664" i="1"/>
  <c r="T24665" i="1"/>
  <c r="T24666" i="1"/>
  <c r="T24667" i="1"/>
  <c r="T24668" i="1"/>
  <c r="T24669" i="1"/>
  <c r="T24670" i="1"/>
  <c r="T24671" i="1"/>
  <c r="T24672" i="1"/>
  <c r="T24673" i="1"/>
  <c r="T24674" i="1"/>
  <c r="T24675" i="1"/>
  <c r="T24676" i="1"/>
  <c r="T24677" i="1"/>
  <c r="T24678" i="1"/>
  <c r="T24679" i="1"/>
  <c r="T24680" i="1"/>
  <c r="T24681" i="1"/>
  <c r="T24682" i="1"/>
  <c r="T24683" i="1"/>
  <c r="T24684" i="1"/>
  <c r="T24685" i="1"/>
  <c r="T24686" i="1"/>
  <c r="T24687" i="1"/>
  <c r="T24688" i="1"/>
  <c r="T24689" i="1"/>
  <c r="T24690" i="1"/>
  <c r="T24691" i="1"/>
  <c r="T24692" i="1"/>
  <c r="T24693" i="1"/>
  <c r="T24694" i="1"/>
  <c r="T24695" i="1"/>
  <c r="T24696" i="1"/>
  <c r="T24697" i="1"/>
  <c r="T24698" i="1"/>
  <c r="T24699" i="1"/>
  <c r="T24700" i="1"/>
  <c r="T24701" i="1"/>
  <c r="T24702" i="1"/>
  <c r="T24703" i="1"/>
  <c r="T24704" i="1"/>
  <c r="T24705" i="1"/>
  <c r="T24706" i="1"/>
  <c r="T24707" i="1"/>
  <c r="T24708" i="1"/>
  <c r="T24709" i="1"/>
  <c r="T24710" i="1"/>
  <c r="T24711" i="1"/>
  <c r="T24712" i="1"/>
  <c r="T24713" i="1"/>
  <c r="T24714" i="1"/>
  <c r="T24715" i="1"/>
  <c r="T24716" i="1"/>
  <c r="T24717" i="1"/>
  <c r="T24718" i="1"/>
  <c r="T24719" i="1"/>
  <c r="T24720" i="1"/>
  <c r="T24721" i="1"/>
  <c r="T24722" i="1"/>
  <c r="T24723" i="1"/>
  <c r="T24724" i="1"/>
  <c r="T24725" i="1"/>
  <c r="T24726" i="1"/>
  <c r="T24727" i="1"/>
  <c r="T24728" i="1"/>
  <c r="T24729" i="1"/>
  <c r="T24730" i="1"/>
  <c r="T24731" i="1"/>
  <c r="T24732" i="1"/>
  <c r="T24733" i="1"/>
  <c r="T24734" i="1"/>
  <c r="T24735" i="1"/>
  <c r="T24736" i="1"/>
  <c r="T24737" i="1"/>
  <c r="T24738" i="1"/>
  <c r="T24739" i="1"/>
  <c r="T24740" i="1"/>
  <c r="T24741" i="1"/>
  <c r="T24742" i="1"/>
  <c r="T24743" i="1"/>
  <c r="T24744" i="1"/>
  <c r="T24745" i="1"/>
  <c r="T24746" i="1"/>
  <c r="T24747" i="1"/>
  <c r="T24748" i="1"/>
  <c r="T24749" i="1"/>
  <c r="T24750" i="1"/>
  <c r="T24751" i="1"/>
  <c r="T24752" i="1"/>
  <c r="T24753" i="1"/>
  <c r="T24754" i="1"/>
  <c r="T24755" i="1"/>
  <c r="T24756" i="1"/>
  <c r="T24757" i="1"/>
  <c r="T24758" i="1"/>
  <c r="T24759" i="1"/>
  <c r="T24760" i="1"/>
  <c r="T24761" i="1"/>
  <c r="T24762" i="1"/>
  <c r="T24763" i="1"/>
  <c r="T24764" i="1"/>
  <c r="T24765" i="1"/>
  <c r="T24766" i="1"/>
  <c r="T24767" i="1"/>
  <c r="T24768" i="1"/>
  <c r="T24769" i="1"/>
  <c r="T24770" i="1"/>
  <c r="T24771" i="1"/>
  <c r="T24772" i="1"/>
  <c r="T24773" i="1"/>
  <c r="T24774" i="1"/>
  <c r="T24775" i="1"/>
  <c r="T24776" i="1"/>
  <c r="T24777" i="1"/>
  <c r="T24778" i="1"/>
  <c r="T24779" i="1"/>
  <c r="T24780" i="1"/>
  <c r="T24781" i="1"/>
  <c r="T24782" i="1"/>
  <c r="T24783" i="1"/>
  <c r="T24784" i="1"/>
  <c r="T24785" i="1"/>
  <c r="T24786" i="1"/>
  <c r="T24787" i="1"/>
  <c r="T24788" i="1"/>
  <c r="T24789" i="1"/>
  <c r="T24790" i="1"/>
  <c r="T24791" i="1"/>
  <c r="T24792" i="1"/>
  <c r="T24793" i="1"/>
  <c r="T24794" i="1"/>
  <c r="T24795" i="1"/>
  <c r="T24796" i="1"/>
  <c r="T24797" i="1"/>
  <c r="T24798" i="1"/>
  <c r="T24799" i="1"/>
  <c r="T24800" i="1"/>
  <c r="T24801" i="1"/>
  <c r="T24802" i="1"/>
  <c r="T24803" i="1"/>
  <c r="T24804" i="1"/>
  <c r="T24805" i="1"/>
  <c r="T24806" i="1"/>
  <c r="T24807" i="1"/>
  <c r="T24808" i="1"/>
  <c r="T24809" i="1"/>
  <c r="T24810" i="1"/>
  <c r="T24811" i="1"/>
  <c r="T24812" i="1"/>
  <c r="T24813" i="1"/>
  <c r="T24814" i="1"/>
  <c r="T24815" i="1"/>
  <c r="T24816" i="1"/>
  <c r="T24817" i="1"/>
  <c r="T24818" i="1"/>
  <c r="T24819" i="1"/>
  <c r="T24820" i="1"/>
  <c r="T24821" i="1"/>
  <c r="T24822" i="1"/>
  <c r="T24823" i="1"/>
  <c r="T24824" i="1"/>
  <c r="T24825" i="1"/>
  <c r="T24826" i="1"/>
  <c r="T24827" i="1"/>
  <c r="T24828" i="1"/>
  <c r="T24829" i="1"/>
  <c r="T24830" i="1"/>
  <c r="T24831" i="1"/>
  <c r="T24832" i="1"/>
  <c r="T24833" i="1"/>
  <c r="T24834" i="1"/>
  <c r="T24835" i="1"/>
  <c r="T24836" i="1"/>
  <c r="T24837" i="1"/>
  <c r="T24838" i="1"/>
  <c r="T24839" i="1"/>
  <c r="T24840" i="1"/>
  <c r="T24841" i="1"/>
  <c r="T24842" i="1"/>
  <c r="T24843" i="1"/>
  <c r="T24844" i="1"/>
  <c r="T24845" i="1"/>
  <c r="T24846" i="1"/>
  <c r="T24847" i="1"/>
  <c r="T24848" i="1"/>
  <c r="T24849" i="1"/>
  <c r="T24850" i="1"/>
  <c r="T24851" i="1"/>
  <c r="T24852" i="1"/>
  <c r="T24853" i="1"/>
  <c r="T24854" i="1"/>
  <c r="T24855" i="1"/>
  <c r="T24856" i="1"/>
  <c r="T24857" i="1"/>
  <c r="T24858" i="1"/>
  <c r="T24859" i="1"/>
  <c r="T24860" i="1"/>
  <c r="T24861" i="1"/>
  <c r="T24862" i="1"/>
  <c r="T24863" i="1"/>
  <c r="T24864" i="1"/>
  <c r="T24865" i="1"/>
  <c r="T24866" i="1"/>
  <c r="T24867" i="1"/>
  <c r="T24868" i="1"/>
  <c r="T24869" i="1"/>
  <c r="T24870" i="1"/>
  <c r="T24871" i="1"/>
  <c r="T24872" i="1"/>
  <c r="T24873" i="1"/>
  <c r="T24874" i="1"/>
  <c r="T24875" i="1"/>
  <c r="T24876" i="1"/>
  <c r="T24877" i="1"/>
  <c r="T24878" i="1"/>
  <c r="T24879" i="1"/>
  <c r="T24880" i="1"/>
  <c r="T24881" i="1"/>
  <c r="T24882" i="1"/>
  <c r="T24883" i="1"/>
  <c r="T24884" i="1"/>
  <c r="T24885" i="1"/>
  <c r="T24886" i="1"/>
  <c r="T24887" i="1"/>
  <c r="T24888" i="1"/>
  <c r="T24889" i="1"/>
  <c r="T24890" i="1"/>
  <c r="T24891" i="1"/>
  <c r="T24892" i="1"/>
  <c r="T24893" i="1"/>
  <c r="T24894" i="1"/>
  <c r="T24895" i="1"/>
  <c r="T24896" i="1"/>
  <c r="T24897" i="1"/>
  <c r="T24898" i="1"/>
  <c r="T24899" i="1"/>
  <c r="T24900" i="1"/>
  <c r="T24901" i="1"/>
  <c r="T24902" i="1"/>
  <c r="T24903" i="1"/>
  <c r="T24904" i="1"/>
  <c r="T24905" i="1"/>
  <c r="T24906" i="1"/>
  <c r="T24907" i="1"/>
  <c r="T24908" i="1"/>
  <c r="T24909" i="1"/>
  <c r="T24910" i="1"/>
  <c r="T24911" i="1"/>
  <c r="T24912" i="1"/>
  <c r="T24913" i="1"/>
  <c r="T24914" i="1"/>
  <c r="T24915" i="1"/>
  <c r="T24916" i="1"/>
  <c r="T24917" i="1"/>
  <c r="T24918" i="1"/>
  <c r="T24919" i="1"/>
  <c r="T24920" i="1"/>
  <c r="T24921" i="1"/>
  <c r="T24922" i="1"/>
  <c r="T24923" i="1"/>
  <c r="T24924" i="1"/>
  <c r="T24925" i="1"/>
  <c r="T24926" i="1"/>
  <c r="T24927" i="1"/>
  <c r="T24928" i="1"/>
  <c r="T24929" i="1"/>
  <c r="T24930" i="1"/>
  <c r="T24931" i="1"/>
  <c r="T24932" i="1"/>
  <c r="T24933" i="1"/>
  <c r="T24934" i="1"/>
  <c r="T24935" i="1"/>
  <c r="T24936" i="1"/>
  <c r="T24937" i="1"/>
  <c r="T24938" i="1"/>
  <c r="T24939" i="1"/>
  <c r="T24940" i="1"/>
  <c r="T24941" i="1"/>
  <c r="T24942" i="1"/>
  <c r="T24943" i="1"/>
  <c r="T24944" i="1"/>
  <c r="T24945" i="1"/>
  <c r="T24946" i="1"/>
  <c r="T24947" i="1"/>
  <c r="T24948" i="1"/>
  <c r="T24949" i="1"/>
  <c r="T24950" i="1"/>
  <c r="T24951" i="1"/>
  <c r="T24952" i="1"/>
  <c r="T24953" i="1"/>
  <c r="T24954" i="1"/>
  <c r="T24955" i="1"/>
  <c r="T24956" i="1"/>
  <c r="T24957" i="1"/>
  <c r="T24958" i="1"/>
  <c r="T24959" i="1"/>
  <c r="T24960" i="1"/>
  <c r="T24961" i="1"/>
  <c r="T24962" i="1"/>
  <c r="T24963" i="1"/>
  <c r="T24964" i="1"/>
  <c r="T24965" i="1"/>
  <c r="T24966" i="1"/>
  <c r="T24967" i="1"/>
  <c r="T24968" i="1"/>
  <c r="T24969" i="1"/>
  <c r="T24970" i="1"/>
  <c r="T24971" i="1"/>
  <c r="T24972" i="1"/>
  <c r="T24973" i="1"/>
  <c r="T24974" i="1"/>
  <c r="T24975" i="1"/>
  <c r="T24976" i="1"/>
  <c r="T24977" i="1"/>
  <c r="T24978" i="1"/>
  <c r="T24979" i="1"/>
  <c r="T24980" i="1"/>
  <c r="T24981" i="1"/>
  <c r="T24982" i="1"/>
  <c r="T24983" i="1"/>
  <c r="T24984" i="1"/>
  <c r="T24985" i="1"/>
  <c r="T24986" i="1"/>
  <c r="T24987" i="1"/>
  <c r="T24988" i="1"/>
  <c r="T24989" i="1"/>
  <c r="T24990" i="1"/>
  <c r="T24991" i="1"/>
  <c r="T24992" i="1"/>
  <c r="T24993" i="1"/>
  <c r="T24994" i="1"/>
  <c r="T24995" i="1"/>
  <c r="T24996" i="1"/>
  <c r="T24997" i="1"/>
  <c r="T24998" i="1"/>
  <c r="T24999" i="1"/>
  <c r="T25000" i="1"/>
  <c r="T25001" i="1"/>
  <c r="T25002" i="1"/>
  <c r="T25003" i="1"/>
  <c r="T25004" i="1"/>
  <c r="T25005" i="1"/>
  <c r="T25006" i="1"/>
  <c r="T25007" i="1"/>
  <c r="T25008" i="1"/>
  <c r="T25009" i="1"/>
  <c r="T25010" i="1"/>
  <c r="T25011" i="1"/>
  <c r="T25012" i="1"/>
  <c r="T25013" i="1"/>
  <c r="T25014" i="1"/>
  <c r="T25015" i="1"/>
  <c r="T25016" i="1"/>
  <c r="T25017" i="1"/>
  <c r="T25018" i="1"/>
  <c r="T25019" i="1"/>
  <c r="T25020" i="1"/>
  <c r="T25021" i="1"/>
  <c r="T25022" i="1"/>
  <c r="T25023" i="1"/>
  <c r="T25024" i="1"/>
  <c r="T25025" i="1"/>
  <c r="T25026" i="1"/>
  <c r="T25027" i="1"/>
  <c r="T25028" i="1"/>
  <c r="T25029" i="1"/>
  <c r="T25030" i="1"/>
  <c r="T25031" i="1"/>
  <c r="T25032" i="1"/>
  <c r="T25033" i="1"/>
  <c r="T25034" i="1"/>
  <c r="T25035" i="1"/>
  <c r="T25036" i="1"/>
  <c r="T25037" i="1"/>
  <c r="T25038" i="1"/>
  <c r="T25039" i="1"/>
  <c r="T25040" i="1"/>
  <c r="T25041" i="1"/>
  <c r="T25042" i="1"/>
  <c r="T25043" i="1"/>
  <c r="T25044" i="1"/>
  <c r="T25045" i="1"/>
  <c r="T25046" i="1"/>
  <c r="T25047" i="1"/>
  <c r="T25048" i="1"/>
  <c r="T25049" i="1"/>
  <c r="T25050" i="1"/>
  <c r="T25051" i="1"/>
  <c r="T25052" i="1"/>
  <c r="T25053" i="1"/>
  <c r="T25054" i="1"/>
  <c r="T25055" i="1"/>
  <c r="T25056" i="1"/>
  <c r="T25057" i="1"/>
  <c r="T25058" i="1"/>
  <c r="T25059" i="1"/>
  <c r="T25060" i="1"/>
  <c r="T25061" i="1"/>
  <c r="T25062" i="1"/>
  <c r="T25063" i="1"/>
  <c r="T25064" i="1"/>
  <c r="T25065" i="1"/>
  <c r="T25066" i="1"/>
  <c r="T25067" i="1"/>
  <c r="T25068" i="1"/>
  <c r="T25069" i="1"/>
  <c r="T25070" i="1"/>
  <c r="T25071" i="1"/>
  <c r="T25072" i="1"/>
  <c r="T25073" i="1"/>
  <c r="T25074" i="1"/>
  <c r="T25075" i="1"/>
  <c r="T25076" i="1"/>
  <c r="T25077" i="1"/>
  <c r="T25078" i="1"/>
  <c r="T25079" i="1"/>
  <c r="T25080" i="1"/>
  <c r="T25081" i="1"/>
  <c r="T25082" i="1"/>
  <c r="T25083" i="1"/>
  <c r="T25084" i="1"/>
  <c r="T25085" i="1"/>
  <c r="T25086" i="1"/>
  <c r="T25087" i="1"/>
  <c r="T25088" i="1"/>
  <c r="T25089" i="1"/>
  <c r="T25090" i="1"/>
  <c r="T25091" i="1"/>
  <c r="T25092" i="1"/>
  <c r="T25093" i="1"/>
  <c r="T25094" i="1"/>
  <c r="T25095" i="1"/>
  <c r="T25096" i="1"/>
  <c r="T25097" i="1"/>
  <c r="T25098" i="1"/>
  <c r="T25099" i="1"/>
  <c r="T25100" i="1"/>
  <c r="T25101" i="1"/>
  <c r="T25102" i="1"/>
  <c r="T25103" i="1"/>
  <c r="T25104" i="1"/>
  <c r="T25105" i="1"/>
  <c r="T25106" i="1"/>
  <c r="T25107" i="1"/>
  <c r="T25108" i="1"/>
  <c r="T25109" i="1"/>
  <c r="T25110" i="1"/>
  <c r="T25111" i="1"/>
  <c r="T25112" i="1"/>
  <c r="T25113" i="1"/>
  <c r="T25114" i="1"/>
  <c r="T25115" i="1"/>
  <c r="T25116" i="1"/>
  <c r="T25117" i="1"/>
  <c r="T25118" i="1"/>
  <c r="T25119" i="1"/>
  <c r="T25120" i="1"/>
  <c r="T25121" i="1"/>
  <c r="T25122" i="1"/>
  <c r="T25123" i="1"/>
  <c r="T25124" i="1"/>
  <c r="T25125" i="1"/>
  <c r="T25126" i="1"/>
  <c r="T25127" i="1"/>
  <c r="T25128" i="1"/>
  <c r="T25129" i="1"/>
  <c r="T25130" i="1"/>
  <c r="T25131" i="1"/>
  <c r="T25132" i="1"/>
  <c r="T25133" i="1"/>
  <c r="T25134" i="1"/>
  <c r="T25135" i="1"/>
  <c r="T25136" i="1"/>
  <c r="T25137" i="1"/>
  <c r="T25138" i="1"/>
  <c r="T25139" i="1"/>
  <c r="T25140" i="1"/>
  <c r="T25141" i="1"/>
  <c r="T25142" i="1"/>
  <c r="T25143" i="1"/>
  <c r="T25144" i="1"/>
  <c r="T25145" i="1"/>
  <c r="T25146" i="1"/>
  <c r="T25147" i="1"/>
  <c r="T25148" i="1"/>
  <c r="T25149" i="1"/>
  <c r="T25150" i="1"/>
  <c r="T25151" i="1"/>
  <c r="T25152" i="1"/>
  <c r="T25153" i="1"/>
  <c r="T25154" i="1"/>
  <c r="T25155" i="1"/>
  <c r="T25156" i="1"/>
  <c r="T25157" i="1"/>
  <c r="T25158" i="1"/>
  <c r="T25159" i="1"/>
  <c r="T25160" i="1"/>
  <c r="T25161" i="1"/>
  <c r="T25162" i="1"/>
  <c r="T25163" i="1"/>
  <c r="T25164" i="1"/>
  <c r="T25165" i="1"/>
  <c r="T25166" i="1"/>
  <c r="T25167" i="1"/>
  <c r="T25168" i="1"/>
  <c r="T25169" i="1"/>
  <c r="T25170" i="1"/>
  <c r="T25171" i="1"/>
  <c r="T25172" i="1"/>
  <c r="T25173" i="1"/>
  <c r="T25174" i="1"/>
  <c r="T25175" i="1"/>
  <c r="T25176" i="1"/>
  <c r="T25177" i="1"/>
  <c r="T25178" i="1"/>
  <c r="T25179" i="1"/>
  <c r="T25180" i="1"/>
  <c r="T25181" i="1"/>
  <c r="T25182" i="1"/>
  <c r="T25183" i="1"/>
  <c r="T25184" i="1"/>
  <c r="T25185" i="1"/>
  <c r="T25186" i="1"/>
  <c r="T25187" i="1"/>
  <c r="T25188" i="1"/>
  <c r="T25189" i="1"/>
  <c r="T25190" i="1"/>
  <c r="T25191" i="1"/>
  <c r="T25192" i="1"/>
  <c r="T25193" i="1"/>
  <c r="T25194" i="1"/>
  <c r="T25195" i="1"/>
  <c r="T25196" i="1"/>
  <c r="T25197" i="1"/>
  <c r="T25198" i="1"/>
  <c r="T25199" i="1"/>
  <c r="T25200" i="1"/>
  <c r="T25201" i="1"/>
  <c r="T25202" i="1"/>
  <c r="T25203" i="1"/>
  <c r="T25204" i="1"/>
  <c r="T25205" i="1"/>
  <c r="T25206" i="1"/>
  <c r="T25207" i="1"/>
  <c r="T25208" i="1"/>
  <c r="T25209" i="1"/>
  <c r="T25210" i="1"/>
  <c r="T25211" i="1"/>
  <c r="T25212" i="1"/>
  <c r="T25213" i="1"/>
  <c r="T25214" i="1"/>
  <c r="T25215" i="1"/>
  <c r="T25216" i="1"/>
  <c r="T25217" i="1"/>
  <c r="T25218" i="1"/>
  <c r="T25219" i="1"/>
  <c r="T25220" i="1"/>
  <c r="T25221" i="1"/>
  <c r="T25222" i="1"/>
  <c r="T25223" i="1"/>
  <c r="T25224" i="1"/>
  <c r="T25225" i="1"/>
  <c r="T25226" i="1"/>
  <c r="T25227" i="1"/>
  <c r="T25228" i="1"/>
  <c r="T25229" i="1"/>
  <c r="T25230" i="1"/>
  <c r="T25231" i="1"/>
  <c r="T25232" i="1"/>
  <c r="T25233" i="1"/>
  <c r="T25234" i="1"/>
  <c r="T25235" i="1"/>
  <c r="T25236" i="1"/>
  <c r="T25237" i="1"/>
  <c r="T25238" i="1"/>
  <c r="T25239" i="1"/>
  <c r="T25240" i="1"/>
  <c r="T25241" i="1"/>
  <c r="T25242" i="1"/>
  <c r="T25243" i="1"/>
  <c r="T25244" i="1"/>
  <c r="T25245" i="1"/>
  <c r="T25246" i="1"/>
  <c r="T25247" i="1"/>
  <c r="T25248" i="1"/>
  <c r="T25249" i="1"/>
  <c r="T25250" i="1"/>
  <c r="T25251" i="1"/>
  <c r="T25252" i="1"/>
  <c r="T25253" i="1"/>
  <c r="T25254" i="1"/>
  <c r="T25255" i="1"/>
  <c r="T25256" i="1"/>
  <c r="T25257" i="1"/>
  <c r="T25258" i="1"/>
  <c r="T25259" i="1"/>
  <c r="T25260" i="1"/>
  <c r="T25261" i="1"/>
  <c r="T25262" i="1"/>
  <c r="T25263" i="1"/>
  <c r="T25264" i="1"/>
  <c r="T25265" i="1"/>
  <c r="T25266" i="1"/>
  <c r="T25267" i="1"/>
  <c r="T25268" i="1"/>
  <c r="T25269" i="1"/>
  <c r="T25270" i="1"/>
  <c r="T25271" i="1"/>
  <c r="T25272" i="1"/>
  <c r="T25273" i="1"/>
  <c r="T25274" i="1"/>
  <c r="T25275" i="1"/>
  <c r="T25276" i="1"/>
  <c r="T25277" i="1"/>
  <c r="T25278" i="1"/>
  <c r="T25279" i="1"/>
  <c r="T25280" i="1"/>
  <c r="T25281" i="1"/>
  <c r="T25282" i="1"/>
  <c r="T25283" i="1"/>
  <c r="T25284" i="1"/>
  <c r="T25285" i="1"/>
  <c r="T25286" i="1"/>
  <c r="T25287" i="1"/>
  <c r="T25288" i="1"/>
  <c r="T25289" i="1"/>
  <c r="T25290" i="1"/>
  <c r="T25291" i="1"/>
  <c r="T25292" i="1"/>
  <c r="T25293" i="1"/>
  <c r="T25294" i="1"/>
  <c r="T25295" i="1"/>
  <c r="T25296" i="1"/>
  <c r="T25297" i="1"/>
  <c r="T25298" i="1"/>
  <c r="T25299" i="1"/>
  <c r="T25300" i="1"/>
  <c r="T25301" i="1"/>
  <c r="T25302" i="1"/>
  <c r="T25303" i="1"/>
  <c r="T25304" i="1"/>
  <c r="T25305" i="1"/>
  <c r="T25306" i="1"/>
  <c r="T25307" i="1"/>
  <c r="T25308" i="1"/>
  <c r="T25309" i="1"/>
  <c r="T25310" i="1"/>
  <c r="T25311" i="1"/>
  <c r="T25312" i="1"/>
  <c r="T25313" i="1"/>
  <c r="T25314" i="1"/>
  <c r="T25315" i="1"/>
  <c r="T25316" i="1"/>
  <c r="T25317" i="1"/>
  <c r="T25318" i="1"/>
  <c r="T25319" i="1"/>
  <c r="T25320" i="1"/>
  <c r="T25321" i="1"/>
  <c r="T25322" i="1"/>
  <c r="T25323" i="1"/>
  <c r="T25324" i="1"/>
  <c r="T25325" i="1"/>
  <c r="T25326" i="1"/>
  <c r="T25327" i="1"/>
  <c r="T25328" i="1"/>
  <c r="T25329" i="1"/>
  <c r="T25330" i="1"/>
  <c r="T25331" i="1"/>
  <c r="T25332" i="1"/>
  <c r="T25333" i="1"/>
  <c r="T25334" i="1"/>
  <c r="T25335" i="1"/>
  <c r="T25336" i="1"/>
  <c r="T25337" i="1"/>
  <c r="T25338" i="1"/>
  <c r="T25339" i="1"/>
  <c r="T25340" i="1"/>
  <c r="T25341" i="1"/>
  <c r="T25342" i="1"/>
  <c r="T25343" i="1"/>
  <c r="T25344" i="1"/>
  <c r="T25345" i="1"/>
  <c r="T25346" i="1"/>
  <c r="T25347" i="1"/>
  <c r="T25348" i="1"/>
  <c r="T25349" i="1"/>
  <c r="T25350" i="1"/>
  <c r="T25351" i="1"/>
  <c r="T25352" i="1"/>
  <c r="T25353" i="1"/>
  <c r="T25354" i="1"/>
  <c r="T25355" i="1"/>
  <c r="T25356" i="1"/>
  <c r="T25357" i="1"/>
  <c r="T25358" i="1"/>
  <c r="T25359" i="1"/>
  <c r="T25360" i="1"/>
  <c r="T25361" i="1"/>
  <c r="T25362" i="1"/>
  <c r="T25363" i="1"/>
  <c r="T25364" i="1"/>
  <c r="T25365" i="1"/>
  <c r="T25366" i="1"/>
  <c r="T25367" i="1"/>
  <c r="T25368" i="1"/>
  <c r="T25369" i="1"/>
  <c r="T25370" i="1"/>
  <c r="T25371" i="1"/>
  <c r="T25372" i="1"/>
  <c r="T25373" i="1"/>
  <c r="T25374" i="1"/>
  <c r="T25375" i="1"/>
  <c r="T25376" i="1"/>
  <c r="T25377" i="1"/>
  <c r="T25378" i="1"/>
  <c r="T25379" i="1"/>
  <c r="T25380" i="1"/>
  <c r="T25381" i="1"/>
  <c r="T25382" i="1"/>
  <c r="T25383" i="1"/>
  <c r="T25384" i="1"/>
  <c r="T25385" i="1"/>
  <c r="T25386" i="1"/>
  <c r="T25387" i="1"/>
  <c r="T25388" i="1"/>
  <c r="T25389" i="1"/>
  <c r="T25390" i="1"/>
  <c r="T25391" i="1"/>
  <c r="T25392" i="1"/>
  <c r="T25393" i="1"/>
  <c r="T25394" i="1"/>
  <c r="T25395" i="1"/>
  <c r="T25396" i="1"/>
  <c r="T25397" i="1"/>
  <c r="T25398" i="1"/>
  <c r="T25399" i="1"/>
  <c r="T25400" i="1"/>
  <c r="T25401" i="1"/>
  <c r="T25402" i="1"/>
  <c r="T25403" i="1"/>
  <c r="T25404" i="1"/>
  <c r="T25405" i="1"/>
  <c r="T25406" i="1"/>
  <c r="T25407" i="1"/>
  <c r="T25408" i="1"/>
  <c r="T25409" i="1"/>
  <c r="T25410" i="1"/>
  <c r="T25411" i="1"/>
  <c r="T25412" i="1"/>
  <c r="T25413" i="1"/>
  <c r="T25414" i="1"/>
  <c r="T25415" i="1"/>
  <c r="T25416" i="1"/>
  <c r="T25417" i="1"/>
  <c r="T25418" i="1"/>
  <c r="T25419" i="1"/>
  <c r="T25420" i="1"/>
  <c r="T25421" i="1"/>
  <c r="T25422" i="1"/>
  <c r="T25423" i="1"/>
  <c r="T25424" i="1"/>
  <c r="T25425" i="1"/>
  <c r="T25426" i="1"/>
  <c r="T25427" i="1"/>
  <c r="T25428" i="1"/>
  <c r="T25429" i="1"/>
  <c r="T25430" i="1"/>
  <c r="T25431" i="1"/>
  <c r="T25432" i="1"/>
  <c r="T25433" i="1"/>
  <c r="T25434" i="1"/>
  <c r="T25435" i="1"/>
  <c r="T25436" i="1"/>
  <c r="T25437" i="1"/>
  <c r="T25438" i="1"/>
  <c r="T25439" i="1"/>
  <c r="T25440" i="1"/>
  <c r="T25441" i="1"/>
  <c r="T25442" i="1"/>
  <c r="T25443" i="1"/>
  <c r="T25444" i="1"/>
  <c r="T25445" i="1"/>
  <c r="T25446" i="1"/>
  <c r="T25447" i="1"/>
  <c r="T25448" i="1"/>
  <c r="T25449" i="1"/>
  <c r="T25450" i="1"/>
  <c r="T25451" i="1"/>
  <c r="T25452" i="1"/>
  <c r="T25453" i="1"/>
  <c r="T25454" i="1"/>
  <c r="T25455" i="1"/>
  <c r="T25456" i="1"/>
  <c r="T25457" i="1"/>
  <c r="T25458" i="1"/>
  <c r="T25459" i="1"/>
  <c r="T25460" i="1"/>
  <c r="T25461" i="1"/>
  <c r="T25462" i="1"/>
  <c r="T25463" i="1"/>
  <c r="T25464" i="1"/>
  <c r="T25465" i="1"/>
  <c r="T25466" i="1"/>
  <c r="T25467" i="1"/>
  <c r="T25468" i="1"/>
  <c r="T25469" i="1"/>
  <c r="T25470" i="1"/>
  <c r="T25471" i="1"/>
  <c r="T25472" i="1"/>
  <c r="T25473" i="1"/>
  <c r="T25474" i="1"/>
  <c r="T25475" i="1"/>
  <c r="T25476" i="1"/>
  <c r="T25477" i="1"/>
  <c r="T25478" i="1"/>
  <c r="T25479" i="1"/>
  <c r="T25480" i="1"/>
  <c r="T25481" i="1"/>
  <c r="T25482" i="1"/>
  <c r="T25483" i="1"/>
  <c r="T25484" i="1"/>
  <c r="T25485" i="1"/>
  <c r="T25486" i="1"/>
  <c r="T25487" i="1"/>
  <c r="T25488" i="1"/>
  <c r="T25489" i="1"/>
  <c r="T25490" i="1"/>
  <c r="T25491" i="1"/>
  <c r="T25492" i="1"/>
  <c r="T25493" i="1"/>
  <c r="T25494" i="1"/>
  <c r="T25495" i="1"/>
  <c r="T25496" i="1"/>
  <c r="T25497" i="1"/>
  <c r="T25498" i="1"/>
  <c r="T25499" i="1"/>
  <c r="T25500" i="1"/>
  <c r="T25501" i="1"/>
  <c r="T25502" i="1"/>
  <c r="T25503" i="1"/>
  <c r="T25504" i="1"/>
  <c r="T25505" i="1"/>
  <c r="T25506" i="1"/>
  <c r="T25507" i="1"/>
  <c r="T25508" i="1"/>
  <c r="T25509" i="1"/>
  <c r="T25510" i="1"/>
  <c r="T25511" i="1"/>
  <c r="T25512" i="1"/>
  <c r="T25513" i="1"/>
  <c r="T25514" i="1"/>
  <c r="T25515" i="1"/>
  <c r="T25516" i="1"/>
  <c r="T25517" i="1"/>
  <c r="T25518" i="1"/>
  <c r="T25519" i="1"/>
  <c r="T25520" i="1"/>
  <c r="T25521" i="1"/>
  <c r="T25522" i="1"/>
  <c r="T25523" i="1"/>
  <c r="T25524" i="1"/>
  <c r="T25525" i="1"/>
  <c r="T25526" i="1"/>
  <c r="T25527" i="1"/>
  <c r="T25528" i="1"/>
  <c r="T25529" i="1"/>
  <c r="T25530" i="1"/>
  <c r="T25531" i="1"/>
  <c r="T25532" i="1"/>
  <c r="T25533" i="1"/>
  <c r="T25534" i="1"/>
  <c r="T25535" i="1"/>
  <c r="T25536" i="1"/>
  <c r="T25537" i="1"/>
  <c r="T25538" i="1"/>
  <c r="T25539" i="1"/>
  <c r="T25540" i="1"/>
  <c r="T25541" i="1"/>
  <c r="T25542" i="1"/>
  <c r="T25543" i="1"/>
  <c r="T25544" i="1"/>
  <c r="T25545" i="1"/>
  <c r="T25546" i="1"/>
  <c r="T25547" i="1"/>
  <c r="T25548" i="1"/>
  <c r="T25549" i="1"/>
  <c r="T25550" i="1"/>
  <c r="T25551" i="1"/>
  <c r="T25552" i="1"/>
  <c r="T25553" i="1"/>
  <c r="T25554" i="1"/>
  <c r="T25555" i="1"/>
  <c r="T25556" i="1"/>
  <c r="T25557" i="1"/>
  <c r="T25558" i="1"/>
  <c r="T25559" i="1"/>
  <c r="T25560" i="1"/>
  <c r="T25561" i="1"/>
  <c r="T25562" i="1"/>
  <c r="T25563" i="1"/>
  <c r="T25564" i="1"/>
  <c r="T25565" i="1"/>
  <c r="T25566" i="1"/>
  <c r="T25567" i="1"/>
  <c r="T25568" i="1"/>
  <c r="T25569" i="1"/>
  <c r="T25570" i="1"/>
  <c r="T25571" i="1"/>
  <c r="T25572" i="1"/>
  <c r="T25573" i="1"/>
  <c r="T25574" i="1"/>
  <c r="T25575" i="1"/>
  <c r="T25576" i="1"/>
  <c r="T25577" i="1"/>
  <c r="T25578" i="1"/>
  <c r="T25579" i="1"/>
  <c r="T25580" i="1"/>
  <c r="T25581" i="1"/>
  <c r="T25582" i="1"/>
  <c r="T25583" i="1"/>
  <c r="T25584" i="1"/>
  <c r="T25585" i="1"/>
  <c r="T25586" i="1"/>
  <c r="T25587" i="1"/>
  <c r="T25588" i="1"/>
  <c r="T25589" i="1"/>
  <c r="T25590" i="1"/>
  <c r="T25591" i="1"/>
  <c r="T25592" i="1"/>
  <c r="T25593" i="1"/>
  <c r="T25594" i="1"/>
  <c r="T25595" i="1"/>
  <c r="T25596" i="1"/>
  <c r="T25597" i="1"/>
  <c r="T25598" i="1"/>
  <c r="T25599" i="1"/>
  <c r="T25600" i="1"/>
  <c r="T25601" i="1"/>
  <c r="T25602" i="1"/>
  <c r="T25603" i="1"/>
  <c r="T25604" i="1"/>
  <c r="T25605" i="1"/>
  <c r="T25606" i="1"/>
  <c r="T25607" i="1"/>
  <c r="T25608" i="1"/>
  <c r="T25609" i="1"/>
  <c r="T25610" i="1"/>
  <c r="T25611" i="1"/>
  <c r="T25612" i="1"/>
  <c r="T25613" i="1"/>
  <c r="T25614" i="1"/>
  <c r="T25615" i="1"/>
  <c r="T25616" i="1"/>
  <c r="T25617" i="1"/>
  <c r="T25618" i="1"/>
  <c r="T25619" i="1"/>
  <c r="T25620" i="1"/>
  <c r="T25621" i="1"/>
  <c r="T25622" i="1"/>
  <c r="T25623" i="1"/>
  <c r="T25624" i="1"/>
  <c r="T25625" i="1"/>
  <c r="T25626" i="1"/>
  <c r="T25627" i="1"/>
  <c r="T25628" i="1"/>
  <c r="T25629" i="1"/>
  <c r="T25630" i="1"/>
  <c r="T25631" i="1"/>
  <c r="T25632" i="1"/>
  <c r="T25633" i="1"/>
  <c r="T25634" i="1"/>
  <c r="T25635" i="1"/>
  <c r="T25636" i="1"/>
  <c r="T25637" i="1"/>
  <c r="T25638" i="1"/>
  <c r="T25639" i="1"/>
  <c r="T25640" i="1"/>
  <c r="T25641" i="1"/>
  <c r="T25642" i="1"/>
  <c r="T25643" i="1"/>
  <c r="T25644" i="1"/>
  <c r="T25645" i="1"/>
  <c r="T25646" i="1"/>
  <c r="T25647" i="1"/>
  <c r="T25648" i="1"/>
  <c r="T25649" i="1"/>
  <c r="T25650" i="1"/>
  <c r="T25651" i="1"/>
  <c r="T25652" i="1"/>
  <c r="T25653" i="1"/>
  <c r="T25654" i="1"/>
  <c r="T25655" i="1"/>
  <c r="T25656" i="1"/>
  <c r="T25657" i="1"/>
  <c r="T25658" i="1"/>
  <c r="T25659" i="1"/>
  <c r="T25660" i="1"/>
  <c r="T25661" i="1"/>
  <c r="T25662" i="1"/>
  <c r="T25663" i="1"/>
  <c r="T25664" i="1"/>
  <c r="T25665" i="1"/>
  <c r="T25666" i="1"/>
  <c r="T25667" i="1"/>
  <c r="T25668" i="1"/>
  <c r="T25669" i="1"/>
  <c r="T25670" i="1"/>
  <c r="T25671" i="1"/>
  <c r="T25672" i="1"/>
  <c r="T25673" i="1"/>
  <c r="T25674" i="1"/>
  <c r="T25675" i="1"/>
  <c r="T25676" i="1"/>
  <c r="T25677" i="1"/>
  <c r="T25678" i="1"/>
  <c r="T25679" i="1"/>
  <c r="T25680" i="1"/>
  <c r="T25681" i="1"/>
  <c r="T25682" i="1"/>
  <c r="T25683" i="1"/>
  <c r="T25684" i="1"/>
  <c r="T25685" i="1"/>
  <c r="T25686" i="1"/>
  <c r="T25687" i="1"/>
  <c r="T25688" i="1"/>
  <c r="T25689" i="1"/>
  <c r="T25690" i="1"/>
  <c r="T25691" i="1"/>
  <c r="T25692" i="1"/>
  <c r="T25693" i="1"/>
  <c r="T25694" i="1"/>
  <c r="T25695" i="1"/>
  <c r="T25696" i="1"/>
  <c r="T25697" i="1"/>
  <c r="T25698" i="1"/>
  <c r="T25699" i="1"/>
  <c r="T25700" i="1"/>
  <c r="T25701" i="1"/>
  <c r="T25702" i="1"/>
  <c r="T25703" i="1"/>
  <c r="T25704" i="1"/>
  <c r="T25705" i="1"/>
  <c r="T25706" i="1"/>
  <c r="T25707" i="1"/>
  <c r="T25708" i="1"/>
  <c r="T25709" i="1"/>
  <c r="T25710" i="1"/>
  <c r="T25711" i="1"/>
  <c r="T25712" i="1"/>
  <c r="T25713" i="1"/>
  <c r="T25714" i="1"/>
  <c r="T25715" i="1"/>
  <c r="T25716" i="1"/>
  <c r="T25717" i="1"/>
  <c r="T25718" i="1"/>
  <c r="T25719" i="1"/>
  <c r="T25720" i="1"/>
  <c r="T25721" i="1"/>
  <c r="T25722" i="1"/>
  <c r="T25723" i="1"/>
  <c r="T25724" i="1"/>
  <c r="T25725" i="1"/>
  <c r="T25726" i="1"/>
  <c r="T25727" i="1"/>
  <c r="T25728" i="1"/>
  <c r="T25729" i="1"/>
  <c r="T25730" i="1"/>
  <c r="T25731" i="1"/>
  <c r="T25732" i="1"/>
  <c r="T25733" i="1"/>
  <c r="T25734" i="1"/>
  <c r="T25735" i="1"/>
  <c r="T25736" i="1"/>
  <c r="T25737" i="1"/>
  <c r="T25738" i="1"/>
  <c r="T25739" i="1"/>
  <c r="T25740" i="1"/>
  <c r="T25741" i="1"/>
  <c r="T25742" i="1"/>
  <c r="T25743" i="1"/>
  <c r="T25744" i="1"/>
  <c r="T25745" i="1"/>
  <c r="T25746" i="1"/>
  <c r="T25747" i="1"/>
  <c r="T25748" i="1"/>
  <c r="T25749" i="1"/>
  <c r="T25750" i="1"/>
  <c r="T25751" i="1"/>
  <c r="T25752" i="1"/>
  <c r="T25753" i="1"/>
  <c r="T25754" i="1"/>
  <c r="T25755" i="1"/>
  <c r="T25756" i="1"/>
  <c r="T25757" i="1"/>
  <c r="T25758" i="1"/>
  <c r="T25759" i="1"/>
  <c r="T25760" i="1"/>
  <c r="T25761" i="1"/>
  <c r="T25762" i="1"/>
  <c r="T25763" i="1"/>
  <c r="T25764" i="1"/>
  <c r="T25765" i="1"/>
  <c r="T25766" i="1"/>
  <c r="T25767" i="1"/>
  <c r="T25768" i="1"/>
  <c r="T25769" i="1"/>
  <c r="T25770" i="1"/>
  <c r="T25771" i="1"/>
  <c r="T25772" i="1"/>
  <c r="T25773" i="1"/>
  <c r="T25774" i="1"/>
  <c r="T25775" i="1"/>
  <c r="T25776" i="1"/>
  <c r="T25777" i="1"/>
  <c r="T25778" i="1"/>
  <c r="T25779" i="1"/>
  <c r="T25780" i="1"/>
  <c r="T25781" i="1"/>
  <c r="T25782" i="1"/>
  <c r="T25783" i="1"/>
  <c r="T25784" i="1"/>
  <c r="T25785" i="1"/>
  <c r="T25786" i="1"/>
  <c r="T25787" i="1"/>
  <c r="T25788" i="1"/>
  <c r="T25789" i="1"/>
  <c r="T25790" i="1"/>
  <c r="T25791" i="1"/>
  <c r="T25792" i="1"/>
  <c r="T25793" i="1"/>
  <c r="T25794" i="1"/>
  <c r="T25795" i="1"/>
  <c r="T25796" i="1"/>
  <c r="T25797" i="1"/>
  <c r="T25798" i="1"/>
  <c r="T25799" i="1"/>
  <c r="T25800" i="1"/>
  <c r="T25801" i="1"/>
  <c r="T25802" i="1"/>
  <c r="T25803" i="1"/>
  <c r="T25804" i="1"/>
  <c r="T25805" i="1"/>
  <c r="T25806" i="1"/>
  <c r="T25807" i="1"/>
  <c r="T25808" i="1"/>
  <c r="T25809" i="1"/>
  <c r="T25810" i="1"/>
  <c r="T25811" i="1"/>
  <c r="T25812" i="1"/>
  <c r="T25813" i="1"/>
  <c r="T25814" i="1"/>
  <c r="T25815" i="1"/>
  <c r="T25816" i="1"/>
  <c r="T25817" i="1"/>
  <c r="T25818" i="1"/>
  <c r="T25819" i="1"/>
  <c r="T25820" i="1"/>
  <c r="T25821" i="1"/>
  <c r="T25822" i="1"/>
  <c r="T25823" i="1"/>
  <c r="T25824" i="1"/>
  <c r="T25825" i="1"/>
  <c r="T25826" i="1"/>
  <c r="T25827" i="1"/>
  <c r="T25828" i="1"/>
  <c r="T25829" i="1"/>
  <c r="T25830" i="1"/>
  <c r="T25831" i="1"/>
  <c r="T25832" i="1"/>
  <c r="T25833" i="1"/>
  <c r="T25834" i="1"/>
  <c r="T25835" i="1"/>
  <c r="T25836" i="1"/>
  <c r="T25837" i="1"/>
  <c r="T25838" i="1"/>
  <c r="T25839" i="1"/>
  <c r="T25840" i="1"/>
  <c r="T25841" i="1"/>
  <c r="T25842" i="1"/>
  <c r="T25843" i="1"/>
  <c r="T25844" i="1"/>
  <c r="T25845" i="1"/>
  <c r="T25846" i="1"/>
  <c r="T25847" i="1"/>
  <c r="T25848" i="1"/>
  <c r="T25849" i="1"/>
  <c r="T25850" i="1"/>
  <c r="T25851" i="1"/>
  <c r="T25852" i="1"/>
  <c r="T25853" i="1"/>
  <c r="T25854" i="1"/>
  <c r="T25855" i="1"/>
  <c r="T25856" i="1"/>
  <c r="T25857" i="1"/>
  <c r="T25858" i="1"/>
  <c r="T25859" i="1"/>
  <c r="T25860" i="1"/>
  <c r="T25861" i="1"/>
  <c r="T25862" i="1"/>
  <c r="T25863" i="1"/>
  <c r="T25864" i="1"/>
  <c r="T25865" i="1"/>
  <c r="T25866" i="1"/>
  <c r="T25867" i="1"/>
  <c r="T25868" i="1"/>
  <c r="T25869" i="1"/>
  <c r="T25870" i="1"/>
  <c r="T25871" i="1"/>
  <c r="T25872" i="1"/>
  <c r="T25873" i="1"/>
  <c r="T25874" i="1"/>
  <c r="T25875" i="1"/>
  <c r="T25876" i="1"/>
  <c r="T25877" i="1"/>
  <c r="T25878" i="1"/>
  <c r="T25879" i="1"/>
  <c r="T25880" i="1"/>
  <c r="T25881" i="1"/>
  <c r="T25882" i="1"/>
  <c r="T25883" i="1"/>
  <c r="T25884" i="1"/>
  <c r="T25885" i="1"/>
  <c r="T25886" i="1"/>
  <c r="T25887" i="1"/>
  <c r="T25888" i="1"/>
  <c r="T25889" i="1"/>
  <c r="T25890" i="1"/>
  <c r="T25891" i="1"/>
  <c r="T25892" i="1"/>
  <c r="T25893" i="1"/>
  <c r="T25894" i="1"/>
  <c r="T25895" i="1"/>
  <c r="T25896" i="1"/>
  <c r="T25897" i="1"/>
  <c r="T25898" i="1"/>
  <c r="T25899" i="1"/>
  <c r="T25900" i="1"/>
  <c r="T25901" i="1"/>
  <c r="T25902" i="1"/>
  <c r="T25903" i="1"/>
  <c r="T25904" i="1"/>
  <c r="T25905" i="1"/>
  <c r="T25906" i="1"/>
  <c r="T25907" i="1"/>
  <c r="T25908" i="1"/>
  <c r="T25909" i="1"/>
  <c r="T25910" i="1"/>
  <c r="T25911" i="1"/>
  <c r="T25912" i="1"/>
  <c r="T25913" i="1"/>
  <c r="T25914" i="1"/>
  <c r="T25915" i="1"/>
  <c r="T25916" i="1"/>
  <c r="T25917" i="1"/>
  <c r="T25918" i="1"/>
  <c r="T25919" i="1"/>
  <c r="T25920" i="1"/>
  <c r="T25921" i="1"/>
  <c r="T25922" i="1"/>
  <c r="T25923" i="1"/>
  <c r="T25924" i="1"/>
  <c r="T25925" i="1"/>
  <c r="T25926" i="1"/>
  <c r="T25927" i="1"/>
  <c r="T25928" i="1"/>
  <c r="T25929" i="1"/>
  <c r="T25930" i="1"/>
  <c r="T25931" i="1"/>
  <c r="T25932" i="1"/>
  <c r="T25933" i="1"/>
  <c r="T25934" i="1"/>
  <c r="T25935" i="1"/>
  <c r="T25936" i="1"/>
  <c r="T25937" i="1"/>
  <c r="T25938" i="1"/>
  <c r="T25939" i="1"/>
  <c r="T25940" i="1"/>
  <c r="T25941" i="1"/>
  <c r="T25942" i="1"/>
  <c r="T25943" i="1"/>
  <c r="T25944" i="1"/>
  <c r="T25945" i="1"/>
  <c r="T25946" i="1"/>
  <c r="T25947" i="1"/>
  <c r="T25948" i="1"/>
  <c r="T25949" i="1"/>
  <c r="T25950" i="1"/>
  <c r="T25951" i="1"/>
  <c r="T25952" i="1"/>
  <c r="T25953" i="1"/>
  <c r="T25954" i="1"/>
  <c r="T25955" i="1"/>
  <c r="T25956" i="1"/>
  <c r="T25957" i="1"/>
  <c r="T25958" i="1"/>
  <c r="T25959" i="1"/>
  <c r="T25960" i="1"/>
  <c r="T25961" i="1"/>
  <c r="T25962" i="1"/>
  <c r="T25963" i="1"/>
  <c r="T25964" i="1"/>
  <c r="T25965" i="1"/>
  <c r="T25966" i="1"/>
  <c r="T25967" i="1"/>
  <c r="T25968" i="1"/>
  <c r="T25969" i="1"/>
  <c r="T25970" i="1"/>
  <c r="T25971" i="1"/>
  <c r="T25972" i="1"/>
  <c r="T25973" i="1"/>
  <c r="T25974" i="1"/>
  <c r="T25975" i="1"/>
  <c r="T25976" i="1"/>
  <c r="T25977" i="1"/>
  <c r="T25978" i="1"/>
  <c r="T25979" i="1"/>
  <c r="T25980" i="1"/>
  <c r="T25981" i="1"/>
  <c r="T25982" i="1"/>
  <c r="T25983" i="1"/>
  <c r="T25984" i="1"/>
  <c r="T25985" i="1"/>
  <c r="T25986" i="1"/>
  <c r="T25987" i="1"/>
  <c r="T25988" i="1"/>
  <c r="T25989" i="1"/>
  <c r="T25990" i="1"/>
  <c r="T25991" i="1"/>
  <c r="T25992" i="1"/>
  <c r="T25993" i="1"/>
  <c r="T25994" i="1"/>
  <c r="T25995" i="1"/>
  <c r="T25996" i="1"/>
  <c r="T25997" i="1"/>
  <c r="T25998" i="1"/>
  <c r="T25999" i="1"/>
  <c r="T26000" i="1"/>
  <c r="T26001" i="1"/>
  <c r="T26002" i="1"/>
  <c r="T26003" i="1"/>
  <c r="T26004" i="1"/>
  <c r="T26005" i="1"/>
  <c r="T26006" i="1"/>
  <c r="T26007" i="1"/>
  <c r="T26008" i="1"/>
  <c r="T26009" i="1"/>
  <c r="T26010" i="1"/>
  <c r="T26011" i="1"/>
  <c r="T26012" i="1"/>
  <c r="T26013" i="1"/>
  <c r="T26014" i="1"/>
  <c r="T26015" i="1"/>
  <c r="T26016" i="1"/>
  <c r="T26017" i="1"/>
  <c r="T26018" i="1"/>
  <c r="T26019" i="1"/>
  <c r="T26020" i="1"/>
  <c r="T26021" i="1"/>
  <c r="T26022" i="1"/>
  <c r="T26023" i="1"/>
  <c r="T26024" i="1"/>
  <c r="T26025" i="1"/>
  <c r="T26026" i="1"/>
  <c r="T26027" i="1"/>
  <c r="T26028" i="1"/>
  <c r="T26029" i="1"/>
  <c r="T26030" i="1"/>
  <c r="T26031" i="1"/>
  <c r="T26032" i="1"/>
  <c r="T26033" i="1"/>
  <c r="T26034" i="1"/>
  <c r="T26035" i="1"/>
  <c r="T26036" i="1"/>
  <c r="T26037" i="1"/>
  <c r="T26038" i="1"/>
  <c r="T26039" i="1"/>
  <c r="T26040" i="1"/>
  <c r="T26041" i="1"/>
  <c r="T26042" i="1"/>
  <c r="T26043" i="1"/>
  <c r="T26044" i="1"/>
  <c r="T26045" i="1"/>
  <c r="T26046" i="1"/>
  <c r="T26047" i="1"/>
  <c r="T26048" i="1"/>
  <c r="T26049" i="1"/>
  <c r="T26050" i="1"/>
  <c r="T26051" i="1"/>
  <c r="T26052" i="1"/>
  <c r="T26053" i="1"/>
  <c r="T26054" i="1"/>
  <c r="T26055" i="1"/>
  <c r="T26056" i="1"/>
  <c r="T26057" i="1"/>
  <c r="T26058" i="1"/>
  <c r="T26059" i="1"/>
  <c r="T26060" i="1"/>
  <c r="T26061" i="1"/>
  <c r="T26062" i="1"/>
  <c r="T26063" i="1"/>
  <c r="T26064" i="1"/>
  <c r="T26065" i="1"/>
  <c r="T26066" i="1"/>
  <c r="T26067" i="1"/>
  <c r="T26068" i="1"/>
  <c r="T26069" i="1"/>
  <c r="T26070" i="1"/>
  <c r="T26071" i="1"/>
  <c r="T26072" i="1"/>
  <c r="T26073" i="1"/>
  <c r="T26074" i="1"/>
  <c r="T26075" i="1"/>
  <c r="T26076" i="1"/>
  <c r="T26077" i="1"/>
  <c r="T26078" i="1"/>
  <c r="T26079" i="1"/>
  <c r="T26080" i="1"/>
  <c r="T26081" i="1"/>
  <c r="T26082" i="1"/>
  <c r="T26083" i="1"/>
  <c r="T26084" i="1"/>
  <c r="T26085" i="1"/>
  <c r="T26086" i="1"/>
  <c r="T26087" i="1"/>
  <c r="T26088" i="1"/>
  <c r="T26089" i="1"/>
  <c r="T26090" i="1"/>
  <c r="T26091" i="1"/>
  <c r="T26092" i="1"/>
  <c r="T26093" i="1"/>
  <c r="T26094" i="1"/>
  <c r="T26095" i="1"/>
  <c r="T26096" i="1"/>
  <c r="T26097" i="1"/>
  <c r="T26098" i="1"/>
  <c r="T26099" i="1"/>
  <c r="T26100" i="1"/>
  <c r="T26101" i="1"/>
  <c r="T26102" i="1"/>
  <c r="T26103" i="1"/>
  <c r="T26104" i="1"/>
  <c r="T26105" i="1"/>
  <c r="T26106" i="1"/>
  <c r="T26107" i="1"/>
  <c r="T26108" i="1"/>
  <c r="T26109" i="1"/>
  <c r="T26110" i="1"/>
  <c r="T26111" i="1"/>
  <c r="T26112" i="1"/>
  <c r="T26113" i="1"/>
  <c r="T26114" i="1"/>
  <c r="T26115" i="1"/>
  <c r="T26116" i="1"/>
  <c r="T26117" i="1"/>
  <c r="T26118" i="1"/>
  <c r="T26119" i="1"/>
  <c r="T26120" i="1"/>
  <c r="T26121" i="1"/>
  <c r="T26122" i="1"/>
  <c r="T26123" i="1"/>
  <c r="T26124" i="1"/>
  <c r="T26125" i="1"/>
  <c r="T26126" i="1"/>
  <c r="T26127" i="1"/>
  <c r="T26128" i="1"/>
  <c r="T26129" i="1"/>
  <c r="T26130" i="1"/>
  <c r="T26131" i="1"/>
  <c r="T26132" i="1"/>
  <c r="T26133" i="1"/>
  <c r="T26134" i="1"/>
  <c r="T26135" i="1"/>
  <c r="T26136" i="1"/>
  <c r="T26137" i="1"/>
  <c r="T26138" i="1"/>
  <c r="T26139" i="1"/>
  <c r="T26140" i="1"/>
  <c r="T26141" i="1"/>
  <c r="T26142" i="1"/>
  <c r="T26143" i="1"/>
  <c r="T26144" i="1"/>
  <c r="T26145" i="1"/>
  <c r="T26146" i="1"/>
  <c r="T26147" i="1"/>
  <c r="T26148" i="1"/>
  <c r="T26149" i="1"/>
  <c r="T26150" i="1"/>
  <c r="T26151" i="1"/>
  <c r="T26152" i="1"/>
  <c r="T26153" i="1"/>
  <c r="T26154" i="1"/>
  <c r="T26155" i="1"/>
  <c r="T26156" i="1"/>
  <c r="T26157" i="1"/>
  <c r="T26158" i="1"/>
  <c r="T26159" i="1"/>
  <c r="T26160" i="1"/>
  <c r="T26161" i="1"/>
  <c r="T26162" i="1"/>
  <c r="T26163" i="1"/>
  <c r="T26164" i="1"/>
  <c r="T26165" i="1"/>
  <c r="T26166" i="1"/>
  <c r="T26167" i="1"/>
  <c r="T26168" i="1"/>
  <c r="T26169" i="1"/>
  <c r="T26170" i="1"/>
  <c r="T26171" i="1"/>
  <c r="T26172" i="1"/>
  <c r="T26173" i="1"/>
  <c r="T26174" i="1"/>
  <c r="T26175" i="1"/>
  <c r="T26176" i="1"/>
  <c r="T26177" i="1"/>
  <c r="T26178" i="1"/>
  <c r="T26179" i="1"/>
  <c r="T26180" i="1"/>
  <c r="T26181" i="1"/>
  <c r="T26182" i="1"/>
  <c r="T26183" i="1"/>
  <c r="T26184" i="1"/>
  <c r="T26185" i="1"/>
  <c r="T26186" i="1"/>
  <c r="T26187" i="1"/>
  <c r="T26188" i="1"/>
  <c r="T26189" i="1"/>
  <c r="T26190" i="1"/>
  <c r="T26191" i="1"/>
  <c r="T26192" i="1"/>
  <c r="T26193" i="1"/>
  <c r="T26194" i="1"/>
  <c r="T26195" i="1"/>
  <c r="T26196" i="1"/>
  <c r="T26197" i="1"/>
  <c r="T26198" i="1"/>
  <c r="T26199" i="1"/>
  <c r="T26200" i="1"/>
  <c r="T26201" i="1"/>
  <c r="T26202" i="1"/>
  <c r="T26203" i="1"/>
  <c r="T26204" i="1"/>
  <c r="T26205" i="1"/>
  <c r="T26206" i="1"/>
  <c r="T26207" i="1"/>
  <c r="T26208" i="1"/>
  <c r="T26209" i="1"/>
  <c r="T26210" i="1"/>
  <c r="T26211" i="1"/>
  <c r="T26212" i="1"/>
  <c r="T26213" i="1"/>
  <c r="T26214" i="1"/>
  <c r="T26215" i="1"/>
  <c r="T26216" i="1"/>
  <c r="T26217" i="1"/>
  <c r="T26218" i="1"/>
  <c r="T26219" i="1"/>
  <c r="T26220" i="1"/>
  <c r="T26221" i="1"/>
  <c r="T26222" i="1"/>
  <c r="T26223" i="1"/>
  <c r="T26224" i="1"/>
  <c r="T26225" i="1"/>
  <c r="T26226" i="1"/>
  <c r="T26227" i="1"/>
  <c r="T26228" i="1"/>
  <c r="T26229" i="1"/>
  <c r="T26230" i="1"/>
  <c r="T26231" i="1"/>
  <c r="T26232" i="1"/>
  <c r="T26233" i="1"/>
  <c r="T26234" i="1"/>
  <c r="T26235" i="1"/>
  <c r="T26236" i="1"/>
  <c r="T26237" i="1"/>
  <c r="T26238" i="1"/>
  <c r="T26239" i="1"/>
  <c r="T26240" i="1"/>
  <c r="T26241" i="1"/>
  <c r="T26242" i="1"/>
  <c r="T26243" i="1"/>
  <c r="T26244" i="1"/>
  <c r="T26245" i="1"/>
  <c r="T26246" i="1"/>
  <c r="T26247" i="1"/>
  <c r="T26248" i="1"/>
  <c r="T26249" i="1"/>
  <c r="T26250" i="1"/>
  <c r="T26251" i="1"/>
  <c r="T26252" i="1"/>
  <c r="T26253" i="1"/>
  <c r="T26254" i="1"/>
  <c r="T26255" i="1"/>
  <c r="T26256" i="1"/>
  <c r="T26257" i="1"/>
  <c r="T26258" i="1"/>
  <c r="T26259" i="1"/>
  <c r="T26260" i="1"/>
  <c r="T26261" i="1"/>
  <c r="T26262" i="1"/>
  <c r="T26263" i="1"/>
  <c r="T26264" i="1"/>
  <c r="T26265" i="1"/>
  <c r="T26266" i="1"/>
  <c r="T26267" i="1"/>
  <c r="T26268" i="1"/>
  <c r="T26269" i="1"/>
  <c r="T26270" i="1"/>
  <c r="T26271" i="1"/>
  <c r="T26272" i="1"/>
  <c r="T26273" i="1"/>
  <c r="T26274" i="1"/>
  <c r="T26275" i="1"/>
  <c r="T26276" i="1"/>
  <c r="T26277" i="1"/>
  <c r="T26278" i="1"/>
  <c r="T26279" i="1"/>
  <c r="T26280" i="1"/>
  <c r="T26281" i="1"/>
  <c r="T26282" i="1"/>
  <c r="T26283" i="1"/>
  <c r="T26284" i="1"/>
  <c r="T26285" i="1"/>
  <c r="T26286" i="1"/>
  <c r="T26287" i="1"/>
  <c r="T26288" i="1"/>
  <c r="T26289" i="1"/>
  <c r="T26290" i="1"/>
  <c r="T26291" i="1"/>
  <c r="T26292" i="1"/>
  <c r="T26293" i="1"/>
  <c r="T26294" i="1"/>
  <c r="T26295" i="1"/>
  <c r="T26296" i="1"/>
  <c r="T26297" i="1"/>
  <c r="T26298" i="1"/>
  <c r="T26299" i="1"/>
  <c r="T26300" i="1"/>
  <c r="T26301" i="1"/>
  <c r="T26302" i="1"/>
  <c r="T26303" i="1"/>
  <c r="T26304" i="1"/>
  <c r="T26305" i="1"/>
  <c r="T26306" i="1"/>
  <c r="T26307" i="1"/>
  <c r="T26308" i="1"/>
  <c r="T26309" i="1"/>
  <c r="T26310" i="1"/>
  <c r="T26311" i="1"/>
  <c r="T26312" i="1"/>
  <c r="T26313" i="1"/>
  <c r="T26314" i="1"/>
  <c r="T26315" i="1"/>
  <c r="T26316" i="1"/>
  <c r="T26317" i="1"/>
  <c r="T26318" i="1"/>
  <c r="T26319" i="1"/>
  <c r="T26320" i="1"/>
  <c r="T26321" i="1"/>
  <c r="T26322" i="1"/>
  <c r="T26323" i="1"/>
  <c r="T26324" i="1"/>
  <c r="T26325" i="1"/>
  <c r="T26326" i="1"/>
  <c r="T26327" i="1"/>
  <c r="T26328" i="1"/>
  <c r="T26329" i="1"/>
  <c r="T26330" i="1"/>
  <c r="T26331" i="1"/>
  <c r="T26332" i="1"/>
  <c r="T26333" i="1"/>
  <c r="T26334" i="1"/>
  <c r="T26335" i="1"/>
  <c r="T26336" i="1"/>
  <c r="T26337" i="1"/>
  <c r="T26338" i="1"/>
  <c r="T26339" i="1"/>
  <c r="T26340" i="1"/>
  <c r="T26341" i="1"/>
  <c r="T26342" i="1"/>
  <c r="T26343" i="1"/>
  <c r="T26344" i="1"/>
  <c r="T26345" i="1"/>
  <c r="T26346" i="1"/>
  <c r="T26347" i="1"/>
  <c r="T26348" i="1"/>
  <c r="T26349" i="1"/>
  <c r="T26350" i="1"/>
  <c r="T26351" i="1"/>
  <c r="T26352" i="1"/>
  <c r="T26353" i="1"/>
  <c r="T26354" i="1"/>
  <c r="T26355" i="1"/>
  <c r="T26356" i="1"/>
  <c r="T26357" i="1"/>
  <c r="T26358" i="1"/>
  <c r="T26359" i="1"/>
  <c r="T26360" i="1"/>
  <c r="T26361" i="1"/>
  <c r="T26362" i="1"/>
  <c r="T26363" i="1"/>
  <c r="T26364" i="1"/>
  <c r="T26365" i="1"/>
  <c r="T26366" i="1"/>
  <c r="T26367" i="1"/>
  <c r="T26368" i="1"/>
  <c r="T26369" i="1"/>
  <c r="T26370" i="1"/>
  <c r="T26371" i="1"/>
  <c r="T26372" i="1"/>
  <c r="T26373" i="1"/>
  <c r="T26374" i="1"/>
  <c r="T26375" i="1"/>
  <c r="T26376" i="1"/>
  <c r="T26377" i="1"/>
  <c r="T26378" i="1"/>
  <c r="T26379" i="1"/>
  <c r="T26380" i="1"/>
  <c r="T26381" i="1"/>
  <c r="T26382" i="1"/>
  <c r="T26383" i="1"/>
  <c r="T26384" i="1"/>
  <c r="T26385" i="1"/>
  <c r="T26386" i="1"/>
  <c r="T26387" i="1"/>
  <c r="T26388" i="1"/>
  <c r="T26389" i="1"/>
  <c r="T26390" i="1"/>
  <c r="T26391" i="1"/>
  <c r="T26392" i="1"/>
  <c r="T26393" i="1"/>
  <c r="T26394" i="1"/>
  <c r="T26395" i="1"/>
  <c r="T26396" i="1"/>
  <c r="T26397" i="1"/>
  <c r="T26398" i="1"/>
  <c r="T26399" i="1"/>
  <c r="T26400" i="1"/>
  <c r="T26401" i="1"/>
  <c r="T26402" i="1"/>
  <c r="T26403" i="1"/>
  <c r="T26404" i="1"/>
  <c r="T26405" i="1"/>
  <c r="T26406" i="1"/>
  <c r="T26407" i="1"/>
  <c r="T26408" i="1"/>
  <c r="T26409" i="1"/>
  <c r="T26410" i="1"/>
  <c r="T26411" i="1"/>
  <c r="T26412" i="1"/>
  <c r="T26413" i="1"/>
  <c r="T26414" i="1"/>
  <c r="T26415" i="1"/>
  <c r="T26416" i="1"/>
  <c r="T26417" i="1"/>
  <c r="T26418" i="1"/>
  <c r="T26419" i="1"/>
  <c r="T26420" i="1"/>
  <c r="T26421" i="1"/>
  <c r="T26422" i="1"/>
  <c r="T26423" i="1"/>
  <c r="T26424" i="1"/>
  <c r="T26425" i="1"/>
  <c r="T26426" i="1"/>
  <c r="T26427" i="1"/>
  <c r="T26428" i="1"/>
  <c r="T26429" i="1"/>
  <c r="T26430" i="1"/>
  <c r="T26431" i="1"/>
  <c r="T26432" i="1"/>
  <c r="T26433" i="1"/>
  <c r="T26434" i="1"/>
  <c r="T26435" i="1"/>
  <c r="T26436" i="1"/>
  <c r="T26437" i="1"/>
  <c r="T26438" i="1"/>
  <c r="T26439" i="1"/>
  <c r="T26440" i="1"/>
  <c r="T26441" i="1"/>
  <c r="T26442" i="1"/>
  <c r="T26443" i="1"/>
  <c r="T26444" i="1"/>
  <c r="T26445" i="1"/>
  <c r="T26446" i="1"/>
  <c r="T26447" i="1"/>
  <c r="T26448" i="1"/>
  <c r="T26449" i="1"/>
  <c r="T26450" i="1"/>
  <c r="T26451" i="1"/>
  <c r="T26452" i="1"/>
  <c r="T26453" i="1"/>
  <c r="T26454" i="1"/>
  <c r="T26455" i="1"/>
  <c r="T26456" i="1"/>
  <c r="T26457" i="1"/>
  <c r="T26458" i="1"/>
  <c r="T26459" i="1"/>
  <c r="T26460" i="1"/>
  <c r="T26461" i="1"/>
  <c r="T26462" i="1"/>
  <c r="T26463" i="1"/>
  <c r="T26464" i="1"/>
  <c r="T26465" i="1"/>
  <c r="T26466" i="1"/>
  <c r="T26467" i="1"/>
  <c r="T26468" i="1"/>
  <c r="T26469" i="1"/>
  <c r="T26470" i="1"/>
  <c r="T26471" i="1"/>
  <c r="T26472" i="1"/>
  <c r="T26473" i="1"/>
  <c r="T26474" i="1"/>
  <c r="T26475" i="1"/>
  <c r="T26476" i="1"/>
  <c r="T26477" i="1"/>
  <c r="T26478" i="1"/>
  <c r="T26479" i="1"/>
  <c r="T26480" i="1"/>
  <c r="T26481" i="1"/>
  <c r="T26482" i="1"/>
  <c r="T26483" i="1"/>
  <c r="T26484" i="1"/>
  <c r="T26485" i="1"/>
  <c r="T26486" i="1"/>
  <c r="T26487" i="1"/>
  <c r="T26488" i="1"/>
  <c r="T26489" i="1"/>
  <c r="T26490" i="1"/>
  <c r="T26491" i="1"/>
  <c r="T26492" i="1"/>
  <c r="T26493" i="1"/>
  <c r="T26494" i="1"/>
  <c r="T26495" i="1"/>
  <c r="T26496" i="1"/>
  <c r="T26497" i="1"/>
  <c r="T26498" i="1"/>
  <c r="T26499" i="1"/>
  <c r="T26500" i="1"/>
  <c r="T26501" i="1"/>
  <c r="T26502" i="1"/>
  <c r="T26503" i="1"/>
  <c r="T26504" i="1"/>
  <c r="T26505" i="1"/>
  <c r="T26506" i="1"/>
  <c r="T26507" i="1"/>
  <c r="T26508" i="1"/>
  <c r="T26509" i="1"/>
  <c r="T26510" i="1"/>
  <c r="T26511" i="1"/>
  <c r="T26512" i="1"/>
  <c r="T26513" i="1"/>
  <c r="T26514" i="1"/>
  <c r="T26515" i="1"/>
  <c r="T26516" i="1"/>
  <c r="T26517" i="1"/>
  <c r="T26518" i="1"/>
  <c r="T26519" i="1"/>
  <c r="T26520" i="1"/>
  <c r="T26521" i="1"/>
  <c r="T26522" i="1"/>
  <c r="T26523" i="1"/>
  <c r="T26524" i="1"/>
  <c r="T26525" i="1"/>
  <c r="T26526" i="1"/>
  <c r="T26527" i="1"/>
  <c r="T26528" i="1"/>
  <c r="T26529" i="1"/>
  <c r="T26530" i="1"/>
  <c r="T26531" i="1"/>
  <c r="T26532" i="1"/>
  <c r="T26533" i="1"/>
  <c r="T26534" i="1"/>
  <c r="T26535" i="1"/>
  <c r="T26536" i="1"/>
  <c r="T26537" i="1"/>
  <c r="T26538" i="1"/>
  <c r="T26539" i="1"/>
  <c r="T26540" i="1"/>
  <c r="T26541" i="1"/>
  <c r="T26542" i="1"/>
  <c r="T26543" i="1"/>
  <c r="T26544" i="1"/>
  <c r="T26545" i="1"/>
  <c r="T26546" i="1"/>
  <c r="T26547" i="1"/>
  <c r="T26548" i="1"/>
  <c r="T26549" i="1"/>
  <c r="T26550" i="1"/>
  <c r="T26551" i="1"/>
  <c r="T26552" i="1"/>
  <c r="T26553" i="1"/>
  <c r="T26554" i="1"/>
  <c r="T26555" i="1"/>
  <c r="T26556" i="1"/>
  <c r="T26557" i="1"/>
  <c r="T26558" i="1"/>
  <c r="T26559" i="1"/>
  <c r="T26560" i="1"/>
  <c r="T26561" i="1"/>
  <c r="T26562" i="1"/>
  <c r="T26563" i="1"/>
  <c r="T26564" i="1"/>
  <c r="T26565" i="1"/>
  <c r="T26566" i="1"/>
  <c r="T26567" i="1"/>
  <c r="T26568" i="1"/>
  <c r="T26569" i="1"/>
  <c r="T26570" i="1"/>
  <c r="T26571" i="1"/>
  <c r="T26572" i="1"/>
  <c r="T26573" i="1"/>
  <c r="T26574" i="1"/>
  <c r="T26575" i="1"/>
  <c r="T26576" i="1"/>
  <c r="T26577" i="1"/>
  <c r="T26578" i="1"/>
  <c r="T26579" i="1"/>
  <c r="T26580" i="1"/>
  <c r="T26581" i="1"/>
  <c r="T26582" i="1"/>
  <c r="T26583" i="1"/>
  <c r="T26584" i="1"/>
  <c r="T26585" i="1"/>
  <c r="T26586" i="1"/>
  <c r="T26587" i="1"/>
  <c r="T26588" i="1"/>
  <c r="T26589" i="1"/>
  <c r="T26590" i="1"/>
  <c r="T26591" i="1"/>
  <c r="T26592" i="1"/>
  <c r="T26593" i="1"/>
  <c r="T26594" i="1"/>
  <c r="T26595" i="1"/>
  <c r="T26596" i="1"/>
  <c r="T26597" i="1"/>
  <c r="T26598" i="1"/>
  <c r="T26599" i="1"/>
  <c r="T26600" i="1"/>
  <c r="T26601" i="1"/>
  <c r="T26602" i="1"/>
  <c r="T26603" i="1"/>
  <c r="T26604" i="1"/>
  <c r="T26605" i="1"/>
  <c r="T26606" i="1"/>
  <c r="T26607" i="1"/>
  <c r="T26608" i="1"/>
  <c r="T26609" i="1"/>
  <c r="T26610" i="1"/>
  <c r="T26611" i="1"/>
  <c r="T26612" i="1"/>
  <c r="T26613" i="1"/>
  <c r="T26614" i="1"/>
  <c r="T26615" i="1"/>
  <c r="T26616" i="1"/>
  <c r="T26617" i="1"/>
  <c r="T26618" i="1"/>
  <c r="T26619" i="1"/>
  <c r="T26620" i="1"/>
  <c r="T26621" i="1"/>
  <c r="T26622" i="1"/>
  <c r="T26623" i="1"/>
  <c r="T26624" i="1"/>
  <c r="T26625" i="1"/>
  <c r="T26626" i="1"/>
  <c r="T26627" i="1"/>
  <c r="T26628" i="1"/>
  <c r="T26629" i="1"/>
  <c r="T26630" i="1"/>
  <c r="T26631" i="1"/>
  <c r="T26632" i="1"/>
  <c r="T26633" i="1"/>
  <c r="T26634" i="1"/>
  <c r="T26635" i="1"/>
  <c r="T26636" i="1"/>
  <c r="T26637" i="1"/>
  <c r="T26638" i="1"/>
  <c r="T26639" i="1"/>
  <c r="T26640" i="1"/>
  <c r="T26641" i="1"/>
  <c r="T26642" i="1"/>
  <c r="T26643" i="1"/>
  <c r="T26644" i="1"/>
  <c r="T26645" i="1"/>
  <c r="T26646" i="1"/>
  <c r="T26647" i="1"/>
  <c r="T26648" i="1"/>
  <c r="T26649" i="1"/>
  <c r="T26650" i="1"/>
  <c r="T26651" i="1"/>
  <c r="T26652" i="1"/>
  <c r="T26653" i="1"/>
  <c r="T26654" i="1"/>
  <c r="T26655" i="1"/>
  <c r="T26656" i="1"/>
  <c r="T26657" i="1"/>
  <c r="T26658" i="1"/>
  <c r="T26659" i="1"/>
  <c r="T26660" i="1"/>
  <c r="T26661" i="1"/>
  <c r="T26662" i="1"/>
  <c r="T26663" i="1"/>
  <c r="T26664" i="1"/>
  <c r="T26665" i="1"/>
  <c r="T26666" i="1"/>
  <c r="T26667" i="1"/>
  <c r="T26668" i="1"/>
  <c r="T26669" i="1"/>
  <c r="T26670" i="1"/>
  <c r="T26671" i="1"/>
  <c r="T26672" i="1"/>
  <c r="T26673" i="1"/>
  <c r="T26674" i="1"/>
  <c r="T26675" i="1"/>
  <c r="T26676" i="1"/>
  <c r="T26677" i="1"/>
  <c r="T26678" i="1"/>
  <c r="T26679" i="1"/>
  <c r="T26680" i="1"/>
  <c r="T26681" i="1"/>
  <c r="T26682" i="1"/>
  <c r="T26683" i="1"/>
  <c r="T26684" i="1"/>
  <c r="T26685" i="1"/>
  <c r="T26686" i="1"/>
  <c r="T26687" i="1"/>
  <c r="T26688" i="1"/>
  <c r="T26689" i="1"/>
  <c r="T26690" i="1"/>
  <c r="T26691" i="1"/>
  <c r="T26692" i="1"/>
  <c r="T26693" i="1"/>
  <c r="T26694" i="1"/>
  <c r="T26695" i="1"/>
  <c r="T26696" i="1"/>
  <c r="T26697" i="1"/>
  <c r="T26698" i="1"/>
  <c r="T26699" i="1"/>
  <c r="T26700" i="1"/>
  <c r="T26701" i="1"/>
  <c r="T26702" i="1"/>
  <c r="T26703" i="1"/>
  <c r="T26704" i="1"/>
  <c r="T26705" i="1"/>
  <c r="T26706" i="1"/>
  <c r="T26707" i="1"/>
  <c r="T26708" i="1"/>
  <c r="T26709" i="1"/>
  <c r="T26710" i="1"/>
  <c r="T26711" i="1"/>
  <c r="T26712" i="1"/>
  <c r="T26713" i="1"/>
  <c r="T26714" i="1"/>
  <c r="T26715" i="1"/>
  <c r="T26716" i="1"/>
  <c r="T26717" i="1"/>
  <c r="T26718" i="1"/>
  <c r="T26719" i="1"/>
  <c r="T26720" i="1"/>
  <c r="T26721" i="1"/>
  <c r="T26722" i="1"/>
  <c r="T26723" i="1"/>
  <c r="T26724" i="1"/>
  <c r="T26725" i="1"/>
  <c r="T26726" i="1"/>
  <c r="T26727" i="1"/>
  <c r="T26728" i="1"/>
  <c r="T26729" i="1"/>
  <c r="T26730" i="1"/>
  <c r="T26731" i="1"/>
  <c r="T26732" i="1"/>
  <c r="T26733" i="1"/>
  <c r="T26734" i="1"/>
  <c r="T26735" i="1"/>
  <c r="T26736" i="1"/>
  <c r="T26737" i="1"/>
  <c r="T26738" i="1"/>
  <c r="T26739" i="1"/>
  <c r="T26740" i="1"/>
  <c r="T26741" i="1"/>
  <c r="T26742" i="1"/>
  <c r="T26743" i="1"/>
  <c r="T26744" i="1"/>
  <c r="T26745" i="1"/>
  <c r="T26746" i="1"/>
  <c r="T26747" i="1"/>
  <c r="T26748" i="1"/>
  <c r="T26749" i="1"/>
  <c r="T26750" i="1"/>
  <c r="T26751" i="1"/>
  <c r="T26752" i="1"/>
  <c r="T26753" i="1"/>
  <c r="T26754" i="1"/>
  <c r="T26755" i="1"/>
  <c r="T26756" i="1"/>
  <c r="T26757" i="1"/>
  <c r="T26758" i="1"/>
  <c r="T26759" i="1"/>
  <c r="T26760" i="1"/>
  <c r="T26761" i="1"/>
  <c r="T26762" i="1"/>
  <c r="T26763" i="1"/>
  <c r="T26764" i="1"/>
  <c r="T26765" i="1"/>
  <c r="T26766" i="1"/>
  <c r="T26767" i="1"/>
  <c r="T26768" i="1"/>
  <c r="T26769" i="1"/>
  <c r="T26770" i="1"/>
  <c r="T26771" i="1"/>
  <c r="T26772" i="1"/>
  <c r="T26773" i="1"/>
  <c r="T26774" i="1"/>
  <c r="T26775" i="1"/>
  <c r="T26776" i="1"/>
  <c r="T26777" i="1"/>
  <c r="T26778" i="1"/>
  <c r="T26779" i="1"/>
  <c r="T26780" i="1"/>
  <c r="T26781" i="1"/>
  <c r="T26782" i="1"/>
  <c r="T26783" i="1"/>
  <c r="T26784" i="1"/>
  <c r="T26785" i="1"/>
  <c r="T26786" i="1"/>
  <c r="T26787" i="1"/>
  <c r="T26788" i="1"/>
  <c r="T26789" i="1"/>
  <c r="T26790" i="1"/>
  <c r="T26791" i="1"/>
  <c r="T26792" i="1"/>
  <c r="T26793" i="1"/>
  <c r="T26794" i="1"/>
  <c r="T26795" i="1"/>
  <c r="T26796" i="1"/>
  <c r="T26797" i="1"/>
  <c r="T26798" i="1"/>
  <c r="T26799" i="1"/>
  <c r="T26800" i="1"/>
  <c r="T26801" i="1"/>
  <c r="T26802" i="1"/>
  <c r="T26803" i="1"/>
  <c r="T26804" i="1"/>
  <c r="T26805" i="1"/>
  <c r="T26806" i="1"/>
  <c r="T26807" i="1"/>
  <c r="T26808" i="1"/>
  <c r="T26809" i="1"/>
  <c r="T26810" i="1"/>
  <c r="T26811" i="1"/>
  <c r="T26812" i="1"/>
  <c r="T26813" i="1"/>
  <c r="T26814" i="1"/>
  <c r="T26815" i="1"/>
  <c r="T26816" i="1"/>
  <c r="T26817" i="1"/>
  <c r="T26818" i="1"/>
  <c r="T26819" i="1"/>
  <c r="T26820" i="1"/>
  <c r="T26821" i="1"/>
  <c r="T26822" i="1"/>
  <c r="T26823" i="1"/>
  <c r="T26824" i="1"/>
  <c r="T26825" i="1"/>
  <c r="T26826" i="1"/>
  <c r="T26827" i="1"/>
  <c r="T26828" i="1"/>
  <c r="T26829" i="1"/>
  <c r="T26830" i="1"/>
  <c r="T26831" i="1"/>
  <c r="T26832" i="1"/>
  <c r="T26833" i="1"/>
  <c r="T26834" i="1"/>
  <c r="T26835" i="1"/>
  <c r="T26836" i="1"/>
  <c r="T26837" i="1"/>
  <c r="T26838" i="1"/>
  <c r="T26839" i="1"/>
  <c r="T26840" i="1"/>
  <c r="T26841" i="1"/>
  <c r="T26842" i="1"/>
  <c r="T26843" i="1"/>
  <c r="T26844" i="1"/>
  <c r="T26845" i="1"/>
  <c r="T26846" i="1"/>
  <c r="T26847" i="1"/>
  <c r="T26848" i="1"/>
  <c r="T26849" i="1"/>
  <c r="T26850" i="1"/>
  <c r="T26851" i="1"/>
  <c r="T26852" i="1"/>
  <c r="T26853" i="1"/>
  <c r="T26854" i="1"/>
  <c r="T26855" i="1"/>
  <c r="T26856" i="1"/>
  <c r="T26857" i="1"/>
  <c r="T26858" i="1"/>
  <c r="T26859" i="1"/>
  <c r="T26860" i="1"/>
  <c r="T26861" i="1"/>
  <c r="T26862" i="1"/>
  <c r="T26863" i="1"/>
  <c r="T26864" i="1"/>
  <c r="T26865" i="1"/>
  <c r="T26866" i="1"/>
  <c r="T26867" i="1"/>
  <c r="T26868" i="1"/>
  <c r="T26869" i="1"/>
  <c r="T26870" i="1"/>
  <c r="T26871" i="1"/>
  <c r="T26872" i="1"/>
  <c r="T26873" i="1"/>
  <c r="T26874" i="1"/>
  <c r="T26875" i="1"/>
  <c r="T26876" i="1"/>
  <c r="T26877" i="1"/>
  <c r="T26878" i="1"/>
  <c r="T26879" i="1"/>
  <c r="T26880" i="1"/>
  <c r="T26881" i="1"/>
  <c r="T26882" i="1"/>
  <c r="T26883" i="1"/>
  <c r="T26884" i="1"/>
  <c r="T26885" i="1"/>
  <c r="T26886" i="1"/>
  <c r="T26887" i="1"/>
  <c r="T26888" i="1"/>
  <c r="T26889" i="1"/>
  <c r="T26890" i="1"/>
  <c r="T26891" i="1"/>
  <c r="T26892" i="1"/>
  <c r="T26893" i="1"/>
  <c r="T26894" i="1"/>
  <c r="T26895" i="1"/>
  <c r="T26896" i="1"/>
  <c r="T26897" i="1"/>
  <c r="T26898" i="1"/>
  <c r="T26899" i="1"/>
  <c r="T26900" i="1"/>
  <c r="T26901" i="1"/>
  <c r="T26902" i="1"/>
  <c r="T26903" i="1"/>
  <c r="T26904" i="1"/>
  <c r="T26905" i="1"/>
  <c r="T26906" i="1"/>
  <c r="T26907" i="1"/>
  <c r="T26908" i="1"/>
  <c r="T26909" i="1"/>
  <c r="T26910" i="1"/>
  <c r="T26911" i="1"/>
  <c r="T26912" i="1"/>
  <c r="T26913" i="1"/>
  <c r="T26914" i="1"/>
  <c r="T26915" i="1"/>
  <c r="T26916" i="1"/>
  <c r="T26917" i="1"/>
  <c r="T26918" i="1"/>
  <c r="T26919" i="1"/>
  <c r="T26920" i="1"/>
  <c r="T26921" i="1"/>
  <c r="T26922" i="1"/>
  <c r="T26923" i="1"/>
  <c r="T26924" i="1"/>
  <c r="T26925" i="1"/>
  <c r="T26926" i="1"/>
  <c r="T26927" i="1"/>
  <c r="T26928" i="1"/>
  <c r="T26929" i="1"/>
  <c r="T26930" i="1"/>
  <c r="T26931" i="1"/>
  <c r="T26932" i="1"/>
  <c r="T26933" i="1"/>
  <c r="T26934" i="1"/>
  <c r="T26935" i="1"/>
  <c r="T26936" i="1"/>
  <c r="T26937" i="1"/>
  <c r="T26938" i="1"/>
  <c r="T26939" i="1"/>
  <c r="T26940" i="1"/>
  <c r="T26941" i="1"/>
  <c r="T26942" i="1"/>
  <c r="T26943" i="1"/>
  <c r="T26944" i="1"/>
  <c r="T26945" i="1"/>
  <c r="T26946" i="1"/>
  <c r="T26947" i="1"/>
  <c r="T26948" i="1"/>
  <c r="T26949" i="1"/>
  <c r="T26950" i="1"/>
  <c r="T26951" i="1"/>
  <c r="T26952" i="1"/>
  <c r="T26953" i="1"/>
  <c r="T26954" i="1"/>
  <c r="T26955" i="1"/>
  <c r="T26956" i="1"/>
  <c r="T26957" i="1"/>
  <c r="T26958" i="1"/>
  <c r="T26959" i="1"/>
  <c r="T26960" i="1"/>
  <c r="T26961" i="1"/>
  <c r="T26962" i="1"/>
  <c r="T26963" i="1"/>
  <c r="T26964" i="1"/>
  <c r="T26965" i="1"/>
  <c r="T26966" i="1"/>
  <c r="T26967" i="1"/>
  <c r="T26968" i="1"/>
  <c r="T26969" i="1"/>
  <c r="T26970" i="1"/>
  <c r="T26971" i="1"/>
  <c r="T26972" i="1"/>
  <c r="T26973" i="1"/>
  <c r="T26974" i="1"/>
  <c r="T26975" i="1"/>
  <c r="T26976" i="1"/>
  <c r="T26977" i="1"/>
  <c r="T26978" i="1"/>
  <c r="T26979" i="1"/>
  <c r="T26980" i="1"/>
  <c r="T26981" i="1"/>
  <c r="T26982" i="1"/>
  <c r="T26983" i="1"/>
  <c r="T26984" i="1"/>
  <c r="T26985" i="1"/>
  <c r="T26986" i="1"/>
  <c r="T26987" i="1"/>
  <c r="T26988" i="1"/>
  <c r="T26989" i="1"/>
  <c r="T26990" i="1"/>
  <c r="T26991" i="1"/>
  <c r="T26992" i="1"/>
  <c r="T26993" i="1"/>
  <c r="T26994" i="1"/>
  <c r="T26995" i="1"/>
  <c r="T26996" i="1"/>
  <c r="T26997" i="1"/>
  <c r="T26998" i="1"/>
  <c r="T26999" i="1"/>
  <c r="T27000" i="1"/>
  <c r="T27001" i="1"/>
  <c r="T27002" i="1"/>
  <c r="T27003" i="1"/>
  <c r="T27004" i="1"/>
  <c r="T27005" i="1"/>
  <c r="T27006" i="1"/>
  <c r="T27007" i="1"/>
  <c r="T27008" i="1"/>
  <c r="T27009" i="1"/>
  <c r="T27010" i="1"/>
  <c r="T27011" i="1"/>
  <c r="T27012" i="1"/>
  <c r="T27013" i="1"/>
  <c r="T27014" i="1"/>
  <c r="T27015" i="1"/>
  <c r="T27016" i="1"/>
  <c r="T27017" i="1"/>
  <c r="T27018" i="1"/>
  <c r="T27019" i="1"/>
  <c r="T27020" i="1"/>
  <c r="T27021" i="1"/>
  <c r="T27022" i="1"/>
  <c r="T27023" i="1"/>
  <c r="T27024" i="1"/>
  <c r="T27025" i="1"/>
  <c r="T27026" i="1"/>
  <c r="T27027" i="1"/>
  <c r="T27028" i="1"/>
  <c r="T27029" i="1"/>
  <c r="T27030" i="1"/>
  <c r="T27031" i="1"/>
  <c r="T27032" i="1"/>
  <c r="T27033" i="1"/>
  <c r="T27034" i="1"/>
  <c r="T27035" i="1"/>
  <c r="T27036" i="1"/>
  <c r="T27037" i="1"/>
  <c r="T27038" i="1"/>
  <c r="T27039" i="1"/>
  <c r="T27040" i="1"/>
  <c r="T27041" i="1"/>
  <c r="T27042" i="1"/>
  <c r="T27043" i="1"/>
  <c r="T27044" i="1"/>
  <c r="T27045" i="1"/>
  <c r="T27046" i="1"/>
  <c r="T27047" i="1"/>
  <c r="T27048" i="1"/>
  <c r="T27049" i="1"/>
  <c r="T27050" i="1"/>
  <c r="T27051" i="1"/>
  <c r="T27052" i="1"/>
  <c r="T27053" i="1"/>
  <c r="T27054" i="1"/>
  <c r="T27055" i="1"/>
  <c r="T27056" i="1"/>
  <c r="T27057" i="1"/>
  <c r="T27058" i="1"/>
  <c r="T27059" i="1"/>
  <c r="T27060" i="1"/>
  <c r="T27061" i="1"/>
  <c r="T27062" i="1"/>
  <c r="T27063" i="1"/>
  <c r="T27064" i="1"/>
  <c r="T27065" i="1"/>
  <c r="T27066" i="1"/>
  <c r="T27067" i="1"/>
  <c r="T27068" i="1"/>
  <c r="T27069" i="1"/>
  <c r="T27070" i="1"/>
  <c r="T27071" i="1"/>
  <c r="T27072" i="1"/>
  <c r="T27073" i="1"/>
  <c r="T27074" i="1"/>
  <c r="T27075" i="1"/>
  <c r="T27076" i="1"/>
  <c r="T27077" i="1"/>
  <c r="T27078" i="1"/>
  <c r="T27079" i="1"/>
  <c r="T27080" i="1"/>
  <c r="T27081" i="1"/>
  <c r="T27082" i="1"/>
  <c r="T27083" i="1"/>
  <c r="T27084" i="1"/>
  <c r="T27085" i="1"/>
  <c r="T27086" i="1"/>
  <c r="T27087" i="1"/>
  <c r="T27088" i="1"/>
  <c r="T27089" i="1"/>
  <c r="T27090" i="1"/>
  <c r="T27091" i="1"/>
  <c r="T27092" i="1"/>
  <c r="T27093" i="1"/>
  <c r="T27094" i="1"/>
  <c r="T27095" i="1"/>
  <c r="T27096" i="1"/>
  <c r="T27097" i="1"/>
  <c r="T27098" i="1"/>
  <c r="T27099" i="1"/>
  <c r="T27100" i="1"/>
  <c r="T27101" i="1"/>
  <c r="T27102" i="1"/>
  <c r="T27103" i="1"/>
  <c r="T27104" i="1"/>
  <c r="T27105" i="1"/>
  <c r="T27106" i="1"/>
  <c r="T27107" i="1"/>
  <c r="T27108" i="1"/>
  <c r="T27109" i="1"/>
  <c r="T27110" i="1"/>
  <c r="T27111" i="1"/>
  <c r="T27112" i="1"/>
  <c r="T27113" i="1"/>
  <c r="T27114" i="1"/>
  <c r="T27115" i="1"/>
  <c r="T27116" i="1"/>
  <c r="T27117" i="1"/>
  <c r="T27118" i="1"/>
  <c r="T27119" i="1"/>
  <c r="T27120" i="1"/>
  <c r="T27121" i="1"/>
  <c r="T27122" i="1"/>
  <c r="T27123" i="1"/>
  <c r="T27124" i="1"/>
  <c r="T27125" i="1"/>
  <c r="T27126" i="1"/>
  <c r="T27127" i="1"/>
  <c r="T27128" i="1"/>
  <c r="T27129" i="1"/>
  <c r="T27130" i="1"/>
  <c r="T27131" i="1"/>
  <c r="T27132" i="1"/>
  <c r="T27133" i="1"/>
  <c r="T27134" i="1"/>
  <c r="T27135" i="1"/>
  <c r="T27136" i="1"/>
  <c r="T27137" i="1"/>
  <c r="T27138" i="1"/>
  <c r="T27139" i="1"/>
  <c r="T27140" i="1"/>
  <c r="T27141" i="1"/>
  <c r="T27142" i="1"/>
  <c r="T27143" i="1"/>
  <c r="T27144" i="1"/>
  <c r="T27145" i="1"/>
  <c r="T27146" i="1"/>
  <c r="T27147" i="1"/>
  <c r="T27148" i="1"/>
  <c r="T27149" i="1"/>
  <c r="T27150" i="1"/>
  <c r="T27151" i="1"/>
  <c r="T27152" i="1"/>
  <c r="T27153" i="1"/>
  <c r="T27154" i="1"/>
  <c r="T27155" i="1"/>
  <c r="T27156" i="1"/>
  <c r="T27157" i="1"/>
  <c r="T27158" i="1"/>
  <c r="T27159" i="1"/>
  <c r="T27160" i="1"/>
  <c r="T27161" i="1"/>
  <c r="T27162" i="1"/>
  <c r="T27163" i="1"/>
  <c r="T27164" i="1"/>
  <c r="T27165" i="1"/>
  <c r="T27166" i="1"/>
  <c r="T27167" i="1"/>
  <c r="T27168" i="1"/>
  <c r="T27169" i="1"/>
  <c r="T27170" i="1"/>
  <c r="T27171" i="1"/>
  <c r="T27172" i="1"/>
  <c r="T27173" i="1"/>
  <c r="T27174" i="1"/>
  <c r="T27175" i="1"/>
  <c r="T27176" i="1"/>
  <c r="T27177" i="1"/>
  <c r="T27178" i="1"/>
  <c r="T27179" i="1"/>
  <c r="T27180" i="1"/>
  <c r="T27181" i="1"/>
  <c r="T27182" i="1"/>
  <c r="T27183" i="1"/>
  <c r="T27184" i="1"/>
  <c r="T27185" i="1"/>
  <c r="T27186" i="1"/>
  <c r="T27187" i="1"/>
  <c r="T27188" i="1"/>
  <c r="T27189" i="1"/>
  <c r="T27190" i="1"/>
  <c r="T27191" i="1"/>
  <c r="T27192" i="1"/>
  <c r="T27193" i="1"/>
  <c r="T27194" i="1"/>
  <c r="T27195" i="1"/>
  <c r="T27196" i="1"/>
  <c r="T27197" i="1"/>
  <c r="T27198" i="1"/>
  <c r="T27199" i="1"/>
  <c r="T27200" i="1"/>
  <c r="T27201" i="1"/>
  <c r="T27202" i="1"/>
  <c r="T27203" i="1"/>
  <c r="T27204" i="1"/>
  <c r="T27205" i="1"/>
  <c r="T27206" i="1"/>
  <c r="T27207" i="1"/>
  <c r="T27208" i="1"/>
  <c r="T27209" i="1"/>
  <c r="T27210" i="1"/>
  <c r="T27211" i="1"/>
  <c r="T27212" i="1"/>
  <c r="T27213" i="1"/>
  <c r="T27214" i="1"/>
  <c r="T27215" i="1"/>
  <c r="T27216" i="1"/>
  <c r="T27217" i="1"/>
  <c r="T27218" i="1"/>
  <c r="T27219" i="1"/>
  <c r="T27220" i="1"/>
  <c r="T27221" i="1"/>
  <c r="T27222" i="1"/>
  <c r="T27223" i="1"/>
  <c r="T27224" i="1"/>
  <c r="T27225" i="1"/>
  <c r="T27226" i="1"/>
  <c r="T27227" i="1"/>
  <c r="T27228" i="1"/>
  <c r="T27229" i="1"/>
  <c r="T27230" i="1"/>
  <c r="T27231" i="1"/>
  <c r="T27232" i="1"/>
  <c r="T27233" i="1"/>
  <c r="T27234" i="1"/>
  <c r="T27235" i="1"/>
  <c r="T27236" i="1"/>
  <c r="T27237" i="1"/>
  <c r="T27238" i="1"/>
  <c r="T27239" i="1"/>
  <c r="T27240" i="1"/>
  <c r="T27241" i="1"/>
  <c r="T27242" i="1"/>
  <c r="T27243" i="1"/>
  <c r="T27244" i="1"/>
  <c r="T27245" i="1"/>
  <c r="T27246" i="1"/>
  <c r="T27247" i="1"/>
  <c r="T27248" i="1"/>
  <c r="T27249" i="1"/>
  <c r="T27250" i="1"/>
  <c r="T27251" i="1"/>
  <c r="T27252" i="1"/>
  <c r="T27253" i="1"/>
  <c r="T27254" i="1"/>
  <c r="T27255" i="1"/>
  <c r="T27256" i="1"/>
  <c r="T27257" i="1"/>
  <c r="T27258" i="1"/>
  <c r="T27259" i="1"/>
  <c r="T27260" i="1"/>
  <c r="T27261" i="1"/>
  <c r="T27262" i="1"/>
  <c r="T27263" i="1"/>
  <c r="T27264" i="1"/>
  <c r="T27265" i="1"/>
  <c r="T27266" i="1"/>
  <c r="T27267" i="1"/>
  <c r="T27268" i="1"/>
  <c r="T27269" i="1"/>
  <c r="T27270" i="1"/>
  <c r="T27271" i="1"/>
  <c r="T27272" i="1"/>
  <c r="T27273" i="1"/>
  <c r="T27274" i="1"/>
  <c r="T27275" i="1"/>
  <c r="T27276" i="1"/>
  <c r="T27277" i="1"/>
  <c r="T27278" i="1"/>
  <c r="T27279" i="1"/>
  <c r="T27280" i="1"/>
  <c r="T27281" i="1"/>
  <c r="T27282" i="1"/>
  <c r="T27283" i="1"/>
  <c r="T27284" i="1"/>
  <c r="T27285" i="1"/>
  <c r="T27286" i="1"/>
  <c r="T27287" i="1"/>
  <c r="T27288" i="1"/>
  <c r="T27289" i="1"/>
  <c r="T27290" i="1"/>
  <c r="T27291" i="1"/>
  <c r="T27292" i="1"/>
  <c r="T27293" i="1"/>
  <c r="T27294" i="1"/>
  <c r="T27295" i="1"/>
  <c r="T27296" i="1"/>
  <c r="T27297" i="1"/>
  <c r="T27298" i="1"/>
  <c r="T27299" i="1"/>
  <c r="T27300" i="1"/>
  <c r="T27301" i="1"/>
  <c r="T27302" i="1"/>
  <c r="T27303" i="1"/>
  <c r="T27304" i="1"/>
  <c r="T27305" i="1"/>
  <c r="T27306" i="1"/>
  <c r="T27307" i="1"/>
  <c r="T27308" i="1"/>
  <c r="T27309" i="1"/>
  <c r="T27310" i="1"/>
  <c r="T27311" i="1"/>
  <c r="T27312" i="1"/>
  <c r="T27313" i="1"/>
  <c r="T27314" i="1"/>
  <c r="T27315" i="1"/>
  <c r="T27316" i="1"/>
  <c r="T27317" i="1"/>
  <c r="T27318" i="1"/>
  <c r="T27319" i="1"/>
  <c r="T27320" i="1"/>
  <c r="T27321" i="1"/>
  <c r="T27322" i="1"/>
  <c r="T27323" i="1"/>
  <c r="T27324" i="1"/>
  <c r="T27325" i="1"/>
  <c r="T27326" i="1"/>
  <c r="T27327" i="1"/>
  <c r="T27328" i="1"/>
  <c r="T27329" i="1"/>
  <c r="T27330" i="1"/>
  <c r="T27331" i="1"/>
  <c r="T27332" i="1"/>
  <c r="T27333" i="1"/>
  <c r="T27334" i="1"/>
  <c r="T27335" i="1"/>
  <c r="T27336" i="1"/>
  <c r="T27337" i="1"/>
  <c r="T27338" i="1"/>
  <c r="T27339" i="1"/>
  <c r="T27340" i="1"/>
  <c r="T27341" i="1"/>
  <c r="T27342" i="1"/>
  <c r="T27343" i="1"/>
  <c r="T27344" i="1"/>
  <c r="T27345" i="1"/>
  <c r="T27346" i="1"/>
  <c r="T27347" i="1"/>
  <c r="T27348" i="1"/>
  <c r="T27349" i="1"/>
  <c r="T27350" i="1"/>
  <c r="T27351" i="1"/>
  <c r="T27352" i="1"/>
  <c r="T27353" i="1"/>
  <c r="T27354" i="1"/>
  <c r="T27355" i="1"/>
  <c r="T27356" i="1"/>
  <c r="T27357" i="1"/>
  <c r="T27358" i="1"/>
  <c r="T27359" i="1"/>
  <c r="T27360" i="1"/>
  <c r="T27361" i="1"/>
  <c r="T27362" i="1"/>
  <c r="T27363" i="1"/>
  <c r="T27364" i="1"/>
  <c r="T27365" i="1"/>
  <c r="T27366" i="1"/>
  <c r="T27367" i="1"/>
  <c r="T27368" i="1"/>
  <c r="T27369" i="1"/>
  <c r="T27370" i="1"/>
  <c r="T27371" i="1"/>
  <c r="T27372" i="1"/>
  <c r="T27373" i="1"/>
  <c r="T27374" i="1"/>
  <c r="T27375" i="1"/>
  <c r="T27376" i="1"/>
  <c r="T27377" i="1"/>
  <c r="T27378" i="1"/>
  <c r="T27379" i="1"/>
  <c r="T27380" i="1"/>
  <c r="T27381" i="1"/>
  <c r="T27382" i="1"/>
  <c r="T27383" i="1"/>
  <c r="T27384" i="1"/>
  <c r="T27385" i="1"/>
  <c r="T27386" i="1"/>
  <c r="T27387" i="1"/>
  <c r="T27388" i="1"/>
  <c r="T27389" i="1"/>
  <c r="T27390" i="1"/>
  <c r="T27391" i="1"/>
  <c r="T27392" i="1"/>
  <c r="T27393" i="1"/>
  <c r="T27394" i="1"/>
  <c r="T27395" i="1"/>
  <c r="T27396" i="1"/>
  <c r="T27397" i="1"/>
  <c r="T27398" i="1"/>
  <c r="T27399" i="1"/>
  <c r="T27400" i="1"/>
  <c r="T27401" i="1"/>
  <c r="T27402" i="1"/>
  <c r="T27403" i="1"/>
  <c r="T27404" i="1"/>
  <c r="T27405" i="1"/>
  <c r="T27406" i="1"/>
  <c r="T27407" i="1"/>
  <c r="T27408" i="1"/>
  <c r="T27409" i="1"/>
  <c r="T27410" i="1"/>
  <c r="T27411" i="1"/>
  <c r="T27412" i="1"/>
  <c r="T27413" i="1"/>
  <c r="T27414" i="1"/>
  <c r="T27415" i="1"/>
  <c r="T27416" i="1"/>
  <c r="T27417" i="1"/>
  <c r="T27418" i="1"/>
  <c r="T27419" i="1"/>
  <c r="T27420" i="1"/>
  <c r="T27421" i="1"/>
  <c r="T27422" i="1"/>
  <c r="T27423" i="1"/>
  <c r="T27424" i="1"/>
  <c r="T27425" i="1"/>
  <c r="T27426" i="1"/>
  <c r="T27427" i="1"/>
  <c r="T27428" i="1"/>
  <c r="T27429" i="1"/>
  <c r="T27430" i="1"/>
  <c r="T27431" i="1"/>
  <c r="T27432" i="1"/>
  <c r="T27433" i="1"/>
  <c r="T27434" i="1"/>
  <c r="T27435" i="1"/>
  <c r="T27436" i="1"/>
  <c r="T27437" i="1"/>
  <c r="T27438" i="1"/>
  <c r="T27439" i="1"/>
  <c r="T27440" i="1"/>
  <c r="T27441" i="1"/>
  <c r="T27442" i="1"/>
  <c r="T27443" i="1"/>
  <c r="T27444" i="1"/>
  <c r="T27445" i="1"/>
  <c r="T27446" i="1"/>
  <c r="T27447" i="1"/>
  <c r="T27448" i="1"/>
  <c r="T27449" i="1"/>
  <c r="T27450" i="1"/>
  <c r="T27451" i="1"/>
  <c r="T27452" i="1"/>
  <c r="T27453" i="1"/>
  <c r="T27454" i="1"/>
  <c r="T27455" i="1"/>
  <c r="T27456" i="1"/>
  <c r="T27457" i="1"/>
  <c r="T27458" i="1"/>
  <c r="T27459" i="1"/>
  <c r="T27460" i="1"/>
  <c r="T27461" i="1"/>
  <c r="T27462" i="1"/>
  <c r="T27463" i="1"/>
  <c r="T27464" i="1"/>
  <c r="T27465" i="1"/>
  <c r="T27466" i="1"/>
  <c r="T27467" i="1"/>
  <c r="T27468" i="1"/>
  <c r="T27469" i="1"/>
  <c r="T27470" i="1"/>
  <c r="T27471" i="1"/>
  <c r="T27472" i="1"/>
  <c r="T27473" i="1"/>
  <c r="T27474" i="1"/>
  <c r="T27475" i="1"/>
  <c r="T27476" i="1"/>
  <c r="T27477" i="1"/>
  <c r="T27478" i="1"/>
  <c r="T27479" i="1"/>
  <c r="T27480" i="1"/>
  <c r="T27481" i="1"/>
  <c r="T27482" i="1"/>
  <c r="T27483" i="1"/>
  <c r="T27484" i="1"/>
  <c r="T27485" i="1"/>
  <c r="T27486" i="1"/>
  <c r="T27487" i="1"/>
  <c r="T27488" i="1"/>
  <c r="T27489" i="1"/>
  <c r="T27490" i="1"/>
  <c r="T27491" i="1"/>
  <c r="T27492" i="1"/>
  <c r="T27493" i="1"/>
  <c r="T27494" i="1"/>
  <c r="T27495" i="1"/>
  <c r="T27496" i="1"/>
  <c r="T27497" i="1"/>
  <c r="T27498" i="1"/>
  <c r="T27499" i="1"/>
  <c r="T27500" i="1"/>
  <c r="T27501" i="1"/>
  <c r="T27502" i="1"/>
  <c r="T27503" i="1"/>
  <c r="T27504" i="1"/>
  <c r="T27505" i="1"/>
  <c r="T27506" i="1"/>
  <c r="T27507" i="1"/>
  <c r="T27508" i="1"/>
  <c r="T27509" i="1"/>
  <c r="T27510" i="1"/>
  <c r="T27511" i="1"/>
  <c r="T27512" i="1"/>
  <c r="T27513" i="1"/>
  <c r="T27514" i="1"/>
  <c r="T27515" i="1"/>
  <c r="T27516" i="1"/>
  <c r="T27517" i="1"/>
  <c r="T27518" i="1"/>
  <c r="T27519" i="1"/>
  <c r="T27520" i="1"/>
  <c r="T27521" i="1"/>
  <c r="T27522" i="1"/>
  <c r="T27523" i="1"/>
  <c r="T27524" i="1"/>
  <c r="T27525" i="1"/>
  <c r="T27526" i="1"/>
  <c r="T27527" i="1"/>
  <c r="T27528" i="1"/>
  <c r="T27529" i="1"/>
  <c r="T27530" i="1"/>
  <c r="T27531" i="1"/>
  <c r="T27532" i="1"/>
  <c r="T27533" i="1"/>
  <c r="T27534" i="1"/>
  <c r="T27535" i="1"/>
  <c r="T27536" i="1"/>
  <c r="T27537" i="1"/>
  <c r="T27538" i="1"/>
  <c r="T27539" i="1"/>
  <c r="T27540" i="1"/>
  <c r="T27541" i="1"/>
  <c r="T27542" i="1"/>
  <c r="T27543" i="1"/>
  <c r="T27544" i="1"/>
  <c r="T27545" i="1"/>
  <c r="T27546" i="1"/>
  <c r="T27547" i="1"/>
  <c r="T27548" i="1"/>
  <c r="T27549" i="1"/>
  <c r="T27550" i="1"/>
  <c r="T27551" i="1"/>
  <c r="T27552" i="1"/>
  <c r="T27553" i="1"/>
  <c r="T27554" i="1"/>
  <c r="T27555" i="1"/>
  <c r="T27556" i="1"/>
  <c r="T27557" i="1"/>
  <c r="T27558" i="1"/>
  <c r="T27559" i="1"/>
  <c r="T27560" i="1"/>
  <c r="T27561" i="1"/>
  <c r="T27562" i="1"/>
  <c r="T27563" i="1"/>
  <c r="T27564" i="1"/>
  <c r="T27565" i="1"/>
  <c r="T27566" i="1"/>
  <c r="T27567" i="1"/>
  <c r="T27568" i="1"/>
  <c r="T27569" i="1"/>
  <c r="T27570" i="1"/>
  <c r="T27571" i="1"/>
  <c r="T27572" i="1"/>
  <c r="T27573" i="1"/>
  <c r="T27574" i="1"/>
  <c r="T27575" i="1"/>
  <c r="T27576" i="1"/>
  <c r="T27577" i="1"/>
  <c r="T27578" i="1"/>
  <c r="T27579" i="1"/>
  <c r="T27580" i="1"/>
  <c r="T27581" i="1"/>
  <c r="T27582" i="1"/>
  <c r="T27583" i="1"/>
  <c r="T27584" i="1"/>
  <c r="T27585" i="1"/>
  <c r="T27586" i="1"/>
  <c r="T27587" i="1"/>
  <c r="T27588" i="1"/>
  <c r="T27589" i="1"/>
  <c r="T27590" i="1"/>
  <c r="T27591" i="1"/>
  <c r="T27592" i="1"/>
  <c r="T27593" i="1"/>
  <c r="T27594" i="1"/>
  <c r="T27595" i="1"/>
  <c r="T27596" i="1"/>
  <c r="T27597" i="1"/>
  <c r="T27598" i="1"/>
  <c r="T27599" i="1"/>
  <c r="T27600" i="1"/>
  <c r="T27601" i="1"/>
  <c r="T27602" i="1"/>
  <c r="T27603" i="1"/>
  <c r="T27604" i="1"/>
  <c r="T27605" i="1"/>
  <c r="T27606" i="1"/>
  <c r="T27607" i="1"/>
  <c r="T27608" i="1"/>
  <c r="T27609" i="1"/>
  <c r="T27610" i="1"/>
  <c r="T27611" i="1"/>
  <c r="T27612" i="1"/>
  <c r="T27613" i="1"/>
  <c r="T27614" i="1"/>
  <c r="T27615" i="1"/>
  <c r="T27616" i="1"/>
  <c r="T27617" i="1"/>
  <c r="T27618" i="1"/>
  <c r="T27619" i="1"/>
  <c r="T27620" i="1"/>
  <c r="T27621" i="1"/>
  <c r="T27622" i="1"/>
  <c r="T27623" i="1"/>
  <c r="T27624" i="1"/>
  <c r="T27625" i="1"/>
  <c r="T27626" i="1"/>
  <c r="T27627" i="1"/>
  <c r="T27628" i="1"/>
  <c r="T27629" i="1"/>
  <c r="T27630" i="1"/>
  <c r="T27631" i="1"/>
  <c r="T27632" i="1"/>
  <c r="T27633" i="1"/>
  <c r="T27634" i="1"/>
  <c r="T27635" i="1"/>
  <c r="T27636" i="1"/>
  <c r="T27637" i="1"/>
  <c r="T27638" i="1"/>
  <c r="T27639" i="1"/>
  <c r="T27640" i="1"/>
  <c r="T27641" i="1"/>
  <c r="T27642" i="1"/>
  <c r="T27643" i="1"/>
  <c r="T27644" i="1"/>
  <c r="T27645" i="1"/>
  <c r="T27646" i="1"/>
  <c r="T27647" i="1"/>
  <c r="T27648" i="1"/>
  <c r="T27649" i="1"/>
  <c r="T27650" i="1"/>
  <c r="T27651" i="1"/>
  <c r="T27652" i="1"/>
  <c r="T27653" i="1"/>
  <c r="T27654" i="1"/>
  <c r="T27655" i="1"/>
  <c r="T27656" i="1"/>
  <c r="T27657" i="1"/>
  <c r="T27658" i="1"/>
  <c r="T27659" i="1"/>
  <c r="T27660" i="1"/>
  <c r="T27661" i="1"/>
  <c r="T27662" i="1"/>
  <c r="T27663" i="1"/>
  <c r="T27664" i="1"/>
  <c r="T27665" i="1"/>
  <c r="T27666" i="1"/>
  <c r="T27667" i="1"/>
  <c r="T27668" i="1"/>
  <c r="T27669" i="1"/>
  <c r="T27670" i="1"/>
  <c r="T27671" i="1"/>
  <c r="T27672" i="1"/>
  <c r="T27673" i="1"/>
  <c r="T27674" i="1"/>
  <c r="T27675" i="1"/>
  <c r="T27676" i="1"/>
  <c r="T27677" i="1"/>
  <c r="T27678" i="1"/>
  <c r="T27679" i="1"/>
  <c r="T27680" i="1"/>
  <c r="T27681" i="1"/>
  <c r="T27682" i="1"/>
  <c r="T27683" i="1"/>
  <c r="T27684" i="1"/>
  <c r="T27685" i="1"/>
  <c r="T27686" i="1"/>
  <c r="T27687" i="1"/>
  <c r="T27688" i="1"/>
  <c r="T27689" i="1"/>
  <c r="T27690" i="1"/>
  <c r="T27691" i="1"/>
  <c r="T27692" i="1"/>
  <c r="T27693" i="1"/>
  <c r="T27694" i="1"/>
  <c r="T27695" i="1"/>
  <c r="T27696" i="1"/>
  <c r="T27697" i="1"/>
  <c r="T27698" i="1"/>
  <c r="T27699" i="1"/>
  <c r="T27700" i="1"/>
  <c r="T27701" i="1"/>
  <c r="T27702" i="1"/>
  <c r="T27703" i="1"/>
  <c r="T27704" i="1"/>
  <c r="T27705" i="1"/>
  <c r="T27706" i="1"/>
  <c r="T27707" i="1"/>
  <c r="T27708" i="1"/>
  <c r="T27709" i="1"/>
  <c r="T27710" i="1"/>
  <c r="T27711" i="1"/>
  <c r="T27712" i="1"/>
  <c r="T27713" i="1"/>
  <c r="T27714" i="1"/>
  <c r="T27715" i="1"/>
  <c r="T27716" i="1"/>
  <c r="T27717" i="1"/>
  <c r="T27718" i="1"/>
  <c r="T27719" i="1"/>
  <c r="T27720" i="1"/>
  <c r="T27721" i="1"/>
  <c r="T27722" i="1"/>
  <c r="T27723" i="1"/>
  <c r="T27724" i="1"/>
  <c r="T27725" i="1"/>
  <c r="T27726" i="1"/>
  <c r="T27727" i="1"/>
  <c r="T27728" i="1"/>
  <c r="T27729" i="1"/>
  <c r="T27730" i="1"/>
  <c r="T27731" i="1"/>
  <c r="T27732" i="1"/>
  <c r="T27733" i="1"/>
  <c r="T27734" i="1"/>
  <c r="T27735" i="1"/>
  <c r="T27736" i="1"/>
  <c r="T27737" i="1"/>
  <c r="T27738" i="1"/>
  <c r="T27739" i="1"/>
  <c r="T27740" i="1"/>
  <c r="T27741" i="1"/>
  <c r="T27742" i="1"/>
  <c r="T27743" i="1"/>
  <c r="T27744" i="1"/>
  <c r="T27745" i="1"/>
  <c r="T27746" i="1"/>
  <c r="T27747" i="1"/>
  <c r="T27748" i="1"/>
  <c r="T27749" i="1"/>
  <c r="T27750" i="1"/>
  <c r="T27751" i="1"/>
  <c r="T27752" i="1"/>
  <c r="T27753" i="1"/>
  <c r="T27754" i="1"/>
  <c r="T27755" i="1"/>
  <c r="T27756" i="1"/>
  <c r="T27757" i="1"/>
  <c r="T27758" i="1"/>
  <c r="T27759" i="1"/>
  <c r="T27760" i="1"/>
  <c r="T27761" i="1"/>
  <c r="T27762" i="1"/>
  <c r="T27763" i="1"/>
  <c r="T27764" i="1"/>
  <c r="T27765" i="1"/>
  <c r="T27766" i="1"/>
  <c r="T27767" i="1"/>
  <c r="T27768" i="1"/>
  <c r="T27769" i="1"/>
  <c r="T27770" i="1"/>
  <c r="T27771" i="1"/>
  <c r="T27772" i="1"/>
  <c r="T27773" i="1"/>
  <c r="T27774" i="1"/>
  <c r="T27775" i="1"/>
  <c r="T27776" i="1"/>
  <c r="T27777" i="1"/>
  <c r="T27778" i="1"/>
  <c r="T27779" i="1"/>
  <c r="T27780" i="1"/>
  <c r="T27781" i="1"/>
  <c r="T27782" i="1"/>
  <c r="T27783" i="1"/>
  <c r="T27784" i="1"/>
  <c r="T27785" i="1"/>
  <c r="T27786" i="1"/>
  <c r="T27787" i="1"/>
  <c r="T27788" i="1"/>
  <c r="T27789" i="1"/>
  <c r="T27790" i="1"/>
  <c r="T27791" i="1"/>
  <c r="T27792" i="1"/>
  <c r="T27793" i="1"/>
  <c r="T27794" i="1"/>
  <c r="T27795" i="1"/>
  <c r="T27796" i="1"/>
  <c r="T27797" i="1"/>
  <c r="T27798" i="1"/>
  <c r="T27799" i="1"/>
  <c r="T27800" i="1"/>
  <c r="T27801" i="1"/>
  <c r="T27802" i="1"/>
  <c r="T27803" i="1"/>
  <c r="T27804" i="1"/>
  <c r="T27805" i="1"/>
  <c r="T27806" i="1"/>
  <c r="T27807" i="1"/>
  <c r="T27808" i="1"/>
  <c r="T27809" i="1"/>
  <c r="T27810" i="1"/>
  <c r="T27811" i="1"/>
  <c r="T27812" i="1"/>
  <c r="T27813" i="1"/>
  <c r="T27814" i="1"/>
  <c r="T27815" i="1"/>
  <c r="T27816" i="1"/>
  <c r="T27817" i="1"/>
  <c r="T27818" i="1"/>
  <c r="T27819" i="1"/>
  <c r="T27820" i="1"/>
  <c r="T27821" i="1"/>
  <c r="T27822" i="1"/>
  <c r="T27823" i="1"/>
  <c r="T27824" i="1"/>
  <c r="T27825" i="1"/>
  <c r="T27826" i="1"/>
  <c r="T27827" i="1"/>
  <c r="T27828" i="1"/>
  <c r="T27829" i="1"/>
  <c r="T27830" i="1"/>
  <c r="T27831" i="1"/>
  <c r="T27832" i="1"/>
  <c r="T27833" i="1"/>
  <c r="T27834" i="1"/>
  <c r="T27835" i="1"/>
  <c r="T27836" i="1"/>
  <c r="T27837" i="1"/>
  <c r="T27838" i="1"/>
  <c r="T27839" i="1"/>
  <c r="T27840" i="1"/>
  <c r="T27841" i="1"/>
  <c r="T27842" i="1"/>
  <c r="T27843" i="1"/>
  <c r="T27844" i="1"/>
  <c r="T27845" i="1"/>
  <c r="T27846" i="1"/>
  <c r="T27847" i="1"/>
  <c r="T27848" i="1"/>
  <c r="T27849" i="1"/>
  <c r="T27850" i="1"/>
  <c r="T27851" i="1"/>
  <c r="T27852" i="1"/>
  <c r="T27853" i="1"/>
  <c r="T27854" i="1"/>
  <c r="T27855" i="1"/>
  <c r="T27856" i="1"/>
  <c r="T27857" i="1"/>
  <c r="T27858" i="1"/>
  <c r="T27859" i="1"/>
  <c r="T27860" i="1"/>
  <c r="T27861" i="1"/>
  <c r="T27862" i="1"/>
  <c r="T27863" i="1"/>
  <c r="T27864" i="1"/>
  <c r="T27865" i="1"/>
  <c r="T27866" i="1"/>
  <c r="T27867" i="1"/>
  <c r="T27868" i="1"/>
  <c r="T27869" i="1"/>
  <c r="T27870" i="1"/>
  <c r="T27871" i="1"/>
  <c r="T27872" i="1"/>
  <c r="T27873" i="1"/>
  <c r="T27874" i="1"/>
  <c r="T27875" i="1"/>
  <c r="T27876" i="1"/>
  <c r="T27877" i="1"/>
  <c r="T27878" i="1"/>
  <c r="T27879" i="1"/>
  <c r="T27880" i="1"/>
  <c r="T27881" i="1"/>
  <c r="T27882" i="1"/>
  <c r="T27883" i="1"/>
  <c r="T27884" i="1"/>
  <c r="T27885" i="1"/>
  <c r="T27886" i="1"/>
  <c r="T27887" i="1"/>
  <c r="T27888" i="1"/>
  <c r="T27889" i="1"/>
  <c r="T27890" i="1"/>
  <c r="T27891" i="1"/>
  <c r="T27892" i="1"/>
  <c r="T27893" i="1"/>
  <c r="T27894" i="1"/>
  <c r="T27895" i="1"/>
  <c r="T27896" i="1"/>
  <c r="T27897" i="1"/>
  <c r="T27898" i="1"/>
  <c r="T27899" i="1"/>
  <c r="T27900" i="1"/>
  <c r="T27901" i="1"/>
  <c r="T27902" i="1"/>
  <c r="T27903" i="1"/>
  <c r="T27904" i="1"/>
  <c r="T27905" i="1"/>
  <c r="T27906" i="1"/>
  <c r="T27907" i="1"/>
  <c r="T27908" i="1"/>
  <c r="T27909" i="1"/>
  <c r="T27910" i="1"/>
  <c r="T27911" i="1"/>
  <c r="T27912" i="1"/>
  <c r="T27913" i="1"/>
  <c r="T27914" i="1"/>
  <c r="T27915" i="1"/>
  <c r="T27916" i="1"/>
  <c r="T27917" i="1"/>
  <c r="T27918" i="1"/>
  <c r="T27919" i="1"/>
  <c r="T27920" i="1"/>
  <c r="T27921" i="1"/>
  <c r="T27922" i="1"/>
  <c r="T27923" i="1"/>
  <c r="T27924" i="1"/>
  <c r="T27925" i="1"/>
  <c r="T27926" i="1"/>
  <c r="T27927" i="1"/>
  <c r="T27928" i="1"/>
  <c r="T27929" i="1"/>
  <c r="T27930" i="1"/>
  <c r="T27931" i="1"/>
  <c r="T27932" i="1"/>
  <c r="T27933" i="1"/>
  <c r="T27934" i="1"/>
  <c r="T27935" i="1"/>
  <c r="T27936" i="1"/>
  <c r="T27937" i="1"/>
  <c r="T27938" i="1"/>
  <c r="T27939" i="1"/>
  <c r="T27940" i="1"/>
  <c r="T27941" i="1"/>
  <c r="T27942" i="1"/>
  <c r="T27943" i="1"/>
  <c r="T27944" i="1"/>
  <c r="T27945" i="1"/>
  <c r="T27946" i="1"/>
  <c r="T27947" i="1"/>
  <c r="T27948" i="1"/>
  <c r="T27949" i="1"/>
  <c r="T27950" i="1"/>
  <c r="T27951" i="1"/>
  <c r="T27952" i="1"/>
  <c r="T27953" i="1"/>
  <c r="T27954" i="1"/>
  <c r="T27955" i="1"/>
  <c r="T27956" i="1"/>
  <c r="T27957" i="1"/>
  <c r="T27958" i="1"/>
  <c r="T27959" i="1"/>
  <c r="T27960" i="1"/>
  <c r="T27961" i="1"/>
  <c r="T27962" i="1"/>
  <c r="T27963" i="1"/>
  <c r="T27964" i="1"/>
  <c r="T27965" i="1"/>
  <c r="T27966" i="1"/>
  <c r="T27967" i="1"/>
  <c r="T27968" i="1"/>
  <c r="T27969" i="1"/>
  <c r="T27970" i="1"/>
  <c r="T27971" i="1"/>
  <c r="T27972" i="1"/>
  <c r="T27973" i="1"/>
  <c r="T27974" i="1"/>
  <c r="T27975" i="1"/>
  <c r="T27976" i="1"/>
  <c r="T27977" i="1"/>
  <c r="T27978" i="1"/>
  <c r="T27979" i="1"/>
  <c r="T27980" i="1"/>
  <c r="T27981" i="1"/>
  <c r="T27982" i="1"/>
  <c r="T27983" i="1"/>
  <c r="T27984" i="1"/>
  <c r="T27985" i="1"/>
  <c r="T27986" i="1"/>
  <c r="T27987" i="1"/>
  <c r="T27988" i="1"/>
  <c r="T27989" i="1"/>
  <c r="T27990" i="1"/>
  <c r="T27991" i="1"/>
  <c r="T27992" i="1"/>
  <c r="T27993" i="1"/>
  <c r="T27994" i="1"/>
  <c r="T27995" i="1"/>
  <c r="T27996" i="1"/>
  <c r="T27997" i="1"/>
  <c r="T27998" i="1"/>
  <c r="T27999" i="1"/>
  <c r="T28000" i="1"/>
  <c r="T28001" i="1"/>
  <c r="T28002" i="1"/>
  <c r="T28003" i="1"/>
  <c r="T28004" i="1"/>
  <c r="T28005" i="1"/>
  <c r="T28006" i="1"/>
  <c r="T28007" i="1"/>
  <c r="T28008" i="1"/>
  <c r="T28009" i="1"/>
  <c r="T28010" i="1"/>
  <c r="T28011" i="1"/>
  <c r="T28012" i="1"/>
  <c r="T28013" i="1"/>
  <c r="T28014" i="1"/>
  <c r="T28015" i="1"/>
  <c r="T28016" i="1"/>
  <c r="T28017" i="1"/>
  <c r="T28018" i="1"/>
  <c r="T28019" i="1"/>
  <c r="T28020" i="1"/>
  <c r="T28021" i="1"/>
  <c r="T28022" i="1"/>
  <c r="T28023" i="1"/>
  <c r="T28024" i="1"/>
  <c r="T28025" i="1"/>
  <c r="T28026" i="1"/>
  <c r="T28027" i="1"/>
  <c r="T28028" i="1"/>
  <c r="T28029" i="1"/>
  <c r="T28030" i="1"/>
  <c r="T28031" i="1"/>
  <c r="T28032" i="1"/>
  <c r="T28033" i="1"/>
  <c r="T28034" i="1"/>
  <c r="T28035" i="1"/>
  <c r="T28036" i="1"/>
  <c r="T28037" i="1"/>
  <c r="T28038" i="1"/>
  <c r="T28039" i="1"/>
  <c r="T28040" i="1"/>
  <c r="T28041" i="1"/>
  <c r="T28042" i="1"/>
  <c r="T28043" i="1"/>
  <c r="T28044" i="1"/>
  <c r="T28045" i="1"/>
  <c r="T28046" i="1"/>
  <c r="T28047" i="1"/>
  <c r="T28048" i="1"/>
  <c r="T28049" i="1"/>
  <c r="T28050" i="1"/>
  <c r="T28051" i="1"/>
  <c r="T28052" i="1"/>
  <c r="T28053" i="1"/>
  <c r="T28054" i="1"/>
  <c r="T28055" i="1"/>
  <c r="T28056" i="1"/>
  <c r="T28057" i="1"/>
  <c r="T28058" i="1"/>
  <c r="T28059" i="1"/>
  <c r="T28060" i="1"/>
  <c r="T28061" i="1"/>
  <c r="T28062" i="1"/>
  <c r="T28063" i="1"/>
  <c r="T28064" i="1"/>
  <c r="T28065" i="1"/>
  <c r="T28066" i="1"/>
  <c r="T28067" i="1"/>
  <c r="T28068" i="1"/>
  <c r="T28069" i="1"/>
  <c r="T28070" i="1"/>
  <c r="T28071" i="1"/>
  <c r="T28072" i="1"/>
  <c r="T28073" i="1"/>
  <c r="T28074" i="1"/>
  <c r="T28075" i="1"/>
  <c r="T28076" i="1"/>
  <c r="T28077" i="1"/>
  <c r="T28078" i="1"/>
  <c r="T28079" i="1"/>
  <c r="T28080" i="1"/>
  <c r="T28081" i="1"/>
  <c r="T28082" i="1"/>
  <c r="T28083" i="1"/>
  <c r="T28084" i="1"/>
  <c r="T28085" i="1"/>
  <c r="T28086" i="1"/>
  <c r="T28087" i="1"/>
  <c r="T28088" i="1"/>
  <c r="T28089" i="1"/>
  <c r="T28090" i="1"/>
  <c r="T28091" i="1"/>
  <c r="T28092" i="1"/>
  <c r="T28093" i="1"/>
  <c r="T28094" i="1"/>
  <c r="T28095" i="1"/>
  <c r="T28096" i="1"/>
  <c r="T28097" i="1"/>
  <c r="T28098" i="1"/>
  <c r="T28099" i="1"/>
  <c r="T28100" i="1"/>
  <c r="T28101" i="1"/>
  <c r="T28102" i="1"/>
  <c r="T28103" i="1"/>
  <c r="T28104" i="1"/>
  <c r="T28105" i="1"/>
  <c r="T28106" i="1"/>
  <c r="T28107" i="1"/>
  <c r="T28108" i="1"/>
  <c r="T28109" i="1"/>
  <c r="T28110" i="1"/>
  <c r="T28111" i="1"/>
  <c r="T28112" i="1"/>
  <c r="T28113" i="1"/>
  <c r="T28114" i="1"/>
  <c r="T28115" i="1"/>
  <c r="T28116" i="1"/>
  <c r="T28117" i="1"/>
  <c r="T28118" i="1"/>
  <c r="T28119" i="1"/>
  <c r="T28120" i="1"/>
  <c r="T28121" i="1"/>
  <c r="T28122" i="1"/>
  <c r="T28123" i="1"/>
  <c r="T28124" i="1"/>
  <c r="T28125" i="1"/>
  <c r="T28126" i="1"/>
  <c r="T28127" i="1"/>
  <c r="T28128" i="1"/>
  <c r="T28129" i="1"/>
  <c r="T28130" i="1"/>
  <c r="T28131" i="1"/>
  <c r="T28132" i="1"/>
  <c r="T28133" i="1"/>
  <c r="T28134" i="1"/>
  <c r="T28135" i="1"/>
  <c r="T28136" i="1"/>
  <c r="T28137" i="1"/>
  <c r="T28138" i="1"/>
  <c r="T28139" i="1"/>
  <c r="T28140" i="1"/>
  <c r="T28141" i="1"/>
  <c r="T28142" i="1"/>
  <c r="T28143" i="1"/>
  <c r="T28144" i="1"/>
  <c r="T28145" i="1"/>
  <c r="T28146" i="1"/>
  <c r="T28147" i="1"/>
  <c r="T28148" i="1"/>
  <c r="T28149" i="1"/>
  <c r="T28150" i="1"/>
  <c r="T28151" i="1"/>
  <c r="T28152" i="1"/>
  <c r="T28153" i="1"/>
  <c r="T28154" i="1"/>
  <c r="T28155" i="1"/>
  <c r="T28156" i="1"/>
  <c r="T28157" i="1"/>
  <c r="T28158" i="1"/>
  <c r="T28159" i="1"/>
  <c r="T28160" i="1"/>
  <c r="T28161" i="1"/>
  <c r="T28162" i="1"/>
  <c r="T28163" i="1"/>
  <c r="T28164" i="1"/>
  <c r="T28165" i="1"/>
  <c r="T28166" i="1"/>
  <c r="T28167" i="1"/>
  <c r="T28168" i="1"/>
  <c r="T28169" i="1"/>
  <c r="T28170" i="1"/>
  <c r="T28171" i="1"/>
  <c r="T28172" i="1"/>
  <c r="T28173" i="1"/>
  <c r="T28174" i="1"/>
  <c r="T28175" i="1"/>
  <c r="T28176" i="1"/>
  <c r="T28177" i="1"/>
  <c r="T28178" i="1"/>
  <c r="T28179" i="1"/>
  <c r="T28180" i="1"/>
  <c r="T28181" i="1"/>
  <c r="T28182" i="1"/>
  <c r="T28183" i="1"/>
  <c r="T28184" i="1"/>
  <c r="T28185" i="1"/>
  <c r="T28186" i="1"/>
  <c r="T28187" i="1"/>
  <c r="T28188" i="1"/>
  <c r="T28189" i="1"/>
  <c r="T28190" i="1"/>
  <c r="T28191" i="1"/>
  <c r="T28192" i="1"/>
  <c r="T28193" i="1"/>
  <c r="T28194" i="1"/>
  <c r="T28195" i="1"/>
  <c r="T28196" i="1"/>
  <c r="T28197" i="1"/>
  <c r="T28198" i="1"/>
  <c r="T28199" i="1"/>
  <c r="T28200" i="1"/>
  <c r="T28201" i="1"/>
  <c r="T28202" i="1"/>
  <c r="T28203" i="1"/>
  <c r="T28204" i="1"/>
  <c r="T28205" i="1"/>
  <c r="T28206" i="1"/>
  <c r="T28207" i="1"/>
  <c r="T28208" i="1"/>
  <c r="T28209" i="1"/>
  <c r="T28210" i="1"/>
  <c r="T28211" i="1"/>
  <c r="T28212" i="1"/>
  <c r="T28213" i="1"/>
  <c r="T28214" i="1"/>
  <c r="T28215" i="1"/>
  <c r="T28216" i="1"/>
  <c r="T28217" i="1"/>
  <c r="T28218" i="1"/>
  <c r="T28219" i="1"/>
  <c r="T28220" i="1"/>
  <c r="T28221" i="1"/>
  <c r="T28222" i="1"/>
  <c r="T28223" i="1"/>
  <c r="T28224" i="1"/>
  <c r="T28225" i="1"/>
  <c r="T28226" i="1"/>
  <c r="T28227" i="1"/>
  <c r="T28228" i="1"/>
  <c r="T28229" i="1"/>
  <c r="T28230" i="1"/>
  <c r="T28231" i="1"/>
  <c r="T28232" i="1"/>
  <c r="T28233" i="1"/>
  <c r="T28234" i="1"/>
  <c r="T28235" i="1"/>
  <c r="T28236" i="1"/>
  <c r="T28237" i="1"/>
  <c r="T28238" i="1"/>
  <c r="T28239" i="1"/>
  <c r="T28240" i="1"/>
  <c r="T28241" i="1"/>
  <c r="T28242" i="1"/>
  <c r="T28243" i="1"/>
  <c r="T28244" i="1"/>
  <c r="T28245" i="1"/>
  <c r="T28246" i="1"/>
  <c r="T28247" i="1"/>
  <c r="T28248" i="1"/>
  <c r="T28249" i="1"/>
  <c r="T28250" i="1"/>
  <c r="T28251" i="1"/>
  <c r="T28252" i="1"/>
  <c r="T28253" i="1"/>
  <c r="T28254" i="1"/>
  <c r="T28255" i="1"/>
  <c r="T28256" i="1"/>
  <c r="T28257" i="1"/>
  <c r="T28258" i="1"/>
  <c r="T28259" i="1"/>
  <c r="T28260" i="1"/>
  <c r="T28261" i="1"/>
  <c r="T28262" i="1"/>
  <c r="T28263" i="1"/>
  <c r="T28264" i="1"/>
  <c r="T28265" i="1"/>
  <c r="T28266" i="1"/>
  <c r="T28267" i="1"/>
  <c r="T28268" i="1"/>
  <c r="T28269" i="1"/>
  <c r="T28270" i="1"/>
  <c r="T28271" i="1"/>
  <c r="T28272" i="1"/>
  <c r="T28273" i="1"/>
  <c r="T28274" i="1"/>
  <c r="T28275" i="1"/>
  <c r="T28276" i="1"/>
  <c r="T28277" i="1"/>
  <c r="T28278" i="1"/>
  <c r="T28279" i="1"/>
  <c r="T28280" i="1"/>
  <c r="T28281" i="1"/>
  <c r="T28282" i="1"/>
  <c r="T28283" i="1"/>
  <c r="T28284" i="1"/>
  <c r="T28285" i="1"/>
  <c r="T28286" i="1"/>
  <c r="T28287" i="1"/>
  <c r="T28288" i="1"/>
  <c r="T28289" i="1"/>
  <c r="T28290" i="1"/>
  <c r="T28291" i="1"/>
  <c r="T28292" i="1"/>
  <c r="T28293" i="1"/>
  <c r="T28294" i="1"/>
  <c r="T28295" i="1"/>
  <c r="T28296" i="1"/>
  <c r="T28297" i="1"/>
  <c r="T28298" i="1"/>
  <c r="T28299" i="1"/>
  <c r="T28300" i="1"/>
  <c r="T28301" i="1"/>
  <c r="T28302" i="1"/>
  <c r="T28303" i="1"/>
  <c r="T28304" i="1"/>
  <c r="T28305" i="1"/>
  <c r="T28306" i="1"/>
  <c r="T28307" i="1"/>
  <c r="T28308" i="1"/>
  <c r="T28309" i="1"/>
  <c r="T28310" i="1"/>
  <c r="T28311" i="1"/>
  <c r="T28312" i="1"/>
  <c r="T28313" i="1"/>
  <c r="T28314" i="1"/>
  <c r="T28315" i="1"/>
  <c r="T28316" i="1"/>
  <c r="T28317" i="1"/>
  <c r="T28318" i="1"/>
  <c r="T28319" i="1"/>
  <c r="T28320" i="1"/>
  <c r="T28321" i="1"/>
  <c r="T28322" i="1"/>
  <c r="T28323" i="1"/>
  <c r="T28324" i="1"/>
  <c r="T28325" i="1"/>
  <c r="T28326" i="1"/>
  <c r="T28327" i="1"/>
  <c r="T28328" i="1"/>
  <c r="T28329" i="1"/>
  <c r="T28330" i="1"/>
  <c r="T28331" i="1"/>
  <c r="T28332" i="1"/>
  <c r="T28333" i="1"/>
  <c r="T28334" i="1"/>
  <c r="T28335" i="1"/>
  <c r="T28336" i="1"/>
  <c r="T28337" i="1"/>
  <c r="T28338" i="1"/>
  <c r="T28339" i="1"/>
  <c r="T28340" i="1"/>
  <c r="T28341" i="1"/>
  <c r="T28342" i="1"/>
  <c r="T28343" i="1"/>
  <c r="T28344" i="1"/>
  <c r="T28345" i="1"/>
  <c r="T28346" i="1"/>
  <c r="T28347" i="1"/>
  <c r="T28348" i="1"/>
  <c r="T28349" i="1"/>
  <c r="T28350" i="1"/>
  <c r="T28351" i="1"/>
  <c r="T28352" i="1"/>
  <c r="T28353" i="1"/>
  <c r="T28354" i="1"/>
  <c r="T28355" i="1"/>
  <c r="T28356" i="1"/>
  <c r="T28357" i="1"/>
  <c r="T28358" i="1"/>
  <c r="T28359" i="1"/>
  <c r="T28360" i="1"/>
  <c r="T28361" i="1"/>
  <c r="T28362" i="1"/>
  <c r="T28363" i="1"/>
  <c r="T28364" i="1"/>
  <c r="T28365" i="1"/>
  <c r="T28366" i="1"/>
  <c r="T28367" i="1"/>
  <c r="T28368" i="1"/>
  <c r="T28369" i="1"/>
  <c r="T28370" i="1"/>
  <c r="T28371" i="1"/>
  <c r="T28372" i="1"/>
  <c r="T28373" i="1"/>
  <c r="T28374" i="1"/>
  <c r="T28375" i="1"/>
  <c r="T28376" i="1"/>
  <c r="T28377" i="1"/>
  <c r="T28378" i="1"/>
  <c r="T28379" i="1"/>
  <c r="T28380" i="1"/>
  <c r="T28381" i="1"/>
  <c r="T28382" i="1"/>
  <c r="T28383" i="1"/>
  <c r="T28384" i="1"/>
  <c r="T28385" i="1"/>
  <c r="T28386" i="1"/>
  <c r="T28387" i="1"/>
  <c r="T28388" i="1"/>
  <c r="T28389" i="1"/>
  <c r="T28390" i="1"/>
  <c r="T28391" i="1"/>
  <c r="T28392" i="1"/>
  <c r="T28393" i="1"/>
  <c r="T28394" i="1"/>
  <c r="T28395" i="1"/>
  <c r="T28396" i="1"/>
  <c r="T28397" i="1"/>
  <c r="T28398" i="1"/>
  <c r="T28399" i="1"/>
  <c r="T28400" i="1"/>
  <c r="T28401" i="1"/>
  <c r="T28402" i="1"/>
  <c r="T28403" i="1"/>
  <c r="T28404" i="1"/>
  <c r="T28405" i="1"/>
  <c r="T28406" i="1"/>
  <c r="T28407" i="1"/>
  <c r="T28408" i="1"/>
  <c r="T28409" i="1"/>
  <c r="T28410" i="1"/>
  <c r="T28411" i="1"/>
  <c r="T28412" i="1"/>
  <c r="T28413" i="1"/>
  <c r="T28414" i="1"/>
  <c r="T28415" i="1"/>
  <c r="T28416" i="1"/>
  <c r="T28417" i="1"/>
  <c r="T28418" i="1"/>
  <c r="T28419" i="1"/>
  <c r="T28420" i="1"/>
  <c r="T28421" i="1"/>
  <c r="T28422" i="1"/>
  <c r="T28423" i="1"/>
  <c r="T28424" i="1"/>
  <c r="T28425" i="1"/>
  <c r="T28426" i="1"/>
  <c r="T28427" i="1"/>
  <c r="T28428" i="1"/>
  <c r="T28429" i="1"/>
  <c r="T28430" i="1"/>
  <c r="T28431" i="1"/>
  <c r="T28432" i="1"/>
  <c r="T28433" i="1"/>
  <c r="T28434" i="1"/>
  <c r="T28435" i="1"/>
  <c r="T28436" i="1"/>
  <c r="T28437" i="1"/>
  <c r="T28438" i="1"/>
  <c r="T28439" i="1"/>
  <c r="T28440" i="1"/>
  <c r="T28441" i="1"/>
  <c r="T28442" i="1"/>
  <c r="T28443" i="1"/>
  <c r="T28444" i="1"/>
  <c r="T28445" i="1"/>
  <c r="T28446" i="1"/>
  <c r="T28447" i="1"/>
  <c r="T28448" i="1"/>
  <c r="T28449" i="1"/>
  <c r="T28450" i="1"/>
  <c r="T28451" i="1"/>
  <c r="T28452" i="1"/>
  <c r="T28453" i="1"/>
  <c r="T28454" i="1"/>
  <c r="T28455" i="1"/>
  <c r="T28456" i="1"/>
  <c r="T28457" i="1"/>
  <c r="T28458" i="1"/>
  <c r="T28459" i="1"/>
  <c r="T28460" i="1"/>
  <c r="T28461" i="1"/>
  <c r="T28462" i="1"/>
  <c r="T28463" i="1"/>
  <c r="T28464" i="1"/>
  <c r="T28465" i="1"/>
  <c r="T28466" i="1"/>
  <c r="T28467" i="1"/>
  <c r="T28468" i="1"/>
  <c r="T28469" i="1"/>
  <c r="T28470" i="1"/>
  <c r="T28471" i="1"/>
  <c r="T28472" i="1"/>
  <c r="T28473" i="1"/>
  <c r="T28474" i="1"/>
  <c r="T28475" i="1"/>
  <c r="T28476" i="1"/>
  <c r="T28477" i="1"/>
  <c r="T28478" i="1"/>
  <c r="T28479" i="1"/>
  <c r="T28480" i="1"/>
  <c r="T28481" i="1"/>
  <c r="T28482" i="1"/>
  <c r="T28483" i="1"/>
  <c r="T28484" i="1"/>
  <c r="T28485" i="1"/>
  <c r="T28486" i="1"/>
  <c r="T28487" i="1"/>
  <c r="T28488" i="1"/>
  <c r="T28489" i="1"/>
  <c r="T28490" i="1"/>
  <c r="T28491" i="1"/>
  <c r="T28492" i="1"/>
  <c r="T28493" i="1"/>
  <c r="T28494" i="1"/>
  <c r="T28495" i="1"/>
  <c r="T28496" i="1"/>
  <c r="T28497" i="1"/>
  <c r="T28498" i="1"/>
  <c r="T28499" i="1"/>
  <c r="T28500" i="1"/>
  <c r="T28501" i="1"/>
  <c r="T28502" i="1"/>
  <c r="T28503" i="1"/>
  <c r="T28504" i="1"/>
  <c r="T28505" i="1"/>
  <c r="T28506" i="1"/>
  <c r="T28507" i="1"/>
  <c r="T28508" i="1"/>
  <c r="T28509" i="1"/>
  <c r="T28510" i="1"/>
  <c r="T28511" i="1"/>
  <c r="T28512" i="1"/>
  <c r="T28513" i="1"/>
  <c r="T28514" i="1"/>
  <c r="T28515" i="1"/>
  <c r="T28516" i="1"/>
  <c r="T28517" i="1"/>
  <c r="T28518" i="1"/>
  <c r="T28519" i="1"/>
  <c r="T28520" i="1"/>
  <c r="T28521" i="1"/>
  <c r="T28522" i="1"/>
  <c r="T28523" i="1"/>
  <c r="T28524" i="1"/>
  <c r="T28525" i="1"/>
  <c r="T28526" i="1"/>
  <c r="T28527" i="1"/>
  <c r="T28528" i="1"/>
  <c r="T28529" i="1"/>
  <c r="T28530" i="1"/>
  <c r="T28531" i="1"/>
  <c r="T28532" i="1"/>
  <c r="T28533" i="1"/>
  <c r="T28534" i="1"/>
  <c r="T28535" i="1"/>
  <c r="T28536" i="1"/>
  <c r="T28537" i="1"/>
  <c r="T28538" i="1"/>
  <c r="T28539" i="1"/>
  <c r="T28540" i="1"/>
  <c r="T28541" i="1"/>
  <c r="T28542" i="1"/>
  <c r="T28543" i="1"/>
  <c r="T28544" i="1"/>
  <c r="T28545" i="1"/>
  <c r="T28546" i="1"/>
  <c r="T28547" i="1"/>
  <c r="T28548" i="1"/>
  <c r="T28549" i="1"/>
  <c r="T28550" i="1"/>
  <c r="T28551" i="1"/>
  <c r="T28552" i="1"/>
  <c r="T28553" i="1"/>
  <c r="T28554" i="1"/>
  <c r="T28555" i="1"/>
  <c r="T28556" i="1"/>
  <c r="T28557" i="1"/>
  <c r="T28558" i="1"/>
  <c r="T28559" i="1"/>
  <c r="T28560" i="1"/>
  <c r="T28561" i="1"/>
  <c r="T28562" i="1"/>
  <c r="T28563" i="1"/>
  <c r="T28564" i="1"/>
  <c r="T28565" i="1"/>
  <c r="T28566" i="1"/>
  <c r="T28567" i="1"/>
  <c r="T28568" i="1"/>
  <c r="T28569" i="1"/>
  <c r="T28570" i="1"/>
  <c r="T28571" i="1"/>
  <c r="T28572" i="1"/>
  <c r="T28573" i="1"/>
  <c r="T28574" i="1"/>
  <c r="T28575" i="1"/>
  <c r="T28576" i="1"/>
  <c r="T28577" i="1"/>
  <c r="T28578" i="1"/>
  <c r="T28579" i="1"/>
  <c r="T28580" i="1"/>
  <c r="T28581" i="1"/>
  <c r="T28582" i="1"/>
  <c r="T28583" i="1"/>
  <c r="T28584" i="1"/>
  <c r="T28585" i="1"/>
  <c r="T28586" i="1"/>
  <c r="T28587" i="1"/>
  <c r="T28588" i="1"/>
  <c r="T28589" i="1"/>
  <c r="T28590" i="1"/>
  <c r="T28591" i="1"/>
  <c r="T28592" i="1"/>
  <c r="T28593" i="1"/>
  <c r="T28594" i="1"/>
  <c r="T28595" i="1"/>
  <c r="T28596" i="1"/>
  <c r="T28597" i="1"/>
  <c r="T28598" i="1"/>
  <c r="T28599" i="1"/>
  <c r="T28600" i="1"/>
  <c r="T28601" i="1"/>
  <c r="T28602" i="1"/>
  <c r="T28603" i="1"/>
  <c r="T28604" i="1"/>
  <c r="T28605" i="1"/>
  <c r="T28606" i="1"/>
  <c r="T28607" i="1"/>
  <c r="T28608" i="1"/>
  <c r="T28609" i="1"/>
  <c r="T28610" i="1"/>
  <c r="T28611" i="1"/>
  <c r="T28612" i="1"/>
  <c r="T28613" i="1"/>
  <c r="T28614" i="1"/>
  <c r="T28615" i="1"/>
  <c r="T28616" i="1"/>
  <c r="T28617" i="1"/>
  <c r="T28618" i="1"/>
  <c r="T28619" i="1"/>
  <c r="T28620" i="1"/>
  <c r="T28621" i="1"/>
  <c r="T28622" i="1"/>
  <c r="T28623" i="1"/>
  <c r="T28624" i="1"/>
  <c r="T28625" i="1"/>
  <c r="T28626" i="1"/>
  <c r="T28627" i="1"/>
  <c r="T28628" i="1"/>
  <c r="T28629" i="1"/>
  <c r="T28630" i="1"/>
  <c r="T28631" i="1"/>
  <c r="T28632" i="1"/>
  <c r="T28633" i="1"/>
  <c r="T28634" i="1"/>
  <c r="T28635" i="1"/>
  <c r="T28636" i="1"/>
  <c r="T28637" i="1"/>
  <c r="T28638" i="1"/>
  <c r="T28639" i="1"/>
  <c r="T28640" i="1"/>
  <c r="T28641" i="1"/>
  <c r="T28642" i="1"/>
  <c r="T28643" i="1"/>
  <c r="T28644" i="1"/>
  <c r="T28645" i="1"/>
  <c r="T28646" i="1"/>
  <c r="T28647" i="1"/>
  <c r="T28648" i="1"/>
  <c r="T28649" i="1"/>
  <c r="T28650" i="1"/>
  <c r="T28651" i="1"/>
  <c r="T28652" i="1"/>
  <c r="T28653" i="1"/>
  <c r="T28654" i="1"/>
  <c r="T28655" i="1"/>
  <c r="T28656" i="1"/>
  <c r="T28657" i="1"/>
  <c r="T28658" i="1"/>
  <c r="T28659" i="1"/>
  <c r="T28660" i="1"/>
  <c r="T28661" i="1"/>
  <c r="T28662" i="1"/>
  <c r="T28663" i="1"/>
  <c r="T28664" i="1"/>
  <c r="T28665" i="1"/>
  <c r="T28666" i="1"/>
  <c r="T28667" i="1"/>
  <c r="T28668" i="1"/>
  <c r="T28669" i="1"/>
  <c r="T28670" i="1"/>
  <c r="T28671" i="1"/>
  <c r="T28672" i="1"/>
  <c r="T28673" i="1"/>
  <c r="T28674" i="1"/>
  <c r="T28675" i="1"/>
  <c r="T28676" i="1"/>
  <c r="T28677" i="1"/>
  <c r="T28678" i="1"/>
  <c r="T28679" i="1"/>
  <c r="T28680" i="1"/>
  <c r="T28681" i="1"/>
  <c r="T28682" i="1"/>
  <c r="T28683" i="1"/>
  <c r="T28684" i="1"/>
  <c r="T28685" i="1"/>
  <c r="T28686" i="1"/>
  <c r="T28687" i="1"/>
  <c r="T28688" i="1"/>
  <c r="T28689" i="1"/>
  <c r="T28690" i="1"/>
  <c r="T28691" i="1"/>
  <c r="T28692" i="1"/>
  <c r="T28693" i="1"/>
  <c r="T28694" i="1"/>
  <c r="T28695" i="1"/>
  <c r="T28696" i="1"/>
  <c r="T28697" i="1"/>
  <c r="T28698" i="1"/>
  <c r="T28699" i="1"/>
  <c r="T28700" i="1"/>
  <c r="T28701" i="1"/>
  <c r="T28702" i="1"/>
  <c r="T28703" i="1"/>
  <c r="T28704" i="1"/>
  <c r="T28705" i="1"/>
  <c r="T28706" i="1"/>
  <c r="T28707" i="1"/>
  <c r="T28708" i="1"/>
  <c r="T28709" i="1"/>
  <c r="T28710" i="1"/>
  <c r="T28711" i="1"/>
  <c r="T28712" i="1"/>
  <c r="T28713" i="1"/>
  <c r="T28714" i="1"/>
  <c r="T28715" i="1"/>
  <c r="T28716" i="1"/>
  <c r="T28717" i="1"/>
  <c r="T28718" i="1"/>
  <c r="T28719" i="1"/>
  <c r="T28720" i="1"/>
  <c r="T28721" i="1"/>
  <c r="T28722" i="1"/>
  <c r="T28723" i="1"/>
  <c r="T28724" i="1"/>
  <c r="T28725" i="1"/>
  <c r="T28726" i="1"/>
  <c r="T28727" i="1"/>
  <c r="T28728" i="1"/>
  <c r="T28729" i="1"/>
  <c r="T28730" i="1"/>
  <c r="T28731" i="1"/>
  <c r="T28732" i="1"/>
  <c r="T28733" i="1"/>
  <c r="T28734" i="1"/>
  <c r="T28735" i="1"/>
  <c r="T28736" i="1"/>
  <c r="T28737" i="1"/>
  <c r="T28738" i="1"/>
  <c r="T28739" i="1"/>
  <c r="T28740" i="1"/>
  <c r="T28741" i="1"/>
  <c r="T28742" i="1"/>
  <c r="T28743" i="1"/>
  <c r="T28744" i="1"/>
  <c r="T28745" i="1"/>
  <c r="T28746" i="1"/>
  <c r="T28747" i="1"/>
  <c r="T28748" i="1"/>
  <c r="T28749" i="1"/>
  <c r="T28750" i="1"/>
  <c r="T28751" i="1"/>
  <c r="T28752" i="1"/>
  <c r="T28753" i="1"/>
  <c r="T28754" i="1"/>
  <c r="T28755" i="1"/>
  <c r="T28756" i="1"/>
  <c r="T28757" i="1"/>
  <c r="T28758" i="1"/>
  <c r="T28759" i="1"/>
  <c r="T28760" i="1"/>
  <c r="T28761" i="1"/>
  <c r="T28762" i="1"/>
  <c r="T28763" i="1"/>
  <c r="T28764" i="1"/>
  <c r="T28765" i="1"/>
  <c r="T28766" i="1"/>
  <c r="T28767" i="1"/>
  <c r="T28768" i="1"/>
  <c r="T28769" i="1"/>
  <c r="T28770" i="1"/>
  <c r="T28771" i="1"/>
  <c r="T28772" i="1"/>
  <c r="T28773" i="1"/>
  <c r="T28774" i="1"/>
  <c r="T28775" i="1"/>
  <c r="T28776" i="1"/>
  <c r="T28777" i="1"/>
  <c r="T28778" i="1"/>
  <c r="T28779" i="1"/>
  <c r="T28780" i="1"/>
  <c r="T28781" i="1"/>
  <c r="T28782" i="1"/>
  <c r="T28783" i="1"/>
  <c r="T28784" i="1"/>
  <c r="T28785" i="1"/>
  <c r="T28786" i="1"/>
  <c r="T28787" i="1"/>
  <c r="T28788" i="1"/>
  <c r="T28789" i="1"/>
  <c r="T28790" i="1"/>
  <c r="T28791" i="1"/>
  <c r="T28792" i="1"/>
  <c r="T28793" i="1"/>
  <c r="T28794" i="1"/>
  <c r="T28795" i="1"/>
  <c r="T28796" i="1"/>
  <c r="T28797" i="1"/>
  <c r="T28798" i="1"/>
  <c r="T28799" i="1"/>
  <c r="T28800" i="1"/>
  <c r="T28801" i="1"/>
  <c r="T28802" i="1"/>
  <c r="T28803" i="1"/>
  <c r="T28804" i="1"/>
  <c r="T28805" i="1"/>
  <c r="T28806" i="1"/>
  <c r="T28807" i="1"/>
  <c r="T28808" i="1"/>
  <c r="T28809" i="1"/>
  <c r="T28810" i="1"/>
  <c r="T28811" i="1"/>
  <c r="T28812" i="1"/>
  <c r="T28813" i="1"/>
  <c r="T28814" i="1"/>
  <c r="T28815" i="1"/>
  <c r="T28816" i="1"/>
  <c r="T28817" i="1"/>
  <c r="T28818" i="1"/>
  <c r="T28819" i="1"/>
  <c r="T28820" i="1"/>
  <c r="T28821" i="1"/>
  <c r="T28822" i="1"/>
  <c r="T28823" i="1"/>
  <c r="T28824" i="1"/>
  <c r="T28825" i="1"/>
  <c r="T28826" i="1"/>
  <c r="T28827" i="1"/>
  <c r="T28828" i="1"/>
  <c r="T28829" i="1"/>
  <c r="T28830" i="1"/>
  <c r="T28831" i="1"/>
  <c r="T28832" i="1"/>
  <c r="T28833" i="1"/>
  <c r="T28834" i="1"/>
  <c r="T28835" i="1"/>
  <c r="T28836" i="1"/>
  <c r="T28837" i="1"/>
  <c r="T28838" i="1"/>
  <c r="T28839" i="1"/>
  <c r="T28840" i="1"/>
  <c r="T28841" i="1"/>
  <c r="T28842" i="1"/>
  <c r="T28843" i="1"/>
  <c r="T28844" i="1"/>
  <c r="T28845" i="1"/>
  <c r="T28846" i="1"/>
  <c r="T28847" i="1"/>
  <c r="T28848" i="1"/>
  <c r="T28849" i="1"/>
  <c r="T28850" i="1"/>
  <c r="T28851" i="1"/>
  <c r="T28852" i="1"/>
  <c r="T28853" i="1"/>
  <c r="T28854" i="1"/>
  <c r="T28855" i="1"/>
  <c r="T28856" i="1"/>
  <c r="T28857" i="1"/>
  <c r="T28858" i="1"/>
  <c r="T28859" i="1"/>
  <c r="T28860" i="1"/>
  <c r="T28861" i="1"/>
  <c r="T28862" i="1"/>
  <c r="T28863" i="1"/>
  <c r="T28864" i="1"/>
  <c r="T28865" i="1"/>
  <c r="T28866" i="1"/>
  <c r="T28867" i="1"/>
  <c r="T28868" i="1"/>
  <c r="T28869" i="1"/>
  <c r="T28870" i="1"/>
  <c r="T28871" i="1"/>
  <c r="T28872" i="1"/>
  <c r="T28873" i="1"/>
  <c r="T28874" i="1"/>
  <c r="T28875" i="1"/>
  <c r="T28876" i="1"/>
  <c r="T28877" i="1"/>
  <c r="T28878" i="1"/>
  <c r="T28879" i="1"/>
  <c r="T28880" i="1"/>
  <c r="T28881" i="1"/>
  <c r="T28882" i="1"/>
  <c r="T28883" i="1"/>
  <c r="T28884" i="1"/>
  <c r="T28885" i="1"/>
  <c r="T28886" i="1"/>
  <c r="T28887" i="1"/>
  <c r="T28888" i="1"/>
  <c r="T28889" i="1"/>
  <c r="T28890" i="1"/>
  <c r="T28891" i="1"/>
  <c r="T28892" i="1"/>
  <c r="T28893" i="1"/>
  <c r="T28894" i="1"/>
  <c r="T28895" i="1"/>
  <c r="T28896" i="1"/>
  <c r="T28897" i="1"/>
  <c r="T28898" i="1"/>
  <c r="T28899" i="1"/>
  <c r="T28900" i="1"/>
  <c r="T28901" i="1"/>
  <c r="T28902" i="1"/>
  <c r="T28903" i="1"/>
  <c r="T28904" i="1"/>
  <c r="T28905" i="1"/>
  <c r="T28906" i="1"/>
  <c r="T28907" i="1"/>
  <c r="T28908" i="1"/>
  <c r="T28909" i="1"/>
  <c r="T28910" i="1"/>
  <c r="T28911" i="1"/>
  <c r="T28912" i="1"/>
  <c r="T28913" i="1"/>
  <c r="T28914" i="1"/>
  <c r="T28915" i="1"/>
  <c r="T28916" i="1"/>
  <c r="T28917" i="1"/>
  <c r="T28918" i="1"/>
  <c r="T28919" i="1"/>
  <c r="T28920" i="1"/>
  <c r="T28921" i="1"/>
  <c r="T28922" i="1"/>
  <c r="T28923" i="1"/>
  <c r="T28924" i="1"/>
  <c r="T28925" i="1"/>
  <c r="T28926" i="1"/>
  <c r="T28927" i="1"/>
  <c r="T28928" i="1"/>
  <c r="T28929" i="1"/>
  <c r="T28930" i="1"/>
  <c r="T28931" i="1"/>
  <c r="T28932" i="1"/>
  <c r="T28933" i="1"/>
  <c r="T28934" i="1"/>
  <c r="T28935" i="1"/>
  <c r="T28936" i="1"/>
  <c r="T28937" i="1"/>
  <c r="T28938" i="1"/>
  <c r="T28939" i="1"/>
  <c r="T28940" i="1"/>
  <c r="T28941" i="1"/>
  <c r="T28942" i="1"/>
  <c r="T28943" i="1"/>
  <c r="T28944" i="1"/>
  <c r="T28945" i="1"/>
  <c r="T28946" i="1"/>
  <c r="T28947" i="1"/>
  <c r="T28948" i="1"/>
  <c r="T28949" i="1"/>
  <c r="T28950" i="1"/>
  <c r="T28951" i="1"/>
  <c r="T28952" i="1"/>
  <c r="T28953" i="1"/>
  <c r="T28954" i="1"/>
  <c r="T28955" i="1"/>
  <c r="T28956" i="1"/>
  <c r="T28957" i="1"/>
  <c r="T28958" i="1"/>
  <c r="T28959" i="1"/>
  <c r="T28960" i="1"/>
  <c r="T28961" i="1"/>
  <c r="T28962" i="1"/>
  <c r="T28963" i="1"/>
  <c r="T28964" i="1"/>
  <c r="T28965" i="1"/>
  <c r="T28966" i="1"/>
  <c r="T28967" i="1"/>
  <c r="T28968" i="1"/>
  <c r="T28969" i="1"/>
  <c r="T28970" i="1"/>
  <c r="T28971" i="1"/>
  <c r="T28972" i="1"/>
  <c r="T28973" i="1"/>
  <c r="T28974" i="1"/>
  <c r="T28975" i="1"/>
  <c r="T28976" i="1"/>
  <c r="T28977" i="1"/>
  <c r="T28978" i="1"/>
  <c r="T28979" i="1"/>
  <c r="T28980" i="1"/>
  <c r="T28981" i="1"/>
  <c r="T28982" i="1"/>
  <c r="T28983" i="1"/>
  <c r="T28984" i="1"/>
  <c r="T28985" i="1"/>
  <c r="T28986" i="1"/>
  <c r="T28987" i="1"/>
  <c r="T28988" i="1"/>
  <c r="T28989" i="1"/>
  <c r="T28990" i="1"/>
  <c r="T28991" i="1"/>
  <c r="T28992" i="1"/>
  <c r="T28993" i="1"/>
  <c r="T28994" i="1"/>
  <c r="T28995" i="1"/>
  <c r="T28996" i="1"/>
  <c r="T28997" i="1"/>
  <c r="T28998" i="1"/>
  <c r="T28999" i="1"/>
  <c r="T29000" i="1"/>
  <c r="T29001" i="1"/>
  <c r="T29002" i="1"/>
  <c r="T29003" i="1"/>
  <c r="T29004" i="1"/>
  <c r="T29005" i="1"/>
  <c r="T29006" i="1"/>
  <c r="T29007" i="1"/>
  <c r="T29008" i="1"/>
  <c r="T29009" i="1"/>
  <c r="T29010" i="1"/>
  <c r="T29011" i="1"/>
  <c r="T29012" i="1"/>
  <c r="T29013" i="1"/>
  <c r="T29014" i="1"/>
  <c r="T29015" i="1"/>
  <c r="T29016" i="1"/>
  <c r="T29017" i="1"/>
  <c r="T29018" i="1"/>
  <c r="T29019" i="1"/>
  <c r="T29020" i="1"/>
  <c r="T29021" i="1"/>
  <c r="T29022" i="1"/>
  <c r="T29023" i="1"/>
  <c r="T29024" i="1"/>
  <c r="T29025" i="1"/>
  <c r="T29026" i="1"/>
  <c r="T29027" i="1"/>
  <c r="T29028" i="1"/>
  <c r="T29029" i="1"/>
  <c r="T29030" i="1"/>
  <c r="T29031" i="1"/>
  <c r="T29032" i="1"/>
  <c r="T29033" i="1"/>
  <c r="T29034" i="1"/>
  <c r="T29035" i="1"/>
  <c r="T29036" i="1"/>
  <c r="T29037" i="1"/>
  <c r="T29038" i="1"/>
  <c r="T29039" i="1"/>
  <c r="T29040" i="1"/>
  <c r="T29041" i="1"/>
  <c r="T29042" i="1"/>
  <c r="T29043" i="1"/>
  <c r="T29044" i="1"/>
  <c r="T29045" i="1"/>
  <c r="T29046" i="1"/>
  <c r="T29047" i="1"/>
  <c r="T29048" i="1"/>
  <c r="T29049" i="1"/>
  <c r="T29050" i="1"/>
  <c r="T29051" i="1"/>
  <c r="T29052" i="1"/>
  <c r="T29053" i="1"/>
  <c r="T29054" i="1"/>
  <c r="T29055" i="1"/>
  <c r="T29056" i="1"/>
  <c r="T29057" i="1"/>
  <c r="T29058" i="1"/>
  <c r="T29059" i="1"/>
  <c r="T29060" i="1"/>
  <c r="T29061" i="1"/>
  <c r="T29062" i="1"/>
  <c r="T29063" i="1"/>
  <c r="T29064" i="1"/>
  <c r="T29065" i="1"/>
  <c r="T29066" i="1"/>
  <c r="T29067" i="1"/>
  <c r="T29068" i="1"/>
  <c r="T29069" i="1"/>
  <c r="T29070" i="1"/>
  <c r="T29071" i="1"/>
  <c r="T29072" i="1"/>
  <c r="T29073" i="1"/>
  <c r="T29074" i="1"/>
  <c r="T29075" i="1"/>
  <c r="T29076" i="1"/>
  <c r="T29077" i="1"/>
  <c r="T29078" i="1"/>
  <c r="T29079" i="1"/>
  <c r="T29080" i="1"/>
  <c r="T29081" i="1"/>
  <c r="T29082" i="1"/>
  <c r="T29083" i="1"/>
  <c r="T29084" i="1"/>
  <c r="T29085" i="1"/>
  <c r="T29086" i="1"/>
  <c r="T29087" i="1"/>
  <c r="T29088" i="1"/>
  <c r="T29089" i="1"/>
  <c r="T29090" i="1"/>
  <c r="T29091" i="1"/>
  <c r="T29092" i="1"/>
  <c r="T29093" i="1"/>
  <c r="T29094" i="1"/>
  <c r="T29095" i="1"/>
  <c r="T29096" i="1"/>
  <c r="T29097" i="1"/>
  <c r="T29098" i="1"/>
  <c r="T29099" i="1"/>
  <c r="T29100" i="1"/>
  <c r="T29101" i="1"/>
  <c r="T29102" i="1"/>
  <c r="T29103" i="1"/>
  <c r="T29104" i="1"/>
  <c r="T29105" i="1"/>
  <c r="T29106" i="1"/>
  <c r="T29107" i="1"/>
  <c r="T29108" i="1"/>
  <c r="T29109" i="1"/>
  <c r="T29110" i="1"/>
  <c r="T29111" i="1"/>
  <c r="T29112" i="1"/>
  <c r="T29113" i="1"/>
  <c r="T29114" i="1"/>
  <c r="T29115" i="1"/>
  <c r="T29116" i="1"/>
  <c r="T29117" i="1"/>
  <c r="T29118" i="1"/>
  <c r="T29119" i="1"/>
  <c r="T29120" i="1"/>
  <c r="T29121" i="1"/>
  <c r="T29122" i="1"/>
  <c r="T29123" i="1"/>
  <c r="T29124" i="1"/>
  <c r="T29125" i="1"/>
  <c r="T29126" i="1"/>
  <c r="T29127" i="1"/>
  <c r="T29128" i="1"/>
  <c r="T29129" i="1"/>
  <c r="T29130" i="1"/>
  <c r="T29131" i="1"/>
  <c r="T29132" i="1"/>
  <c r="T29133" i="1"/>
  <c r="T29134" i="1"/>
  <c r="T29135" i="1"/>
  <c r="T29136" i="1"/>
  <c r="T29137" i="1"/>
  <c r="T29138" i="1"/>
  <c r="T29139" i="1"/>
  <c r="T29140" i="1"/>
  <c r="T29141" i="1"/>
  <c r="T29142" i="1"/>
  <c r="T29143" i="1"/>
  <c r="T29144" i="1"/>
  <c r="T29145" i="1"/>
  <c r="T29146" i="1"/>
  <c r="T29147" i="1"/>
  <c r="T29148" i="1"/>
  <c r="T29149" i="1"/>
  <c r="T29150" i="1"/>
  <c r="T29151" i="1"/>
  <c r="T29152" i="1"/>
  <c r="T29153" i="1"/>
  <c r="T29154" i="1"/>
  <c r="T29155" i="1"/>
  <c r="T29156" i="1"/>
  <c r="T29157" i="1"/>
  <c r="T29158" i="1"/>
  <c r="T29159" i="1"/>
  <c r="T29160" i="1"/>
  <c r="T29161" i="1"/>
  <c r="T29162" i="1"/>
  <c r="T29163" i="1"/>
  <c r="T29164" i="1"/>
  <c r="T29165" i="1"/>
  <c r="T29166" i="1"/>
  <c r="T29167" i="1"/>
  <c r="T29168" i="1"/>
  <c r="T29169" i="1"/>
  <c r="T29170" i="1"/>
  <c r="T29171" i="1"/>
  <c r="T29172" i="1"/>
  <c r="T29173" i="1"/>
  <c r="T29174" i="1"/>
  <c r="T29175" i="1"/>
  <c r="T29176" i="1"/>
  <c r="T29177" i="1"/>
  <c r="T29178" i="1"/>
  <c r="T29179" i="1"/>
  <c r="T29180" i="1"/>
  <c r="T29181" i="1"/>
  <c r="T29182" i="1"/>
  <c r="T29183" i="1"/>
  <c r="T29184" i="1"/>
  <c r="T29185" i="1"/>
  <c r="T29186" i="1"/>
  <c r="T29187" i="1"/>
  <c r="T29188" i="1"/>
  <c r="T29189" i="1"/>
  <c r="T29190" i="1"/>
  <c r="T29191" i="1"/>
  <c r="T29192" i="1"/>
  <c r="T29193" i="1"/>
  <c r="T29194" i="1"/>
  <c r="T29195" i="1"/>
  <c r="T29196" i="1"/>
  <c r="T29197" i="1"/>
  <c r="T29198" i="1"/>
  <c r="T29199" i="1"/>
  <c r="T29200" i="1"/>
  <c r="T29201" i="1"/>
  <c r="T29202" i="1"/>
  <c r="T29203" i="1"/>
  <c r="T29204" i="1"/>
  <c r="T29205" i="1"/>
  <c r="T29206" i="1"/>
  <c r="T29207" i="1"/>
  <c r="T29208" i="1"/>
  <c r="T29209" i="1"/>
  <c r="T29210" i="1"/>
  <c r="T29211" i="1"/>
  <c r="T29212" i="1"/>
  <c r="T29213" i="1"/>
  <c r="T29214" i="1"/>
  <c r="T29215" i="1"/>
  <c r="T29216" i="1"/>
  <c r="T29217" i="1"/>
  <c r="T29218" i="1"/>
  <c r="T29219" i="1"/>
  <c r="T29220" i="1"/>
  <c r="T29221" i="1"/>
  <c r="T29222" i="1"/>
  <c r="T29223" i="1"/>
  <c r="T29224" i="1"/>
  <c r="T29225" i="1"/>
  <c r="T29226" i="1"/>
  <c r="T29227" i="1"/>
  <c r="T29228" i="1"/>
  <c r="T29229" i="1"/>
  <c r="T29230" i="1"/>
  <c r="T29231" i="1"/>
  <c r="T29232" i="1"/>
  <c r="T29233" i="1"/>
  <c r="T29234" i="1"/>
  <c r="T29235" i="1"/>
  <c r="T29236" i="1"/>
  <c r="T29237" i="1"/>
  <c r="T29238" i="1"/>
  <c r="T29239" i="1"/>
  <c r="T29240" i="1"/>
  <c r="T29241" i="1"/>
  <c r="T29242" i="1"/>
  <c r="T29243" i="1"/>
  <c r="T29244" i="1"/>
  <c r="T29245" i="1"/>
  <c r="T29246" i="1"/>
  <c r="T29247" i="1"/>
  <c r="T29248" i="1"/>
  <c r="T29249" i="1"/>
  <c r="T29250" i="1"/>
  <c r="T29251" i="1"/>
  <c r="T29252" i="1"/>
  <c r="T29253" i="1"/>
  <c r="T29254" i="1"/>
  <c r="T29255" i="1"/>
  <c r="T29256" i="1"/>
  <c r="T29257" i="1"/>
  <c r="T29258" i="1"/>
  <c r="T29259" i="1"/>
  <c r="T29260" i="1"/>
  <c r="T29261" i="1"/>
  <c r="T29262" i="1"/>
  <c r="T29263" i="1"/>
  <c r="T29264" i="1"/>
  <c r="T29265" i="1"/>
  <c r="T29266" i="1"/>
  <c r="T29267" i="1"/>
  <c r="T29268" i="1"/>
  <c r="T29269" i="1"/>
  <c r="T29270" i="1"/>
  <c r="T29271" i="1"/>
  <c r="T29272" i="1"/>
  <c r="T29273" i="1"/>
  <c r="T29274" i="1"/>
  <c r="T29275" i="1"/>
  <c r="T29276" i="1"/>
  <c r="T29277" i="1"/>
  <c r="T29278" i="1"/>
  <c r="T29279" i="1"/>
  <c r="T29280" i="1"/>
  <c r="T29281" i="1"/>
  <c r="T29282" i="1"/>
  <c r="T29283" i="1"/>
  <c r="T29284" i="1"/>
  <c r="T29285" i="1"/>
  <c r="T29286" i="1"/>
  <c r="T29287" i="1"/>
  <c r="T29288" i="1"/>
  <c r="T29289" i="1"/>
  <c r="T29290" i="1"/>
  <c r="T29291" i="1"/>
  <c r="T29292" i="1"/>
  <c r="T29293" i="1"/>
  <c r="T29294" i="1"/>
  <c r="T29295" i="1"/>
  <c r="T29296" i="1"/>
  <c r="T29297" i="1"/>
  <c r="T29298" i="1"/>
  <c r="T29299" i="1"/>
  <c r="T29300" i="1"/>
  <c r="T29301" i="1"/>
  <c r="T29302" i="1"/>
  <c r="T29303" i="1"/>
  <c r="T29304" i="1"/>
  <c r="T29305" i="1"/>
  <c r="T29306" i="1"/>
  <c r="T29307" i="1"/>
  <c r="T29308" i="1"/>
  <c r="T29309" i="1"/>
  <c r="T29310" i="1"/>
  <c r="T29311" i="1"/>
  <c r="T29312" i="1"/>
  <c r="T29313" i="1"/>
  <c r="T29314" i="1"/>
  <c r="T29315" i="1"/>
  <c r="T29316" i="1"/>
  <c r="T29317" i="1"/>
  <c r="T29318" i="1"/>
  <c r="T29319" i="1"/>
  <c r="T29320" i="1"/>
  <c r="T29321" i="1"/>
  <c r="T29322" i="1"/>
  <c r="T29323" i="1"/>
  <c r="T29324" i="1"/>
  <c r="T29325" i="1"/>
  <c r="T29326" i="1"/>
  <c r="T29327" i="1"/>
  <c r="T29328" i="1"/>
  <c r="T29329" i="1"/>
  <c r="T29330" i="1"/>
  <c r="T29331" i="1"/>
  <c r="T29332" i="1"/>
  <c r="T29333" i="1"/>
  <c r="T29334" i="1"/>
  <c r="T29335" i="1"/>
  <c r="T29336" i="1"/>
  <c r="T29337" i="1"/>
  <c r="T29338" i="1"/>
  <c r="T29339" i="1"/>
  <c r="T29340" i="1"/>
  <c r="T29341" i="1"/>
  <c r="T29342" i="1"/>
  <c r="T29343" i="1"/>
  <c r="T29344" i="1"/>
  <c r="T29345" i="1"/>
  <c r="T29346" i="1"/>
  <c r="T29347" i="1"/>
  <c r="T29348" i="1"/>
  <c r="T29349" i="1"/>
  <c r="T29350" i="1"/>
  <c r="T29351" i="1"/>
  <c r="T29352" i="1"/>
  <c r="T29353" i="1"/>
  <c r="T29354" i="1"/>
  <c r="T29355" i="1"/>
  <c r="T29356" i="1"/>
  <c r="T29357" i="1"/>
  <c r="T29358" i="1"/>
  <c r="T29359" i="1"/>
  <c r="T29360" i="1"/>
  <c r="T29361" i="1"/>
  <c r="T29362" i="1"/>
  <c r="T29363" i="1"/>
  <c r="T29364" i="1"/>
  <c r="T29365" i="1"/>
  <c r="T29366" i="1"/>
  <c r="T29367" i="1"/>
  <c r="T29368" i="1"/>
  <c r="T29369" i="1"/>
  <c r="T29370" i="1"/>
  <c r="T29371" i="1"/>
  <c r="T29372" i="1"/>
  <c r="T29373" i="1"/>
  <c r="T29374" i="1"/>
  <c r="T29375" i="1"/>
  <c r="T29376" i="1"/>
  <c r="T29377" i="1"/>
  <c r="T29378" i="1"/>
  <c r="T29379" i="1"/>
  <c r="T29380" i="1"/>
  <c r="T29381" i="1"/>
  <c r="T29382" i="1"/>
  <c r="T29383" i="1"/>
  <c r="T29384" i="1"/>
  <c r="T29385" i="1"/>
  <c r="T29386" i="1"/>
  <c r="T29387" i="1"/>
  <c r="T29388" i="1"/>
  <c r="T29389" i="1"/>
  <c r="T29390" i="1"/>
  <c r="T29391" i="1"/>
  <c r="T29392" i="1"/>
  <c r="T29393" i="1"/>
  <c r="T29394" i="1"/>
  <c r="T29395" i="1"/>
  <c r="T29396" i="1"/>
  <c r="T29397" i="1"/>
  <c r="T29398" i="1"/>
  <c r="T29399" i="1"/>
  <c r="T29400" i="1"/>
  <c r="T29401" i="1"/>
  <c r="T29402" i="1"/>
  <c r="T29403" i="1"/>
  <c r="T29404" i="1"/>
  <c r="T29405" i="1"/>
  <c r="T29406" i="1"/>
  <c r="T29407" i="1"/>
  <c r="T29408" i="1"/>
  <c r="T29409" i="1"/>
  <c r="T29410" i="1"/>
  <c r="T29411" i="1"/>
  <c r="T29412" i="1"/>
  <c r="T29413" i="1"/>
  <c r="T29414" i="1"/>
  <c r="T29415" i="1"/>
  <c r="T29416" i="1"/>
  <c r="T29417" i="1"/>
  <c r="T29418" i="1"/>
  <c r="T29419" i="1"/>
  <c r="T29420" i="1"/>
  <c r="T29421" i="1"/>
  <c r="T29422" i="1"/>
  <c r="T29423" i="1"/>
  <c r="T29424" i="1"/>
  <c r="T29425" i="1"/>
  <c r="T29426" i="1"/>
  <c r="T29427" i="1"/>
  <c r="T29428" i="1"/>
  <c r="T29429" i="1"/>
  <c r="T29430" i="1"/>
  <c r="T29431" i="1"/>
  <c r="T29432" i="1"/>
  <c r="T29433" i="1"/>
  <c r="T29434" i="1"/>
  <c r="T29435" i="1"/>
  <c r="T29436" i="1"/>
  <c r="T29437" i="1"/>
  <c r="T29438" i="1"/>
  <c r="T29439" i="1"/>
  <c r="T29440" i="1"/>
  <c r="T29441" i="1"/>
  <c r="T29442" i="1"/>
  <c r="T29443" i="1"/>
  <c r="T29444" i="1"/>
  <c r="T29445" i="1"/>
  <c r="T29446" i="1"/>
  <c r="T29447" i="1"/>
  <c r="T29448" i="1"/>
  <c r="T29449" i="1"/>
  <c r="T29450" i="1"/>
  <c r="T29451" i="1"/>
  <c r="T29452" i="1"/>
  <c r="T29453" i="1"/>
  <c r="T29454" i="1"/>
  <c r="T29455" i="1"/>
  <c r="T29456" i="1"/>
  <c r="T29457" i="1"/>
  <c r="T29458" i="1"/>
  <c r="T29459" i="1"/>
  <c r="T29460" i="1"/>
  <c r="T29461" i="1"/>
  <c r="T29462" i="1"/>
  <c r="T29463" i="1"/>
  <c r="T29464" i="1"/>
  <c r="T29465" i="1"/>
  <c r="T29466" i="1"/>
  <c r="T29467" i="1"/>
  <c r="T29468" i="1"/>
  <c r="T29469" i="1"/>
  <c r="T29470" i="1"/>
  <c r="T29471" i="1"/>
  <c r="T29472" i="1"/>
  <c r="T29473" i="1"/>
  <c r="T29474" i="1"/>
  <c r="T29475" i="1"/>
  <c r="T29476" i="1"/>
  <c r="T29477" i="1"/>
  <c r="T29478" i="1"/>
  <c r="T29479" i="1"/>
  <c r="T29480" i="1"/>
  <c r="T29481" i="1"/>
  <c r="T29482" i="1"/>
  <c r="T29483" i="1"/>
  <c r="T29484" i="1"/>
  <c r="T29485" i="1"/>
  <c r="T29486" i="1"/>
  <c r="T29487" i="1"/>
  <c r="T29488" i="1"/>
  <c r="T29489" i="1"/>
  <c r="T29490" i="1"/>
  <c r="T29491" i="1"/>
  <c r="T29492" i="1"/>
  <c r="T29493" i="1"/>
  <c r="T29494" i="1"/>
  <c r="T29495" i="1"/>
  <c r="T29496" i="1"/>
  <c r="T29497" i="1"/>
  <c r="T29498" i="1"/>
  <c r="T29499" i="1"/>
  <c r="T29500" i="1"/>
  <c r="T29501" i="1"/>
  <c r="T29502" i="1"/>
  <c r="T29503" i="1"/>
  <c r="T29504" i="1"/>
  <c r="T29505" i="1"/>
  <c r="T29506" i="1"/>
  <c r="T29507" i="1"/>
  <c r="T29508" i="1"/>
  <c r="T29509" i="1"/>
  <c r="T29510" i="1"/>
  <c r="T29511" i="1"/>
  <c r="T29512" i="1"/>
  <c r="T29513" i="1"/>
  <c r="T29514" i="1"/>
  <c r="T29515" i="1"/>
  <c r="T29516" i="1"/>
  <c r="T29517" i="1"/>
  <c r="T29518" i="1"/>
  <c r="T29519" i="1"/>
  <c r="T29520" i="1"/>
  <c r="T29521" i="1"/>
  <c r="T29522" i="1"/>
  <c r="T29523" i="1"/>
  <c r="T29524" i="1"/>
  <c r="T29525" i="1"/>
  <c r="T29526" i="1"/>
  <c r="T29527" i="1"/>
  <c r="T29528" i="1"/>
  <c r="T29529" i="1"/>
  <c r="T29530" i="1"/>
  <c r="T29531" i="1"/>
  <c r="T29532" i="1"/>
  <c r="T29533" i="1"/>
  <c r="T29534" i="1"/>
  <c r="T29535" i="1"/>
  <c r="T29536" i="1"/>
  <c r="T29537" i="1"/>
  <c r="T29538" i="1"/>
  <c r="T29539" i="1"/>
  <c r="T29540" i="1"/>
  <c r="T29541" i="1"/>
  <c r="T29542" i="1"/>
  <c r="T29543" i="1"/>
  <c r="T29544" i="1"/>
  <c r="T29545" i="1"/>
  <c r="T29546" i="1"/>
  <c r="T29547" i="1"/>
  <c r="T29548" i="1"/>
  <c r="T29549" i="1"/>
  <c r="T29550" i="1"/>
  <c r="T29551" i="1"/>
  <c r="T29552" i="1"/>
  <c r="T29553" i="1"/>
  <c r="T29554" i="1"/>
  <c r="T29555" i="1"/>
  <c r="T29556" i="1"/>
  <c r="T29557" i="1"/>
  <c r="T29558" i="1"/>
  <c r="T29559" i="1"/>
  <c r="T29560" i="1"/>
  <c r="T29561" i="1"/>
  <c r="T29562" i="1"/>
  <c r="T29563" i="1"/>
  <c r="T29564" i="1"/>
  <c r="T29565" i="1"/>
  <c r="T29566" i="1"/>
  <c r="T29567" i="1"/>
  <c r="T29568" i="1"/>
  <c r="T29569" i="1"/>
  <c r="T29570" i="1"/>
  <c r="T29571" i="1"/>
  <c r="T29572" i="1"/>
  <c r="T29573" i="1"/>
  <c r="T29574" i="1"/>
  <c r="T29575" i="1"/>
  <c r="T29576" i="1"/>
  <c r="T29577" i="1"/>
  <c r="T29578" i="1"/>
  <c r="T29579" i="1"/>
  <c r="T29580" i="1"/>
  <c r="T29581" i="1"/>
  <c r="T29582" i="1"/>
  <c r="T29583" i="1"/>
  <c r="T29584" i="1"/>
  <c r="T29585" i="1"/>
  <c r="T29586" i="1"/>
  <c r="T29587" i="1"/>
  <c r="T29588" i="1"/>
  <c r="T29589" i="1"/>
  <c r="T29590" i="1"/>
  <c r="T29591" i="1"/>
  <c r="T29592" i="1"/>
  <c r="T29593" i="1"/>
  <c r="T29594" i="1"/>
  <c r="T29595" i="1"/>
  <c r="T29596" i="1"/>
  <c r="T29597" i="1"/>
  <c r="T29598" i="1"/>
  <c r="T29599" i="1"/>
  <c r="T29600" i="1"/>
  <c r="T29601" i="1"/>
  <c r="T29602" i="1"/>
  <c r="T29603" i="1"/>
  <c r="T29604" i="1"/>
  <c r="T29605" i="1"/>
  <c r="T29606" i="1"/>
  <c r="T29607" i="1"/>
  <c r="T29608" i="1"/>
  <c r="T29609" i="1"/>
  <c r="T29610" i="1"/>
  <c r="T29611" i="1"/>
  <c r="T29612" i="1"/>
  <c r="T29613" i="1"/>
  <c r="T29614" i="1"/>
  <c r="T29615" i="1"/>
  <c r="T29616" i="1"/>
  <c r="T29617" i="1"/>
  <c r="T29618" i="1"/>
  <c r="T29619" i="1"/>
  <c r="T29620" i="1"/>
  <c r="T29621" i="1"/>
  <c r="T29622" i="1"/>
  <c r="T29623" i="1"/>
  <c r="T29624" i="1"/>
  <c r="T29625" i="1"/>
  <c r="T29626" i="1"/>
  <c r="T29627" i="1"/>
  <c r="T29628" i="1"/>
  <c r="T29629" i="1"/>
  <c r="T29630" i="1"/>
  <c r="T29631" i="1"/>
  <c r="T29632" i="1"/>
  <c r="T29633" i="1"/>
  <c r="T29634" i="1"/>
  <c r="T29635" i="1"/>
  <c r="T29636" i="1"/>
  <c r="T29637" i="1"/>
  <c r="T29638" i="1"/>
  <c r="T29639" i="1"/>
  <c r="T29640" i="1"/>
  <c r="T29641" i="1"/>
  <c r="T29642" i="1"/>
  <c r="T29643" i="1"/>
  <c r="T29644" i="1"/>
  <c r="T29645" i="1"/>
  <c r="T29646" i="1"/>
  <c r="T29647" i="1"/>
  <c r="T29648" i="1"/>
  <c r="T29649" i="1"/>
  <c r="T29650" i="1"/>
  <c r="T29651" i="1"/>
  <c r="T29652" i="1"/>
  <c r="T29653" i="1"/>
  <c r="T29654" i="1"/>
  <c r="T29655" i="1"/>
  <c r="T29656" i="1"/>
  <c r="T29657" i="1"/>
  <c r="T29658" i="1"/>
  <c r="T29659" i="1"/>
  <c r="T29660" i="1"/>
  <c r="T29661" i="1"/>
  <c r="T29662" i="1"/>
  <c r="T29663" i="1"/>
  <c r="T29664" i="1"/>
  <c r="T29665" i="1"/>
  <c r="T29666" i="1"/>
  <c r="T29667" i="1"/>
  <c r="T29668" i="1"/>
  <c r="T29669" i="1"/>
  <c r="T29670" i="1"/>
  <c r="T29671" i="1"/>
  <c r="T29672" i="1"/>
  <c r="T29673" i="1"/>
  <c r="T29674" i="1"/>
  <c r="T29675" i="1"/>
  <c r="T29676" i="1"/>
  <c r="T29677" i="1"/>
  <c r="T29678" i="1"/>
  <c r="T29679" i="1"/>
  <c r="T29680" i="1"/>
  <c r="T29681" i="1"/>
  <c r="T29682" i="1"/>
  <c r="T29683" i="1"/>
  <c r="T29684" i="1"/>
  <c r="T29685" i="1"/>
  <c r="T29686" i="1"/>
  <c r="T29687" i="1"/>
  <c r="T29688" i="1"/>
  <c r="T29689" i="1"/>
  <c r="T29690" i="1"/>
  <c r="T29691" i="1"/>
  <c r="T29692" i="1"/>
  <c r="T29693" i="1"/>
  <c r="T29694" i="1"/>
  <c r="T29695" i="1"/>
  <c r="T29696" i="1"/>
  <c r="T29697" i="1"/>
  <c r="T29698" i="1"/>
  <c r="T29699" i="1"/>
  <c r="T29700" i="1"/>
  <c r="T29701" i="1"/>
  <c r="T29702" i="1"/>
  <c r="T29703" i="1"/>
  <c r="T29704" i="1"/>
  <c r="T29705" i="1"/>
  <c r="T29706" i="1"/>
  <c r="T29707" i="1"/>
  <c r="T29708" i="1"/>
  <c r="T29709" i="1"/>
  <c r="T29710" i="1"/>
  <c r="T29711" i="1"/>
  <c r="T29712" i="1"/>
  <c r="T29713" i="1"/>
  <c r="T29714" i="1"/>
  <c r="T29715" i="1"/>
  <c r="T29716" i="1"/>
  <c r="T29717" i="1"/>
  <c r="T29718" i="1"/>
  <c r="T29719" i="1"/>
  <c r="T29720" i="1"/>
  <c r="T29721" i="1"/>
  <c r="T29722" i="1"/>
  <c r="T29723" i="1"/>
  <c r="T29724" i="1"/>
  <c r="T29725" i="1"/>
  <c r="T29726" i="1"/>
  <c r="T29727" i="1"/>
  <c r="T29728" i="1"/>
  <c r="T29729" i="1"/>
  <c r="T29730" i="1"/>
  <c r="T29731" i="1"/>
  <c r="T29732" i="1"/>
  <c r="T29733" i="1"/>
  <c r="T29734" i="1"/>
  <c r="T29735" i="1"/>
  <c r="T29736" i="1"/>
  <c r="T29737" i="1"/>
  <c r="T29738" i="1"/>
  <c r="T29739" i="1"/>
  <c r="T29740" i="1"/>
  <c r="T29741" i="1"/>
  <c r="T29742" i="1"/>
  <c r="T29743" i="1"/>
  <c r="T29744" i="1"/>
  <c r="T29745" i="1"/>
  <c r="T29746" i="1"/>
  <c r="T29747" i="1"/>
  <c r="T29748" i="1"/>
  <c r="T29749" i="1"/>
  <c r="T29750" i="1"/>
  <c r="T29751" i="1"/>
  <c r="T29752" i="1"/>
  <c r="T29753" i="1"/>
  <c r="T29754" i="1"/>
  <c r="T29755" i="1"/>
  <c r="T29756" i="1"/>
  <c r="T29757" i="1"/>
  <c r="T29758" i="1"/>
  <c r="T29759" i="1"/>
  <c r="T29760" i="1"/>
  <c r="T29761" i="1"/>
  <c r="T29762" i="1"/>
  <c r="T29763" i="1"/>
  <c r="T29764" i="1"/>
  <c r="T29765" i="1"/>
  <c r="T29766" i="1"/>
  <c r="T29767" i="1"/>
  <c r="T29768" i="1"/>
  <c r="T29769" i="1"/>
  <c r="T29770" i="1"/>
  <c r="T29771" i="1"/>
  <c r="T29772" i="1"/>
  <c r="T29773" i="1"/>
  <c r="T29774" i="1"/>
  <c r="T29775" i="1"/>
  <c r="T29776" i="1"/>
  <c r="T29777" i="1"/>
  <c r="T29778" i="1"/>
  <c r="T29779" i="1"/>
  <c r="T29780" i="1"/>
  <c r="T29781" i="1"/>
  <c r="T29782" i="1"/>
  <c r="T29783" i="1"/>
  <c r="T29784" i="1"/>
  <c r="T29785" i="1"/>
  <c r="T29786" i="1"/>
  <c r="T29787" i="1"/>
  <c r="T29788" i="1"/>
  <c r="T29789" i="1"/>
  <c r="T29790" i="1"/>
  <c r="T29791" i="1"/>
  <c r="T29792" i="1"/>
  <c r="T29793" i="1"/>
  <c r="T29794" i="1"/>
  <c r="T29795" i="1"/>
  <c r="T29796" i="1"/>
  <c r="T29797" i="1"/>
  <c r="T29798" i="1"/>
  <c r="T29799" i="1"/>
  <c r="T29800" i="1"/>
  <c r="T29801" i="1"/>
  <c r="T29802" i="1"/>
  <c r="T29803" i="1"/>
  <c r="T29804" i="1"/>
  <c r="T29805" i="1"/>
  <c r="T29806" i="1"/>
  <c r="T29807" i="1"/>
  <c r="T29808" i="1"/>
  <c r="T29809" i="1"/>
  <c r="T29810" i="1"/>
  <c r="T29811" i="1"/>
  <c r="T29812" i="1"/>
  <c r="T29813" i="1"/>
  <c r="T29814" i="1"/>
  <c r="T29815" i="1"/>
  <c r="T29816" i="1"/>
  <c r="T29817" i="1"/>
  <c r="T29818" i="1"/>
  <c r="T29819" i="1"/>
  <c r="T29820" i="1"/>
  <c r="T29821" i="1"/>
  <c r="T29822" i="1"/>
  <c r="T29823" i="1"/>
  <c r="T29824" i="1"/>
  <c r="T29825" i="1"/>
  <c r="T29826" i="1"/>
  <c r="T29827" i="1"/>
  <c r="T29828" i="1"/>
  <c r="T29829" i="1"/>
  <c r="T29830" i="1"/>
  <c r="T29831" i="1"/>
  <c r="T29832" i="1"/>
  <c r="T29833" i="1"/>
  <c r="T29834" i="1"/>
  <c r="T29835" i="1"/>
  <c r="T29836" i="1"/>
  <c r="T29837" i="1"/>
  <c r="T29838" i="1"/>
  <c r="T29839" i="1"/>
  <c r="T29840" i="1"/>
  <c r="T29841" i="1"/>
  <c r="T29842" i="1"/>
  <c r="T29843" i="1"/>
  <c r="T29844" i="1"/>
  <c r="T29845" i="1"/>
  <c r="T29846" i="1"/>
  <c r="T29847" i="1"/>
  <c r="T29848" i="1"/>
  <c r="T29849" i="1"/>
  <c r="T29850" i="1"/>
  <c r="T29851" i="1"/>
  <c r="T29852" i="1"/>
  <c r="T29853" i="1"/>
  <c r="T29854" i="1"/>
  <c r="T29855" i="1"/>
  <c r="T29856" i="1"/>
  <c r="T29857" i="1"/>
  <c r="T29858" i="1"/>
  <c r="T29859" i="1"/>
  <c r="T29860" i="1"/>
  <c r="T29861" i="1"/>
  <c r="T29862" i="1"/>
  <c r="T29863" i="1"/>
  <c r="T29864" i="1"/>
  <c r="T29865" i="1"/>
  <c r="T29866" i="1"/>
  <c r="T29867" i="1"/>
  <c r="T29868" i="1"/>
  <c r="T29869" i="1"/>
  <c r="T29870" i="1"/>
  <c r="T29871" i="1"/>
  <c r="T29872" i="1"/>
  <c r="T29873" i="1"/>
  <c r="T29874" i="1"/>
  <c r="T29875" i="1"/>
  <c r="T29876" i="1"/>
  <c r="T29877" i="1"/>
  <c r="T29878" i="1"/>
  <c r="T29879" i="1"/>
  <c r="T29880" i="1"/>
  <c r="T29881" i="1"/>
  <c r="T29882" i="1"/>
  <c r="T29883" i="1"/>
  <c r="T29884" i="1"/>
  <c r="T29885" i="1"/>
  <c r="T29886" i="1"/>
  <c r="T29887" i="1"/>
  <c r="T29888" i="1"/>
  <c r="T29889" i="1"/>
  <c r="T29890" i="1"/>
  <c r="T29891" i="1"/>
  <c r="T29892" i="1"/>
  <c r="T29893" i="1"/>
  <c r="T29894" i="1"/>
  <c r="T29895" i="1"/>
  <c r="T29896" i="1"/>
  <c r="T29897" i="1"/>
  <c r="T29898" i="1"/>
  <c r="T29899" i="1"/>
  <c r="T29900" i="1"/>
  <c r="T29901" i="1"/>
  <c r="T29902" i="1"/>
  <c r="T29903" i="1"/>
  <c r="T29904" i="1"/>
  <c r="T29905" i="1"/>
  <c r="T29906" i="1"/>
  <c r="T29907" i="1"/>
  <c r="T29908" i="1"/>
  <c r="T29909" i="1"/>
  <c r="T29910" i="1"/>
  <c r="T29911" i="1"/>
  <c r="T29912" i="1"/>
  <c r="T29913" i="1"/>
  <c r="T29914" i="1"/>
  <c r="T29915" i="1"/>
  <c r="T29916" i="1"/>
  <c r="T29917" i="1"/>
  <c r="T29918" i="1"/>
  <c r="T29919" i="1"/>
  <c r="T29920" i="1"/>
  <c r="T29921" i="1"/>
  <c r="T29922" i="1"/>
  <c r="T29923" i="1"/>
  <c r="T29924" i="1"/>
  <c r="T29925" i="1"/>
  <c r="T29926" i="1"/>
  <c r="T29927" i="1"/>
  <c r="T29928" i="1"/>
  <c r="T29929" i="1"/>
  <c r="T29930" i="1"/>
  <c r="T29931" i="1"/>
  <c r="T29932" i="1"/>
  <c r="T29933" i="1"/>
  <c r="T29934" i="1"/>
  <c r="T29935" i="1"/>
  <c r="T29936" i="1"/>
  <c r="T29937" i="1"/>
  <c r="T29938" i="1"/>
  <c r="T29939" i="1"/>
  <c r="T29940" i="1"/>
  <c r="T29941" i="1"/>
  <c r="T29942" i="1"/>
  <c r="T29943" i="1"/>
  <c r="T29944" i="1"/>
  <c r="T29945" i="1"/>
  <c r="T29946" i="1"/>
  <c r="T29947" i="1"/>
  <c r="T29948" i="1"/>
  <c r="T29949" i="1"/>
  <c r="T29950" i="1"/>
  <c r="T29951" i="1"/>
  <c r="T29952" i="1"/>
  <c r="T29953" i="1"/>
  <c r="T29954" i="1"/>
  <c r="T29955" i="1"/>
  <c r="T29956" i="1"/>
  <c r="T29957" i="1"/>
  <c r="T29958" i="1"/>
  <c r="T29959" i="1"/>
  <c r="T29960" i="1"/>
  <c r="T29961" i="1"/>
  <c r="T29962" i="1"/>
  <c r="T29963" i="1"/>
  <c r="T29964" i="1"/>
  <c r="T29965" i="1"/>
  <c r="T29966" i="1"/>
  <c r="T29967" i="1"/>
  <c r="T29968" i="1"/>
  <c r="T29969" i="1"/>
  <c r="T29970" i="1"/>
  <c r="T29971" i="1"/>
  <c r="T29972" i="1"/>
  <c r="T29973" i="1"/>
  <c r="T29974" i="1"/>
  <c r="T29975" i="1"/>
  <c r="T29976" i="1"/>
  <c r="T29977" i="1"/>
  <c r="T29978" i="1"/>
  <c r="T29979" i="1"/>
  <c r="T29980" i="1"/>
  <c r="T29981" i="1"/>
  <c r="T29982" i="1"/>
  <c r="T29983" i="1"/>
  <c r="T29984" i="1"/>
  <c r="T29985" i="1"/>
  <c r="T29986" i="1"/>
  <c r="T29987" i="1"/>
  <c r="T29988" i="1"/>
  <c r="T29989" i="1"/>
  <c r="T29990" i="1"/>
  <c r="T29991" i="1"/>
  <c r="T29992" i="1"/>
  <c r="T29993" i="1"/>
  <c r="T29994" i="1"/>
  <c r="T29995" i="1"/>
  <c r="T29996" i="1"/>
  <c r="T29997" i="1"/>
  <c r="T29998" i="1"/>
  <c r="T29999" i="1"/>
  <c r="T30000" i="1"/>
  <c r="T30001" i="1"/>
  <c r="T30002" i="1"/>
  <c r="T30003" i="1"/>
  <c r="T30004" i="1"/>
  <c r="T30005" i="1"/>
  <c r="T30006" i="1"/>
  <c r="T30007" i="1"/>
  <c r="T30008" i="1"/>
  <c r="T30009" i="1"/>
  <c r="T30010" i="1"/>
  <c r="T30011" i="1"/>
  <c r="T30012" i="1"/>
  <c r="T30013" i="1"/>
  <c r="T30014" i="1"/>
  <c r="T30015" i="1"/>
  <c r="T30016" i="1"/>
  <c r="T30017" i="1"/>
  <c r="T30018" i="1"/>
  <c r="T30019" i="1"/>
  <c r="T30020" i="1"/>
  <c r="T30021" i="1"/>
  <c r="T30022" i="1"/>
  <c r="T30023" i="1"/>
  <c r="T30024" i="1"/>
  <c r="T30025" i="1"/>
  <c r="T30026" i="1"/>
  <c r="T30027" i="1"/>
  <c r="T30028" i="1"/>
  <c r="T30029" i="1"/>
  <c r="T30030" i="1"/>
  <c r="T30031" i="1"/>
  <c r="T30032" i="1"/>
  <c r="T30033" i="1"/>
  <c r="T30034" i="1"/>
  <c r="T30035" i="1"/>
  <c r="T30036" i="1"/>
  <c r="T30037" i="1"/>
  <c r="T30038" i="1"/>
  <c r="T30039" i="1"/>
  <c r="T30040" i="1"/>
  <c r="T30041" i="1"/>
  <c r="T30042" i="1"/>
  <c r="T30043" i="1"/>
  <c r="T30044" i="1"/>
  <c r="T30045" i="1"/>
  <c r="T30046" i="1"/>
  <c r="T30047" i="1"/>
  <c r="T30048" i="1"/>
  <c r="T30049" i="1"/>
  <c r="T30050" i="1"/>
  <c r="T30051" i="1"/>
  <c r="T30052" i="1"/>
  <c r="T30053" i="1"/>
  <c r="T30054" i="1"/>
  <c r="T30055" i="1"/>
  <c r="T30056" i="1"/>
  <c r="T30057" i="1"/>
  <c r="T30058" i="1"/>
  <c r="T30059" i="1"/>
  <c r="T30060" i="1"/>
  <c r="T30061" i="1"/>
  <c r="T30062" i="1"/>
  <c r="T30063" i="1"/>
  <c r="T30064" i="1"/>
  <c r="T30065" i="1"/>
  <c r="T30066" i="1"/>
  <c r="T30067" i="1"/>
  <c r="T30068" i="1"/>
  <c r="T30069" i="1"/>
  <c r="T30070" i="1"/>
  <c r="T30071" i="1"/>
  <c r="T30072" i="1"/>
  <c r="T30073" i="1"/>
  <c r="T30074" i="1"/>
  <c r="T30075" i="1"/>
  <c r="T30076" i="1"/>
  <c r="T30077" i="1"/>
  <c r="T30078" i="1"/>
  <c r="T30079" i="1"/>
  <c r="T30080" i="1"/>
  <c r="T30081" i="1"/>
  <c r="T30082" i="1"/>
  <c r="T30083" i="1"/>
  <c r="T30084" i="1"/>
  <c r="T30085" i="1"/>
  <c r="T30086" i="1"/>
  <c r="T30087" i="1"/>
  <c r="T30088" i="1"/>
  <c r="T30089" i="1"/>
  <c r="T30090" i="1"/>
  <c r="T30091" i="1"/>
  <c r="T30092" i="1"/>
  <c r="T30093" i="1"/>
  <c r="T30094" i="1"/>
  <c r="T30095" i="1"/>
  <c r="T30096" i="1"/>
  <c r="T30097" i="1"/>
  <c r="T30098" i="1"/>
  <c r="T30099" i="1"/>
  <c r="T30100" i="1"/>
  <c r="T30101" i="1"/>
  <c r="T30102" i="1"/>
  <c r="T30103" i="1"/>
  <c r="T30104" i="1"/>
  <c r="T30105" i="1"/>
  <c r="T30106" i="1"/>
  <c r="T30107" i="1"/>
  <c r="T30108" i="1"/>
  <c r="T30109" i="1"/>
  <c r="T30110" i="1"/>
  <c r="T30111" i="1"/>
  <c r="T30112" i="1"/>
  <c r="T30113" i="1"/>
  <c r="T30114" i="1"/>
  <c r="T30115" i="1"/>
  <c r="T30116" i="1"/>
  <c r="T30117" i="1"/>
  <c r="T30118" i="1"/>
  <c r="T30119" i="1"/>
  <c r="T30120" i="1"/>
  <c r="T30121" i="1"/>
  <c r="T30122" i="1"/>
  <c r="T30123" i="1"/>
  <c r="T30124" i="1"/>
  <c r="T30125" i="1"/>
  <c r="T30126" i="1"/>
  <c r="T30127" i="1"/>
  <c r="T30128" i="1"/>
  <c r="T30129" i="1"/>
  <c r="T30130" i="1"/>
  <c r="T30131" i="1"/>
  <c r="T30132" i="1"/>
  <c r="T30133" i="1"/>
  <c r="T30134" i="1"/>
  <c r="T30135" i="1"/>
  <c r="T30136" i="1"/>
  <c r="T30137" i="1"/>
  <c r="T30138" i="1"/>
  <c r="T30139" i="1"/>
  <c r="T30140" i="1"/>
  <c r="T30141" i="1"/>
  <c r="T30142" i="1"/>
  <c r="T30143" i="1"/>
  <c r="T30144" i="1"/>
  <c r="T30145" i="1"/>
  <c r="T30146" i="1"/>
  <c r="T30147" i="1"/>
  <c r="T30148" i="1"/>
  <c r="T30149" i="1"/>
  <c r="T30150" i="1"/>
  <c r="T30151" i="1"/>
  <c r="T30152" i="1"/>
  <c r="T30153" i="1"/>
  <c r="T30154" i="1"/>
  <c r="T30155" i="1"/>
  <c r="T30156" i="1"/>
  <c r="T30157" i="1"/>
  <c r="T30158" i="1"/>
  <c r="T30159" i="1"/>
  <c r="T30160" i="1"/>
  <c r="T30161" i="1"/>
  <c r="T30162" i="1"/>
  <c r="T30163" i="1"/>
  <c r="T30164" i="1"/>
  <c r="T30165" i="1"/>
  <c r="T30166" i="1"/>
  <c r="T30167" i="1"/>
  <c r="T30168" i="1"/>
  <c r="T30169" i="1"/>
  <c r="T30170" i="1"/>
  <c r="T30171" i="1"/>
  <c r="T30172" i="1"/>
  <c r="T30173" i="1"/>
  <c r="T30174" i="1"/>
  <c r="T30175" i="1"/>
  <c r="T30176" i="1"/>
  <c r="T30177" i="1"/>
  <c r="T30178" i="1"/>
  <c r="T30179" i="1"/>
  <c r="T30180" i="1"/>
  <c r="T30181" i="1"/>
  <c r="T30182" i="1"/>
  <c r="T30183" i="1"/>
  <c r="T30184" i="1"/>
  <c r="T30185" i="1"/>
  <c r="T30186" i="1"/>
  <c r="T30187" i="1"/>
  <c r="T30188" i="1"/>
  <c r="T30189" i="1"/>
  <c r="T30190" i="1"/>
  <c r="T30191" i="1"/>
  <c r="T30192" i="1"/>
  <c r="T30193" i="1"/>
  <c r="T30194" i="1"/>
  <c r="T30195" i="1"/>
  <c r="T30196" i="1"/>
  <c r="T30197" i="1"/>
  <c r="T30198" i="1"/>
  <c r="T30199" i="1"/>
  <c r="T30200" i="1"/>
  <c r="T30201" i="1"/>
  <c r="T30202" i="1"/>
  <c r="T30203" i="1"/>
  <c r="T30204" i="1"/>
  <c r="T30205" i="1"/>
  <c r="T30206" i="1"/>
  <c r="T30207" i="1"/>
  <c r="T30208" i="1"/>
  <c r="T30209" i="1"/>
  <c r="T30210" i="1"/>
  <c r="T30211" i="1"/>
  <c r="T30212" i="1"/>
  <c r="T30213" i="1"/>
  <c r="T30214" i="1"/>
  <c r="T30215" i="1"/>
  <c r="T30216" i="1"/>
  <c r="T30217" i="1"/>
  <c r="T30218" i="1"/>
  <c r="T30219" i="1"/>
  <c r="T30220" i="1"/>
  <c r="T30221" i="1"/>
  <c r="T30222" i="1"/>
  <c r="T30223" i="1"/>
  <c r="T30224" i="1"/>
  <c r="T30225" i="1"/>
  <c r="T30226" i="1"/>
  <c r="T30227" i="1"/>
  <c r="T30228" i="1"/>
  <c r="T30229" i="1"/>
  <c r="T30230" i="1"/>
  <c r="T30231" i="1"/>
  <c r="T30232" i="1"/>
  <c r="T30233" i="1"/>
  <c r="T30234" i="1"/>
  <c r="T30235" i="1"/>
  <c r="T30236" i="1"/>
  <c r="T30237" i="1"/>
  <c r="T30238" i="1"/>
  <c r="T30239" i="1"/>
  <c r="T30240" i="1"/>
  <c r="T30241" i="1"/>
  <c r="T30242" i="1"/>
  <c r="T30243" i="1"/>
  <c r="T30244" i="1"/>
  <c r="T30245" i="1"/>
  <c r="T30246" i="1"/>
  <c r="T30247" i="1"/>
  <c r="T30248" i="1"/>
  <c r="T30249" i="1"/>
  <c r="T30250" i="1"/>
  <c r="T30251" i="1"/>
  <c r="T30252" i="1"/>
  <c r="T30253" i="1"/>
  <c r="T30254" i="1"/>
  <c r="T30255" i="1"/>
  <c r="T30256" i="1"/>
  <c r="T30257" i="1"/>
  <c r="T30258" i="1"/>
  <c r="T30259" i="1"/>
  <c r="T30260" i="1"/>
  <c r="T30261" i="1"/>
  <c r="T30262" i="1"/>
  <c r="T30263" i="1"/>
  <c r="T30264" i="1"/>
  <c r="T30265" i="1"/>
  <c r="T30266" i="1"/>
  <c r="T30267" i="1"/>
  <c r="T30268" i="1"/>
  <c r="T30269" i="1"/>
  <c r="T30270" i="1"/>
  <c r="T30271" i="1"/>
  <c r="T30272" i="1"/>
  <c r="T30273" i="1"/>
  <c r="T30274" i="1"/>
  <c r="T30275" i="1"/>
  <c r="T30276" i="1"/>
  <c r="T30277" i="1"/>
  <c r="T30278" i="1"/>
  <c r="T30279" i="1"/>
  <c r="T30280" i="1"/>
  <c r="T30281" i="1"/>
  <c r="T30282" i="1"/>
  <c r="T30283" i="1"/>
  <c r="T30284" i="1"/>
  <c r="T30285" i="1"/>
  <c r="T30286" i="1"/>
  <c r="T30287" i="1"/>
  <c r="T30288" i="1"/>
  <c r="T30289" i="1"/>
  <c r="T30290" i="1"/>
  <c r="T30291" i="1"/>
  <c r="T30292" i="1"/>
  <c r="T30293" i="1"/>
  <c r="T30294" i="1"/>
  <c r="T30295" i="1"/>
  <c r="T30296" i="1"/>
  <c r="T30297" i="1"/>
  <c r="T30298" i="1"/>
  <c r="T30299" i="1"/>
  <c r="T30300" i="1"/>
  <c r="T30301" i="1"/>
  <c r="T30302" i="1"/>
  <c r="T30303" i="1"/>
  <c r="T30304" i="1"/>
  <c r="T30305" i="1"/>
  <c r="T30306" i="1"/>
  <c r="T30307" i="1"/>
  <c r="T30308" i="1"/>
  <c r="T30309" i="1"/>
  <c r="T30310" i="1"/>
  <c r="T30311" i="1"/>
  <c r="T30312" i="1"/>
  <c r="T30313" i="1"/>
  <c r="T30314" i="1"/>
  <c r="T30315" i="1"/>
  <c r="T30316" i="1"/>
  <c r="T30317" i="1"/>
  <c r="T30318" i="1"/>
  <c r="T30319" i="1"/>
  <c r="T30320" i="1"/>
  <c r="T30321" i="1"/>
  <c r="T30322" i="1"/>
  <c r="T30323" i="1"/>
  <c r="T30324" i="1"/>
  <c r="T30325" i="1"/>
  <c r="T30326" i="1"/>
  <c r="T30327" i="1"/>
  <c r="T30328" i="1"/>
  <c r="T30329" i="1"/>
  <c r="T30330" i="1"/>
  <c r="T30331" i="1"/>
  <c r="T30332" i="1"/>
  <c r="T30333" i="1"/>
  <c r="T30334" i="1"/>
  <c r="T30335" i="1"/>
  <c r="T30336" i="1"/>
  <c r="T30337" i="1"/>
  <c r="T30338" i="1"/>
  <c r="T30339" i="1"/>
  <c r="T30340" i="1"/>
  <c r="T30341" i="1"/>
  <c r="T30342" i="1"/>
  <c r="T30343" i="1"/>
  <c r="T30344" i="1"/>
  <c r="T30345" i="1"/>
  <c r="T30346" i="1"/>
  <c r="T30347" i="1"/>
  <c r="T30348" i="1"/>
  <c r="T30349" i="1"/>
  <c r="T30350" i="1"/>
  <c r="T30351" i="1"/>
  <c r="T30352" i="1"/>
  <c r="T30353" i="1"/>
  <c r="T30354" i="1"/>
  <c r="T30355" i="1"/>
  <c r="T30356" i="1"/>
  <c r="T30357" i="1"/>
  <c r="T30358" i="1"/>
  <c r="T30359" i="1"/>
  <c r="T30360" i="1"/>
  <c r="T30361" i="1"/>
  <c r="T30362" i="1"/>
  <c r="T30363" i="1"/>
  <c r="T30364" i="1"/>
  <c r="T30365" i="1"/>
  <c r="T30366" i="1"/>
  <c r="T30367" i="1"/>
  <c r="T30368" i="1"/>
  <c r="T30369" i="1"/>
  <c r="T30370" i="1"/>
  <c r="T30371" i="1"/>
  <c r="T30372" i="1"/>
  <c r="T30373" i="1"/>
  <c r="T30374" i="1"/>
  <c r="T30375" i="1"/>
  <c r="T30376" i="1"/>
  <c r="T30377" i="1"/>
  <c r="T30378" i="1"/>
  <c r="T30379" i="1"/>
  <c r="T30380" i="1"/>
  <c r="T30381" i="1"/>
  <c r="T30382" i="1"/>
  <c r="T30383" i="1"/>
  <c r="T30384" i="1"/>
  <c r="T30385" i="1"/>
  <c r="T30386" i="1"/>
  <c r="T30387" i="1"/>
  <c r="T30388" i="1"/>
  <c r="T30389" i="1"/>
  <c r="T30390" i="1"/>
  <c r="T30391" i="1"/>
  <c r="T30392" i="1"/>
  <c r="T30393" i="1"/>
  <c r="T30394" i="1"/>
  <c r="T30395" i="1"/>
  <c r="T30396" i="1"/>
  <c r="T30397" i="1"/>
  <c r="T30398" i="1"/>
  <c r="T30399" i="1"/>
  <c r="T30400" i="1"/>
  <c r="T30401" i="1"/>
  <c r="T30402" i="1"/>
  <c r="T30403" i="1"/>
  <c r="T30404" i="1"/>
  <c r="T30405" i="1"/>
  <c r="T30406" i="1"/>
  <c r="T30407" i="1"/>
  <c r="T30408" i="1"/>
  <c r="T30409" i="1"/>
  <c r="T30410" i="1"/>
  <c r="T30411" i="1"/>
  <c r="T30412" i="1"/>
  <c r="T30413" i="1"/>
  <c r="T30414" i="1"/>
  <c r="T30415" i="1"/>
  <c r="T30416" i="1"/>
  <c r="T30417" i="1"/>
  <c r="T30418" i="1"/>
  <c r="T30419" i="1"/>
  <c r="T30420" i="1"/>
  <c r="T30421" i="1"/>
  <c r="T30422" i="1"/>
  <c r="T30423" i="1"/>
  <c r="T30424" i="1"/>
  <c r="T30425" i="1"/>
  <c r="T30426" i="1"/>
  <c r="T30427" i="1"/>
  <c r="T30428" i="1"/>
  <c r="T30429" i="1"/>
  <c r="T30430" i="1"/>
  <c r="T30431" i="1"/>
  <c r="T30432" i="1"/>
  <c r="T30433" i="1"/>
  <c r="T30434" i="1"/>
  <c r="T30435" i="1"/>
  <c r="T30436" i="1"/>
  <c r="T30437" i="1"/>
  <c r="T30438" i="1"/>
  <c r="T30439" i="1"/>
  <c r="T30440" i="1"/>
  <c r="T30441" i="1"/>
  <c r="T30442" i="1"/>
  <c r="T30443" i="1"/>
  <c r="T30444" i="1"/>
  <c r="T30445" i="1"/>
  <c r="T30446" i="1"/>
  <c r="T30447" i="1"/>
  <c r="T30448" i="1"/>
  <c r="T30449" i="1"/>
  <c r="T30450" i="1"/>
  <c r="T30451" i="1"/>
  <c r="T30452" i="1"/>
  <c r="T30453" i="1"/>
  <c r="T30454" i="1"/>
  <c r="T30455" i="1"/>
  <c r="T30456" i="1"/>
  <c r="T30457" i="1"/>
  <c r="T30458" i="1"/>
  <c r="T30459" i="1"/>
  <c r="T30460" i="1"/>
  <c r="T30461" i="1"/>
  <c r="T30462" i="1"/>
  <c r="T30463" i="1"/>
  <c r="T30464" i="1"/>
  <c r="T30465" i="1"/>
  <c r="T30466" i="1"/>
  <c r="T30467" i="1"/>
  <c r="T30468" i="1"/>
  <c r="T30469" i="1"/>
  <c r="T30470" i="1"/>
  <c r="T30471" i="1"/>
  <c r="T30472" i="1"/>
  <c r="T30473" i="1"/>
  <c r="T30474" i="1"/>
  <c r="T30475" i="1"/>
  <c r="T30476" i="1"/>
  <c r="T30477" i="1"/>
  <c r="T30478" i="1"/>
  <c r="T30479" i="1"/>
  <c r="T30480" i="1"/>
  <c r="T30481" i="1"/>
  <c r="T30482" i="1"/>
  <c r="T30483" i="1"/>
  <c r="T30484" i="1"/>
  <c r="T30485" i="1"/>
  <c r="T30486" i="1"/>
  <c r="T30487" i="1"/>
  <c r="T30488" i="1"/>
  <c r="T30489" i="1"/>
  <c r="T30490" i="1"/>
  <c r="T30491" i="1"/>
  <c r="T30492" i="1"/>
  <c r="T30493" i="1"/>
  <c r="T30494" i="1"/>
  <c r="T30495" i="1"/>
  <c r="T30496" i="1"/>
  <c r="T30497" i="1"/>
  <c r="T30498" i="1"/>
  <c r="T30499" i="1"/>
  <c r="T30500" i="1"/>
  <c r="T30501" i="1"/>
  <c r="T30502" i="1"/>
  <c r="T30503" i="1"/>
  <c r="T30504" i="1"/>
  <c r="T30505" i="1"/>
  <c r="T30506" i="1"/>
  <c r="T30507" i="1"/>
  <c r="T30508" i="1"/>
  <c r="T30509" i="1"/>
  <c r="T30510" i="1"/>
  <c r="T30511" i="1"/>
  <c r="T30512" i="1"/>
  <c r="T30513" i="1"/>
  <c r="T30514" i="1"/>
  <c r="T30515" i="1"/>
  <c r="T30516" i="1"/>
  <c r="T30517" i="1"/>
  <c r="T30518" i="1"/>
  <c r="T30519" i="1"/>
  <c r="T30520" i="1"/>
  <c r="T30521" i="1"/>
  <c r="T30522" i="1"/>
  <c r="T30523" i="1"/>
  <c r="T30524" i="1"/>
  <c r="T30525" i="1"/>
  <c r="T30526" i="1"/>
  <c r="T30527" i="1"/>
  <c r="T30528" i="1"/>
  <c r="T30529" i="1"/>
  <c r="T30530" i="1"/>
  <c r="T30531" i="1"/>
  <c r="T30532" i="1"/>
  <c r="T30533" i="1"/>
  <c r="T30534" i="1"/>
  <c r="T30535" i="1"/>
  <c r="T30536" i="1"/>
  <c r="T30537" i="1"/>
  <c r="T30538" i="1"/>
  <c r="T30539" i="1"/>
  <c r="T30540" i="1"/>
  <c r="T30541" i="1"/>
  <c r="T30542" i="1"/>
  <c r="T30543" i="1"/>
  <c r="T30544" i="1"/>
  <c r="T30545" i="1"/>
  <c r="T30546" i="1"/>
  <c r="T30547" i="1"/>
  <c r="T30548" i="1"/>
  <c r="T30549" i="1"/>
  <c r="T30550" i="1"/>
  <c r="T30551" i="1"/>
  <c r="T30552" i="1"/>
  <c r="T30553" i="1"/>
  <c r="T30554" i="1"/>
  <c r="T30555" i="1"/>
  <c r="T30556" i="1"/>
  <c r="T30557" i="1"/>
  <c r="T30558" i="1"/>
  <c r="T30559" i="1"/>
  <c r="T30560" i="1"/>
  <c r="T30561" i="1"/>
  <c r="T30562" i="1"/>
  <c r="T30563" i="1"/>
  <c r="T30564" i="1"/>
  <c r="T30565" i="1"/>
  <c r="T30566" i="1"/>
  <c r="T30567" i="1"/>
  <c r="T30568" i="1"/>
  <c r="T30569" i="1"/>
  <c r="T30570" i="1"/>
  <c r="T30571" i="1"/>
  <c r="T30572" i="1"/>
  <c r="T30573" i="1"/>
  <c r="T30574" i="1"/>
  <c r="T30575" i="1"/>
  <c r="T30576" i="1"/>
  <c r="T30577" i="1"/>
  <c r="T30578" i="1"/>
  <c r="T30579" i="1"/>
  <c r="T30580" i="1"/>
  <c r="T30581" i="1"/>
  <c r="T30582" i="1"/>
  <c r="T30583" i="1"/>
  <c r="T30584" i="1"/>
  <c r="T30585" i="1"/>
  <c r="T30586" i="1"/>
  <c r="T30587" i="1"/>
  <c r="T30588" i="1"/>
  <c r="T30589" i="1"/>
  <c r="T30590" i="1"/>
  <c r="T30591" i="1"/>
  <c r="T30592" i="1"/>
  <c r="T30593" i="1"/>
  <c r="T30594" i="1"/>
  <c r="T30595" i="1"/>
  <c r="T30596" i="1"/>
  <c r="T30597" i="1"/>
  <c r="T30598" i="1"/>
  <c r="T30599" i="1"/>
  <c r="T30600" i="1"/>
  <c r="T30601" i="1"/>
  <c r="T30602" i="1"/>
  <c r="T30603" i="1"/>
  <c r="T30604" i="1"/>
  <c r="T30605" i="1"/>
  <c r="T30606" i="1"/>
  <c r="T30607" i="1"/>
  <c r="T30608" i="1"/>
  <c r="T30609" i="1"/>
  <c r="T30610" i="1"/>
  <c r="T30611" i="1"/>
  <c r="T30612" i="1"/>
  <c r="T30613" i="1"/>
  <c r="T30614" i="1"/>
  <c r="T30615" i="1"/>
  <c r="T30616" i="1"/>
  <c r="T30617" i="1"/>
  <c r="T30618" i="1"/>
  <c r="T30619" i="1"/>
  <c r="T30620" i="1"/>
  <c r="T30621" i="1"/>
  <c r="T30622" i="1"/>
  <c r="T30623" i="1"/>
  <c r="T30624" i="1"/>
  <c r="T30625" i="1"/>
  <c r="T30626" i="1"/>
  <c r="T30627" i="1"/>
  <c r="T30628" i="1"/>
  <c r="T30629" i="1"/>
  <c r="T30630" i="1"/>
  <c r="T30631" i="1"/>
  <c r="T30632" i="1"/>
  <c r="T30633" i="1"/>
  <c r="T30634" i="1"/>
  <c r="T30635" i="1"/>
  <c r="T30636" i="1"/>
  <c r="T30637" i="1"/>
  <c r="T30638" i="1"/>
  <c r="T30639" i="1"/>
  <c r="T30640" i="1"/>
  <c r="T30641" i="1"/>
  <c r="T30642" i="1"/>
  <c r="T30643" i="1"/>
  <c r="T30644" i="1"/>
  <c r="T30645" i="1"/>
  <c r="T30646" i="1"/>
  <c r="T30647" i="1"/>
  <c r="T30648" i="1"/>
  <c r="T30649" i="1"/>
  <c r="T30650" i="1"/>
  <c r="T30651" i="1"/>
  <c r="T30652" i="1"/>
  <c r="T30653" i="1"/>
  <c r="T30654" i="1"/>
  <c r="T30655" i="1"/>
  <c r="T30656" i="1"/>
  <c r="T30657" i="1"/>
  <c r="T30658" i="1"/>
  <c r="T30659" i="1"/>
  <c r="T30660" i="1"/>
  <c r="T30661" i="1"/>
  <c r="T30662" i="1"/>
  <c r="T30663" i="1"/>
  <c r="T30664" i="1"/>
  <c r="T30665" i="1"/>
  <c r="T30666" i="1"/>
  <c r="T30667" i="1"/>
  <c r="T30668" i="1"/>
  <c r="T30669" i="1"/>
  <c r="T30670" i="1"/>
  <c r="T30671" i="1"/>
  <c r="T30672" i="1"/>
  <c r="T30673" i="1"/>
  <c r="T30674" i="1"/>
  <c r="T30675" i="1"/>
  <c r="T30676" i="1"/>
  <c r="T30677" i="1"/>
  <c r="T30678" i="1"/>
  <c r="T30679" i="1"/>
  <c r="T30680" i="1"/>
  <c r="T30681" i="1"/>
  <c r="T30682" i="1"/>
  <c r="T30683" i="1"/>
  <c r="T30684" i="1"/>
  <c r="T30685" i="1"/>
  <c r="T30686" i="1"/>
  <c r="T30687" i="1"/>
  <c r="T30688" i="1"/>
  <c r="T30689" i="1"/>
  <c r="T30690" i="1"/>
  <c r="T30691" i="1"/>
  <c r="T30692" i="1"/>
  <c r="T30693" i="1"/>
  <c r="T30694" i="1"/>
  <c r="T30695" i="1"/>
  <c r="T30696" i="1"/>
  <c r="T30697" i="1"/>
  <c r="T30698" i="1"/>
  <c r="T30699" i="1"/>
  <c r="T30700" i="1"/>
  <c r="T30701" i="1"/>
  <c r="T30702" i="1"/>
  <c r="T30703" i="1"/>
  <c r="T30704" i="1"/>
  <c r="T30705" i="1"/>
  <c r="T30706" i="1"/>
  <c r="T30707" i="1"/>
  <c r="T30708" i="1"/>
  <c r="T30709" i="1"/>
  <c r="T30710" i="1"/>
  <c r="T30711" i="1"/>
  <c r="T30712" i="1"/>
  <c r="T30713" i="1"/>
  <c r="T30714" i="1"/>
  <c r="T30715" i="1"/>
  <c r="T30716" i="1"/>
  <c r="T30717" i="1"/>
  <c r="T30718" i="1"/>
  <c r="T30719" i="1"/>
  <c r="T30720" i="1"/>
  <c r="T30721" i="1"/>
  <c r="T30722" i="1"/>
  <c r="T30723" i="1"/>
  <c r="T30724" i="1"/>
  <c r="T30725" i="1"/>
  <c r="T30726" i="1"/>
  <c r="T30727" i="1"/>
  <c r="T30728" i="1"/>
  <c r="T30729" i="1"/>
  <c r="T30730" i="1"/>
  <c r="T30731" i="1"/>
  <c r="T30732" i="1"/>
  <c r="T30733" i="1"/>
  <c r="T30734" i="1"/>
  <c r="T30735" i="1"/>
  <c r="T30736" i="1"/>
  <c r="T30737" i="1"/>
  <c r="T30738" i="1"/>
  <c r="T30739" i="1"/>
  <c r="T30740" i="1"/>
  <c r="T30741" i="1"/>
  <c r="T30742" i="1"/>
  <c r="T30743" i="1"/>
  <c r="T30744" i="1"/>
  <c r="T30745" i="1"/>
  <c r="T30746" i="1"/>
  <c r="T30747" i="1"/>
  <c r="T30748" i="1"/>
  <c r="T30749" i="1"/>
  <c r="T30750" i="1"/>
  <c r="T30751" i="1"/>
  <c r="T30752" i="1"/>
  <c r="T30753" i="1"/>
  <c r="T30754" i="1"/>
  <c r="T30755" i="1"/>
  <c r="T30756" i="1"/>
  <c r="T30757" i="1"/>
  <c r="T30758" i="1"/>
  <c r="T30759" i="1"/>
  <c r="T30760" i="1"/>
  <c r="T30761" i="1"/>
  <c r="T30762" i="1"/>
  <c r="T30763" i="1"/>
  <c r="T30764" i="1"/>
  <c r="T30765" i="1"/>
  <c r="T30766" i="1"/>
  <c r="T30767" i="1"/>
  <c r="T30768" i="1"/>
  <c r="T30769" i="1"/>
  <c r="T30770" i="1"/>
  <c r="T30771" i="1"/>
  <c r="T30772" i="1"/>
  <c r="T30773" i="1"/>
  <c r="T30774" i="1"/>
  <c r="T30775" i="1"/>
  <c r="T30776" i="1"/>
  <c r="T30777" i="1"/>
  <c r="T30778" i="1"/>
  <c r="T30779" i="1"/>
  <c r="T30780" i="1"/>
  <c r="T30781" i="1"/>
  <c r="T30782" i="1"/>
  <c r="T30783" i="1"/>
  <c r="T30784" i="1"/>
  <c r="T30785" i="1"/>
  <c r="T30786" i="1"/>
  <c r="T30787" i="1"/>
  <c r="T30788" i="1"/>
  <c r="T30789" i="1"/>
  <c r="T30790" i="1"/>
  <c r="T30791" i="1"/>
  <c r="T30792" i="1"/>
  <c r="T30793" i="1"/>
  <c r="T30794" i="1"/>
  <c r="T30795" i="1"/>
  <c r="T30796" i="1"/>
  <c r="T30797" i="1"/>
  <c r="T30798" i="1"/>
  <c r="T30799" i="1"/>
  <c r="T30800" i="1"/>
  <c r="T30801" i="1"/>
  <c r="T30802" i="1"/>
  <c r="T30803" i="1"/>
  <c r="T30804" i="1"/>
  <c r="T30805" i="1"/>
  <c r="T30806" i="1"/>
  <c r="T30807" i="1"/>
  <c r="T30808" i="1"/>
  <c r="T30809" i="1"/>
  <c r="T30810" i="1"/>
  <c r="T30811" i="1"/>
  <c r="T30812" i="1"/>
  <c r="T30813" i="1"/>
  <c r="T30814" i="1"/>
  <c r="T30815" i="1"/>
  <c r="T30816" i="1"/>
  <c r="T30817" i="1"/>
  <c r="T30818" i="1"/>
  <c r="T30819" i="1"/>
  <c r="T30820" i="1"/>
  <c r="T30821" i="1"/>
  <c r="T30822" i="1"/>
  <c r="T30823" i="1"/>
  <c r="T30824" i="1"/>
  <c r="T30825" i="1"/>
  <c r="T30826" i="1"/>
  <c r="T30827" i="1"/>
  <c r="T30828" i="1"/>
  <c r="T30829" i="1"/>
  <c r="T30830" i="1"/>
  <c r="T30831" i="1"/>
  <c r="T30832" i="1"/>
  <c r="T30833" i="1"/>
  <c r="T30834" i="1"/>
  <c r="T30835" i="1"/>
  <c r="T30836" i="1"/>
  <c r="T30837" i="1"/>
  <c r="T30838" i="1"/>
  <c r="T30839" i="1"/>
  <c r="T30840" i="1"/>
  <c r="T30841" i="1"/>
  <c r="T30842" i="1"/>
  <c r="T30843" i="1"/>
  <c r="T30844" i="1"/>
  <c r="T30845" i="1"/>
  <c r="T30846" i="1"/>
  <c r="T30847" i="1"/>
  <c r="T30848" i="1"/>
  <c r="T30849" i="1"/>
  <c r="T30850" i="1"/>
  <c r="T30851" i="1"/>
  <c r="T30852" i="1"/>
  <c r="T30853" i="1"/>
  <c r="T30854" i="1"/>
  <c r="T30855" i="1"/>
  <c r="T30856" i="1"/>
  <c r="T30857" i="1"/>
  <c r="T30858" i="1"/>
  <c r="T30859" i="1"/>
  <c r="T30860" i="1"/>
  <c r="T30861" i="1"/>
  <c r="T30862" i="1"/>
  <c r="T30863" i="1"/>
  <c r="T30864" i="1"/>
  <c r="T30865" i="1"/>
  <c r="T30866" i="1"/>
  <c r="T30867" i="1"/>
  <c r="T30868" i="1"/>
  <c r="T30869" i="1"/>
  <c r="T30870" i="1"/>
  <c r="T30871" i="1"/>
  <c r="T30872" i="1"/>
  <c r="T30873" i="1"/>
  <c r="T30874" i="1"/>
  <c r="T30875" i="1"/>
  <c r="T30876" i="1"/>
  <c r="T30877" i="1"/>
  <c r="T30878" i="1"/>
  <c r="T30879" i="1"/>
  <c r="T30880" i="1"/>
  <c r="T30881" i="1"/>
  <c r="T30882" i="1"/>
  <c r="T30883" i="1"/>
  <c r="T30884" i="1"/>
  <c r="T30885" i="1"/>
  <c r="T30886" i="1"/>
  <c r="T30887" i="1"/>
  <c r="T30888" i="1"/>
  <c r="T30889" i="1"/>
  <c r="T30890" i="1"/>
  <c r="T30891" i="1"/>
  <c r="T30892" i="1"/>
  <c r="T30893" i="1"/>
  <c r="T30894" i="1"/>
  <c r="T30895" i="1"/>
  <c r="T30896" i="1"/>
  <c r="T30897" i="1"/>
  <c r="T30898" i="1"/>
  <c r="T30899" i="1"/>
  <c r="T30900" i="1"/>
  <c r="T30901" i="1"/>
  <c r="T30902" i="1"/>
  <c r="T30903" i="1"/>
  <c r="T30904" i="1"/>
  <c r="T30905" i="1"/>
  <c r="T30906" i="1"/>
  <c r="T30907" i="1"/>
  <c r="T30908" i="1"/>
  <c r="T30909" i="1"/>
  <c r="T30910" i="1"/>
  <c r="T30911" i="1"/>
  <c r="T30912" i="1"/>
  <c r="T30913" i="1"/>
  <c r="T30914" i="1"/>
  <c r="T30915" i="1"/>
  <c r="T30916" i="1"/>
  <c r="T30917" i="1"/>
  <c r="T30918" i="1"/>
  <c r="T30919" i="1"/>
  <c r="T30920" i="1"/>
  <c r="T30921" i="1"/>
  <c r="T30922" i="1"/>
  <c r="T30923" i="1"/>
  <c r="T30924" i="1"/>
  <c r="T30925" i="1"/>
  <c r="T30926" i="1"/>
  <c r="T30927" i="1"/>
  <c r="T30928" i="1"/>
  <c r="T30929" i="1"/>
  <c r="T30930" i="1"/>
  <c r="T30931" i="1"/>
  <c r="T30932" i="1"/>
  <c r="T30933" i="1"/>
  <c r="T30934" i="1"/>
  <c r="T30935" i="1"/>
  <c r="T30936" i="1"/>
  <c r="T30937" i="1"/>
  <c r="T30938" i="1"/>
  <c r="T30939" i="1"/>
  <c r="T30940" i="1"/>
  <c r="T30941" i="1"/>
  <c r="T30942" i="1"/>
  <c r="T30943" i="1"/>
  <c r="T30944" i="1"/>
  <c r="T30945" i="1"/>
  <c r="T30946" i="1"/>
  <c r="T30947" i="1"/>
  <c r="T30948" i="1"/>
  <c r="T30949" i="1"/>
  <c r="T30950" i="1"/>
  <c r="T30951" i="1"/>
  <c r="T30952" i="1"/>
  <c r="T30953" i="1"/>
  <c r="T30954" i="1"/>
  <c r="T30955" i="1"/>
  <c r="T30956" i="1"/>
  <c r="T30957" i="1"/>
  <c r="T30958" i="1"/>
  <c r="T30959" i="1"/>
  <c r="T30960" i="1"/>
  <c r="T30961" i="1"/>
  <c r="T30962" i="1"/>
  <c r="T30963" i="1"/>
  <c r="T30964" i="1"/>
  <c r="T30965" i="1"/>
  <c r="T30966" i="1"/>
  <c r="T30967" i="1"/>
  <c r="T30968" i="1"/>
  <c r="T30969" i="1"/>
  <c r="T30970" i="1"/>
  <c r="T30971" i="1"/>
  <c r="T30972" i="1"/>
  <c r="T30973" i="1"/>
  <c r="T30974" i="1"/>
  <c r="T30975" i="1"/>
  <c r="T30976" i="1"/>
  <c r="T30977" i="1"/>
  <c r="T30978" i="1"/>
  <c r="T30979" i="1"/>
  <c r="T30980" i="1"/>
  <c r="T30981" i="1"/>
  <c r="T30982" i="1"/>
  <c r="T30983" i="1"/>
  <c r="T30984" i="1"/>
  <c r="T30985" i="1"/>
  <c r="T30986" i="1"/>
  <c r="T30987" i="1"/>
  <c r="T30988" i="1"/>
  <c r="T30989" i="1"/>
  <c r="T30990" i="1"/>
  <c r="T30991" i="1"/>
  <c r="T30992" i="1"/>
  <c r="T30993" i="1"/>
  <c r="T30994" i="1"/>
  <c r="T30995" i="1"/>
  <c r="T30996" i="1"/>
  <c r="T30997" i="1"/>
  <c r="T30998" i="1"/>
  <c r="T30999" i="1"/>
  <c r="T31000" i="1"/>
  <c r="T31001" i="1"/>
  <c r="T31002" i="1"/>
  <c r="T31003" i="1"/>
  <c r="T31004" i="1"/>
  <c r="T31005" i="1"/>
  <c r="T31006" i="1"/>
  <c r="T31007" i="1"/>
  <c r="T31008" i="1"/>
  <c r="T31009" i="1"/>
  <c r="T31010" i="1"/>
  <c r="T31011" i="1"/>
  <c r="T31012" i="1"/>
  <c r="T31013" i="1"/>
  <c r="T31014" i="1"/>
  <c r="T31015" i="1"/>
  <c r="T31016" i="1"/>
  <c r="T31017" i="1"/>
  <c r="T31018" i="1"/>
  <c r="T31019" i="1"/>
  <c r="T31020" i="1"/>
  <c r="T31021" i="1"/>
  <c r="T31022" i="1"/>
  <c r="T31023" i="1"/>
  <c r="T31024" i="1"/>
  <c r="T31025" i="1"/>
  <c r="T31026" i="1"/>
  <c r="T31027" i="1"/>
  <c r="T31028" i="1"/>
  <c r="T31029" i="1"/>
  <c r="T31030" i="1"/>
  <c r="T31031" i="1"/>
  <c r="T31032" i="1"/>
  <c r="T31033" i="1"/>
  <c r="T31034" i="1"/>
  <c r="T31035" i="1"/>
  <c r="T31036" i="1"/>
  <c r="T31037" i="1"/>
  <c r="T31038" i="1"/>
  <c r="T31039" i="1"/>
  <c r="T31040" i="1"/>
  <c r="T31041" i="1"/>
  <c r="T31042" i="1"/>
  <c r="T31043" i="1"/>
  <c r="T31044" i="1"/>
  <c r="T31045" i="1"/>
  <c r="T31046" i="1"/>
  <c r="T31047" i="1"/>
  <c r="T31048" i="1"/>
  <c r="T31049" i="1"/>
  <c r="T31050" i="1"/>
  <c r="T31051" i="1"/>
  <c r="T31052" i="1"/>
  <c r="T31053" i="1"/>
  <c r="T31054" i="1"/>
  <c r="T31055" i="1"/>
  <c r="T31056" i="1"/>
  <c r="T31057" i="1"/>
  <c r="T31058" i="1"/>
  <c r="T31059" i="1"/>
  <c r="T31060" i="1"/>
  <c r="T31061" i="1"/>
  <c r="T31062" i="1"/>
  <c r="T31063" i="1"/>
  <c r="T31064" i="1"/>
  <c r="T31065" i="1"/>
  <c r="T31066" i="1"/>
  <c r="T31067" i="1"/>
  <c r="T31068" i="1"/>
  <c r="T31069" i="1"/>
  <c r="T31070" i="1"/>
  <c r="T31071" i="1"/>
  <c r="T31072" i="1"/>
  <c r="T31073" i="1"/>
  <c r="T31074" i="1"/>
  <c r="T31075" i="1"/>
  <c r="T31076" i="1"/>
  <c r="T31077" i="1"/>
  <c r="T31078" i="1"/>
  <c r="T31079" i="1"/>
  <c r="T31080" i="1"/>
  <c r="T31081" i="1"/>
  <c r="T31082" i="1"/>
  <c r="T31083" i="1"/>
  <c r="T31084" i="1"/>
  <c r="T31085" i="1"/>
  <c r="T31086" i="1"/>
  <c r="T31087" i="1"/>
  <c r="T31088" i="1"/>
  <c r="T31089" i="1"/>
  <c r="T31090" i="1"/>
  <c r="T31091" i="1"/>
  <c r="T31092" i="1"/>
  <c r="T31093" i="1"/>
  <c r="T31094" i="1"/>
  <c r="T31095" i="1"/>
  <c r="T31096" i="1"/>
  <c r="T31097" i="1"/>
  <c r="T31098" i="1"/>
  <c r="T31099" i="1"/>
  <c r="T31100" i="1"/>
  <c r="T31101" i="1"/>
  <c r="T31102" i="1"/>
  <c r="T31103" i="1"/>
  <c r="T31104" i="1"/>
  <c r="T31105" i="1"/>
  <c r="T31106" i="1"/>
  <c r="T31107" i="1"/>
  <c r="T31108" i="1"/>
  <c r="T31109" i="1"/>
  <c r="T31110" i="1"/>
  <c r="T31111" i="1"/>
  <c r="T31112" i="1"/>
  <c r="T31113" i="1"/>
  <c r="T31114" i="1"/>
  <c r="T31115" i="1"/>
  <c r="T31116" i="1"/>
  <c r="T31117" i="1"/>
  <c r="T31118" i="1"/>
  <c r="T31119" i="1"/>
  <c r="T31120" i="1"/>
  <c r="T31121" i="1"/>
  <c r="T31122" i="1"/>
  <c r="T31123" i="1"/>
  <c r="T31124" i="1"/>
  <c r="T31125" i="1"/>
  <c r="T31126" i="1"/>
  <c r="T31127" i="1"/>
  <c r="T31128" i="1"/>
  <c r="T31129" i="1"/>
  <c r="T31130" i="1"/>
  <c r="T31131" i="1"/>
  <c r="T31132" i="1"/>
  <c r="T31133" i="1"/>
  <c r="T31134" i="1"/>
  <c r="T31135" i="1"/>
  <c r="T31136" i="1"/>
  <c r="T31137" i="1"/>
  <c r="T31138" i="1"/>
  <c r="T31139" i="1"/>
  <c r="T31140" i="1"/>
  <c r="T31141" i="1"/>
  <c r="T31142" i="1"/>
  <c r="T31143" i="1"/>
  <c r="T31144" i="1"/>
  <c r="T31145" i="1"/>
  <c r="T31146" i="1"/>
  <c r="T31147" i="1"/>
  <c r="T31148" i="1"/>
  <c r="T31149" i="1"/>
  <c r="T31150" i="1"/>
  <c r="T31151" i="1"/>
  <c r="T31152" i="1"/>
  <c r="T31153" i="1"/>
  <c r="T31154" i="1"/>
  <c r="T31155" i="1"/>
  <c r="T31156" i="1"/>
  <c r="T31157" i="1"/>
  <c r="T31158" i="1"/>
  <c r="T31159" i="1"/>
  <c r="T31160" i="1"/>
  <c r="T31161" i="1"/>
  <c r="T31162" i="1"/>
  <c r="T31163" i="1"/>
  <c r="T31164" i="1"/>
  <c r="T31165" i="1"/>
  <c r="T31166" i="1"/>
  <c r="T31167" i="1"/>
  <c r="T31168" i="1"/>
  <c r="T31169" i="1"/>
  <c r="T31170" i="1"/>
  <c r="T31171" i="1"/>
  <c r="T31172" i="1"/>
  <c r="T31173" i="1"/>
  <c r="T31174" i="1"/>
  <c r="T31175" i="1"/>
  <c r="T31176" i="1"/>
  <c r="T31177" i="1"/>
  <c r="T31178" i="1"/>
  <c r="T31179" i="1"/>
  <c r="T31180" i="1"/>
  <c r="T31181" i="1"/>
  <c r="T31182" i="1"/>
  <c r="T31183" i="1"/>
  <c r="T31184" i="1"/>
  <c r="T31185" i="1"/>
  <c r="T31186" i="1"/>
  <c r="T31187" i="1"/>
  <c r="T31188" i="1"/>
  <c r="T31189" i="1"/>
  <c r="T31190" i="1"/>
  <c r="T31191" i="1"/>
  <c r="T31192" i="1"/>
  <c r="T31193" i="1"/>
  <c r="T31194" i="1"/>
  <c r="T31195" i="1"/>
  <c r="T31196" i="1"/>
  <c r="T31197" i="1"/>
  <c r="T31198" i="1"/>
  <c r="T31199" i="1"/>
  <c r="T31200" i="1"/>
  <c r="T31201" i="1"/>
  <c r="T31202" i="1"/>
  <c r="T31203" i="1"/>
  <c r="T31204" i="1"/>
  <c r="T31205" i="1"/>
  <c r="T31206" i="1"/>
  <c r="T31207" i="1"/>
  <c r="T31208" i="1"/>
  <c r="T31209" i="1"/>
  <c r="T31210" i="1"/>
  <c r="T31211" i="1"/>
  <c r="T31212" i="1"/>
  <c r="T31213" i="1"/>
  <c r="T31214" i="1"/>
  <c r="T31215" i="1"/>
  <c r="T31216" i="1"/>
  <c r="T31217" i="1"/>
  <c r="T31218" i="1"/>
  <c r="T31219" i="1"/>
  <c r="T31220" i="1"/>
  <c r="T31221" i="1"/>
  <c r="T31222" i="1"/>
  <c r="T31223" i="1"/>
  <c r="T31224" i="1"/>
  <c r="T31225" i="1"/>
  <c r="T31226" i="1"/>
  <c r="T31227" i="1"/>
  <c r="T31228" i="1"/>
  <c r="T31229" i="1"/>
  <c r="T31230" i="1"/>
  <c r="T31231" i="1"/>
  <c r="T31232" i="1"/>
  <c r="T31233" i="1"/>
  <c r="T31234" i="1"/>
  <c r="T31235" i="1"/>
  <c r="T31236" i="1"/>
  <c r="T31237" i="1"/>
  <c r="T31238" i="1"/>
  <c r="T31239" i="1"/>
  <c r="T31240" i="1"/>
  <c r="T31241" i="1"/>
  <c r="T31242" i="1"/>
  <c r="T31243" i="1"/>
  <c r="T31244" i="1"/>
  <c r="T31245" i="1"/>
  <c r="T31246" i="1"/>
  <c r="T31247" i="1"/>
  <c r="T31248" i="1"/>
  <c r="T31249" i="1"/>
  <c r="T31250" i="1"/>
  <c r="T31251" i="1"/>
  <c r="T31252" i="1"/>
  <c r="T31253" i="1"/>
  <c r="T31254" i="1"/>
  <c r="T31255" i="1"/>
  <c r="T31256" i="1"/>
  <c r="T31257" i="1"/>
  <c r="T31258" i="1"/>
  <c r="T31259" i="1"/>
  <c r="T31260" i="1"/>
  <c r="T31261" i="1"/>
  <c r="T31262" i="1"/>
  <c r="T31263" i="1"/>
  <c r="T31264" i="1"/>
  <c r="T31265" i="1"/>
  <c r="T31266" i="1"/>
  <c r="T31267" i="1"/>
  <c r="T31268" i="1"/>
  <c r="T31269" i="1"/>
  <c r="T31270" i="1"/>
  <c r="T31271" i="1"/>
  <c r="T31272" i="1"/>
  <c r="T31273" i="1"/>
  <c r="T31274" i="1"/>
  <c r="T31275" i="1"/>
  <c r="T31276" i="1"/>
  <c r="T31277" i="1"/>
  <c r="T31278" i="1"/>
  <c r="T31279" i="1"/>
  <c r="T31280" i="1"/>
  <c r="T31281" i="1"/>
  <c r="T31282" i="1"/>
  <c r="T31283" i="1"/>
  <c r="T31284" i="1"/>
  <c r="T31285" i="1"/>
  <c r="T31286" i="1"/>
  <c r="T31287" i="1"/>
  <c r="T31288" i="1"/>
  <c r="T31289" i="1"/>
  <c r="T31290" i="1"/>
  <c r="T31291" i="1"/>
  <c r="T31292" i="1"/>
  <c r="T31293" i="1"/>
  <c r="T31294" i="1"/>
  <c r="T31295" i="1"/>
  <c r="T31296" i="1"/>
  <c r="T31297" i="1"/>
  <c r="T31298" i="1"/>
  <c r="T31299" i="1"/>
  <c r="T31300" i="1"/>
  <c r="T31301" i="1"/>
  <c r="T31302" i="1"/>
  <c r="T31303" i="1"/>
  <c r="T31304" i="1"/>
  <c r="T31305" i="1"/>
  <c r="T31306" i="1"/>
  <c r="T31307" i="1"/>
  <c r="T31308" i="1"/>
  <c r="T31309" i="1"/>
  <c r="T31310" i="1"/>
  <c r="T31311" i="1"/>
  <c r="T31312" i="1"/>
  <c r="T31313" i="1"/>
  <c r="T31314" i="1"/>
  <c r="T31315" i="1"/>
  <c r="T31316" i="1"/>
  <c r="T31317" i="1"/>
  <c r="T31318" i="1"/>
  <c r="T31319" i="1"/>
  <c r="T31320" i="1"/>
  <c r="T31321" i="1"/>
  <c r="T31322" i="1"/>
  <c r="T31323" i="1"/>
  <c r="T31324" i="1"/>
  <c r="T31325" i="1"/>
  <c r="T31326" i="1"/>
  <c r="T31327" i="1"/>
  <c r="T31328" i="1"/>
  <c r="T31329" i="1"/>
  <c r="T31330" i="1"/>
  <c r="T31331" i="1"/>
  <c r="T31332" i="1"/>
  <c r="T31333" i="1"/>
  <c r="T31334" i="1"/>
  <c r="T31335" i="1"/>
  <c r="T31336" i="1"/>
  <c r="T31337" i="1"/>
  <c r="T31338" i="1"/>
  <c r="T31339" i="1"/>
  <c r="T31340" i="1"/>
  <c r="T31341" i="1"/>
  <c r="T31342" i="1"/>
  <c r="T31343" i="1"/>
  <c r="T31344" i="1"/>
  <c r="T31345" i="1"/>
  <c r="T31346" i="1"/>
  <c r="T31347" i="1"/>
  <c r="T31348" i="1"/>
  <c r="T31349" i="1"/>
  <c r="T31350" i="1"/>
  <c r="T31351" i="1"/>
  <c r="T31352" i="1"/>
  <c r="T31353" i="1"/>
  <c r="T31354" i="1"/>
  <c r="T31355" i="1"/>
  <c r="T31356" i="1"/>
  <c r="T31357" i="1"/>
  <c r="T31358" i="1"/>
  <c r="T31359" i="1"/>
  <c r="T31360" i="1"/>
  <c r="T31361" i="1"/>
  <c r="T31362" i="1"/>
  <c r="T31363" i="1"/>
  <c r="T31364" i="1"/>
  <c r="T31365" i="1"/>
  <c r="T31366" i="1"/>
  <c r="T31367" i="1"/>
  <c r="T31368" i="1"/>
  <c r="T31369" i="1"/>
  <c r="T31370" i="1"/>
  <c r="T31371" i="1"/>
  <c r="T31372" i="1"/>
  <c r="T31373" i="1"/>
  <c r="T31374" i="1"/>
  <c r="T31375" i="1"/>
  <c r="T31376" i="1"/>
  <c r="T31377" i="1"/>
  <c r="T31378" i="1"/>
  <c r="T31379" i="1"/>
  <c r="T31380" i="1"/>
  <c r="T31381" i="1"/>
  <c r="T31382" i="1"/>
  <c r="T31383" i="1"/>
  <c r="T31384" i="1"/>
  <c r="T31385" i="1"/>
  <c r="T31386" i="1"/>
  <c r="T31387" i="1"/>
  <c r="T31388" i="1"/>
  <c r="T31389" i="1"/>
  <c r="T31390" i="1"/>
  <c r="T31391" i="1"/>
  <c r="T31392" i="1"/>
  <c r="T31393" i="1"/>
  <c r="T31394" i="1"/>
  <c r="T31395" i="1"/>
  <c r="T31396" i="1"/>
  <c r="T31397" i="1"/>
  <c r="T31398" i="1"/>
  <c r="T31399" i="1"/>
  <c r="T31400" i="1"/>
  <c r="T31401" i="1"/>
  <c r="T31402" i="1"/>
  <c r="T31403" i="1"/>
  <c r="T31404" i="1"/>
  <c r="T31405" i="1"/>
  <c r="T31406" i="1"/>
  <c r="T31407" i="1"/>
  <c r="T31408" i="1"/>
  <c r="T31409" i="1"/>
  <c r="T31410" i="1"/>
  <c r="T31411" i="1"/>
  <c r="T31412" i="1"/>
  <c r="T31413" i="1"/>
  <c r="T31414" i="1"/>
  <c r="T31415" i="1"/>
  <c r="T31416" i="1"/>
  <c r="T31417" i="1"/>
  <c r="T31418" i="1"/>
  <c r="T31419" i="1"/>
  <c r="T31420" i="1"/>
  <c r="T31421" i="1"/>
  <c r="T31422" i="1"/>
  <c r="T31423" i="1"/>
  <c r="T31424" i="1"/>
  <c r="T31425" i="1"/>
  <c r="T31426" i="1"/>
  <c r="T31427" i="1"/>
  <c r="T31428" i="1"/>
  <c r="T31429" i="1"/>
  <c r="T31430" i="1"/>
  <c r="T31431" i="1"/>
  <c r="T31432" i="1"/>
  <c r="T31433" i="1"/>
  <c r="T31434" i="1"/>
  <c r="T31435" i="1"/>
  <c r="T31436" i="1"/>
  <c r="T31437" i="1"/>
  <c r="T31438" i="1"/>
  <c r="T31439" i="1"/>
  <c r="T31440" i="1"/>
  <c r="T31441" i="1"/>
  <c r="T31442" i="1"/>
  <c r="T31443" i="1"/>
  <c r="T31444" i="1"/>
  <c r="T31445" i="1"/>
  <c r="T31446" i="1"/>
  <c r="T31447" i="1"/>
  <c r="T31448" i="1"/>
  <c r="T31449" i="1"/>
  <c r="T31450" i="1"/>
  <c r="T31451" i="1"/>
  <c r="T31452" i="1"/>
  <c r="T31453" i="1"/>
  <c r="T31454" i="1"/>
  <c r="T31455" i="1"/>
  <c r="T31456" i="1"/>
  <c r="T31457" i="1"/>
  <c r="T31458" i="1"/>
  <c r="T31459" i="1"/>
  <c r="T31460" i="1"/>
  <c r="T31461" i="1"/>
  <c r="T31462" i="1"/>
  <c r="T31463" i="1"/>
  <c r="T31464" i="1"/>
  <c r="T31465" i="1"/>
  <c r="T31466" i="1"/>
  <c r="T31467" i="1"/>
  <c r="T31468" i="1"/>
  <c r="T31469" i="1"/>
  <c r="T31470" i="1"/>
  <c r="T31471" i="1"/>
  <c r="T31472" i="1"/>
  <c r="T31473" i="1"/>
  <c r="T31474" i="1"/>
  <c r="T31475" i="1"/>
  <c r="T31476" i="1"/>
  <c r="T31477" i="1"/>
  <c r="T31478" i="1"/>
  <c r="T31479" i="1"/>
  <c r="T31480" i="1"/>
  <c r="T31481" i="1"/>
  <c r="T31482" i="1"/>
  <c r="T31483" i="1"/>
  <c r="T31484" i="1"/>
  <c r="T31485" i="1"/>
  <c r="T31486" i="1"/>
  <c r="T31487" i="1"/>
  <c r="T31488" i="1"/>
  <c r="T31489" i="1"/>
  <c r="T31490" i="1"/>
  <c r="T31491" i="1"/>
  <c r="T31492" i="1"/>
  <c r="T31493" i="1"/>
  <c r="T31494" i="1"/>
  <c r="T31495" i="1"/>
  <c r="T31496" i="1"/>
  <c r="T31497" i="1"/>
  <c r="T31498" i="1"/>
  <c r="T31499" i="1"/>
  <c r="T31500" i="1"/>
  <c r="T31501" i="1"/>
  <c r="T31502" i="1"/>
  <c r="T31503" i="1"/>
  <c r="T31504" i="1"/>
  <c r="T31505" i="1"/>
  <c r="T31506" i="1"/>
  <c r="T31507" i="1"/>
  <c r="T31508" i="1"/>
  <c r="T31509" i="1"/>
  <c r="T31510" i="1"/>
  <c r="T31511" i="1"/>
  <c r="T31512" i="1"/>
  <c r="T31513" i="1"/>
  <c r="T31514" i="1"/>
  <c r="T31515" i="1"/>
  <c r="T31516" i="1"/>
  <c r="T31517" i="1"/>
  <c r="T31518" i="1"/>
  <c r="T31519" i="1"/>
  <c r="T31520" i="1"/>
  <c r="T31521" i="1"/>
  <c r="T31522" i="1"/>
  <c r="T31523" i="1"/>
  <c r="T31524" i="1"/>
  <c r="T31525" i="1"/>
  <c r="T31526" i="1"/>
  <c r="T31527" i="1"/>
  <c r="T31528" i="1"/>
  <c r="T31529" i="1"/>
  <c r="T31530" i="1"/>
  <c r="T31531" i="1"/>
  <c r="T31532" i="1"/>
  <c r="T31533" i="1"/>
  <c r="T31534" i="1"/>
  <c r="T31535" i="1"/>
  <c r="T31536" i="1"/>
  <c r="T31537" i="1"/>
  <c r="T31538" i="1"/>
  <c r="T31539" i="1"/>
  <c r="T31540" i="1"/>
  <c r="T31541" i="1"/>
  <c r="T31542" i="1"/>
  <c r="T31543" i="1"/>
  <c r="T31544" i="1"/>
  <c r="T31545" i="1"/>
  <c r="T31546" i="1"/>
  <c r="T31547" i="1"/>
  <c r="T31548" i="1"/>
  <c r="T31549" i="1"/>
  <c r="T31550" i="1"/>
  <c r="T31551" i="1"/>
  <c r="T31552" i="1"/>
  <c r="T31553" i="1"/>
  <c r="T31554" i="1"/>
  <c r="T31555" i="1"/>
  <c r="T31556" i="1"/>
  <c r="T31557" i="1"/>
  <c r="T31558" i="1"/>
  <c r="T31559" i="1"/>
  <c r="T31560" i="1"/>
  <c r="T31561" i="1"/>
  <c r="T31562" i="1"/>
  <c r="T31563" i="1"/>
  <c r="T31564" i="1"/>
  <c r="T31565" i="1"/>
  <c r="T31566" i="1"/>
  <c r="T31567" i="1"/>
  <c r="T31568" i="1"/>
  <c r="T31569" i="1"/>
  <c r="T31570" i="1"/>
  <c r="T31571" i="1"/>
  <c r="T31572" i="1"/>
  <c r="T31573" i="1"/>
  <c r="T31574" i="1"/>
  <c r="T31575" i="1"/>
  <c r="T31576" i="1"/>
  <c r="T31577" i="1"/>
  <c r="T31578" i="1"/>
  <c r="T31579" i="1"/>
  <c r="T31580" i="1"/>
  <c r="T31581" i="1"/>
  <c r="T31582" i="1"/>
  <c r="T31583" i="1"/>
  <c r="T31584" i="1"/>
  <c r="T31585" i="1"/>
  <c r="T31586" i="1"/>
  <c r="T31587" i="1"/>
  <c r="T31588" i="1"/>
  <c r="T31589" i="1"/>
  <c r="T31590" i="1"/>
  <c r="T31591" i="1"/>
  <c r="T31592" i="1"/>
  <c r="T31593" i="1"/>
  <c r="T31594" i="1"/>
  <c r="T31595" i="1"/>
  <c r="T31596" i="1"/>
  <c r="T31597" i="1"/>
  <c r="T31598" i="1"/>
  <c r="T31599" i="1"/>
  <c r="T31600" i="1"/>
  <c r="T31601" i="1"/>
  <c r="T31602" i="1"/>
  <c r="T31603" i="1"/>
  <c r="T31604" i="1"/>
  <c r="T31605" i="1"/>
  <c r="T31606" i="1"/>
  <c r="T31607" i="1"/>
  <c r="T31608" i="1"/>
  <c r="T31609" i="1"/>
  <c r="T31610" i="1"/>
  <c r="T31611" i="1"/>
  <c r="T31612" i="1"/>
  <c r="T31613" i="1"/>
  <c r="T31614" i="1"/>
  <c r="T31615" i="1"/>
  <c r="T31616" i="1"/>
  <c r="T31617" i="1"/>
  <c r="T31618" i="1"/>
  <c r="T31619" i="1"/>
  <c r="T31620" i="1"/>
  <c r="T31621" i="1"/>
  <c r="T31622" i="1"/>
  <c r="T31623" i="1"/>
  <c r="T31624" i="1"/>
  <c r="T31625" i="1"/>
  <c r="T31626" i="1"/>
  <c r="T31627" i="1"/>
  <c r="T31628" i="1"/>
  <c r="T31629" i="1"/>
  <c r="T31630" i="1"/>
  <c r="T31631" i="1"/>
  <c r="T31632" i="1"/>
  <c r="T31633" i="1"/>
  <c r="T31634" i="1"/>
  <c r="T31635" i="1"/>
  <c r="T31636" i="1"/>
  <c r="T31637" i="1"/>
  <c r="T31638" i="1"/>
  <c r="T31639" i="1"/>
  <c r="T31640" i="1"/>
  <c r="T31641" i="1"/>
  <c r="T31642" i="1"/>
  <c r="T31643" i="1"/>
  <c r="T31644" i="1"/>
  <c r="T31645" i="1"/>
  <c r="T31646" i="1"/>
  <c r="T31647" i="1"/>
  <c r="T31648" i="1"/>
  <c r="T31649" i="1"/>
  <c r="T31650" i="1"/>
  <c r="T31651" i="1"/>
  <c r="T31652" i="1"/>
  <c r="T31653" i="1"/>
  <c r="T31654" i="1"/>
  <c r="T31655" i="1"/>
  <c r="T31656" i="1"/>
  <c r="T31657" i="1"/>
  <c r="T31658" i="1"/>
  <c r="T31659" i="1"/>
  <c r="T31660" i="1"/>
  <c r="T31661" i="1"/>
  <c r="T31662" i="1"/>
  <c r="T31663" i="1"/>
  <c r="T31664" i="1"/>
  <c r="T31665" i="1"/>
  <c r="T31666" i="1"/>
  <c r="T31667" i="1"/>
  <c r="T31668" i="1"/>
  <c r="T31669" i="1"/>
  <c r="T31670" i="1"/>
  <c r="T31671" i="1"/>
  <c r="T31672" i="1"/>
  <c r="T31673" i="1"/>
  <c r="T31674" i="1"/>
  <c r="T31675" i="1"/>
  <c r="T31676" i="1"/>
  <c r="T31677" i="1"/>
  <c r="T31678" i="1"/>
  <c r="T31679" i="1"/>
  <c r="T31680" i="1"/>
  <c r="T31681" i="1"/>
  <c r="T31682" i="1"/>
  <c r="T31683" i="1"/>
  <c r="T31684" i="1"/>
  <c r="T31685" i="1"/>
  <c r="T31686" i="1"/>
  <c r="T31687" i="1"/>
  <c r="T31688" i="1"/>
  <c r="T31689" i="1"/>
  <c r="T31690" i="1"/>
  <c r="T31691" i="1"/>
  <c r="T31692" i="1"/>
  <c r="T31693" i="1"/>
  <c r="T31694" i="1"/>
  <c r="T31695" i="1"/>
  <c r="T31696" i="1"/>
  <c r="T31697" i="1"/>
  <c r="T31698" i="1"/>
  <c r="T31699" i="1"/>
  <c r="T31700" i="1"/>
  <c r="T31701" i="1"/>
  <c r="T31702" i="1"/>
  <c r="T31703" i="1"/>
  <c r="T31704" i="1"/>
  <c r="T31705" i="1"/>
  <c r="T31706" i="1"/>
  <c r="T31707" i="1"/>
  <c r="T31708" i="1"/>
  <c r="T31709" i="1"/>
  <c r="T31710" i="1"/>
  <c r="T31711" i="1"/>
  <c r="T31712" i="1"/>
  <c r="T31713" i="1"/>
  <c r="T31714" i="1"/>
  <c r="T31715" i="1"/>
  <c r="T31716" i="1"/>
  <c r="T31717" i="1"/>
  <c r="T31718" i="1"/>
  <c r="T31719" i="1"/>
  <c r="T31720" i="1"/>
  <c r="T31721" i="1"/>
  <c r="T31722" i="1"/>
  <c r="T31723" i="1"/>
  <c r="T31724" i="1"/>
  <c r="T31725" i="1"/>
  <c r="T31726" i="1"/>
  <c r="T31727" i="1"/>
  <c r="T31728" i="1"/>
  <c r="T31729" i="1"/>
  <c r="T31730" i="1"/>
  <c r="T31731" i="1"/>
  <c r="T31732" i="1"/>
  <c r="T31733" i="1"/>
  <c r="T31734" i="1"/>
  <c r="T31735" i="1"/>
  <c r="T31736" i="1"/>
  <c r="T31737" i="1"/>
  <c r="T31738" i="1"/>
  <c r="T31739" i="1"/>
  <c r="T31740" i="1"/>
  <c r="T31741" i="1"/>
  <c r="T31742" i="1"/>
  <c r="T31743" i="1"/>
  <c r="T31744" i="1"/>
  <c r="T31745" i="1"/>
  <c r="T31746" i="1"/>
  <c r="T31747" i="1"/>
  <c r="T31748" i="1"/>
  <c r="T31749" i="1"/>
  <c r="T31750" i="1"/>
  <c r="T31751" i="1"/>
  <c r="T31752" i="1"/>
  <c r="T31753" i="1"/>
  <c r="T31754" i="1"/>
  <c r="T31755" i="1"/>
  <c r="T31756" i="1"/>
  <c r="T31757" i="1"/>
  <c r="T31758" i="1"/>
  <c r="T31759" i="1"/>
  <c r="T31760" i="1"/>
  <c r="T31761" i="1"/>
  <c r="T31762" i="1"/>
  <c r="T31763" i="1"/>
  <c r="T31764" i="1"/>
  <c r="T31765" i="1"/>
  <c r="T31766" i="1"/>
  <c r="T31767" i="1"/>
  <c r="T31768" i="1"/>
  <c r="T31769" i="1"/>
  <c r="T31770" i="1"/>
  <c r="T31771" i="1"/>
  <c r="T31772" i="1"/>
  <c r="T31773" i="1"/>
  <c r="T31774" i="1"/>
  <c r="T31775" i="1"/>
  <c r="T31776" i="1"/>
  <c r="T31777" i="1"/>
  <c r="T31778" i="1"/>
  <c r="T31779" i="1"/>
  <c r="T31780" i="1"/>
  <c r="T31781" i="1"/>
  <c r="T31782" i="1"/>
  <c r="T31783" i="1"/>
  <c r="T31784" i="1"/>
  <c r="T31785" i="1"/>
  <c r="T31786" i="1"/>
  <c r="T31787" i="1"/>
  <c r="T31788" i="1"/>
  <c r="T31789" i="1"/>
  <c r="T31790" i="1"/>
  <c r="T31791" i="1"/>
  <c r="T31792" i="1"/>
  <c r="T31793" i="1"/>
  <c r="T31794" i="1"/>
  <c r="T31795" i="1"/>
  <c r="T31796" i="1"/>
  <c r="T31797" i="1"/>
  <c r="T31798" i="1"/>
  <c r="T31799" i="1"/>
  <c r="T31800" i="1"/>
  <c r="T31801" i="1"/>
  <c r="T31802" i="1"/>
  <c r="T31803" i="1"/>
  <c r="T31804" i="1"/>
  <c r="T31805" i="1"/>
  <c r="T31806" i="1"/>
  <c r="T31807" i="1"/>
  <c r="T31808" i="1"/>
  <c r="T31809" i="1"/>
  <c r="T31810" i="1"/>
  <c r="T31811" i="1"/>
  <c r="T31812" i="1"/>
  <c r="T31813" i="1"/>
  <c r="T31814" i="1"/>
  <c r="T31815" i="1"/>
  <c r="T31816" i="1"/>
  <c r="T31817" i="1"/>
  <c r="T31818" i="1"/>
  <c r="T31819" i="1"/>
  <c r="T31820" i="1"/>
  <c r="T31821" i="1"/>
  <c r="T31822" i="1"/>
  <c r="T31823" i="1"/>
  <c r="T31824" i="1"/>
  <c r="T31825" i="1"/>
  <c r="T31826" i="1"/>
  <c r="T31827" i="1"/>
  <c r="T31828" i="1"/>
  <c r="T31829" i="1"/>
  <c r="T31830" i="1"/>
  <c r="T31831" i="1"/>
  <c r="T31832" i="1"/>
  <c r="T31833" i="1"/>
  <c r="T31834" i="1"/>
  <c r="T31835" i="1"/>
  <c r="T31836" i="1"/>
  <c r="T31837" i="1"/>
  <c r="T31838" i="1"/>
  <c r="T31839" i="1"/>
  <c r="T31840" i="1"/>
  <c r="T31841" i="1"/>
  <c r="T31842" i="1"/>
  <c r="T31843" i="1"/>
  <c r="T31844" i="1"/>
  <c r="T31845" i="1"/>
  <c r="T31846" i="1"/>
  <c r="T31847" i="1"/>
  <c r="T31848" i="1"/>
  <c r="T31849" i="1"/>
  <c r="T31850" i="1"/>
  <c r="T31851" i="1"/>
  <c r="T31852" i="1"/>
  <c r="T31853" i="1"/>
  <c r="T31854" i="1"/>
  <c r="T31855" i="1"/>
  <c r="T31856" i="1"/>
  <c r="T31857" i="1"/>
  <c r="T31858" i="1"/>
  <c r="T31859" i="1"/>
  <c r="T31860" i="1"/>
  <c r="T31861" i="1"/>
  <c r="T31862" i="1"/>
  <c r="T31863" i="1"/>
  <c r="T31864" i="1"/>
  <c r="T31865" i="1"/>
  <c r="T31866" i="1"/>
  <c r="T31867" i="1"/>
  <c r="T31868" i="1"/>
  <c r="T31869" i="1"/>
  <c r="T31870" i="1"/>
  <c r="T31871" i="1"/>
  <c r="T31872" i="1"/>
  <c r="T31873" i="1"/>
  <c r="T31874" i="1"/>
  <c r="T31875" i="1"/>
  <c r="T31876" i="1"/>
  <c r="T31877" i="1"/>
  <c r="T31878" i="1"/>
  <c r="T31879" i="1"/>
  <c r="T31880" i="1"/>
  <c r="T31881" i="1"/>
  <c r="T31882" i="1"/>
  <c r="T31883" i="1"/>
  <c r="T31884" i="1"/>
  <c r="T31885" i="1"/>
  <c r="T31886" i="1"/>
  <c r="T31887" i="1"/>
  <c r="T31888" i="1"/>
  <c r="T31889" i="1"/>
  <c r="T31890" i="1"/>
  <c r="T31891" i="1"/>
  <c r="T31892" i="1"/>
  <c r="T31893" i="1"/>
  <c r="T31894" i="1"/>
  <c r="T31895" i="1"/>
  <c r="T31896" i="1"/>
  <c r="T31897" i="1"/>
  <c r="T31898" i="1"/>
  <c r="T31899" i="1"/>
  <c r="T31900" i="1"/>
  <c r="T31901" i="1"/>
  <c r="T31902" i="1"/>
  <c r="T31903" i="1"/>
  <c r="T31904" i="1"/>
  <c r="T31905" i="1"/>
  <c r="T31906" i="1"/>
  <c r="T31907" i="1"/>
  <c r="T31908" i="1"/>
  <c r="T31909" i="1"/>
  <c r="T31910" i="1"/>
  <c r="T31911" i="1"/>
  <c r="T31912" i="1"/>
  <c r="T31913" i="1"/>
  <c r="T31914" i="1"/>
  <c r="T31915" i="1"/>
  <c r="T31916" i="1"/>
  <c r="T31917" i="1"/>
  <c r="T31918" i="1"/>
  <c r="T31919" i="1"/>
  <c r="T31920" i="1"/>
  <c r="T31921" i="1"/>
  <c r="T31922" i="1"/>
  <c r="T31923" i="1"/>
  <c r="T31924" i="1"/>
  <c r="T31925" i="1"/>
  <c r="T31926" i="1"/>
  <c r="T31927" i="1"/>
  <c r="T31928" i="1"/>
  <c r="T31929" i="1"/>
  <c r="T31930" i="1"/>
  <c r="T31931" i="1"/>
  <c r="T31932" i="1"/>
  <c r="T31933" i="1"/>
  <c r="T31934" i="1"/>
  <c r="T31935" i="1"/>
  <c r="T31936" i="1"/>
  <c r="T31937" i="1"/>
  <c r="T31938" i="1"/>
  <c r="T31939" i="1"/>
  <c r="T31940" i="1"/>
  <c r="T31941" i="1"/>
  <c r="T31942" i="1"/>
  <c r="T31943" i="1"/>
  <c r="T31944" i="1"/>
  <c r="T31945" i="1"/>
  <c r="T31946" i="1"/>
  <c r="T31947" i="1"/>
  <c r="T31948" i="1"/>
  <c r="T31949" i="1"/>
  <c r="T31950" i="1"/>
  <c r="T31951" i="1"/>
  <c r="T31952" i="1"/>
  <c r="T31953" i="1"/>
  <c r="T31954" i="1"/>
  <c r="T31955" i="1"/>
  <c r="T31956" i="1"/>
  <c r="T31957" i="1"/>
  <c r="T31958" i="1"/>
  <c r="T31959" i="1"/>
  <c r="T31960" i="1"/>
  <c r="T31961" i="1"/>
  <c r="T31962" i="1"/>
  <c r="T31963" i="1"/>
  <c r="T31964" i="1"/>
  <c r="T31965" i="1"/>
  <c r="T31966" i="1"/>
  <c r="T31967" i="1"/>
  <c r="T31968" i="1"/>
  <c r="T31969" i="1"/>
  <c r="T31970" i="1"/>
  <c r="T31971" i="1"/>
  <c r="T31972" i="1"/>
  <c r="T31973" i="1"/>
  <c r="T31974" i="1"/>
  <c r="T31975" i="1"/>
  <c r="T31976" i="1"/>
  <c r="T31977" i="1"/>
  <c r="T31978" i="1"/>
  <c r="T31979" i="1"/>
  <c r="T31980" i="1"/>
  <c r="T31981" i="1"/>
  <c r="T31982" i="1"/>
  <c r="T31983" i="1"/>
  <c r="T31984" i="1"/>
  <c r="T31985" i="1"/>
  <c r="T31986" i="1"/>
  <c r="T31987" i="1"/>
  <c r="T31988" i="1"/>
  <c r="T31989" i="1"/>
  <c r="T31990" i="1"/>
  <c r="T31991" i="1"/>
  <c r="T31992" i="1"/>
  <c r="T31993" i="1"/>
  <c r="T31994" i="1"/>
  <c r="T31995" i="1"/>
  <c r="T31996" i="1"/>
  <c r="T31997" i="1"/>
  <c r="T31998" i="1"/>
  <c r="T31999" i="1"/>
  <c r="T32000" i="1"/>
  <c r="T32001" i="1"/>
  <c r="T32002" i="1"/>
  <c r="T32003" i="1"/>
  <c r="T32004" i="1"/>
  <c r="T32005" i="1"/>
  <c r="T32006" i="1"/>
  <c r="T32007" i="1"/>
  <c r="T32008" i="1"/>
  <c r="T32009" i="1"/>
  <c r="T32010" i="1"/>
  <c r="T32011" i="1"/>
  <c r="T32012" i="1"/>
  <c r="T32013" i="1"/>
  <c r="T32014" i="1"/>
  <c r="T32015" i="1"/>
  <c r="T32016" i="1"/>
  <c r="T32017" i="1"/>
  <c r="T32018" i="1"/>
  <c r="T32019" i="1"/>
  <c r="T32020" i="1"/>
  <c r="T32021" i="1"/>
  <c r="T32022" i="1"/>
  <c r="T32023" i="1"/>
  <c r="T32024" i="1"/>
  <c r="T32025" i="1"/>
  <c r="T32026" i="1"/>
  <c r="T32027" i="1"/>
  <c r="T32028" i="1"/>
  <c r="T32029" i="1"/>
  <c r="T32030" i="1"/>
  <c r="T32031" i="1"/>
  <c r="T32032" i="1"/>
  <c r="T32033" i="1"/>
  <c r="T32034" i="1"/>
  <c r="T32035" i="1"/>
  <c r="T32036" i="1"/>
  <c r="T32037" i="1"/>
  <c r="T32038" i="1"/>
  <c r="T32039" i="1"/>
  <c r="T32040" i="1"/>
  <c r="T32041" i="1"/>
  <c r="T32042" i="1"/>
  <c r="T32043" i="1"/>
  <c r="T32044" i="1"/>
  <c r="T32045" i="1"/>
  <c r="T32046" i="1"/>
  <c r="T32047" i="1"/>
  <c r="T32048" i="1"/>
  <c r="T32049" i="1"/>
  <c r="T32050" i="1"/>
  <c r="T32051" i="1"/>
  <c r="T32052" i="1"/>
  <c r="T32053" i="1"/>
  <c r="T32054" i="1"/>
  <c r="T32055" i="1"/>
  <c r="T32056" i="1"/>
  <c r="T32057" i="1"/>
  <c r="T32058" i="1"/>
  <c r="T32059" i="1"/>
  <c r="T32060" i="1"/>
  <c r="T32061" i="1"/>
  <c r="T32062" i="1"/>
  <c r="T32063" i="1"/>
  <c r="T32064" i="1"/>
  <c r="T32065" i="1"/>
  <c r="T32066" i="1"/>
  <c r="T32067" i="1"/>
  <c r="T32068" i="1"/>
  <c r="T32069" i="1"/>
  <c r="T32070" i="1"/>
  <c r="T32071" i="1"/>
  <c r="T32072" i="1"/>
  <c r="T32073" i="1"/>
  <c r="T32074" i="1"/>
  <c r="T32075" i="1"/>
  <c r="T32076" i="1"/>
  <c r="T32077" i="1"/>
  <c r="T32078" i="1"/>
  <c r="T32079" i="1"/>
  <c r="T32080" i="1"/>
  <c r="T32081" i="1"/>
  <c r="T32082" i="1"/>
  <c r="T32083" i="1"/>
  <c r="T32084" i="1"/>
  <c r="T32085" i="1"/>
  <c r="T32086" i="1"/>
  <c r="T32087" i="1"/>
  <c r="T32088" i="1"/>
  <c r="T32089" i="1"/>
  <c r="T32090" i="1"/>
  <c r="T32091" i="1"/>
  <c r="T32092" i="1"/>
  <c r="T32093" i="1"/>
  <c r="T32094" i="1"/>
  <c r="T32095" i="1"/>
  <c r="T32096" i="1"/>
  <c r="T32097" i="1"/>
  <c r="T32098" i="1"/>
  <c r="T32099" i="1"/>
  <c r="T32100" i="1"/>
  <c r="T32101" i="1"/>
  <c r="T32102" i="1"/>
  <c r="T32103" i="1"/>
  <c r="T32104" i="1"/>
  <c r="T32105" i="1"/>
  <c r="T32106" i="1"/>
  <c r="T32107" i="1"/>
  <c r="T32108" i="1"/>
  <c r="T32109" i="1"/>
  <c r="T32110" i="1"/>
  <c r="T32111" i="1"/>
  <c r="T32112" i="1"/>
  <c r="T32113" i="1"/>
  <c r="T32114" i="1"/>
  <c r="T32115" i="1"/>
  <c r="T32116" i="1"/>
  <c r="T32117" i="1"/>
  <c r="T32118" i="1"/>
  <c r="T32119" i="1"/>
  <c r="T32120" i="1"/>
  <c r="T32121" i="1"/>
  <c r="T32122" i="1"/>
  <c r="T32123" i="1"/>
  <c r="T32124" i="1"/>
  <c r="T32125" i="1"/>
  <c r="T32126" i="1"/>
  <c r="T32127" i="1"/>
  <c r="T32128" i="1"/>
  <c r="T32129" i="1"/>
  <c r="T32130" i="1"/>
  <c r="T32131" i="1"/>
  <c r="T32132" i="1"/>
  <c r="T32133" i="1"/>
  <c r="T32134" i="1"/>
  <c r="T32135" i="1"/>
  <c r="T32136" i="1"/>
  <c r="T32137" i="1"/>
  <c r="T32138" i="1"/>
  <c r="T32139" i="1"/>
  <c r="T32140" i="1"/>
  <c r="T32141" i="1"/>
  <c r="T32142" i="1"/>
  <c r="T32143" i="1"/>
  <c r="T32144" i="1"/>
  <c r="T32145" i="1"/>
  <c r="T32146" i="1"/>
  <c r="T32147" i="1"/>
  <c r="T32148" i="1"/>
  <c r="T32149" i="1"/>
  <c r="T32150" i="1"/>
  <c r="T32151" i="1"/>
  <c r="T32152" i="1"/>
  <c r="T32153" i="1"/>
  <c r="T32154" i="1"/>
  <c r="T32155" i="1"/>
  <c r="T32156" i="1"/>
  <c r="T32157" i="1"/>
  <c r="T32158" i="1"/>
  <c r="T32159" i="1"/>
  <c r="T32160" i="1"/>
  <c r="T32161" i="1"/>
  <c r="T32162" i="1"/>
  <c r="T32163" i="1"/>
  <c r="T32164" i="1"/>
  <c r="T32165" i="1"/>
  <c r="T32166" i="1"/>
  <c r="T32167" i="1"/>
  <c r="T32168" i="1"/>
  <c r="T32169" i="1"/>
  <c r="T32170" i="1"/>
  <c r="T32171" i="1"/>
  <c r="T32172" i="1"/>
  <c r="T32173" i="1"/>
  <c r="T32174" i="1"/>
  <c r="T32175" i="1"/>
  <c r="T32176" i="1"/>
  <c r="T32177" i="1"/>
  <c r="T32178" i="1"/>
  <c r="T32179" i="1"/>
  <c r="T32180" i="1"/>
  <c r="T32181" i="1"/>
  <c r="T32182" i="1"/>
  <c r="T32183" i="1"/>
  <c r="T32184" i="1"/>
  <c r="T32185" i="1"/>
  <c r="T32186" i="1"/>
  <c r="T32187" i="1"/>
  <c r="T32188" i="1"/>
  <c r="T32189" i="1"/>
  <c r="T32190" i="1"/>
  <c r="T32191" i="1"/>
  <c r="T32192" i="1"/>
  <c r="T32193" i="1"/>
  <c r="T32194" i="1"/>
  <c r="T32195" i="1"/>
  <c r="T32196" i="1"/>
  <c r="T32197" i="1"/>
  <c r="T32198" i="1"/>
  <c r="T32199" i="1"/>
  <c r="T32200" i="1"/>
  <c r="T32201" i="1"/>
  <c r="T32202" i="1"/>
  <c r="T32203" i="1"/>
  <c r="T32204" i="1"/>
  <c r="T32205" i="1"/>
  <c r="T32206" i="1"/>
  <c r="T32207" i="1"/>
  <c r="T32208" i="1"/>
  <c r="T32209" i="1"/>
  <c r="T32210" i="1"/>
  <c r="T32211" i="1"/>
  <c r="T32212" i="1"/>
  <c r="T32213" i="1"/>
  <c r="T32214" i="1"/>
  <c r="T32215" i="1"/>
  <c r="T32216" i="1"/>
  <c r="T32217" i="1"/>
  <c r="T32218" i="1"/>
  <c r="T32219" i="1"/>
  <c r="T32220" i="1"/>
  <c r="T32221" i="1"/>
  <c r="T32222" i="1"/>
  <c r="T32223" i="1"/>
  <c r="T32224" i="1"/>
  <c r="T32225" i="1"/>
  <c r="T32226" i="1"/>
  <c r="T32227" i="1"/>
  <c r="T32228" i="1"/>
  <c r="T32229" i="1"/>
  <c r="T32230" i="1"/>
  <c r="T32231" i="1"/>
  <c r="T32232" i="1"/>
  <c r="T32233" i="1"/>
  <c r="T32234" i="1"/>
  <c r="T32235" i="1"/>
  <c r="T32236" i="1"/>
  <c r="T32237" i="1"/>
  <c r="T32238" i="1"/>
  <c r="T32239" i="1"/>
  <c r="T32240" i="1"/>
  <c r="T32241" i="1"/>
  <c r="T32242" i="1"/>
  <c r="T32243" i="1"/>
  <c r="T32244" i="1"/>
  <c r="T32245" i="1"/>
  <c r="T32246" i="1"/>
  <c r="T32247" i="1"/>
  <c r="T32248" i="1"/>
  <c r="T32249" i="1"/>
  <c r="T32250" i="1"/>
  <c r="T32251" i="1"/>
  <c r="T32252" i="1"/>
  <c r="T32253" i="1"/>
  <c r="T32254" i="1"/>
  <c r="T32255" i="1"/>
  <c r="T32256" i="1"/>
  <c r="T32257" i="1"/>
  <c r="T32258" i="1"/>
  <c r="T32259" i="1"/>
  <c r="T32260" i="1"/>
  <c r="T32261" i="1"/>
  <c r="T32262" i="1"/>
  <c r="T32263" i="1"/>
  <c r="T32264" i="1"/>
  <c r="T32265" i="1"/>
  <c r="T32266" i="1"/>
  <c r="T32267" i="1"/>
  <c r="T32268" i="1"/>
  <c r="T32269" i="1"/>
  <c r="T32270" i="1"/>
  <c r="T32271" i="1"/>
  <c r="T32272" i="1"/>
  <c r="T32273" i="1"/>
  <c r="T32274" i="1"/>
  <c r="T32275" i="1"/>
  <c r="T32276" i="1"/>
  <c r="T32277" i="1"/>
  <c r="T32278" i="1"/>
  <c r="T32279" i="1"/>
  <c r="T32280" i="1"/>
  <c r="T32281" i="1"/>
  <c r="T32282" i="1"/>
  <c r="T32283" i="1"/>
  <c r="T32284" i="1"/>
  <c r="T32285" i="1"/>
  <c r="T32286" i="1"/>
  <c r="T32287" i="1"/>
  <c r="T32288" i="1"/>
  <c r="T32289" i="1"/>
  <c r="T32290" i="1"/>
  <c r="T32291" i="1"/>
  <c r="T32292" i="1"/>
  <c r="T32293" i="1"/>
  <c r="T32294" i="1"/>
  <c r="T32295" i="1"/>
  <c r="T32296" i="1"/>
  <c r="T32297" i="1"/>
  <c r="T32298" i="1"/>
  <c r="T32299" i="1"/>
  <c r="T32300" i="1"/>
  <c r="T32301" i="1"/>
  <c r="T32302" i="1"/>
  <c r="T32303" i="1"/>
  <c r="T32304" i="1"/>
  <c r="T32305" i="1"/>
  <c r="T32306" i="1"/>
  <c r="T32307" i="1"/>
  <c r="T32308" i="1"/>
  <c r="T32309" i="1"/>
  <c r="T32310" i="1"/>
  <c r="T32311" i="1"/>
  <c r="T32312" i="1"/>
  <c r="T32313" i="1"/>
  <c r="T32314" i="1"/>
  <c r="T32315" i="1"/>
  <c r="T32316" i="1"/>
  <c r="T32317" i="1"/>
  <c r="T32318" i="1"/>
  <c r="T32319" i="1"/>
  <c r="T32320" i="1"/>
  <c r="T32321" i="1"/>
  <c r="T32322" i="1"/>
  <c r="T32323" i="1"/>
  <c r="T32324" i="1"/>
  <c r="T32325" i="1"/>
  <c r="T32326" i="1"/>
  <c r="T32327" i="1"/>
  <c r="T32328" i="1"/>
  <c r="T32329" i="1"/>
  <c r="T32330" i="1"/>
  <c r="T32331" i="1"/>
  <c r="T32332" i="1"/>
  <c r="T32333" i="1"/>
  <c r="T32334" i="1"/>
  <c r="T32335" i="1"/>
  <c r="T32336" i="1"/>
  <c r="T32337" i="1"/>
  <c r="T32338" i="1"/>
  <c r="T32339" i="1"/>
  <c r="T32340" i="1"/>
  <c r="T32341" i="1"/>
  <c r="T32342" i="1"/>
  <c r="T32343" i="1"/>
  <c r="T32344" i="1"/>
  <c r="T32345" i="1"/>
  <c r="T32346" i="1"/>
  <c r="T32347" i="1"/>
  <c r="T32348" i="1"/>
  <c r="T32349" i="1"/>
  <c r="T32350" i="1"/>
  <c r="T32351" i="1"/>
  <c r="T32352" i="1"/>
  <c r="T32353" i="1"/>
  <c r="T32354" i="1"/>
  <c r="T32355" i="1"/>
  <c r="T32356" i="1"/>
  <c r="T32357" i="1"/>
  <c r="T32358" i="1"/>
  <c r="T32359" i="1"/>
  <c r="T32360" i="1"/>
  <c r="T32361" i="1"/>
  <c r="T32362" i="1"/>
  <c r="T32363" i="1"/>
  <c r="T32364" i="1"/>
  <c r="T32365" i="1"/>
  <c r="T32366" i="1"/>
  <c r="T32367" i="1"/>
  <c r="T32368" i="1"/>
  <c r="T32369" i="1"/>
  <c r="T32370" i="1"/>
  <c r="T32371" i="1"/>
  <c r="T32372" i="1"/>
  <c r="T32373" i="1"/>
  <c r="T32374" i="1"/>
  <c r="T32375" i="1"/>
  <c r="T32376" i="1"/>
  <c r="T32377" i="1"/>
  <c r="T32378" i="1"/>
  <c r="T32379" i="1"/>
  <c r="T32380" i="1"/>
  <c r="T32381" i="1"/>
  <c r="T32382" i="1"/>
  <c r="T32383" i="1"/>
  <c r="T32384" i="1"/>
  <c r="T32385" i="1"/>
  <c r="T32386" i="1"/>
  <c r="T32387" i="1"/>
  <c r="T32388" i="1"/>
  <c r="T32389" i="1"/>
  <c r="T32390" i="1"/>
  <c r="T32391" i="1"/>
  <c r="T32392" i="1"/>
  <c r="T32393" i="1"/>
  <c r="T32394" i="1"/>
  <c r="T32395" i="1"/>
  <c r="T32396" i="1"/>
  <c r="T32397" i="1"/>
  <c r="T32398" i="1"/>
  <c r="T32399" i="1"/>
  <c r="T32400" i="1"/>
  <c r="T32401" i="1"/>
  <c r="T32402" i="1"/>
  <c r="T32403" i="1"/>
  <c r="T32404" i="1"/>
  <c r="T32405" i="1"/>
  <c r="T32406" i="1"/>
  <c r="T32407" i="1"/>
  <c r="T32408" i="1"/>
  <c r="T32409" i="1"/>
  <c r="T32410" i="1"/>
  <c r="T32411" i="1"/>
  <c r="T32412" i="1"/>
  <c r="T32413" i="1"/>
  <c r="T32414" i="1"/>
  <c r="T32415" i="1"/>
  <c r="T32416" i="1"/>
  <c r="T32417" i="1"/>
  <c r="T32418" i="1"/>
  <c r="T32419" i="1"/>
  <c r="T32420" i="1"/>
  <c r="T32421" i="1"/>
  <c r="T32422" i="1"/>
  <c r="T32423" i="1"/>
  <c r="T32424" i="1"/>
  <c r="T32425" i="1"/>
  <c r="T32426" i="1"/>
  <c r="T32427" i="1"/>
  <c r="T32428" i="1"/>
  <c r="T32429" i="1"/>
  <c r="T32430" i="1"/>
  <c r="T32431" i="1"/>
  <c r="T32432" i="1"/>
  <c r="T32433" i="1"/>
  <c r="T32434" i="1"/>
  <c r="T32435" i="1"/>
  <c r="T32436" i="1"/>
  <c r="T32437" i="1"/>
  <c r="T32438" i="1"/>
  <c r="T32439" i="1"/>
  <c r="T32440" i="1"/>
  <c r="T32441" i="1"/>
  <c r="T32442" i="1"/>
  <c r="T32443" i="1"/>
  <c r="T32444" i="1"/>
  <c r="T32445" i="1"/>
  <c r="T32446" i="1"/>
  <c r="T32447" i="1"/>
  <c r="T32448" i="1"/>
  <c r="T32449" i="1"/>
  <c r="T32450" i="1"/>
  <c r="T32451" i="1"/>
  <c r="T32452" i="1"/>
  <c r="T32453" i="1"/>
  <c r="T32454" i="1"/>
  <c r="T32455" i="1"/>
  <c r="T32456" i="1"/>
  <c r="T32457" i="1"/>
  <c r="T32458" i="1"/>
  <c r="T32459" i="1"/>
  <c r="T32460" i="1"/>
  <c r="T32461" i="1"/>
  <c r="T32462" i="1"/>
  <c r="T32463" i="1"/>
  <c r="T32464" i="1"/>
  <c r="T32465" i="1"/>
  <c r="T32466" i="1"/>
  <c r="T32467" i="1"/>
  <c r="T32468" i="1"/>
  <c r="T32469" i="1"/>
  <c r="T32470" i="1"/>
  <c r="T32471" i="1"/>
  <c r="T32472" i="1"/>
  <c r="T32473" i="1"/>
  <c r="T32474" i="1"/>
  <c r="T32475" i="1"/>
  <c r="T32476" i="1"/>
  <c r="T32477" i="1"/>
  <c r="T32478" i="1"/>
  <c r="T32479" i="1"/>
  <c r="T32480" i="1"/>
  <c r="T32481" i="1"/>
  <c r="T32482" i="1"/>
  <c r="T32483" i="1"/>
  <c r="T32484" i="1"/>
  <c r="T32485" i="1"/>
  <c r="T32486" i="1"/>
  <c r="T32487" i="1"/>
  <c r="T32488" i="1"/>
  <c r="T32489" i="1"/>
  <c r="T32490" i="1"/>
  <c r="T32491" i="1"/>
  <c r="T32492" i="1"/>
  <c r="T32493" i="1"/>
  <c r="T32494" i="1"/>
  <c r="T32495" i="1"/>
  <c r="T32496" i="1"/>
  <c r="T32497" i="1"/>
  <c r="T32498" i="1"/>
  <c r="T32499" i="1"/>
  <c r="T32500" i="1"/>
  <c r="T32501" i="1"/>
  <c r="T32502" i="1"/>
  <c r="T32503" i="1"/>
  <c r="T32504" i="1"/>
  <c r="T32505" i="1"/>
  <c r="T32506" i="1"/>
  <c r="T32507" i="1"/>
  <c r="T32508" i="1"/>
  <c r="T32509" i="1"/>
  <c r="T32510" i="1"/>
  <c r="T32511" i="1"/>
  <c r="T32512" i="1"/>
  <c r="T32513" i="1"/>
  <c r="T32514" i="1"/>
  <c r="T32515" i="1"/>
  <c r="T32516" i="1"/>
  <c r="T32517" i="1"/>
  <c r="T32518" i="1"/>
  <c r="T32519" i="1"/>
  <c r="T32520" i="1"/>
  <c r="T32521" i="1"/>
  <c r="T32522" i="1"/>
  <c r="T32523" i="1"/>
  <c r="T32524" i="1"/>
  <c r="T32525" i="1"/>
  <c r="T32526" i="1"/>
  <c r="T32527" i="1"/>
  <c r="T32528" i="1"/>
  <c r="T32529" i="1"/>
  <c r="T32530" i="1"/>
  <c r="T32531" i="1"/>
  <c r="T32532" i="1"/>
  <c r="T32533" i="1"/>
  <c r="T32534" i="1"/>
  <c r="T32535" i="1"/>
  <c r="T32536" i="1"/>
  <c r="T32537" i="1"/>
  <c r="T32538" i="1"/>
  <c r="T32539" i="1"/>
  <c r="T32540" i="1"/>
  <c r="T32541" i="1"/>
  <c r="T32542" i="1"/>
  <c r="T32543" i="1"/>
  <c r="T32544" i="1"/>
  <c r="T32545" i="1"/>
  <c r="T32546" i="1"/>
  <c r="T32547" i="1"/>
  <c r="T32548" i="1"/>
  <c r="T32549" i="1"/>
  <c r="T32550" i="1"/>
  <c r="T32551" i="1"/>
  <c r="T32552" i="1"/>
  <c r="T32553" i="1"/>
  <c r="T32554" i="1"/>
  <c r="T32555" i="1"/>
  <c r="T32556" i="1"/>
  <c r="T32557" i="1"/>
  <c r="T32558" i="1"/>
  <c r="T32559" i="1"/>
  <c r="T32560" i="1"/>
  <c r="T32561" i="1"/>
  <c r="T32562" i="1"/>
  <c r="T32563" i="1"/>
  <c r="T32564" i="1"/>
  <c r="T32565" i="1"/>
  <c r="T32566" i="1"/>
  <c r="T32567" i="1"/>
  <c r="T32568" i="1"/>
  <c r="T32569" i="1"/>
  <c r="T32570" i="1"/>
  <c r="T32571" i="1"/>
  <c r="T32572" i="1"/>
  <c r="T32573" i="1"/>
  <c r="T32574" i="1"/>
  <c r="T32575" i="1"/>
  <c r="T32576" i="1"/>
  <c r="T32577" i="1"/>
  <c r="T32578" i="1"/>
  <c r="T32579" i="1"/>
  <c r="T32580" i="1"/>
  <c r="T32581" i="1"/>
  <c r="T32582" i="1"/>
  <c r="T32583" i="1"/>
  <c r="T32584" i="1"/>
  <c r="T32585" i="1"/>
  <c r="T32586" i="1"/>
  <c r="T32587" i="1"/>
  <c r="T32588" i="1"/>
  <c r="T32589" i="1"/>
  <c r="T32590" i="1"/>
  <c r="T32591" i="1"/>
  <c r="T32592" i="1"/>
  <c r="T32593" i="1"/>
  <c r="T32594" i="1"/>
  <c r="T32595" i="1"/>
  <c r="T32596" i="1"/>
  <c r="T32597" i="1"/>
  <c r="T32598" i="1"/>
  <c r="T32599" i="1"/>
  <c r="T32600" i="1"/>
  <c r="T32601" i="1"/>
  <c r="T32602" i="1"/>
  <c r="T32603" i="1"/>
  <c r="T32604" i="1"/>
  <c r="T32605" i="1"/>
  <c r="T32606" i="1"/>
  <c r="T32607" i="1"/>
  <c r="T32608" i="1"/>
  <c r="T32609" i="1"/>
  <c r="T32610" i="1"/>
  <c r="T32611" i="1"/>
  <c r="T32612" i="1"/>
  <c r="T32613" i="1"/>
  <c r="T32614" i="1"/>
  <c r="T32615" i="1"/>
  <c r="T32616" i="1"/>
  <c r="T32617" i="1"/>
  <c r="T32618" i="1"/>
  <c r="T32619" i="1"/>
  <c r="T32620" i="1"/>
  <c r="T32621" i="1"/>
  <c r="T32622" i="1"/>
  <c r="T32623" i="1"/>
  <c r="T32624" i="1"/>
  <c r="T32625" i="1"/>
  <c r="T32626" i="1"/>
  <c r="T32627" i="1"/>
  <c r="T32628" i="1"/>
  <c r="T32629" i="1"/>
  <c r="T32630" i="1"/>
  <c r="T32631" i="1"/>
  <c r="T32632" i="1"/>
  <c r="T32633" i="1"/>
  <c r="T32634" i="1"/>
  <c r="T32635" i="1"/>
  <c r="T32636" i="1"/>
  <c r="T32637" i="1"/>
  <c r="T32638" i="1"/>
  <c r="T32639" i="1"/>
  <c r="T32640" i="1"/>
  <c r="T32641" i="1"/>
  <c r="T32642" i="1"/>
  <c r="T32643" i="1"/>
  <c r="T32644" i="1"/>
  <c r="T32645" i="1"/>
  <c r="T32646" i="1"/>
  <c r="T32647" i="1"/>
  <c r="T32648" i="1"/>
  <c r="T32649" i="1"/>
  <c r="T32650" i="1"/>
  <c r="T32651" i="1"/>
  <c r="T32652" i="1"/>
  <c r="T32653" i="1"/>
  <c r="T32654" i="1"/>
  <c r="T32655" i="1"/>
  <c r="T32656" i="1"/>
  <c r="T32657" i="1"/>
  <c r="T32658" i="1"/>
  <c r="T32659" i="1"/>
  <c r="T32660" i="1"/>
  <c r="T32661" i="1"/>
  <c r="T32662" i="1"/>
  <c r="T32663" i="1"/>
  <c r="T32664" i="1"/>
  <c r="T32665" i="1"/>
  <c r="T32666" i="1"/>
  <c r="T32667" i="1"/>
  <c r="T32668" i="1"/>
  <c r="T32669" i="1"/>
  <c r="T32670" i="1"/>
  <c r="T32671" i="1"/>
  <c r="T32672" i="1"/>
  <c r="T32673" i="1"/>
  <c r="T32674" i="1"/>
  <c r="T32675" i="1"/>
  <c r="T32676" i="1"/>
  <c r="T32677" i="1"/>
  <c r="T32678" i="1"/>
  <c r="T32679" i="1"/>
  <c r="T32680" i="1"/>
  <c r="T32681" i="1"/>
  <c r="T32682" i="1"/>
  <c r="T32683" i="1"/>
  <c r="T32684" i="1"/>
  <c r="T32685" i="1"/>
  <c r="T32686" i="1"/>
  <c r="T32687" i="1"/>
  <c r="T32688" i="1"/>
  <c r="T32689" i="1"/>
  <c r="T32690" i="1"/>
  <c r="T32691" i="1"/>
  <c r="T32692" i="1"/>
  <c r="T32693" i="1"/>
  <c r="T32694" i="1"/>
  <c r="T32695" i="1"/>
  <c r="T32696" i="1"/>
  <c r="T32697" i="1"/>
  <c r="T32698" i="1"/>
  <c r="T32699" i="1"/>
  <c r="T32700" i="1"/>
  <c r="T32701" i="1"/>
  <c r="T32702" i="1"/>
  <c r="T32703" i="1"/>
  <c r="T32704" i="1"/>
  <c r="T32705" i="1"/>
  <c r="T32706" i="1"/>
  <c r="T32707" i="1"/>
  <c r="T32708" i="1"/>
  <c r="T32709" i="1"/>
  <c r="T32710" i="1"/>
  <c r="T32711" i="1"/>
  <c r="T32712" i="1"/>
  <c r="T32713" i="1"/>
  <c r="T32714" i="1"/>
  <c r="T32715" i="1"/>
  <c r="T32716" i="1"/>
  <c r="T32717" i="1"/>
  <c r="T32718" i="1"/>
  <c r="T32719" i="1"/>
  <c r="T32720" i="1"/>
  <c r="T32721" i="1"/>
  <c r="T32722" i="1"/>
  <c r="T32723" i="1"/>
  <c r="T32724" i="1"/>
  <c r="T32725" i="1"/>
  <c r="T32726" i="1"/>
  <c r="T32727" i="1"/>
  <c r="T32728" i="1"/>
  <c r="T32729" i="1"/>
  <c r="T32730" i="1"/>
  <c r="T32731" i="1"/>
  <c r="T32732" i="1"/>
  <c r="T32733" i="1"/>
  <c r="T32734" i="1"/>
  <c r="T32735" i="1"/>
  <c r="T32736" i="1"/>
  <c r="T32737" i="1"/>
  <c r="T32738" i="1"/>
  <c r="T32739" i="1"/>
  <c r="T32740" i="1"/>
  <c r="T32741" i="1"/>
  <c r="T32742" i="1"/>
  <c r="T32743" i="1"/>
  <c r="T32744" i="1"/>
  <c r="T32745" i="1"/>
  <c r="T32746" i="1"/>
  <c r="T32747" i="1"/>
  <c r="T32748" i="1"/>
  <c r="T32749" i="1"/>
  <c r="T32750" i="1"/>
  <c r="T32751" i="1"/>
  <c r="T32752" i="1"/>
  <c r="T32753" i="1"/>
  <c r="T32754" i="1"/>
  <c r="T32755" i="1"/>
  <c r="T32756" i="1"/>
  <c r="T32757" i="1"/>
  <c r="T32758" i="1"/>
  <c r="T32759" i="1"/>
  <c r="T32760" i="1"/>
  <c r="T32761" i="1"/>
  <c r="T32762" i="1"/>
  <c r="T32763" i="1"/>
  <c r="T32764" i="1"/>
  <c r="T32765" i="1"/>
  <c r="T32766" i="1"/>
  <c r="T32767" i="1"/>
  <c r="T32768" i="1"/>
  <c r="T32769" i="1"/>
  <c r="T32770" i="1"/>
  <c r="T32771" i="1"/>
  <c r="T32772" i="1"/>
  <c r="T32773" i="1"/>
  <c r="T32774" i="1"/>
  <c r="T32775" i="1"/>
  <c r="T32776" i="1"/>
  <c r="T32777" i="1"/>
  <c r="T32778" i="1"/>
  <c r="T32779" i="1"/>
  <c r="T32780" i="1"/>
  <c r="T32781" i="1"/>
  <c r="T32782" i="1"/>
  <c r="T32783" i="1"/>
  <c r="T32784" i="1"/>
  <c r="T32785" i="1"/>
  <c r="T32786" i="1"/>
  <c r="T32787" i="1"/>
  <c r="T32788" i="1"/>
  <c r="T32789" i="1"/>
  <c r="T32790" i="1"/>
  <c r="T32791" i="1"/>
  <c r="T32792" i="1"/>
  <c r="T32793" i="1"/>
  <c r="T32794" i="1"/>
  <c r="T32795" i="1"/>
  <c r="T32796" i="1"/>
  <c r="T32797" i="1"/>
  <c r="T32798" i="1"/>
  <c r="T32799" i="1"/>
  <c r="T32800" i="1"/>
  <c r="T32801" i="1"/>
  <c r="T32802" i="1"/>
  <c r="T32803" i="1"/>
  <c r="T32804" i="1"/>
  <c r="T32805" i="1"/>
  <c r="T32806" i="1"/>
  <c r="T32807" i="1"/>
  <c r="T32808" i="1"/>
  <c r="T32809" i="1"/>
  <c r="T32810" i="1"/>
  <c r="T32811" i="1"/>
  <c r="T32812" i="1"/>
  <c r="T32813" i="1"/>
  <c r="T32814" i="1"/>
  <c r="T32815" i="1"/>
  <c r="T32816" i="1"/>
  <c r="T32817" i="1"/>
  <c r="T32818" i="1"/>
  <c r="T32819" i="1"/>
  <c r="T32820" i="1"/>
  <c r="T32821" i="1"/>
  <c r="T32822" i="1"/>
  <c r="T32823" i="1"/>
  <c r="T32824" i="1"/>
  <c r="T32825" i="1"/>
  <c r="T32826" i="1"/>
  <c r="T32827" i="1"/>
  <c r="T32828" i="1"/>
  <c r="T32829" i="1"/>
  <c r="T32830" i="1"/>
  <c r="T32831" i="1"/>
  <c r="T32832" i="1"/>
  <c r="T32833" i="1"/>
  <c r="T32834" i="1"/>
  <c r="T32835" i="1"/>
  <c r="T32836" i="1"/>
  <c r="T32837" i="1"/>
  <c r="T32838" i="1"/>
  <c r="T32839" i="1"/>
  <c r="T32840" i="1"/>
  <c r="T32841" i="1"/>
  <c r="T32842" i="1"/>
  <c r="T32843" i="1"/>
  <c r="T32844" i="1"/>
  <c r="T32845" i="1"/>
  <c r="T32846" i="1"/>
  <c r="T32847" i="1"/>
  <c r="T32848" i="1"/>
  <c r="T32849" i="1"/>
  <c r="T32850" i="1"/>
  <c r="T32851" i="1"/>
  <c r="T32852" i="1"/>
  <c r="T32853" i="1"/>
  <c r="T32854" i="1"/>
  <c r="T32855" i="1"/>
  <c r="T32856" i="1"/>
  <c r="T32857" i="1"/>
  <c r="T32858" i="1"/>
  <c r="T32859" i="1"/>
  <c r="T32860" i="1"/>
  <c r="T32861" i="1"/>
  <c r="T32862" i="1"/>
  <c r="T32863" i="1"/>
  <c r="T32864" i="1"/>
  <c r="T32865" i="1"/>
  <c r="T32866" i="1"/>
  <c r="T32867" i="1"/>
  <c r="T32868" i="1"/>
  <c r="T32869" i="1"/>
  <c r="T32870" i="1"/>
  <c r="T32871" i="1"/>
  <c r="T32872" i="1"/>
  <c r="T32873" i="1"/>
  <c r="T32874" i="1"/>
  <c r="T32875" i="1"/>
  <c r="T32876" i="1"/>
  <c r="T32877" i="1"/>
  <c r="T32878" i="1"/>
  <c r="T32879" i="1"/>
  <c r="T32880" i="1"/>
  <c r="T32881" i="1"/>
  <c r="T32882" i="1"/>
  <c r="T32883" i="1"/>
  <c r="T32884" i="1"/>
  <c r="T32885" i="1"/>
  <c r="T32886" i="1"/>
  <c r="T32887" i="1"/>
  <c r="T32888" i="1"/>
  <c r="T32889" i="1"/>
  <c r="T32890" i="1"/>
  <c r="T32891" i="1"/>
  <c r="T32892" i="1"/>
  <c r="T32893" i="1"/>
  <c r="T32894" i="1"/>
  <c r="T32895" i="1"/>
  <c r="T32896" i="1"/>
  <c r="T32897" i="1"/>
  <c r="T32898" i="1"/>
  <c r="T32899" i="1"/>
  <c r="T32900" i="1"/>
  <c r="T32901" i="1"/>
  <c r="T32902" i="1"/>
  <c r="T32903" i="1"/>
  <c r="T32904" i="1"/>
  <c r="T32905" i="1"/>
  <c r="T32906" i="1"/>
  <c r="T32907" i="1"/>
  <c r="T32908" i="1"/>
  <c r="T32909" i="1"/>
  <c r="T32910" i="1"/>
  <c r="T32911" i="1"/>
  <c r="T32912" i="1"/>
  <c r="T32913" i="1"/>
  <c r="T32914" i="1"/>
  <c r="T32915" i="1"/>
  <c r="T32916" i="1"/>
  <c r="T32917" i="1"/>
  <c r="T32918" i="1"/>
  <c r="T32919" i="1"/>
  <c r="T32920" i="1"/>
  <c r="T32921" i="1"/>
  <c r="T32922" i="1"/>
  <c r="T32923" i="1"/>
  <c r="T32924" i="1"/>
  <c r="T32925" i="1"/>
  <c r="T32926" i="1"/>
  <c r="T32927" i="1"/>
  <c r="T32928" i="1"/>
  <c r="T32929" i="1"/>
  <c r="T32930" i="1"/>
  <c r="T32931" i="1"/>
  <c r="T32932" i="1"/>
  <c r="T32933" i="1"/>
  <c r="T32934" i="1"/>
  <c r="T32935" i="1"/>
  <c r="T32936" i="1"/>
  <c r="T32937" i="1"/>
  <c r="T32938" i="1"/>
  <c r="T32939" i="1"/>
  <c r="T32940" i="1"/>
  <c r="T32941" i="1"/>
  <c r="T32942" i="1"/>
  <c r="T32943" i="1"/>
  <c r="T32944" i="1"/>
  <c r="T32945" i="1"/>
  <c r="T32946" i="1"/>
  <c r="T32947" i="1"/>
  <c r="T32948" i="1"/>
  <c r="T32949" i="1"/>
  <c r="T32950" i="1"/>
  <c r="T32951" i="1"/>
  <c r="T32952" i="1"/>
  <c r="T32953" i="1"/>
  <c r="T32954" i="1"/>
  <c r="T32955" i="1"/>
  <c r="T32956" i="1"/>
  <c r="T32957" i="1"/>
  <c r="T32958" i="1"/>
  <c r="T32959" i="1"/>
  <c r="T32960" i="1"/>
  <c r="T32961" i="1"/>
  <c r="T32962" i="1"/>
  <c r="T32963" i="1"/>
  <c r="T32964" i="1"/>
  <c r="T32965" i="1"/>
  <c r="T32966" i="1"/>
  <c r="T32967" i="1"/>
  <c r="T32968" i="1"/>
  <c r="T32969" i="1"/>
  <c r="T32970" i="1"/>
  <c r="T32971" i="1"/>
  <c r="T32972" i="1"/>
  <c r="T32973" i="1"/>
  <c r="T32974" i="1"/>
  <c r="T32975" i="1"/>
  <c r="T32976" i="1"/>
  <c r="T32977" i="1"/>
  <c r="T32978" i="1"/>
  <c r="T32979" i="1"/>
  <c r="T32980" i="1"/>
  <c r="T32981" i="1"/>
  <c r="T32982" i="1"/>
  <c r="T32983" i="1"/>
  <c r="T32984" i="1"/>
  <c r="T32985" i="1"/>
  <c r="T32986" i="1"/>
  <c r="T32987" i="1"/>
  <c r="T32988" i="1"/>
  <c r="T32989" i="1"/>
  <c r="T32990" i="1"/>
  <c r="T32991" i="1"/>
  <c r="T32992" i="1"/>
  <c r="T32993" i="1"/>
  <c r="T32994" i="1"/>
  <c r="T32995" i="1"/>
  <c r="T32996" i="1"/>
  <c r="T32997" i="1"/>
  <c r="T32998" i="1"/>
  <c r="T32999" i="1"/>
  <c r="T33000" i="1"/>
  <c r="T33001" i="1"/>
  <c r="T33002" i="1"/>
  <c r="T33003" i="1"/>
  <c r="T33004" i="1"/>
  <c r="T33005" i="1"/>
  <c r="T33006" i="1"/>
  <c r="T33007" i="1"/>
  <c r="T33008" i="1"/>
  <c r="T33009" i="1"/>
  <c r="T33010" i="1"/>
  <c r="T33011" i="1"/>
  <c r="T33012" i="1"/>
  <c r="T33013" i="1"/>
  <c r="T33014" i="1"/>
  <c r="T33015" i="1"/>
  <c r="T33016" i="1"/>
  <c r="T33017" i="1"/>
  <c r="T33018" i="1"/>
  <c r="T33019" i="1"/>
  <c r="T33020" i="1"/>
  <c r="T33021" i="1"/>
  <c r="T33022" i="1"/>
  <c r="T33023" i="1"/>
  <c r="T33024" i="1"/>
  <c r="T33025" i="1"/>
  <c r="T33026" i="1"/>
  <c r="T33027" i="1"/>
  <c r="T33028" i="1"/>
  <c r="T33029" i="1"/>
  <c r="T33030" i="1"/>
  <c r="T33031" i="1"/>
  <c r="T33032" i="1"/>
  <c r="T33033" i="1"/>
  <c r="T33034" i="1"/>
  <c r="T33035" i="1"/>
  <c r="T33036" i="1"/>
  <c r="T33037" i="1"/>
  <c r="T33038" i="1"/>
  <c r="T33039" i="1"/>
  <c r="T33040" i="1"/>
  <c r="T33041" i="1"/>
  <c r="T33042" i="1"/>
  <c r="T33043" i="1"/>
  <c r="T33044" i="1"/>
  <c r="T33045" i="1"/>
  <c r="T33046" i="1"/>
  <c r="T33047" i="1"/>
  <c r="T33048" i="1"/>
  <c r="T33049" i="1"/>
  <c r="T33050" i="1"/>
  <c r="T33051" i="1"/>
  <c r="T33052" i="1"/>
  <c r="T33053" i="1"/>
  <c r="T33054" i="1"/>
  <c r="T33055" i="1"/>
  <c r="T33056" i="1"/>
  <c r="T33057" i="1"/>
  <c r="T33058" i="1"/>
  <c r="T33059" i="1"/>
  <c r="T33060" i="1"/>
  <c r="T33061" i="1"/>
  <c r="T33062" i="1"/>
  <c r="T33063" i="1"/>
  <c r="T33064" i="1"/>
  <c r="T33065" i="1"/>
  <c r="T33066" i="1"/>
  <c r="T33067" i="1"/>
  <c r="T33068" i="1"/>
  <c r="T33069" i="1"/>
  <c r="T33070" i="1"/>
  <c r="T33071" i="1"/>
  <c r="T33072" i="1"/>
  <c r="T33073" i="1"/>
  <c r="T33074" i="1"/>
  <c r="T33075" i="1"/>
  <c r="T33076" i="1"/>
  <c r="T33077" i="1"/>
  <c r="T33078" i="1"/>
  <c r="T33079" i="1"/>
  <c r="T33080" i="1"/>
  <c r="T33081" i="1"/>
  <c r="T33082" i="1"/>
  <c r="T33083" i="1"/>
  <c r="T33084" i="1"/>
  <c r="T33085" i="1"/>
  <c r="T33086" i="1"/>
  <c r="T33087" i="1"/>
  <c r="T33088" i="1"/>
  <c r="T33089" i="1"/>
  <c r="T33090" i="1"/>
  <c r="T33091" i="1"/>
  <c r="T33092" i="1"/>
  <c r="T33093" i="1"/>
  <c r="T33094" i="1"/>
  <c r="T33095" i="1"/>
  <c r="T33096" i="1"/>
  <c r="T33097" i="1"/>
  <c r="T33098" i="1"/>
  <c r="T33099" i="1"/>
  <c r="T33100" i="1"/>
  <c r="T33101" i="1"/>
  <c r="T33102" i="1"/>
  <c r="T33103" i="1"/>
  <c r="T33104" i="1"/>
  <c r="T33105" i="1"/>
  <c r="T33106" i="1"/>
  <c r="T33107" i="1"/>
  <c r="T33108" i="1"/>
  <c r="T33109" i="1"/>
  <c r="T33110" i="1"/>
  <c r="T33111" i="1"/>
  <c r="T33112" i="1"/>
  <c r="T33113" i="1"/>
  <c r="T33114" i="1"/>
  <c r="T33115" i="1"/>
  <c r="T33116" i="1"/>
  <c r="T33117" i="1"/>
  <c r="T33118" i="1"/>
  <c r="T33119" i="1"/>
  <c r="T33120" i="1"/>
  <c r="T33121" i="1"/>
  <c r="T33122" i="1"/>
  <c r="T33123" i="1"/>
  <c r="T33124" i="1"/>
  <c r="T33125" i="1"/>
  <c r="T33126" i="1"/>
  <c r="T33127" i="1"/>
  <c r="T33128" i="1"/>
  <c r="T33129" i="1"/>
  <c r="T33130" i="1"/>
  <c r="T33131" i="1"/>
  <c r="T33132" i="1"/>
  <c r="T33133" i="1"/>
  <c r="T33134" i="1"/>
  <c r="T33135" i="1"/>
  <c r="T33136" i="1"/>
  <c r="T33137" i="1"/>
  <c r="T33138" i="1"/>
  <c r="T33139" i="1"/>
  <c r="T33140" i="1"/>
  <c r="T33141" i="1"/>
  <c r="T33142" i="1"/>
  <c r="T33143" i="1"/>
  <c r="T33144" i="1"/>
  <c r="T33145" i="1"/>
  <c r="T33146" i="1"/>
  <c r="T33147" i="1"/>
  <c r="T33148" i="1"/>
  <c r="T33149" i="1"/>
  <c r="T33150" i="1"/>
  <c r="T33151" i="1"/>
  <c r="T33152" i="1"/>
  <c r="T33153" i="1"/>
  <c r="T33154" i="1"/>
  <c r="T33155" i="1"/>
  <c r="T33156" i="1"/>
  <c r="T33157" i="1"/>
  <c r="T33158" i="1"/>
  <c r="T33159" i="1"/>
  <c r="T33160" i="1"/>
  <c r="T33161" i="1"/>
  <c r="T33162" i="1"/>
  <c r="T33163" i="1"/>
  <c r="T33164" i="1"/>
  <c r="T33165" i="1"/>
  <c r="T33166" i="1"/>
  <c r="T33167" i="1"/>
  <c r="T33168" i="1"/>
  <c r="T33169" i="1"/>
  <c r="T33170" i="1"/>
  <c r="T33171" i="1"/>
  <c r="T33172" i="1"/>
  <c r="T33173" i="1"/>
  <c r="T33174" i="1"/>
  <c r="T33175" i="1"/>
  <c r="T33176" i="1"/>
  <c r="T33177" i="1"/>
  <c r="T33178" i="1"/>
  <c r="T33179" i="1"/>
  <c r="T33180" i="1"/>
  <c r="T33181" i="1"/>
  <c r="T33182" i="1"/>
  <c r="T33183" i="1"/>
  <c r="T33184" i="1"/>
  <c r="T33185" i="1"/>
  <c r="T33186" i="1"/>
  <c r="T33187" i="1"/>
  <c r="T33188" i="1"/>
  <c r="T33189" i="1"/>
  <c r="T33190" i="1"/>
  <c r="T33191" i="1"/>
  <c r="T33192" i="1"/>
  <c r="T33193" i="1"/>
  <c r="T33194" i="1"/>
  <c r="T33195" i="1"/>
  <c r="T33196" i="1"/>
  <c r="T33197" i="1"/>
  <c r="T33198" i="1"/>
  <c r="T33199" i="1"/>
  <c r="T33200" i="1"/>
  <c r="T33201" i="1"/>
  <c r="T33202" i="1"/>
  <c r="T33203" i="1"/>
  <c r="T33204" i="1"/>
  <c r="T33205" i="1"/>
  <c r="T33206" i="1"/>
  <c r="T33207" i="1"/>
  <c r="T33208" i="1"/>
  <c r="T33209" i="1"/>
  <c r="T33210" i="1"/>
  <c r="T33211" i="1"/>
  <c r="T33212" i="1"/>
  <c r="T33213" i="1"/>
  <c r="T33214" i="1"/>
  <c r="T33215" i="1"/>
  <c r="T33216" i="1"/>
  <c r="T33217" i="1"/>
  <c r="T33218" i="1"/>
  <c r="T33219" i="1"/>
  <c r="T33220" i="1"/>
  <c r="T33221" i="1"/>
  <c r="T33222" i="1"/>
  <c r="T33223" i="1"/>
  <c r="T33224" i="1"/>
  <c r="T33225" i="1"/>
  <c r="T33226" i="1"/>
  <c r="T33227" i="1"/>
  <c r="T33228" i="1"/>
  <c r="T33229" i="1"/>
  <c r="T33230" i="1"/>
  <c r="T33231" i="1"/>
  <c r="T33232" i="1"/>
  <c r="T33233" i="1"/>
  <c r="T33234" i="1"/>
  <c r="T33235" i="1"/>
  <c r="T33236" i="1"/>
  <c r="T33237" i="1"/>
  <c r="T33238" i="1"/>
  <c r="T33239" i="1"/>
  <c r="T33240" i="1"/>
  <c r="T33241" i="1"/>
  <c r="T33242" i="1"/>
  <c r="T33243" i="1"/>
  <c r="T33244" i="1"/>
  <c r="T33245" i="1"/>
  <c r="T33246" i="1"/>
  <c r="T33247" i="1"/>
  <c r="T33248" i="1"/>
  <c r="T33249" i="1"/>
  <c r="T33250" i="1"/>
  <c r="T33251" i="1"/>
  <c r="T33252" i="1"/>
  <c r="T33253" i="1"/>
  <c r="T33254" i="1"/>
  <c r="T33255" i="1"/>
  <c r="T33256" i="1"/>
  <c r="T33257" i="1"/>
  <c r="T33258" i="1"/>
  <c r="T33259" i="1"/>
  <c r="T33260" i="1"/>
  <c r="T33261" i="1"/>
  <c r="T33262" i="1"/>
  <c r="T33263" i="1"/>
  <c r="T33264" i="1"/>
  <c r="T33265" i="1"/>
  <c r="T33266" i="1"/>
  <c r="T33267" i="1"/>
  <c r="T33268" i="1"/>
  <c r="T33269" i="1"/>
  <c r="T33270" i="1"/>
  <c r="T33271" i="1"/>
  <c r="T33272" i="1"/>
  <c r="T33273" i="1"/>
  <c r="T33274" i="1"/>
  <c r="T33275" i="1"/>
  <c r="T33276" i="1"/>
  <c r="T33277" i="1"/>
  <c r="T33278" i="1"/>
  <c r="T33279" i="1"/>
  <c r="T33280" i="1"/>
  <c r="T33281" i="1"/>
  <c r="T33282" i="1"/>
  <c r="T33283" i="1"/>
  <c r="T33284" i="1"/>
  <c r="T33285" i="1"/>
  <c r="T33286" i="1"/>
  <c r="T33287" i="1"/>
  <c r="T33288" i="1"/>
  <c r="T33289" i="1"/>
  <c r="T33290" i="1"/>
  <c r="T33291" i="1"/>
  <c r="T33292" i="1"/>
  <c r="T33293" i="1"/>
  <c r="T33294" i="1"/>
  <c r="T33295" i="1"/>
  <c r="T33296" i="1"/>
  <c r="T33297" i="1"/>
  <c r="T33298" i="1"/>
  <c r="T33299" i="1"/>
  <c r="T33300" i="1"/>
  <c r="T33301" i="1"/>
  <c r="T33302" i="1"/>
  <c r="T33303" i="1"/>
  <c r="T33304" i="1"/>
  <c r="T33305" i="1"/>
  <c r="T33306" i="1"/>
  <c r="T33307" i="1"/>
  <c r="T33308" i="1"/>
  <c r="T33309" i="1"/>
  <c r="T33310" i="1"/>
  <c r="T33311" i="1"/>
  <c r="T33312" i="1"/>
  <c r="T33313" i="1"/>
  <c r="T33314" i="1"/>
  <c r="T33315" i="1"/>
  <c r="T33316" i="1"/>
  <c r="T33317" i="1"/>
  <c r="T33318" i="1"/>
  <c r="T33319" i="1"/>
  <c r="T33320" i="1"/>
  <c r="T33321" i="1"/>
  <c r="T33322" i="1"/>
  <c r="T33323" i="1"/>
  <c r="T33324" i="1"/>
  <c r="T33325" i="1"/>
  <c r="T33326" i="1"/>
  <c r="T33327" i="1"/>
  <c r="T33328" i="1"/>
  <c r="T33329" i="1"/>
  <c r="T33330" i="1"/>
  <c r="T33331" i="1"/>
  <c r="T33332" i="1"/>
  <c r="T33333" i="1"/>
  <c r="T33334" i="1"/>
  <c r="T33335" i="1"/>
  <c r="T33336" i="1"/>
  <c r="T33337" i="1"/>
  <c r="T33338" i="1"/>
  <c r="T33339" i="1"/>
  <c r="T33340" i="1"/>
  <c r="T33341" i="1"/>
  <c r="T33342" i="1"/>
  <c r="T33343" i="1"/>
  <c r="T33344" i="1"/>
  <c r="T33345" i="1"/>
  <c r="T33346" i="1"/>
  <c r="T33347" i="1"/>
  <c r="T33348" i="1"/>
  <c r="T33349" i="1"/>
  <c r="T33350" i="1"/>
  <c r="T33351" i="1"/>
  <c r="T33352" i="1"/>
  <c r="T33353" i="1"/>
  <c r="T33354" i="1"/>
  <c r="T33355" i="1"/>
  <c r="T33356" i="1"/>
  <c r="T33357" i="1"/>
  <c r="T33358" i="1"/>
  <c r="T33359" i="1"/>
  <c r="T33360" i="1"/>
  <c r="T33361" i="1"/>
  <c r="T33362" i="1"/>
  <c r="T33363" i="1"/>
  <c r="T33364" i="1"/>
  <c r="T33365" i="1"/>
  <c r="T33366" i="1"/>
  <c r="T33367" i="1"/>
  <c r="T33368" i="1"/>
  <c r="T33369" i="1"/>
  <c r="T33370" i="1"/>
  <c r="T33371" i="1"/>
  <c r="T33372" i="1"/>
  <c r="T33373" i="1"/>
  <c r="T33374" i="1"/>
  <c r="T33375" i="1"/>
  <c r="T33376" i="1"/>
  <c r="T33377" i="1"/>
  <c r="T33378" i="1"/>
  <c r="T33379" i="1"/>
  <c r="T33380" i="1"/>
  <c r="T33381" i="1"/>
  <c r="T33382" i="1"/>
  <c r="T33383" i="1"/>
  <c r="T33384" i="1"/>
  <c r="T33385" i="1"/>
  <c r="T33386" i="1"/>
  <c r="T33387" i="1"/>
  <c r="T33388" i="1"/>
  <c r="T33389" i="1"/>
  <c r="T33390" i="1"/>
  <c r="T33391" i="1"/>
  <c r="T33392" i="1"/>
  <c r="T33393" i="1"/>
  <c r="T33394" i="1"/>
  <c r="T33395" i="1"/>
  <c r="T33396" i="1"/>
  <c r="T33397" i="1"/>
  <c r="T33398" i="1"/>
  <c r="T33399" i="1"/>
  <c r="T33400" i="1"/>
  <c r="T33401" i="1"/>
  <c r="T33402" i="1"/>
  <c r="T33403" i="1"/>
  <c r="T33404" i="1"/>
  <c r="T33405" i="1"/>
  <c r="T33406" i="1"/>
  <c r="T33407" i="1"/>
  <c r="T33408" i="1"/>
  <c r="T33409" i="1"/>
  <c r="T33410" i="1"/>
  <c r="T33411" i="1"/>
  <c r="T33412" i="1"/>
  <c r="T33413" i="1"/>
  <c r="T33414" i="1"/>
  <c r="T33415" i="1"/>
  <c r="T33416" i="1"/>
  <c r="T33417" i="1"/>
  <c r="T33418" i="1"/>
  <c r="T33419" i="1"/>
  <c r="T33420" i="1"/>
  <c r="T33421" i="1"/>
  <c r="T33422" i="1"/>
  <c r="T33423" i="1"/>
  <c r="T33424" i="1"/>
  <c r="T33425" i="1"/>
  <c r="T33426" i="1"/>
  <c r="T33427" i="1"/>
  <c r="T33428" i="1"/>
  <c r="T33429" i="1"/>
  <c r="T33430" i="1"/>
  <c r="T33431" i="1"/>
  <c r="T33432" i="1"/>
  <c r="T33433" i="1"/>
  <c r="T33434" i="1"/>
  <c r="T33435" i="1"/>
  <c r="T33436" i="1"/>
  <c r="T33437" i="1"/>
  <c r="T33438" i="1"/>
  <c r="T33439" i="1"/>
  <c r="T33440" i="1"/>
  <c r="T33441" i="1"/>
  <c r="T33442" i="1"/>
  <c r="T33443" i="1"/>
  <c r="T33444" i="1"/>
  <c r="T33445" i="1"/>
  <c r="T33446" i="1"/>
  <c r="T33447" i="1"/>
  <c r="T33448" i="1"/>
  <c r="T33449" i="1"/>
  <c r="T33450" i="1"/>
  <c r="T33451" i="1"/>
  <c r="T33452" i="1"/>
  <c r="T33453" i="1"/>
  <c r="T33454" i="1"/>
  <c r="T33455" i="1"/>
  <c r="T33456" i="1"/>
  <c r="T33457" i="1"/>
  <c r="T33458" i="1"/>
  <c r="T33459" i="1"/>
  <c r="T33460" i="1"/>
  <c r="T33461" i="1"/>
  <c r="T33462" i="1"/>
  <c r="T33463" i="1"/>
  <c r="T33464" i="1"/>
  <c r="T33465" i="1"/>
  <c r="T33466" i="1"/>
  <c r="T33467" i="1"/>
  <c r="T33468" i="1"/>
  <c r="T33469" i="1"/>
  <c r="T33470" i="1"/>
  <c r="T33471" i="1"/>
  <c r="T33472" i="1"/>
  <c r="T33473" i="1"/>
  <c r="T33474" i="1"/>
  <c r="T33475" i="1"/>
  <c r="T33476" i="1"/>
  <c r="T33477" i="1"/>
  <c r="T33478" i="1"/>
  <c r="T33479" i="1"/>
  <c r="T33480" i="1"/>
  <c r="T33481" i="1"/>
  <c r="T33482" i="1"/>
  <c r="T33483" i="1"/>
  <c r="T33484" i="1"/>
  <c r="T33485" i="1"/>
  <c r="T33486" i="1"/>
  <c r="T33487" i="1"/>
  <c r="T33488" i="1"/>
  <c r="T33489" i="1"/>
  <c r="T33490" i="1"/>
  <c r="T33491" i="1"/>
  <c r="T33492" i="1"/>
  <c r="T33493" i="1"/>
  <c r="T33494" i="1"/>
  <c r="T33495" i="1"/>
  <c r="T33496" i="1"/>
  <c r="T33497" i="1"/>
  <c r="T33498" i="1"/>
  <c r="T33499" i="1"/>
  <c r="T33500" i="1"/>
  <c r="T33501" i="1"/>
  <c r="T33502" i="1"/>
  <c r="T33503" i="1"/>
  <c r="T33504" i="1"/>
  <c r="T33505" i="1"/>
  <c r="T33506" i="1"/>
  <c r="T33507" i="1"/>
  <c r="T33508" i="1"/>
  <c r="T33509" i="1"/>
  <c r="T33510" i="1"/>
  <c r="T33511" i="1"/>
  <c r="T33512" i="1"/>
  <c r="T33513" i="1"/>
  <c r="T33514" i="1"/>
  <c r="T33515" i="1"/>
  <c r="T33516" i="1"/>
  <c r="T33517" i="1"/>
  <c r="T33518" i="1"/>
  <c r="T33519" i="1"/>
  <c r="T33520" i="1"/>
  <c r="T33521" i="1"/>
  <c r="T33522" i="1"/>
  <c r="T33523" i="1"/>
  <c r="T33524" i="1"/>
  <c r="T33525" i="1"/>
  <c r="T33526" i="1"/>
  <c r="T33527" i="1"/>
  <c r="T33528" i="1"/>
  <c r="T33529" i="1"/>
  <c r="T33530" i="1"/>
  <c r="T33531" i="1"/>
  <c r="T33532" i="1"/>
  <c r="T33533" i="1"/>
  <c r="T33534" i="1"/>
  <c r="T33535" i="1"/>
  <c r="T33536" i="1"/>
  <c r="T33537" i="1"/>
  <c r="T33538" i="1"/>
  <c r="T33539" i="1"/>
  <c r="T33540" i="1"/>
  <c r="T33541" i="1"/>
  <c r="T33542" i="1"/>
  <c r="T33543" i="1"/>
  <c r="T33544" i="1"/>
  <c r="T33545" i="1"/>
  <c r="T33546" i="1"/>
  <c r="T33547" i="1"/>
  <c r="T33548" i="1"/>
  <c r="T33549" i="1"/>
  <c r="T33550" i="1"/>
  <c r="T33551" i="1"/>
  <c r="T33552" i="1"/>
  <c r="T33553" i="1"/>
  <c r="T33554" i="1"/>
  <c r="T33555" i="1"/>
  <c r="T33556" i="1"/>
  <c r="T33557" i="1"/>
  <c r="T33558" i="1"/>
  <c r="T33559" i="1"/>
  <c r="T33560" i="1"/>
  <c r="T33561" i="1"/>
  <c r="T33562" i="1"/>
  <c r="T33563" i="1"/>
  <c r="T33564" i="1"/>
  <c r="T33565" i="1"/>
  <c r="T33566" i="1"/>
  <c r="T33567" i="1"/>
  <c r="T33568" i="1"/>
  <c r="T33569" i="1"/>
  <c r="T33570" i="1"/>
  <c r="T33571" i="1"/>
  <c r="T33572" i="1"/>
  <c r="T33573" i="1"/>
  <c r="T33574" i="1"/>
  <c r="T33575" i="1"/>
  <c r="T33576" i="1"/>
  <c r="T33577" i="1"/>
  <c r="T33578" i="1"/>
  <c r="T33579" i="1"/>
  <c r="T33580" i="1"/>
  <c r="T33581" i="1"/>
  <c r="T33582" i="1"/>
  <c r="T33583" i="1"/>
  <c r="T33584" i="1"/>
  <c r="T33585" i="1"/>
  <c r="T33586" i="1"/>
  <c r="T33587" i="1"/>
  <c r="T33588" i="1"/>
  <c r="T33589" i="1"/>
  <c r="T33590" i="1"/>
  <c r="T33591" i="1"/>
  <c r="T33592" i="1"/>
  <c r="T33593" i="1"/>
  <c r="T33594" i="1"/>
  <c r="T33595" i="1"/>
  <c r="T33596" i="1"/>
  <c r="T33597" i="1"/>
  <c r="T33598" i="1"/>
  <c r="T33599" i="1"/>
  <c r="T33600" i="1"/>
  <c r="T33601" i="1"/>
  <c r="T33602" i="1"/>
  <c r="T33603" i="1"/>
  <c r="T33604" i="1"/>
  <c r="T33605" i="1"/>
  <c r="T33606" i="1"/>
  <c r="T33607" i="1"/>
  <c r="T33608" i="1"/>
  <c r="T33609" i="1"/>
  <c r="T33610" i="1"/>
  <c r="T33611" i="1"/>
  <c r="T33612" i="1"/>
  <c r="T33613" i="1"/>
  <c r="T33614" i="1"/>
  <c r="T33615" i="1"/>
  <c r="T33616" i="1"/>
  <c r="T33617" i="1"/>
  <c r="T33618" i="1"/>
  <c r="T33619" i="1"/>
  <c r="T33620" i="1"/>
  <c r="T33621" i="1"/>
  <c r="T33622" i="1"/>
  <c r="T33623" i="1"/>
  <c r="T33624" i="1"/>
  <c r="T33625" i="1"/>
  <c r="T33626" i="1"/>
  <c r="T33627" i="1"/>
  <c r="T33628" i="1"/>
  <c r="T33629" i="1"/>
  <c r="T33630" i="1"/>
  <c r="T33631" i="1"/>
  <c r="T33632" i="1"/>
  <c r="T33633" i="1"/>
  <c r="T33634" i="1"/>
  <c r="T33635" i="1"/>
  <c r="T33636" i="1"/>
  <c r="T33637" i="1"/>
  <c r="T33638" i="1"/>
  <c r="T33639" i="1"/>
  <c r="T33640" i="1"/>
  <c r="T33641" i="1"/>
  <c r="T33642" i="1"/>
  <c r="T33643" i="1"/>
  <c r="T33644" i="1"/>
  <c r="T33645" i="1"/>
  <c r="T33646" i="1"/>
  <c r="T33647" i="1"/>
  <c r="T33648" i="1"/>
  <c r="T33649" i="1"/>
  <c r="T33650" i="1"/>
  <c r="T33651" i="1"/>
  <c r="T33652" i="1"/>
  <c r="T33653" i="1"/>
  <c r="T33654" i="1"/>
  <c r="T33655" i="1"/>
  <c r="T33656" i="1"/>
  <c r="T33657" i="1"/>
  <c r="T33658" i="1"/>
  <c r="T33659" i="1"/>
  <c r="T33660" i="1"/>
  <c r="T33661" i="1"/>
  <c r="T33662" i="1"/>
  <c r="T33663" i="1"/>
  <c r="T33664" i="1"/>
  <c r="T33665" i="1"/>
  <c r="T33666" i="1"/>
  <c r="T33667" i="1"/>
  <c r="T33668" i="1"/>
  <c r="T33669" i="1"/>
  <c r="T33670" i="1"/>
  <c r="T33671" i="1"/>
  <c r="T33672" i="1"/>
  <c r="T33673" i="1"/>
  <c r="T33674" i="1"/>
  <c r="T33675" i="1"/>
  <c r="T33676" i="1"/>
  <c r="T33677" i="1"/>
  <c r="T33678" i="1"/>
  <c r="T33679" i="1"/>
  <c r="T33680" i="1"/>
  <c r="T33681" i="1"/>
  <c r="T33682" i="1"/>
  <c r="T33683" i="1"/>
  <c r="T33684" i="1"/>
  <c r="T33685" i="1"/>
  <c r="T33686" i="1"/>
  <c r="T33687" i="1"/>
  <c r="T33688" i="1"/>
  <c r="T33689" i="1"/>
  <c r="T33690" i="1"/>
  <c r="T33691" i="1"/>
  <c r="T33692" i="1"/>
  <c r="T33693" i="1"/>
  <c r="T33694" i="1"/>
  <c r="T33695" i="1"/>
  <c r="T33696" i="1"/>
  <c r="T33697" i="1"/>
  <c r="T33698" i="1"/>
  <c r="T33699" i="1"/>
  <c r="T33700" i="1"/>
  <c r="T33701" i="1"/>
  <c r="T33702" i="1"/>
  <c r="T33703" i="1"/>
  <c r="T33704" i="1"/>
  <c r="T33705" i="1"/>
  <c r="T33706" i="1"/>
  <c r="T33707" i="1"/>
  <c r="T33708" i="1"/>
  <c r="T33709" i="1"/>
  <c r="T33710" i="1"/>
  <c r="T33711" i="1"/>
  <c r="T33712" i="1"/>
  <c r="T33713" i="1"/>
  <c r="T33714" i="1"/>
  <c r="T33715" i="1"/>
  <c r="T33716" i="1"/>
  <c r="T33717" i="1"/>
  <c r="T33718" i="1"/>
  <c r="T33719" i="1"/>
  <c r="T33720" i="1"/>
  <c r="T33721" i="1"/>
  <c r="T33722" i="1"/>
  <c r="T33723" i="1"/>
  <c r="T33724" i="1"/>
  <c r="T33725" i="1"/>
  <c r="T33726" i="1"/>
  <c r="T33727" i="1"/>
  <c r="T33728" i="1"/>
  <c r="T33729" i="1"/>
  <c r="T33730" i="1"/>
  <c r="T33731" i="1"/>
  <c r="T33732" i="1"/>
  <c r="T33733" i="1"/>
  <c r="T33734" i="1"/>
  <c r="T33735" i="1"/>
  <c r="T33736" i="1"/>
  <c r="T33737" i="1"/>
  <c r="T33738" i="1"/>
  <c r="T33739" i="1"/>
  <c r="T33740" i="1"/>
  <c r="T33741" i="1"/>
  <c r="T33742" i="1"/>
  <c r="T33743" i="1"/>
  <c r="T33744" i="1"/>
  <c r="T33745" i="1"/>
  <c r="T33746" i="1"/>
  <c r="T33747" i="1"/>
  <c r="T33748" i="1"/>
  <c r="T33749" i="1"/>
  <c r="T33750" i="1"/>
  <c r="T33751" i="1"/>
  <c r="T33752" i="1"/>
  <c r="T33753" i="1"/>
  <c r="T33754" i="1"/>
  <c r="T33755" i="1"/>
  <c r="T33756" i="1"/>
  <c r="T33757" i="1"/>
  <c r="T33758" i="1"/>
  <c r="T33759" i="1"/>
  <c r="T33760" i="1"/>
  <c r="T33761" i="1"/>
  <c r="T33762" i="1"/>
  <c r="T33763" i="1"/>
  <c r="T33764" i="1"/>
  <c r="T33765" i="1"/>
  <c r="T33766" i="1"/>
  <c r="T33767" i="1"/>
  <c r="T33768" i="1"/>
  <c r="T33769" i="1"/>
  <c r="T33770" i="1"/>
  <c r="T33771" i="1"/>
  <c r="T33772" i="1"/>
  <c r="T33773" i="1"/>
  <c r="T33774" i="1"/>
  <c r="T33775" i="1"/>
  <c r="T33776" i="1"/>
  <c r="T33777" i="1"/>
  <c r="T33778" i="1"/>
  <c r="T33779" i="1"/>
  <c r="T33780" i="1"/>
  <c r="T33781" i="1"/>
  <c r="T33782" i="1"/>
  <c r="T33783" i="1"/>
  <c r="T33784" i="1"/>
  <c r="T33785" i="1"/>
  <c r="T33786" i="1"/>
  <c r="T33787" i="1"/>
  <c r="T33788" i="1"/>
  <c r="T33789" i="1"/>
  <c r="T33790" i="1"/>
  <c r="T33791" i="1"/>
  <c r="T33792" i="1"/>
  <c r="T33793" i="1"/>
  <c r="T33794" i="1"/>
  <c r="T33795" i="1"/>
  <c r="T33796" i="1"/>
  <c r="T33797" i="1"/>
  <c r="T33798" i="1"/>
  <c r="T33799" i="1"/>
  <c r="T33800" i="1"/>
  <c r="T33801" i="1"/>
  <c r="T33802" i="1"/>
  <c r="T33803" i="1"/>
  <c r="T33804" i="1"/>
  <c r="T33805" i="1"/>
  <c r="T33806" i="1"/>
  <c r="T33807" i="1"/>
  <c r="T33808" i="1"/>
  <c r="T33809" i="1"/>
  <c r="T33810" i="1"/>
  <c r="T33811" i="1"/>
  <c r="T33812" i="1"/>
  <c r="T33813" i="1"/>
  <c r="T33814" i="1"/>
  <c r="T33815" i="1"/>
  <c r="T33816" i="1"/>
  <c r="T33817" i="1"/>
  <c r="T33818" i="1"/>
  <c r="T33819" i="1"/>
  <c r="T33820" i="1"/>
  <c r="T33821" i="1"/>
  <c r="T33822" i="1"/>
  <c r="T33823" i="1"/>
  <c r="T33824" i="1"/>
  <c r="T33825" i="1"/>
  <c r="T33826" i="1"/>
  <c r="T33827" i="1"/>
  <c r="T33828" i="1"/>
  <c r="T33829" i="1"/>
  <c r="T33830" i="1"/>
  <c r="T33831" i="1"/>
  <c r="T33832" i="1"/>
  <c r="T33833" i="1"/>
  <c r="T33834" i="1"/>
  <c r="T33835" i="1"/>
  <c r="T33836" i="1"/>
  <c r="T33837" i="1"/>
  <c r="T33838" i="1"/>
  <c r="T33839" i="1"/>
  <c r="T33840" i="1"/>
  <c r="T33841" i="1"/>
  <c r="T33842" i="1"/>
  <c r="T33843" i="1"/>
  <c r="T33844" i="1"/>
  <c r="T33845" i="1"/>
  <c r="T33846" i="1"/>
  <c r="T33847" i="1"/>
  <c r="T33848" i="1"/>
  <c r="T33849" i="1"/>
  <c r="T33850" i="1"/>
  <c r="T33851" i="1"/>
  <c r="T33852" i="1"/>
  <c r="T33853" i="1"/>
  <c r="T33854" i="1"/>
  <c r="T33855" i="1"/>
  <c r="T33856" i="1"/>
  <c r="T33857" i="1"/>
  <c r="T33858" i="1"/>
  <c r="T33859" i="1"/>
  <c r="T33860" i="1"/>
  <c r="T33861" i="1"/>
  <c r="T33862" i="1"/>
  <c r="T33863" i="1"/>
  <c r="T33864" i="1"/>
  <c r="T33865" i="1"/>
  <c r="T33866" i="1"/>
  <c r="T33867" i="1"/>
  <c r="T33868" i="1"/>
  <c r="T33869" i="1"/>
  <c r="T33870" i="1"/>
  <c r="T33871" i="1"/>
  <c r="T33872" i="1"/>
  <c r="T33873" i="1"/>
  <c r="T33874" i="1"/>
  <c r="T33875" i="1"/>
  <c r="T33876" i="1"/>
  <c r="T33877" i="1"/>
  <c r="T33878" i="1"/>
  <c r="T33879" i="1"/>
  <c r="T33880" i="1"/>
  <c r="T33881" i="1"/>
  <c r="T33882" i="1"/>
  <c r="T33883" i="1"/>
  <c r="T33884" i="1"/>
  <c r="T33885" i="1"/>
  <c r="T33886" i="1"/>
  <c r="T33887" i="1"/>
  <c r="T33888" i="1"/>
  <c r="T33889" i="1"/>
  <c r="T33890" i="1"/>
  <c r="T33891" i="1"/>
  <c r="T33892" i="1"/>
  <c r="T33893" i="1"/>
  <c r="T33894" i="1"/>
  <c r="T33895" i="1"/>
  <c r="T33896" i="1"/>
  <c r="T33897" i="1"/>
  <c r="T33898" i="1"/>
  <c r="T33899" i="1"/>
  <c r="T33900" i="1"/>
  <c r="T33901" i="1"/>
  <c r="T33902" i="1"/>
  <c r="T33903" i="1"/>
  <c r="T33904" i="1"/>
  <c r="T33905" i="1"/>
  <c r="T33906" i="1"/>
  <c r="T33907" i="1"/>
  <c r="T33908" i="1"/>
  <c r="T33909" i="1"/>
  <c r="T33910" i="1"/>
  <c r="T33911" i="1"/>
  <c r="T33912" i="1"/>
  <c r="T33913" i="1"/>
  <c r="T33914" i="1"/>
  <c r="T33915" i="1"/>
  <c r="T33916" i="1"/>
  <c r="T33917" i="1"/>
  <c r="T33918" i="1"/>
  <c r="T33919" i="1"/>
  <c r="T33920" i="1"/>
  <c r="T33921" i="1"/>
  <c r="T33922" i="1"/>
  <c r="T33923" i="1"/>
  <c r="T33924" i="1"/>
  <c r="T33925" i="1"/>
  <c r="T33926" i="1"/>
  <c r="T33927" i="1"/>
  <c r="T33928" i="1"/>
  <c r="T33929" i="1"/>
  <c r="T33930" i="1"/>
  <c r="T33931" i="1"/>
  <c r="T33932" i="1"/>
  <c r="T33933" i="1"/>
  <c r="T33934" i="1"/>
  <c r="T33935" i="1"/>
  <c r="T33936" i="1"/>
  <c r="T33937" i="1"/>
  <c r="T33938" i="1"/>
  <c r="T33939" i="1"/>
  <c r="T33940" i="1"/>
  <c r="T33941" i="1"/>
  <c r="T33942" i="1"/>
  <c r="T33943" i="1"/>
  <c r="T33944" i="1"/>
  <c r="T33945" i="1"/>
  <c r="T33946" i="1"/>
  <c r="T33947" i="1"/>
  <c r="T33948" i="1"/>
  <c r="T33949" i="1"/>
  <c r="T33950" i="1"/>
  <c r="T33951" i="1"/>
  <c r="T33952" i="1"/>
  <c r="T33953" i="1"/>
  <c r="T33954" i="1"/>
  <c r="T33955" i="1"/>
  <c r="T33956" i="1"/>
  <c r="T33957" i="1"/>
  <c r="T33958" i="1"/>
  <c r="T33959" i="1"/>
  <c r="T33960" i="1"/>
  <c r="T33961" i="1"/>
  <c r="T33962" i="1"/>
  <c r="T33963" i="1"/>
  <c r="T33964" i="1"/>
  <c r="T33965" i="1"/>
  <c r="T33966" i="1"/>
  <c r="T33967" i="1"/>
  <c r="T33968" i="1"/>
  <c r="T33969" i="1"/>
  <c r="T33970" i="1"/>
  <c r="T33971" i="1"/>
  <c r="T33972" i="1"/>
  <c r="T33973" i="1"/>
  <c r="T33974" i="1"/>
  <c r="T33975" i="1"/>
  <c r="T33976" i="1"/>
  <c r="T33977" i="1"/>
  <c r="T33978" i="1"/>
  <c r="T33979" i="1"/>
  <c r="T33980" i="1"/>
  <c r="T33981" i="1"/>
  <c r="T33982" i="1"/>
  <c r="T33983" i="1"/>
  <c r="T33984" i="1"/>
  <c r="T33985" i="1"/>
  <c r="T33986" i="1"/>
  <c r="T33987" i="1"/>
  <c r="T33988" i="1"/>
  <c r="T33989" i="1"/>
  <c r="T33990" i="1"/>
  <c r="T33991" i="1"/>
  <c r="T33992" i="1"/>
  <c r="T33993" i="1"/>
  <c r="T33994" i="1"/>
  <c r="T33995" i="1"/>
  <c r="T33996" i="1"/>
  <c r="T33997" i="1"/>
  <c r="T33998" i="1"/>
  <c r="T33999" i="1"/>
  <c r="T34000" i="1"/>
  <c r="T34001" i="1"/>
  <c r="T34002" i="1"/>
  <c r="T34003" i="1"/>
  <c r="T34004" i="1"/>
  <c r="T34005" i="1"/>
  <c r="T34006" i="1"/>
  <c r="T34007" i="1"/>
  <c r="T34008" i="1"/>
  <c r="T34009" i="1"/>
  <c r="T34010" i="1"/>
  <c r="T34011" i="1"/>
  <c r="T34012" i="1"/>
  <c r="T34013" i="1"/>
  <c r="T34014" i="1"/>
  <c r="T34015" i="1"/>
  <c r="T34016" i="1"/>
  <c r="T34017" i="1"/>
  <c r="T34018" i="1"/>
  <c r="T34019" i="1"/>
  <c r="T34020" i="1"/>
  <c r="T34021" i="1"/>
  <c r="T34022" i="1"/>
  <c r="T34023" i="1"/>
  <c r="T34024" i="1"/>
  <c r="T34025" i="1"/>
  <c r="T34026" i="1"/>
  <c r="T34027" i="1"/>
  <c r="T34028" i="1"/>
  <c r="T34029" i="1"/>
  <c r="T34030" i="1"/>
  <c r="T34031" i="1"/>
  <c r="T34032" i="1"/>
  <c r="T34033" i="1"/>
  <c r="T34034" i="1"/>
  <c r="T34035" i="1"/>
  <c r="T34036" i="1"/>
  <c r="T34037" i="1"/>
  <c r="T34038" i="1"/>
  <c r="T34039" i="1"/>
  <c r="T34040" i="1"/>
  <c r="T34041" i="1"/>
  <c r="T34042" i="1"/>
  <c r="T34043" i="1"/>
  <c r="T34044" i="1"/>
  <c r="T34045" i="1"/>
  <c r="T34046" i="1"/>
  <c r="T34047" i="1"/>
  <c r="T34048" i="1"/>
  <c r="T34049" i="1"/>
  <c r="T34050" i="1"/>
  <c r="T34051" i="1"/>
  <c r="T34052" i="1"/>
  <c r="T34053" i="1"/>
  <c r="T34054" i="1"/>
  <c r="T34055" i="1"/>
  <c r="T34056" i="1"/>
  <c r="T34057" i="1"/>
  <c r="T34058" i="1"/>
  <c r="T34059" i="1"/>
  <c r="T34060" i="1"/>
  <c r="T34061" i="1"/>
  <c r="T34062" i="1"/>
  <c r="T34063" i="1"/>
  <c r="T34064" i="1"/>
  <c r="T34065" i="1"/>
  <c r="T34066" i="1"/>
  <c r="T34067" i="1"/>
  <c r="T34068" i="1"/>
  <c r="T34069" i="1"/>
  <c r="T34070" i="1"/>
  <c r="T34071" i="1"/>
  <c r="T34072" i="1"/>
  <c r="T34073" i="1"/>
  <c r="T34074" i="1"/>
  <c r="T34075" i="1"/>
  <c r="T34076" i="1"/>
  <c r="T34077" i="1"/>
  <c r="T34078" i="1"/>
  <c r="T34079" i="1"/>
  <c r="T34080" i="1"/>
  <c r="T34081" i="1"/>
  <c r="T34082" i="1"/>
  <c r="T34083" i="1"/>
  <c r="T34084" i="1"/>
  <c r="T34085" i="1"/>
  <c r="T34086" i="1"/>
  <c r="T34087" i="1"/>
  <c r="T34088" i="1"/>
  <c r="T34089" i="1"/>
  <c r="T34090" i="1"/>
  <c r="T34091" i="1"/>
  <c r="T34092" i="1"/>
  <c r="T34093" i="1"/>
  <c r="T34094" i="1"/>
  <c r="T34095" i="1"/>
  <c r="T34096" i="1"/>
  <c r="T34097" i="1"/>
  <c r="T34098" i="1"/>
  <c r="T34099" i="1"/>
  <c r="T34100" i="1"/>
  <c r="T34101" i="1"/>
  <c r="T34102" i="1"/>
  <c r="T34103" i="1"/>
  <c r="T34104" i="1"/>
  <c r="T34105" i="1"/>
  <c r="T34106" i="1"/>
  <c r="T34107" i="1"/>
  <c r="T34108" i="1"/>
  <c r="T34109" i="1"/>
  <c r="T34110" i="1"/>
  <c r="T34111" i="1"/>
  <c r="T34112" i="1"/>
  <c r="T34113" i="1"/>
  <c r="T34114" i="1"/>
  <c r="T34115" i="1"/>
  <c r="T34116" i="1"/>
  <c r="T34117" i="1"/>
  <c r="T34118" i="1"/>
  <c r="T34119" i="1"/>
  <c r="T34120" i="1"/>
  <c r="T34121" i="1"/>
  <c r="T34122" i="1"/>
  <c r="T34123" i="1"/>
  <c r="T34124" i="1"/>
  <c r="T34125" i="1"/>
  <c r="T34126" i="1"/>
  <c r="T34127" i="1"/>
  <c r="T34128" i="1"/>
  <c r="T34129" i="1"/>
  <c r="T34130" i="1"/>
  <c r="T34131" i="1"/>
  <c r="T34132" i="1"/>
  <c r="T34133" i="1"/>
  <c r="T34134" i="1"/>
  <c r="T34135" i="1"/>
  <c r="T34136" i="1"/>
  <c r="T34137" i="1"/>
  <c r="T34138" i="1"/>
  <c r="T34139" i="1"/>
  <c r="T34140" i="1"/>
  <c r="T34141" i="1"/>
  <c r="T34142" i="1"/>
  <c r="T34143" i="1"/>
  <c r="T34144" i="1"/>
  <c r="T34145" i="1"/>
  <c r="T34146" i="1"/>
  <c r="T34147" i="1"/>
  <c r="T34148" i="1"/>
  <c r="T34149" i="1"/>
  <c r="T34150" i="1"/>
  <c r="T34151" i="1"/>
  <c r="T34152" i="1"/>
  <c r="T34153" i="1"/>
  <c r="T34154" i="1"/>
  <c r="T34155" i="1"/>
  <c r="T34156" i="1"/>
  <c r="T34157" i="1"/>
  <c r="T34158" i="1"/>
  <c r="T34159" i="1"/>
  <c r="T34160" i="1"/>
  <c r="T34161" i="1"/>
  <c r="T34162" i="1"/>
  <c r="T34163" i="1"/>
  <c r="T34164" i="1"/>
  <c r="T34165" i="1"/>
  <c r="T34166" i="1"/>
  <c r="T34167" i="1"/>
  <c r="T34168" i="1"/>
  <c r="T34169" i="1"/>
  <c r="T34170" i="1"/>
  <c r="T34171" i="1"/>
  <c r="T34172" i="1"/>
  <c r="T34173" i="1"/>
  <c r="T34174" i="1"/>
  <c r="T34175" i="1"/>
  <c r="T34176" i="1"/>
  <c r="T34177" i="1"/>
  <c r="T34178" i="1"/>
  <c r="T34179" i="1"/>
  <c r="T34180" i="1"/>
  <c r="T34181" i="1"/>
  <c r="T34182" i="1"/>
  <c r="T34183" i="1"/>
  <c r="T34184" i="1"/>
  <c r="T34185" i="1"/>
  <c r="T34186" i="1"/>
  <c r="T34187" i="1"/>
  <c r="T34188" i="1"/>
  <c r="T34189" i="1"/>
  <c r="T34190" i="1"/>
  <c r="T34191" i="1"/>
  <c r="T34192" i="1"/>
  <c r="T34193" i="1"/>
  <c r="T34194" i="1"/>
  <c r="T34195" i="1"/>
  <c r="T34196" i="1"/>
  <c r="T34197" i="1"/>
  <c r="T34198" i="1"/>
  <c r="T34199" i="1"/>
  <c r="T34200" i="1"/>
  <c r="T34201" i="1"/>
  <c r="T34202" i="1"/>
  <c r="T34203" i="1"/>
  <c r="T34204" i="1"/>
  <c r="T34205" i="1"/>
  <c r="T34206" i="1"/>
  <c r="T34207" i="1"/>
  <c r="T34208" i="1"/>
  <c r="T34209" i="1"/>
  <c r="T34210" i="1"/>
  <c r="T34211" i="1"/>
  <c r="T34212" i="1"/>
  <c r="T34213" i="1"/>
  <c r="T34214" i="1"/>
  <c r="T34215" i="1"/>
  <c r="T34216" i="1"/>
  <c r="T34217" i="1"/>
  <c r="T34218" i="1"/>
  <c r="T34219" i="1"/>
  <c r="T34220" i="1"/>
  <c r="T34221" i="1"/>
  <c r="T34222" i="1"/>
  <c r="T34223" i="1"/>
  <c r="T34224" i="1"/>
  <c r="T34225" i="1"/>
  <c r="T34226" i="1"/>
  <c r="T34227" i="1"/>
  <c r="T34228" i="1"/>
  <c r="T34229" i="1"/>
  <c r="T34230" i="1"/>
  <c r="T34231" i="1"/>
  <c r="T34232" i="1"/>
  <c r="T34233" i="1"/>
  <c r="T34234" i="1"/>
  <c r="T34235" i="1"/>
  <c r="T34236" i="1"/>
  <c r="T34237" i="1"/>
  <c r="T34238" i="1"/>
  <c r="T34239" i="1"/>
  <c r="T34240" i="1"/>
  <c r="T34241" i="1"/>
  <c r="T34242" i="1"/>
  <c r="T34243" i="1"/>
  <c r="T34244" i="1"/>
  <c r="T34245" i="1"/>
  <c r="T34246" i="1"/>
  <c r="T34247" i="1"/>
  <c r="T34248" i="1"/>
  <c r="T34249" i="1"/>
  <c r="T34250" i="1"/>
  <c r="T34251" i="1"/>
  <c r="T34252" i="1"/>
  <c r="T34253" i="1"/>
  <c r="T34254" i="1"/>
  <c r="T34255" i="1"/>
  <c r="T34256" i="1"/>
  <c r="T34257" i="1"/>
  <c r="T34258" i="1"/>
  <c r="T34259" i="1"/>
  <c r="T34260" i="1"/>
  <c r="T34261" i="1"/>
  <c r="T34262" i="1"/>
  <c r="T34263" i="1"/>
  <c r="T34264" i="1"/>
  <c r="T34265" i="1"/>
  <c r="T34266" i="1"/>
  <c r="T34267" i="1"/>
  <c r="T34268" i="1"/>
  <c r="T34269" i="1"/>
  <c r="T34270" i="1"/>
  <c r="T34271" i="1"/>
  <c r="T34272" i="1"/>
  <c r="T34273" i="1"/>
  <c r="T34274" i="1"/>
  <c r="T34275" i="1"/>
  <c r="T34276" i="1"/>
  <c r="T34277" i="1"/>
  <c r="T34278" i="1"/>
  <c r="T34279" i="1"/>
  <c r="T34280" i="1"/>
  <c r="T34281" i="1"/>
  <c r="T34282" i="1"/>
  <c r="T34283" i="1"/>
  <c r="T34284" i="1"/>
  <c r="T34285" i="1"/>
  <c r="T34286" i="1"/>
  <c r="T34287" i="1"/>
  <c r="T34288" i="1"/>
  <c r="T34289" i="1"/>
  <c r="T34290" i="1"/>
  <c r="T34291" i="1"/>
  <c r="T34292" i="1"/>
  <c r="T34293" i="1"/>
  <c r="T34294" i="1"/>
  <c r="T34295" i="1"/>
  <c r="T34296" i="1"/>
  <c r="T34297" i="1"/>
  <c r="T34298" i="1"/>
  <c r="T34299" i="1"/>
  <c r="T34300" i="1"/>
  <c r="T34301" i="1"/>
  <c r="T34302" i="1"/>
  <c r="T34303" i="1"/>
  <c r="T34304" i="1"/>
  <c r="T34305" i="1"/>
  <c r="T34306" i="1"/>
  <c r="T34307" i="1"/>
  <c r="T34308" i="1"/>
  <c r="T34309" i="1"/>
  <c r="T34310" i="1"/>
  <c r="T34311" i="1"/>
  <c r="T34312" i="1"/>
  <c r="T34313" i="1"/>
  <c r="T34314" i="1"/>
  <c r="T34315" i="1"/>
  <c r="T34316" i="1"/>
  <c r="T34317" i="1"/>
  <c r="T34318" i="1"/>
  <c r="T34319" i="1"/>
  <c r="T34320" i="1"/>
  <c r="T34321" i="1"/>
  <c r="T34322" i="1"/>
  <c r="T34323" i="1"/>
  <c r="T34324" i="1"/>
  <c r="T34325" i="1"/>
  <c r="T34326" i="1"/>
  <c r="T34327" i="1"/>
  <c r="T34328" i="1"/>
  <c r="T34329" i="1"/>
  <c r="T34330" i="1"/>
  <c r="T34331" i="1"/>
  <c r="T34332" i="1"/>
  <c r="T34333" i="1"/>
  <c r="T34334" i="1"/>
  <c r="T34335" i="1"/>
  <c r="T34336" i="1"/>
  <c r="T34337" i="1"/>
  <c r="T34338" i="1"/>
  <c r="T34339" i="1"/>
  <c r="T34340" i="1"/>
  <c r="T34341" i="1"/>
  <c r="T34342" i="1"/>
  <c r="T34343" i="1"/>
  <c r="T34344" i="1"/>
  <c r="T34345" i="1"/>
  <c r="T34346" i="1"/>
  <c r="T34347" i="1"/>
  <c r="T34348" i="1"/>
  <c r="T34349" i="1"/>
  <c r="T34350" i="1"/>
  <c r="T34351" i="1"/>
  <c r="T34352" i="1"/>
  <c r="T34353" i="1"/>
  <c r="T34354" i="1"/>
  <c r="T34355" i="1"/>
  <c r="T34356" i="1"/>
  <c r="T34357" i="1"/>
  <c r="T34358" i="1"/>
  <c r="T34359" i="1"/>
  <c r="T34360" i="1"/>
  <c r="T34361" i="1"/>
  <c r="T34362" i="1"/>
  <c r="T34363" i="1"/>
  <c r="T34364" i="1"/>
  <c r="T34365" i="1"/>
  <c r="T34366" i="1"/>
  <c r="T34367" i="1"/>
  <c r="T34368" i="1"/>
  <c r="T34369" i="1"/>
  <c r="T34370" i="1"/>
  <c r="T34371" i="1"/>
  <c r="T34372" i="1"/>
  <c r="T34373" i="1"/>
  <c r="T34374" i="1"/>
  <c r="T34375" i="1"/>
  <c r="T34376" i="1"/>
  <c r="T34377" i="1"/>
  <c r="T34378" i="1"/>
  <c r="T34379" i="1"/>
  <c r="T34380" i="1"/>
  <c r="T34381" i="1"/>
  <c r="T34382" i="1"/>
  <c r="T34383" i="1"/>
  <c r="T34384" i="1"/>
  <c r="T34385" i="1"/>
  <c r="T34386" i="1"/>
  <c r="T34387" i="1"/>
  <c r="T34388" i="1"/>
  <c r="T34389" i="1"/>
  <c r="T34390" i="1"/>
  <c r="T34391" i="1"/>
  <c r="T34392" i="1"/>
  <c r="T34393" i="1"/>
  <c r="T34394" i="1"/>
  <c r="T34395" i="1"/>
  <c r="T34396" i="1"/>
  <c r="T34397" i="1"/>
  <c r="T34398" i="1"/>
  <c r="T34399" i="1"/>
  <c r="T34400" i="1"/>
  <c r="T34401" i="1"/>
  <c r="T34402" i="1"/>
  <c r="T34403" i="1"/>
  <c r="T34404" i="1"/>
  <c r="T34405" i="1"/>
  <c r="T34406" i="1"/>
  <c r="T34407" i="1"/>
  <c r="T34408" i="1"/>
  <c r="T34409" i="1"/>
  <c r="T34410" i="1"/>
  <c r="T34411" i="1"/>
  <c r="T34412" i="1"/>
  <c r="T34413" i="1"/>
  <c r="T34414" i="1"/>
  <c r="T34415" i="1"/>
  <c r="T34416" i="1"/>
  <c r="T34417" i="1"/>
  <c r="T34418" i="1"/>
  <c r="T34419" i="1"/>
  <c r="T34420" i="1"/>
  <c r="T34421" i="1"/>
  <c r="T34422" i="1"/>
  <c r="T34423" i="1"/>
  <c r="T34424" i="1"/>
  <c r="T34425" i="1"/>
  <c r="T34426" i="1"/>
  <c r="T34427" i="1"/>
  <c r="T34428" i="1"/>
  <c r="T34429" i="1"/>
  <c r="T34430" i="1"/>
  <c r="T34431" i="1"/>
  <c r="T34432" i="1"/>
  <c r="T34433" i="1"/>
  <c r="T34434" i="1"/>
  <c r="T34435" i="1"/>
  <c r="T34436" i="1"/>
  <c r="T34437" i="1"/>
  <c r="T34438" i="1"/>
  <c r="T34439" i="1"/>
  <c r="T34440" i="1"/>
  <c r="T34441" i="1"/>
  <c r="T34442" i="1"/>
  <c r="T34443" i="1"/>
  <c r="T34444" i="1"/>
  <c r="T34445" i="1"/>
  <c r="T34446" i="1"/>
  <c r="T34447" i="1"/>
  <c r="T34448" i="1"/>
  <c r="T34449" i="1"/>
  <c r="T34450" i="1"/>
  <c r="T34451" i="1"/>
  <c r="T34452" i="1"/>
  <c r="T34453" i="1"/>
  <c r="T34454" i="1"/>
  <c r="T34455" i="1"/>
  <c r="T34456" i="1"/>
  <c r="T34457" i="1"/>
  <c r="T34458" i="1"/>
  <c r="T34459" i="1"/>
  <c r="T34460" i="1"/>
  <c r="T34461" i="1"/>
  <c r="T34462" i="1"/>
  <c r="T34463" i="1"/>
  <c r="T34464" i="1"/>
  <c r="T34465" i="1"/>
  <c r="T34466" i="1"/>
  <c r="T34467" i="1"/>
  <c r="T34468" i="1"/>
  <c r="T34469" i="1"/>
  <c r="T34470" i="1"/>
  <c r="T34471" i="1"/>
  <c r="T34472" i="1"/>
  <c r="T34473" i="1"/>
  <c r="T34474" i="1"/>
  <c r="T34475" i="1"/>
  <c r="T34476" i="1"/>
  <c r="T34477" i="1"/>
  <c r="T34478" i="1"/>
  <c r="T34479" i="1"/>
  <c r="T34480" i="1"/>
  <c r="T34481" i="1"/>
  <c r="T34482" i="1"/>
  <c r="T34483" i="1"/>
  <c r="T34484" i="1"/>
  <c r="T34485" i="1"/>
  <c r="T34486" i="1"/>
  <c r="T34487" i="1"/>
  <c r="T34488" i="1"/>
  <c r="T34489" i="1"/>
  <c r="T34490" i="1"/>
  <c r="T34491" i="1"/>
  <c r="T34492" i="1"/>
  <c r="T34493" i="1"/>
  <c r="T34494" i="1"/>
  <c r="T34495" i="1"/>
  <c r="T34496" i="1"/>
  <c r="T34497" i="1"/>
  <c r="T34498" i="1"/>
  <c r="T34499" i="1"/>
  <c r="T34500" i="1"/>
  <c r="T34501" i="1"/>
  <c r="T34502" i="1"/>
  <c r="T34503" i="1"/>
  <c r="T34504" i="1"/>
  <c r="T34505" i="1"/>
  <c r="T34506" i="1"/>
  <c r="T34507" i="1"/>
  <c r="T34508" i="1"/>
  <c r="T34509" i="1"/>
  <c r="T34510" i="1"/>
  <c r="T34511" i="1"/>
  <c r="T34512" i="1"/>
  <c r="T34513" i="1"/>
  <c r="T34514" i="1"/>
  <c r="T34515" i="1"/>
  <c r="T34516" i="1"/>
  <c r="T34517" i="1"/>
  <c r="T34518" i="1"/>
  <c r="T34519" i="1"/>
  <c r="T34520" i="1"/>
  <c r="T34521" i="1"/>
  <c r="T34522" i="1"/>
  <c r="T34523" i="1"/>
  <c r="T34524" i="1"/>
  <c r="T34525" i="1"/>
  <c r="T34526" i="1"/>
  <c r="T34527" i="1"/>
  <c r="T34528" i="1"/>
  <c r="T34529" i="1"/>
  <c r="T34530" i="1"/>
  <c r="T34531" i="1"/>
  <c r="T34532" i="1"/>
  <c r="T34533" i="1"/>
  <c r="T34534" i="1"/>
  <c r="T34535" i="1"/>
  <c r="T34536" i="1"/>
  <c r="T34537" i="1"/>
  <c r="T34538" i="1"/>
  <c r="T34539" i="1"/>
  <c r="T34540" i="1"/>
  <c r="T34541" i="1"/>
  <c r="T34542" i="1"/>
  <c r="T34543" i="1"/>
  <c r="T34544" i="1"/>
  <c r="T34545" i="1"/>
  <c r="T34546" i="1"/>
  <c r="T34547" i="1"/>
  <c r="T34548" i="1"/>
  <c r="T34549" i="1"/>
  <c r="T34550" i="1"/>
  <c r="T34551" i="1"/>
  <c r="T34552" i="1"/>
  <c r="T34553" i="1"/>
  <c r="T34554" i="1"/>
  <c r="T34555" i="1"/>
  <c r="T34556" i="1"/>
  <c r="T34557" i="1"/>
  <c r="T34558" i="1"/>
  <c r="T34559" i="1"/>
  <c r="T34560" i="1"/>
  <c r="T34561" i="1"/>
  <c r="T34562" i="1"/>
  <c r="T34563" i="1"/>
  <c r="T34564" i="1"/>
  <c r="T34565" i="1"/>
  <c r="T34566" i="1"/>
  <c r="T34567" i="1"/>
  <c r="T34568" i="1"/>
  <c r="T34569" i="1"/>
  <c r="T34570" i="1"/>
  <c r="T34571" i="1"/>
  <c r="T34572" i="1"/>
  <c r="T34573" i="1"/>
  <c r="T34574" i="1"/>
  <c r="T34575" i="1"/>
  <c r="T34576" i="1"/>
  <c r="T34577" i="1"/>
  <c r="T34578" i="1"/>
  <c r="T34579" i="1"/>
  <c r="T34580" i="1"/>
  <c r="T34581" i="1"/>
  <c r="T34582" i="1"/>
  <c r="T34583" i="1"/>
  <c r="T34584" i="1"/>
  <c r="T34585" i="1"/>
  <c r="T34586" i="1"/>
  <c r="T34587" i="1"/>
  <c r="T34588" i="1"/>
  <c r="T34589" i="1"/>
  <c r="T34590" i="1"/>
  <c r="T34591" i="1"/>
  <c r="T34592" i="1"/>
  <c r="T34593" i="1"/>
  <c r="T34594" i="1"/>
  <c r="T34595" i="1"/>
  <c r="T34596" i="1"/>
  <c r="T34597" i="1"/>
  <c r="T34598" i="1"/>
  <c r="T34599" i="1"/>
  <c r="T34600" i="1"/>
  <c r="T34601" i="1"/>
  <c r="T34602" i="1"/>
  <c r="T34603" i="1"/>
  <c r="T34604" i="1"/>
  <c r="T34605" i="1"/>
  <c r="T34606" i="1"/>
  <c r="T34607" i="1"/>
  <c r="T34608" i="1"/>
  <c r="T34609" i="1"/>
  <c r="T34610" i="1"/>
  <c r="T34611" i="1"/>
  <c r="T34612" i="1"/>
  <c r="T34613" i="1"/>
  <c r="T34614" i="1"/>
  <c r="T34615" i="1"/>
  <c r="T34616" i="1"/>
  <c r="T34617" i="1"/>
  <c r="T34618" i="1"/>
  <c r="T34619" i="1"/>
  <c r="T34620" i="1"/>
  <c r="T34621" i="1"/>
  <c r="T34622" i="1"/>
  <c r="T34623" i="1"/>
  <c r="T34624" i="1"/>
  <c r="T34625" i="1"/>
  <c r="T34626" i="1"/>
  <c r="T34627" i="1"/>
  <c r="T34628" i="1"/>
  <c r="T34629" i="1"/>
  <c r="T34630" i="1"/>
  <c r="T34631" i="1"/>
  <c r="T34632" i="1"/>
  <c r="T34633" i="1"/>
  <c r="T34634" i="1"/>
  <c r="T34635" i="1"/>
  <c r="T34636" i="1"/>
  <c r="T34637" i="1"/>
  <c r="T34638" i="1"/>
  <c r="T34639" i="1"/>
  <c r="T34640" i="1"/>
  <c r="T34641" i="1"/>
  <c r="T34642" i="1"/>
  <c r="T34643" i="1"/>
  <c r="T34644" i="1"/>
  <c r="T34645" i="1"/>
  <c r="T34646" i="1"/>
  <c r="T34647" i="1"/>
  <c r="T34648" i="1"/>
  <c r="T34649" i="1"/>
  <c r="T34650" i="1"/>
  <c r="T34651" i="1"/>
  <c r="T34652" i="1"/>
  <c r="T34653" i="1"/>
  <c r="T34654" i="1"/>
  <c r="T34655" i="1"/>
  <c r="T34656" i="1"/>
  <c r="T34657" i="1"/>
  <c r="T34658" i="1"/>
  <c r="T34659" i="1"/>
  <c r="T34660" i="1"/>
  <c r="T34661" i="1"/>
  <c r="T34662" i="1"/>
  <c r="T34663" i="1"/>
  <c r="T34664" i="1"/>
  <c r="T34665" i="1"/>
  <c r="T34666" i="1"/>
  <c r="T34667" i="1"/>
  <c r="T34668" i="1"/>
  <c r="T34669" i="1"/>
  <c r="T34670" i="1"/>
  <c r="T34671" i="1"/>
  <c r="T34672" i="1"/>
  <c r="T34673" i="1"/>
  <c r="T34674" i="1"/>
  <c r="T34675" i="1"/>
  <c r="T34676" i="1"/>
  <c r="T34677" i="1"/>
  <c r="T34678" i="1"/>
  <c r="T34679" i="1"/>
  <c r="T34680" i="1"/>
  <c r="T34681" i="1"/>
  <c r="T34682" i="1"/>
  <c r="T34683" i="1"/>
  <c r="T34684" i="1"/>
  <c r="T34685" i="1"/>
  <c r="T34686" i="1"/>
  <c r="T34687" i="1"/>
  <c r="T34688" i="1"/>
  <c r="T34689" i="1"/>
  <c r="T34690" i="1"/>
  <c r="T34691" i="1"/>
  <c r="T34692" i="1"/>
  <c r="T34693" i="1"/>
  <c r="T34694" i="1"/>
  <c r="T34695" i="1"/>
  <c r="T34696" i="1"/>
  <c r="T34697" i="1"/>
  <c r="T34698" i="1"/>
  <c r="T34699" i="1"/>
  <c r="T34700" i="1"/>
  <c r="T34701" i="1"/>
  <c r="T34702" i="1"/>
  <c r="T34703" i="1"/>
  <c r="T34704" i="1"/>
  <c r="T34705" i="1"/>
  <c r="T34706" i="1"/>
  <c r="T34707" i="1"/>
  <c r="T34708" i="1"/>
  <c r="T34709" i="1"/>
  <c r="T34710" i="1"/>
  <c r="T34711" i="1"/>
  <c r="T34712" i="1"/>
  <c r="T34713" i="1"/>
  <c r="T34714" i="1"/>
  <c r="T34715" i="1"/>
  <c r="T34716" i="1"/>
  <c r="T34717" i="1"/>
  <c r="T34718" i="1"/>
  <c r="T34719" i="1"/>
  <c r="T34720" i="1"/>
  <c r="T34721" i="1"/>
  <c r="T34722" i="1"/>
  <c r="T34723" i="1"/>
  <c r="T34724" i="1"/>
  <c r="T34725" i="1"/>
  <c r="T34726" i="1"/>
  <c r="T34727" i="1"/>
  <c r="T34728" i="1"/>
  <c r="T34729" i="1"/>
  <c r="T34730" i="1"/>
  <c r="T34731" i="1"/>
  <c r="T34732" i="1"/>
  <c r="T34733" i="1"/>
  <c r="T34734" i="1"/>
  <c r="T34735" i="1"/>
  <c r="T34736" i="1"/>
  <c r="T34737" i="1"/>
  <c r="T34738" i="1"/>
  <c r="T34739" i="1"/>
  <c r="T34740" i="1"/>
  <c r="T34741" i="1"/>
  <c r="T34742" i="1"/>
  <c r="T34743" i="1"/>
  <c r="T34744" i="1"/>
  <c r="T34745" i="1"/>
  <c r="T34746" i="1"/>
  <c r="T34747" i="1"/>
  <c r="T34748" i="1"/>
  <c r="T34749" i="1"/>
  <c r="T34750" i="1"/>
  <c r="T34751" i="1"/>
  <c r="T34752" i="1"/>
  <c r="T34753" i="1"/>
  <c r="T34754" i="1"/>
  <c r="T34755" i="1"/>
  <c r="T34756" i="1"/>
  <c r="T34757" i="1"/>
  <c r="T34758" i="1"/>
  <c r="T34759" i="1"/>
  <c r="T34760" i="1"/>
  <c r="T34761" i="1"/>
  <c r="T34762" i="1"/>
  <c r="T34763" i="1"/>
  <c r="T34764" i="1"/>
  <c r="T34765" i="1"/>
  <c r="T34766" i="1"/>
  <c r="T34767" i="1"/>
  <c r="T34768" i="1"/>
  <c r="T34769" i="1"/>
  <c r="T34770" i="1"/>
  <c r="T34771" i="1"/>
  <c r="T34772" i="1"/>
  <c r="T34773" i="1"/>
  <c r="T34774" i="1"/>
  <c r="T34775" i="1"/>
  <c r="T34776" i="1"/>
  <c r="T34777" i="1"/>
  <c r="T34778" i="1"/>
  <c r="T34779" i="1"/>
  <c r="T34780" i="1"/>
  <c r="T34781" i="1"/>
  <c r="T34782" i="1"/>
  <c r="T34783" i="1"/>
  <c r="T34784" i="1"/>
  <c r="T34785" i="1"/>
  <c r="T34786" i="1"/>
  <c r="T34787" i="1"/>
  <c r="T34788" i="1"/>
  <c r="T34789" i="1"/>
  <c r="T34790" i="1"/>
  <c r="T34791" i="1"/>
  <c r="T34792" i="1"/>
  <c r="T34793" i="1"/>
  <c r="T34794" i="1"/>
  <c r="T34795" i="1"/>
  <c r="T34796" i="1"/>
  <c r="T34797" i="1"/>
  <c r="T34798" i="1"/>
  <c r="T34799" i="1"/>
  <c r="T34800" i="1"/>
  <c r="T34801" i="1"/>
  <c r="T34802" i="1"/>
  <c r="T34803" i="1"/>
  <c r="T34804" i="1"/>
  <c r="T34805" i="1"/>
  <c r="T34806" i="1"/>
  <c r="T34807" i="1"/>
  <c r="T34808" i="1"/>
  <c r="T34809" i="1"/>
  <c r="T34810" i="1"/>
  <c r="T34811" i="1"/>
  <c r="T34812" i="1"/>
  <c r="T34813" i="1"/>
  <c r="T34814" i="1"/>
  <c r="T34815" i="1"/>
  <c r="T34816" i="1"/>
  <c r="T34817" i="1"/>
  <c r="T34818" i="1"/>
  <c r="T34819" i="1"/>
  <c r="T34820" i="1"/>
  <c r="T34821" i="1"/>
  <c r="T34822" i="1"/>
  <c r="T34823" i="1"/>
  <c r="T34824" i="1"/>
  <c r="T34825" i="1"/>
  <c r="T34826" i="1"/>
  <c r="T34827" i="1"/>
  <c r="T34828" i="1"/>
  <c r="T34829" i="1"/>
  <c r="T34830" i="1"/>
  <c r="T34831" i="1"/>
  <c r="T34832" i="1"/>
  <c r="T34833" i="1"/>
  <c r="T34834" i="1"/>
  <c r="T34835" i="1"/>
  <c r="T34836" i="1"/>
  <c r="T34837" i="1"/>
  <c r="T34838" i="1"/>
  <c r="T34839" i="1"/>
  <c r="T34840" i="1"/>
  <c r="T34841" i="1"/>
  <c r="T34842" i="1"/>
  <c r="T34843" i="1"/>
  <c r="T34844" i="1"/>
  <c r="T34845" i="1"/>
  <c r="T34846" i="1"/>
  <c r="T34847" i="1"/>
  <c r="T34848" i="1"/>
  <c r="T34849" i="1"/>
  <c r="T34850" i="1"/>
  <c r="T34851" i="1"/>
  <c r="T34852" i="1"/>
  <c r="T34853" i="1"/>
  <c r="T34854" i="1"/>
  <c r="T34855" i="1"/>
  <c r="T34856" i="1"/>
  <c r="T34857" i="1"/>
  <c r="T34858" i="1"/>
  <c r="T34859" i="1"/>
  <c r="T34860" i="1"/>
  <c r="T34861" i="1"/>
  <c r="T34862" i="1"/>
  <c r="T34863" i="1"/>
  <c r="T34864" i="1"/>
  <c r="T34865" i="1"/>
  <c r="T34866" i="1"/>
  <c r="T34867" i="1"/>
  <c r="T34868" i="1"/>
  <c r="T34869" i="1"/>
  <c r="T34870" i="1"/>
  <c r="T34871" i="1"/>
  <c r="T34872" i="1"/>
  <c r="T34873" i="1"/>
  <c r="T34874" i="1"/>
  <c r="T34875" i="1"/>
  <c r="T34876" i="1"/>
  <c r="T34877" i="1"/>
  <c r="T34878" i="1"/>
  <c r="T34879" i="1"/>
  <c r="T34880" i="1"/>
  <c r="T34881" i="1"/>
  <c r="T34882" i="1"/>
  <c r="T34883" i="1"/>
  <c r="T34884" i="1"/>
  <c r="T34885" i="1"/>
  <c r="T34886" i="1"/>
  <c r="T34887" i="1"/>
  <c r="T34888" i="1"/>
  <c r="T34889" i="1"/>
  <c r="T34890" i="1"/>
  <c r="T34891" i="1"/>
  <c r="T34892" i="1"/>
  <c r="T34893" i="1"/>
  <c r="T34894" i="1"/>
  <c r="T34895" i="1"/>
  <c r="T34896" i="1"/>
  <c r="T34897" i="1"/>
  <c r="T34898" i="1"/>
  <c r="T34899" i="1"/>
  <c r="T34900" i="1"/>
  <c r="T34901" i="1"/>
  <c r="T34902" i="1"/>
  <c r="T34903" i="1"/>
  <c r="T34904" i="1"/>
  <c r="T34905" i="1"/>
  <c r="T34906" i="1"/>
  <c r="T34907" i="1"/>
  <c r="T34908" i="1"/>
  <c r="T34909" i="1"/>
  <c r="T34910" i="1"/>
  <c r="T34911" i="1"/>
  <c r="T34912" i="1"/>
  <c r="T34913" i="1"/>
  <c r="T34914" i="1"/>
  <c r="T34915" i="1"/>
  <c r="T34916" i="1"/>
  <c r="T34917" i="1"/>
  <c r="T34918" i="1"/>
  <c r="T34919" i="1"/>
  <c r="T34920" i="1"/>
  <c r="T34921" i="1"/>
  <c r="T34922" i="1"/>
  <c r="T34923" i="1"/>
  <c r="T34924" i="1"/>
  <c r="T34925" i="1"/>
  <c r="T34926" i="1"/>
  <c r="T34927" i="1"/>
  <c r="T34928" i="1"/>
  <c r="T34929" i="1"/>
  <c r="T34930" i="1"/>
  <c r="T34931" i="1"/>
  <c r="T34932" i="1"/>
  <c r="T34933" i="1"/>
  <c r="T34934" i="1"/>
  <c r="T34935" i="1"/>
  <c r="T34936" i="1"/>
  <c r="T34937" i="1"/>
  <c r="T34938" i="1"/>
  <c r="T34939" i="1"/>
  <c r="T34940" i="1"/>
  <c r="T34941" i="1"/>
  <c r="T34942" i="1"/>
  <c r="T34943" i="1"/>
  <c r="T34944" i="1"/>
  <c r="T34945" i="1"/>
  <c r="T34946" i="1"/>
  <c r="T34947" i="1"/>
  <c r="T34948" i="1"/>
  <c r="T34949" i="1"/>
  <c r="T34950" i="1"/>
  <c r="T34951" i="1"/>
  <c r="T34952" i="1"/>
  <c r="T34953" i="1"/>
  <c r="T34954" i="1"/>
  <c r="T34955" i="1"/>
  <c r="T34956" i="1"/>
  <c r="T34957" i="1"/>
  <c r="T34958" i="1"/>
  <c r="T34959" i="1"/>
  <c r="T34960" i="1"/>
  <c r="T34961" i="1"/>
  <c r="T34962" i="1"/>
  <c r="T34963" i="1"/>
  <c r="T34964" i="1"/>
  <c r="T34965" i="1"/>
  <c r="T34966" i="1"/>
  <c r="T34967" i="1"/>
  <c r="T34968" i="1"/>
  <c r="T34969" i="1"/>
  <c r="T34970" i="1"/>
  <c r="T34971" i="1"/>
  <c r="T34972" i="1"/>
  <c r="T34973" i="1"/>
  <c r="T34974" i="1"/>
  <c r="T34975" i="1"/>
  <c r="T34976" i="1"/>
  <c r="T34977" i="1"/>
  <c r="T34978" i="1"/>
  <c r="T34979" i="1"/>
  <c r="T34980" i="1"/>
  <c r="T34981" i="1"/>
  <c r="T34982" i="1"/>
  <c r="T34983" i="1"/>
  <c r="T34984" i="1"/>
  <c r="T34985" i="1"/>
  <c r="T34986" i="1"/>
  <c r="T34987" i="1"/>
  <c r="T34988" i="1"/>
  <c r="T34989" i="1"/>
  <c r="T34990" i="1"/>
  <c r="T34991" i="1"/>
  <c r="T34992" i="1"/>
  <c r="T34993" i="1"/>
  <c r="T34994" i="1"/>
  <c r="T34995" i="1"/>
  <c r="T34996" i="1"/>
  <c r="T34997" i="1"/>
  <c r="T34998" i="1"/>
  <c r="T34999" i="1"/>
  <c r="T35000" i="1"/>
  <c r="T35001" i="1"/>
  <c r="T35002" i="1"/>
  <c r="T35003" i="1"/>
  <c r="T35004" i="1"/>
  <c r="T35005" i="1"/>
  <c r="T35006" i="1"/>
  <c r="T35007" i="1"/>
  <c r="T35008" i="1"/>
  <c r="T35009" i="1"/>
  <c r="T35010" i="1"/>
  <c r="T35011" i="1"/>
  <c r="T35012" i="1"/>
  <c r="T35013" i="1"/>
  <c r="T35014" i="1"/>
  <c r="T35015" i="1"/>
  <c r="T35016" i="1"/>
  <c r="T35017" i="1"/>
  <c r="T35018" i="1"/>
  <c r="T35019" i="1"/>
  <c r="T35020" i="1"/>
  <c r="T35021" i="1"/>
  <c r="T35022" i="1"/>
  <c r="T35023" i="1"/>
  <c r="T35024" i="1"/>
  <c r="T35025" i="1"/>
  <c r="T35026" i="1"/>
  <c r="T35027" i="1"/>
  <c r="T35028" i="1"/>
  <c r="T35029" i="1"/>
  <c r="T35030" i="1"/>
  <c r="T35031" i="1"/>
  <c r="T35032" i="1"/>
  <c r="T35033" i="1"/>
  <c r="T35034" i="1"/>
  <c r="T35035" i="1"/>
  <c r="T35036" i="1"/>
  <c r="T35037" i="1"/>
  <c r="T35038" i="1"/>
  <c r="T35039" i="1"/>
  <c r="T35040" i="1"/>
  <c r="T35041" i="1"/>
  <c r="T35042" i="1"/>
  <c r="T35043" i="1"/>
  <c r="T35044" i="1"/>
  <c r="T35045" i="1"/>
  <c r="T35046" i="1"/>
  <c r="T35047" i="1"/>
  <c r="T35048" i="1"/>
  <c r="T35049" i="1"/>
  <c r="T35050" i="1"/>
  <c r="T35051" i="1"/>
  <c r="T35052" i="1"/>
  <c r="T35053" i="1"/>
  <c r="T35054" i="1"/>
  <c r="T35055" i="1"/>
  <c r="T35056" i="1"/>
  <c r="T35057" i="1"/>
  <c r="T35058" i="1"/>
  <c r="T35059" i="1"/>
  <c r="T35060" i="1"/>
  <c r="T35061" i="1"/>
  <c r="T35062" i="1"/>
  <c r="T35063" i="1"/>
  <c r="T35064" i="1"/>
  <c r="T35065" i="1"/>
  <c r="T35066" i="1"/>
  <c r="T35067" i="1"/>
  <c r="T35068" i="1"/>
  <c r="T35069" i="1"/>
  <c r="T35070" i="1"/>
  <c r="T35071" i="1"/>
  <c r="T35072" i="1"/>
  <c r="T35073" i="1"/>
  <c r="T35074" i="1"/>
  <c r="T35075" i="1"/>
  <c r="T35076" i="1"/>
  <c r="T35077" i="1"/>
  <c r="T35078" i="1"/>
  <c r="T35079" i="1"/>
  <c r="T35080" i="1"/>
  <c r="T35081" i="1"/>
  <c r="T35082" i="1"/>
  <c r="T35083" i="1"/>
  <c r="T35084" i="1"/>
  <c r="T35085" i="1"/>
  <c r="T35086" i="1"/>
  <c r="T35087" i="1"/>
  <c r="T35088" i="1"/>
  <c r="T35089" i="1"/>
  <c r="T35090" i="1"/>
  <c r="T35091" i="1"/>
  <c r="T35092" i="1"/>
  <c r="T35093" i="1"/>
  <c r="T35094" i="1"/>
  <c r="T35095" i="1"/>
  <c r="T35096" i="1"/>
  <c r="T35097" i="1"/>
  <c r="T35098" i="1"/>
  <c r="T35099" i="1"/>
  <c r="T35100" i="1"/>
  <c r="T35101" i="1"/>
  <c r="T35102" i="1"/>
  <c r="T35103" i="1"/>
  <c r="T35104" i="1"/>
  <c r="T35105" i="1"/>
  <c r="T35106" i="1"/>
  <c r="T35107" i="1"/>
  <c r="T35108" i="1"/>
  <c r="T35109" i="1"/>
  <c r="T35110" i="1"/>
  <c r="T35111" i="1"/>
  <c r="T35112" i="1"/>
  <c r="T35113" i="1"/>
  <c r="T35114" i="1"/>
  <c r="T35115" i="1"/>
  <c r="T35116" i="1"/>
  <c r="T35117" i="1"/>
  <c r="T35118" i="1"/>
  <c r="T35119" i="1"/>
  <c r="T35120" i="1"/>
  <c r="T35121" i="1"/>
  <c r="T35122" i="1"/>
  <c r="T35123" i="1"/>
  <c r="T35124" i="1"/>
  <c r="T35125" i="1"/>
  <c r="T35126" i="1"/>
  <c r="T35127" i="1"/>
  <c r="T35128" i="1"/>
  <c r="T35129" i="1"/>
  <c r="T35130" i="1"/>
  <c r="T35131" i="1"/>
  <c r="T35132" i="1"/>
  <c r="T35133" i="1"/>
  <c r="T35134" i="1"/>
  <c r="T35135" i="1"/>
  <c r="T35136" i="1"/>
  <c r="T35137" i="1"/>
  <c r="T35138" i="1"/>
  <c r="T35139" i="1"/>
  <c r="T35140" i="1"/>
  <c r="T35141" i="1"/>
  <c r="T35142" i="1"/>
  <c r="T35143" i="1"/>
  <c r="T35144" i="1"/>
  <c r="T35145" i="1"/>
  <c r="T35146" i="1"/>
  <c r="T35147" i="1"/>
  <c r="T35148" i="1"/>
  <c r="T35149" i="1"/>
  <c r="T35150" i="1"/>
  <c r="T35151" i="1"/>
  <c r="T35152" i="1"/>
  <c r="T35153" i="1"/>
  <c r="T35154" i="1"/>
  <c r="T35155" i="1"/>
  <c r="T35156" i="1"/>
  <c r="T35157" i="1"/>
  <c r="T35158" i="1"/>
  <c r="T35159" i="1"/>
  <c r="T35160" i="1"/>
  <c r="T35161" i="1"/>
  <c r="T35162" i="1"/>
  <c r="T35163" i="1"/>
  <c r="T35164" i="1"/>
  <c r="T35165" i="1"/>
  <c r="T35166" i="1"/>
  <c r="T35167" i="1"/>
  <c r="T35168" i="1"/>
  <c r="T35169" i="1"/>
  <c r="T35170" i="1"/>
  <c r="T35171" i="1"/>
  <c r="T35172" i="1"/>
  <c r="T35173" i="1"/>
  <c r="T35174" i="1"/>
  <c r="T35175" i="1"/>
  <c r="T35176" i="1"/>
  <c r="T35177" i="1"/>
  <c r="T35178" i="1"/>
  <c r="T35179" i="1"/>
  <c r="T35180" i="1"/>
  <c r="T35181" i="1"/>
  <c r="T35182" i="1"/>
  <c r="T35183" i="1"/>
  <c r="T35184" i="1"/>
  <c r="T35185" i="1"/>
  <c r="T35186" i="1"/>
  <c r="T35187" i="1"/>
  <c r="T35188" i="1"/>
  <c r="T35189" i="1"/>
  <c r="T35190" i="1"/>
  <c r="T35191" i="1"/>
  <c r="T35192" i="1"/>
  <c r="T35193" i="1"/>
  <c r="T35194" i="1"/>
  <c r="T35195" i="1"/>
  <c r="T35196" i="1"/>
  <c r="T35197" i="1"/>
  <c r="T35198" i="1"/>
  <c r="T35199" i="1"/>
  <c r="T35200" i="1"/>
  <c r="T35201" i="1"/>
  <c r="T35202" i="1"/>
  <c r="T35203" i="1"/>
  <c r="T35204" i="1"/>
  <c r="T35205" i="1"/>
  <c r="T35206" i="1"/>
  <c r="T35207" i="1"/>
  <c r="T35208" i="1"/>
  <c r="T35209" i="1"/>
  <c r="T35210" i="1"/>
  <c r="T35211" i="1"/>
  <c r="T35212" i="1"/>
  <c r="T35213" i="1"/>
  <c r="T35214" i="1"/>
  <c r="T35215" i="1"/>
  <c r="T35216" i="1"/>
  <c r="T35217" i="1"/>
  <c r="T35218" i="1"/>
  <c r="T35219" i="1"/>
  <c r="T35220" i="1"/>
  <c r="T35221" i="1"/>
  <c r="T35222" i="1"/>
  <c r="T35223" i="1"/>
  <c r="T35224" i="1"/>
  <c r="T35225" i="1"/>
  <c r="T35226" i="1"/>
  <c r="T35227" i="1"/>
  <c r="T35228" i="1"/>
  <c r="T35229" i="1"/>
  <c r="T35230" i="1"/>
  <c r="T35231" i="1"/>
  <c r="T35232" i="1"/>
  <c r="T35233" i="1"/>
  <c r="T35234" i="1"/>
  <c r="T35235" i="1"/>
  <c r="T35236" i="1"/>
  <c r="T35237" i="1"/>
  <c r="T35238" i="1"/>
  <c r="T35239" i="1"/>
  <c r="T35240" i="1"/>
  <c r="T35241" i="1"/>
  <c r="T35242" i="1"/>
  <c r="T35243" i="1"/>
  <c r="T35244" i="1"/>
  <c r="T35245" i="1"/>
  <c r="T35246" i="1"/>
  <c r="T35247" i="1"/>
  <c r="T35248" i="1"/>
  <c r="T35249" i="1"/>
  <c r="T35250" i="1"/>
  <c r="T35251" i="1"/>
  <c r="T35252" i="1"/>
  <c r="T35253" i="1"/>
  <c r="T35254" i="1"/>
  <c r="T35255" i="1"/>
  <c r="T35256" i="1"/>
  <c r="T35257" i="1"/>
  <c r="T35258" i="1"/>
  <c r="T35259" i="1"/>
  <c r="T35260" i="1"/>
  <c r="T35261" i="1"/>
  <c r="T35262" i="1"/>
  <c r="T35263" i="1"/>
  <c r="T35264" i="1"/>
  <c r="T35265" i="1"/>
  <c r="T35266" i="1"/>
  <c r="T35267" i="1"/>
  <c r="T35268" i="1"/>
  <c r="T35269" i="1"/>
  <c r="T35270" i="1"/>
  <c r="T35271" i="1"/>
  <c r="T35272" i="1"/>
  <c r="T35273" i="1"/>
  <c r="T35274" i="1"/>
  <c r="T35275" i="1"/>
  <c r="T35276" i="1"/>
  <c r="T35277" i="1"/>
  <c r="T35278" i="1"/>
  <c r="T35279" i="1"/>
  <c r="T35280" i="1"/>
  <c r="T35281" i="1"/>
  <c r="T35282" i="1"/>
  <c r="T35283" i="1"/>
  <c r="T35284" i="1"/>
  <c r="T35285" i="1"/>
  <c r="T35286" i="1"/>
  <c r="T35287" i="1"/>
  <c r="T35288" i="1"/>
  <c r="T35289" i="1"/>
  <c r="T35290" i="1"/>
  <c r="T35291" i="1"/>
  <c r="T35292" i="1"/>
  <c r="T35293" i="1"/>
  <c r="T35294" i="1"/>
  <c r="T35295" i="1"/>
  <c r="T35296" i="1"/>
  <c r="T35297" i="1"/>
  <c r="T35298" i="1"/>
  <c r="T35299" i="1"/>
  <c r="T35300" i="1"/>
  <c r="T35301" i="1"/>
  <c r="T35302" i="1"/>
  <c r="T35303" i="1"/>
  <c r="T35304" i="1"/>
  <c r="T35305" i="1"/>
  <c r="T35306" i="1"/>
  <c r="T35307" i="1"/>
  <c r="T35308" i="1"/>
  <c r="T35309" i="1"/>
  <c r="T35310" i="1"/>
  <c r="T35311" i="1"/>
  <c r="T35312" i="1"/>
  <c r="T35313" i="1"/>
  <c r="T35314" i="1"/>
  <c r="T35315" i="1"/>
  <c r="T35316" i="1"/>
  <c r="T35317" i="1"/>
  <c r="T35318" i="1"/>
  <c r="T35319" i="1"/>
  <c r="T35320" i="1"/>
  <c r="T35321" i="1"/>
  <c r="T35322" i="1"/>
  <c r="T35323" i="1"/>
  <c r="T35324" i="1"/>
  <c r="T35325" i="1"/>
  <c r="T35326" i="1"/>
  <c r="T35327" i="1"/>
  <c r="T35328" i="1"/>
  <c r="T35329" i="1"/>
  <c r="T35330" i="1"/>
  <c r="T35331" i="1"/>
  <c r="T35332" i="1"/>
  <c r="T35333" i="1"/>
  <c r="T35334" i="1"/>
  <c r="T35335" i="1"/>
  <c r="T35336" i="1"/>
  <c r="T35337" i="1"/>
  <c r="T35338" i="1"/>
  <c r="T35339" i="1"/>
  <c r="T35340" i="1"/>
  <c r="T35341" i="1"/>
  <c r="T35342" i="1"/>
  <c r="T35343" i="1"/>
  <c r="T35344" i="1"/>
  <c r="T35345" i="1"/>
  <c r="T35346" i="1"/>
  <c r="T35347" i="1"/>
  <c r="T35348" i="1"/>
  <c r="T35349" i="1"/>
  <c r="T35350" i="1"/>
  <c r="T35351" i="1"/>
  <c r="T35352" i="1"/>
  <c r="T35353" i="1"/>
  <c r="T35354" i="1"/>
  <c r="T35355" i="1"/>
  <c r="T35356" i="1"/>
  <c r="T35357" i="1"/>
  <c r="T35358" i="1"/>
  <c r="T35359" i="1"/>
  <c r="T35360" i="1"/>
  <c r="T35361" i="1"/>
  <c r="T35362" i="1"/>
  <c r="T35363" i="1"/>
  <c r="T35364" i="1"/>
  <c r="T35365" i="1"/>
  <c r="T35366" i="1"/>
  <c r="T35367" i="1"/>
  <c r="T35368" i="1"/>
  <c r="T35369" i="1"/>
  <c r="T35370" i="1"/>
  <c r="T35371" i="1"/>
  <c r="T35372" i="1"/>
  <c r="T35373" i="1"/>
  <c r="T35374" i="1"/>
  <c r="T35375" i="1"/>
  <c r="T35376" i="1"/>
  <c r="T35377" i="1"/>
  <c r="T35378" i="1"/>
  <c r="T35379" i="1"/>
  <c r="T35380" i="1"/>
  <c r="T35381" i="1"/>
  <c r="T35382" i="1"/>
  <c r="T35383" i="1"/>
  <c r="T35384" i="1"/>
  <c r="T35385" i="1"/>
  <c r="T35386" i="1"/>
  <c r="T35387" i="1"/>
  <c r="T35388" i="1"/>
  <c r="T35389" i="1"/>
  <c r="T35390" i="1"/>
  <c r="T35391" i="1"/>
  <c r="T35392" i="1"/>
  <c r="T35393" i="1"/>
  <c r="T35394" i="1"/>
  <c r="T35395" i="1"/>
  <c r="T35396" i="1"/>
  <c r="T35397" i="1"/>
  <c r="T35398" i="1"/>
  <c r="T35399" i="1"/>
  <c r="T35400" i="1"/>
  <c r="T35401" i="1"/>
  <c r="T35402" i="1"/>
  <c r="T35403" i="1"/>
  <c r="T35404" i="1"/>
  <c r="T35405" i="1"/>
  <c r="T35406" i="1"/>
  <c r="T35407" i="1"/>
  <c r="T35408" i="1"/>
  <c r="T35409" i="1"/>
  <c r="T35410" i="1"/>
  <c r="T35411" i="1"/>
  <c r="T35412" i="1"/>
  <c r="T35413" i="1"/>
  <c r="T35414" i="1"/>
  <c r="T35415" i="1"/>
  <c r="T35416" i="1"/>
  <c r="T35417" i="1"/>
  <c r="T35418" i="1"/>
  <c r="T35419" i="1"/>
  <c r="T35420" i="1"/>
  <c r="T35421" i="1"/>
  <c r="T35422" i="1"/>
  <c r="T35423" i="1"/>
  <c r="T35424" i="1"/>
  <c r="T35425" i="1"/>
  <c r="T35426" i="1"/>
  <c r="T35427" i="1"/>
  <c r="T35428" i="1"/>
  <c r="T35429" i="1"/>
  <c r="T35430" i="1"/>
  <c r="T35431" i="1"/>
  <c r="T35432" i="1"/>
  <c r="T35433" i="1"/>
  <c r="T35434" i="1"/>
  <c r="T35435" i="1"/>
  <c r="T35436" i="1"/>
  <c r="T35437" i="1"/>
  <c r="T35438" i="1"/>
  <c r="T35439" i="1"/>
  <c r="T35440" i="1"/>
  <c r="T35441" i="1"/>
  <c r="T35442" i="1"/>
  <c r="T35443" i="1"/>
  <c r="T35444" i="1"/>
  <c r="T35445" i="1"/>
  <c r="T35446" i="1"/>
  <c r="T35447" i="1"/>
  <c r="T35448" i="1"/>
  <c r="T35449" i="1"/>
  <c r="T35450" i="1"/>
  <c r="T35451" i="1"/>
  <c r="T35452" i="1"/>
  <c r="T35453" i="1"/>
  <c r="T35454" i="1"/>
  <c r="T35455" i="1"/>
  <c r="T35456" i="1"/>
  <c r="T35457" i="1"/>
  <c r="T35458" i="1"/>
  <c r="T35459" i="1"/>
  <c r="T35460" i="1"/>
  <c r="T35461" i="1"/>
  <c r="T35462" i="1"/>
  <c r="T35463" i="1"/>
  <c r="T35464" i="1"/>
  <c r="T35465" i="1"/>
  <c r="T35466" i="1"/>
  <c r="T35467" i="1"/>
  <c r="T35468" i="1"/>
  <c r="T35469" i="1"/>
  <c r="T35470" i="1"/>
  <c r="T35471" i="1"/>
  <c r="T35472" i="1"/>
  <c r="T35473" i="1"/>
  <c r="T35474" i="1"/>
  <c r="T35475" i="1"/>
  <c r="T35476" i="1"/>
  <c r="T35477" i="1"/>
  <c r="T35478" i="1"/>
  <c r="T35479" i="1"/>
  <c r="T35480" i="1"/>
  <c r="T35481" i="1"/>
  <c r="T35482" i="1"/>
  <c r="T35483" i="1"/>
  <c r="T35484" i="1"/>
  <c r="T35485" i="1"/>
  <c r="T35486" i="1"/>
  <c r="T35487" i="1"/>
  <c r="T35488" i="1"/>
  <c r="T35489" i="1"/>
  <c r="T35490" i="1"/>
  <c r="T35491" i="1"/>
  <c r="T35492" i="1"/>
  <c r="T35493" i="1"/>
  <c r="T35494" i="1"/>
  <c r="T35495" i="1"/>
  <c r="T35496" i="1"/>
  <c r="T35497" i="1"/>
  <c r="T35498" i="1"/>
  <c r="T35499" i="1"/>
  <c r="T35500" i="1"/>
  <c r="T35501" i="1"/>
  <c r="T35502" i="1"/>
  <c r="T35503" i="1"/>
  <c r="T35504" i="1"/>
  <c r="T35505" i="1"/>
  <c r="T35506" i="1"/>
  <c r="T35507" i="1"/>
  <c r="T35508" i="1"/>
  <c r="T35509" i="1"/>
  <c r="T35510" i="1"/>
  <c r="T35511" i="1"/>
  <c r="T35512" i="1"/>
  <c r="T35513" i="1"/>
  <c r="T35514" i="1"/>
  <c r="T35515" i="1"/>
  <c r="T35516" i="1"/>
  <c r="T35517" i="1"/>
  <c r="T35518" i="1"/>
  <c r="T35519" i="1"/>
  <c r="T35520" i="1"/>
  <c r="T35521" i="1"/>
  <c r="T35522" i="1"/>
  <c r="T35523" i="1"/>
  <c r="T35524" i="1"/>
  <c r="T35525" i="1"/>
  <c r="T35526" i="1"/>
  <c r="T35527" i="1"/>
  <c r="T35528" i="1"/>
  <c r="T35529" i="1"/>
  <c r="T35530" i="1"/>
  <c r="T35531" i="1"/>
  <c r="T35532" i="1"/>
  <c r="T35533" i="1"/>
  <c r="T35534" i="1"/>
  <c r="T35535" i="1"/>
  <c r="T35536" i="1"/>
  <c r="T35537" i="1"/>
  <c r="T35538" i="1"/>
  <c r="T35539" i="1"/>
  <c r="T35540" i="1"/>
  <c r="T35541" i="1"/>
  <c r="T35542" i="1"/>
  <c r="T35543" i="1"/>
  <c r="T35544" i="1"/>
  <c r="T35545" i="1"/>
  <c r="T35546" i="1"/>
  <c r="T35547" i="1"/>
  <c r="T35548" i="1"/>
  <c r="T35549" i="1"/>
  <c r="T35550" i="1"/>
  <c r="T35551" i="1"/>
  <c r="T35552" i="1"/>
  <c r="T35553" i="1"/>
  <c r="T35554" i="1"/>
  <c r="T35555" i="1"/>
  <c r="T35556" i="1"/>
  <c r="T35557" i="1"/>
  <c r="T35558" i="1"/>
  <c r="T35559" i="1"/>
  <c r="T35560" i="1"/>
  <c r="T35561" i="1"/>
  <c r="T35562" i="1"/>
  <c r="T35563" i="1"/>
  <c r="T35564" i="1"/>
  <c r="T35565" i="1"/>
  <c r="T35566" i="1"/>
  <c r="T35567" i="1"/>
  <c r="T35568" i="1"/>
  <c r="T35569" i="1"/>
  <c r="T35570" i="1"/>
  <c r="T35571" i="1"/>
  <c r="T35572" i="1"/>
  <c r="T35573" i="1"/>
  <c r="T35574" i="1"/>
  <c r="T35575" i="1"/>
  <c r="T35576" i="1"/>
  <c r="T35577" i="1"/>
  <c r="T35578" i="1"/>
  <c r="T35579" i="1"/>
  <c r="T35580" i="1"/>
  <c r="T35581" i="1"/>
  <c r="T35582" i="1"/>
  <c r="T35583" i="1"/>
  <c r="T35584" i="1"/>
  <c r="T35585" i="1"/>
  <c r="T35586" i="1"/>
  <c r="T35587" i="1"/>
  <c r="T35588" i="1"/>
  <c r="T35589" i="1"/>
  <c r="T35590" i="1"/>
  <c r="T35591" i="1"/>
  <c r="T35592" i="1"/>
  <c r="T35593" i="1"/>
  <c r="T35594" i="1"/>
  <c r="T35595" i="1"/>
  <c r="T35596" i="1"/>
  <c r="T35597" i="1"/>
  <c r="T35598" i="1"/>
  <c r="T35599" i="1"/>
  <c r="T35600" i="1"/>
  <c r="T35601" i="1"/>
  <c r="T35602" i="1"/>
  <c r="T35603" i="1"/>
  <c r="T35604" i="1"/>
  <c r="T35605" i="1"/>
  <c r="T35606" i="1"/>
  <c r="T35607" i="1"/>
  <c r="T35608" i="1"/>
  <c r="T35609" i="1"/>
  <c r="T35610" i="1"/>
  <c r="T35611" i="1"/>
  <c r="T35612" i="1"/>
  <c r="T35613" i="1"/>
  <c r="T35614" i="1"/>
  <c r="T35615" i="1"/>
  <c r="T35616" i="1"/>
  <c r="T35617" i="1"/>
  <c r="T35618" i="1"/>
  <c r="T35619" i="1"/>
  <c r="T35620" i="1"/>
  <c r="T35621" i="1"/>
  <c r="T35622" i="1"/>
  <c r="T35623" i="1"/>
  <c r="T35624" i="1"/>
  <c r="T35625" i="1"/>
  <c r="T35626" i="1"/>
  <c r="T35627" i="1"/>
  <c r="T35628" i="1"/>
  <c r="T35629" i="1"/>
  <c r="T35630" i="1"/>
  <c r="T35631" i="1"/>
  <c r="T35632" i="1"/>
  <c r="T35633" i="1"/>
  <c r="T35634" i="1"/>
  <c r="T35635" i="1"/>
  <c r="T35636" i="1"/>
  <c r="T35637" i="1"/>
  <c r="T35638" i="1"/>
  <c r="T35639" i="1"/>
  <c r="T35640" i="1"/>
  <c r="T35641" i="1"/>
  <c r="T35642" i="1"/>
  <c r="T35643" i="1"/>
  <c r="T35644" i="1"/>
  <c r="T35645" i="1"/>
  <c r="T35646" i="1"/>
  <c r="T35647" i="1"/>
  <c r="T35648" i="1"/>
  <c r="T35649" i="1"/>
  <c r="T35650" i="1"/>
  <c r="T35651" i="1"/>
  <c r="T35652" i="1"/>
  <c r="T35653" i="1"/>
  <c r="T35654" i="1"/>
  <c r="T35655" i="1"/>
  <c r="T35656" i="1"/>
  <c r="T35657" i="1"/>
  <c r="T35658" i="1"/>
  <c r="T35659" i="1"/>
  <c r="T35660" i="1"/>
  <c r="T35661" i="1"/>
  <c r="T35662" i="1"/>
  <c r="T35663" i="1"/>
  <c r="T35664" i="1"/>
  <c r="T35665" i="1"/>
  <c r="T35666" i="1"/>
  <c r="T35667" i="1"/>
  <c r="T35668" i="1"/>
  <c r="T35669" i="1"/>
  <c r="T35670" i="1"/>
  <c r="T35671" i="1"/>
  <c r="T35672" i="1"/>
  <c r="T35673" i="1"/>
  <c r="T35674" i="1"/>
  <c r="T35675" i="1"/>
  <c r="T35676" i="1"/>
  <c r="T35677" i="1"/>
  <c r="T35678" i="1"/>
  <c r="T35679" i="1"/>
  <c r="T35680" i="1"/>
  <c r="T35681" i="1"/>
  <c r="T35682" i="1"/>
  <c r="T35683" i="1"/>
  <c r="T35684" i="1"/>
  <c r="T35685" i="1"/>
  <c r="T35686" i="1"/>
  <c r="T35687" i="1"/>
  <c r="T35688" i="1"/>
  <c r="T35689" i="1"/>
  <c r="T35690" i="1"/>
  <c r="T35691" i="1"/>
  <c r="T35692" i="1"/>
  <c r="T35693" i="1"/>
  <c r="T35694" i="1"/>
  <c r="T35695" i="1"/>
  <c r="T35696" i="1"/>
  <c r="T35697" i="1"/>
  <c r="T35698" i="1"/>
  <c r="T35699" i="1"/>
  <c r="T35700" i="1"/>
  <c r="T35701" i="1"/>
  <c r="T35702" i="1"/>
  <c r="T35703" i="1"/>
  <c r="T35704" i="1"/>
  <c r="T35705" i="1"/>
  <c r="T35706" i="1"/>
  <c r="T35707" i="1"/>
  <c r="T35708" i="1"/>
  <c r="T35709" i="1"/>
  <c r="T35710" i="1"/>
  <c r="T35711" i="1"/>
  <c r="T35712" i="1"/>
  <c r="T35713" i="1"/>
  <c r="T35714" i="1"/>
  <c r="T35715" i="1"/>
  <c r="T35716" i="1"/>
  <c r="T35717" i="1"/>
  <c r="T35718" i="1"/>
  <c r="T35719" i="1"/>
  <c r="T35720" i="1"/>
  <c r="T35721" i="1"/>
  <c r="T35722" i="1"/>
  <c r="T35723" i="1"/>
  <c r="T35724" i="1"/>
  <c r="T35725" i="1"/>
  <c r="T35726" i="1"/>
  <c r="T35727" i="1"/>
  <c r="T35728" i="1"/>
  <c r="T35729" i="1"/>
  <c r="T35730" i="1"/>
  <c r="T35731" i="1"/>
  <c r="T35732" i="1"/>
  <c r="T35733" i="1"/>
  <c r="T35734" i="1"/>
  <c r="T35735" i="1"/>
  <c r="T35736" i="1"/>
  <c r="T35737" i="1"/>
  <c r="T35738" i="1"/>
  <c r="T35739" i="1"/>
  <c r="T35740" i="1"/>
  <c r="T35741" i="1"/>
  <c r="T35742" i="1"/>
  <c r="T35743" i="1"/>
  <c r="T35744" i="1"/>
  <c r="T35745" i="1"/>
  <c r="T35746" i="1"/>
  <c r="T35747" i="1"/>
  <c r="T35748" i="1"/>
  <c r="T35749" i="1"/>
  <c r="T35750" i="1"/>
  <c r="T35751" i="1"/>
  <c r="T35752" i="1"/>
  <c r="T35753" i="1"/>
  <c r="T35754" i="1"/>
  <c r="T35755" i="1"/>
  <c r="T35756" i="1"/>
  <c r="T35757" i="1"/>
  <c r="T35758" i="1"/>
  <c r="T35759" i="1"/>
  <c r="T35760" i="1"/>
  <c r="T35761" i="1"/>
  <c r="T35762" i="1"/>
  <c r="T35763" i="1"/>
  <c r="T35764" i="1"/>
  <c r="T35765" i="1"/>
  <c r="T35766" i="1"/>
  <c r="T35767" i="1"/>
  <c r="T35768" i="1"/>
  <c r="T35769" i="1"/>
  <c r="T35770" i="1"/>
  <c r="T35771" i="1"/>
  <c r="T35772" i="1"/>
  <c r="T35773" i="1"/>
  <c r="T35774" i="1"/>
  <c r="T35775" i="1"/>
  <c r="T35776" i="1"/>
  <c r="T35777" i="1"/>
  <c r="T35778" i="1"/>
  <c r="T35779" i="1"/>
  <c r="T35780" i="1"/>
  <c r="T35781" i="1"/>
  <c r="T35782" i="1"/>
  <c r="T35783" i="1"/>
  <c r="T35784" i="1"/>
  <c r="T35785" i="1"/>
  <c r="T35786" i="1"/>
  <c r="T35787" i="1"/>
  <c r="T35788" i="1"/>
  <c r="T35789" i="1"/>
  <c r="T35790" i="1"/>
  <c r="T35791" i="1"/>
  <c r="T35792" i="1"/>
  <c r="T35793" i="1"/>
  <c r="T35794" i="1"/>
  <c r="T35795" i="1"/>
  <c r="T35796" i="1"/>
  <c r="T35797" i="1"/>
  <c r="T35798" i="1"/>
  <c r="T35799" i="1"/>
  <c r="T35800" i="1"/>
  <c r="T35801" i="1"/>
  <c r="T35802" i="1"/>
  <c r="T35803" i="1"/>
  <c r="T35804" i="1"/>
  <c r="T35805" i="1"/>
  <c r="T35806" i="1"/>
  <c r="T35807" i="1"/>
  <c r="T35808" i="1"/>
  <c r="T35809" i="1"/>
  <c r="T35810" i="1"/>
  <c r="T35811" i="1"/>
  <c r="T35812" i="1"/>
  <c r="T35813" i="1"/>
  <c r="T35814" i="1"/>
  <c r="T35815" i="1"/>
  <c r="T35816" i="1"/>
  <c r="T35817" i="1"/>
  <c r="T35818" i="1"/>
  <c r="T35819" i="1"/>
  <c r="T35820" i="1"/>
  <c r="T35821" i="1"/>
  <c r="T35822" i="1"/>
  <c r="T35823" i="1"/>
  <c r="T35824" i="1"/>
  <c r="T35825" i="1"/>
  <c r="T35826" i="1"/>
  <c r="T35827" i="1"/>
  <c r="T35828" i="1"/>
  <c r="T35829" i="1"/>
  <c r="T35830" i="1"/>
  <c r="T35831" i="1"/>
  <c r="T35832" i="1"/>
  <c r="T35833" i="1"/>
  <c r="T35834" i="1"/>
  <c r="T35835" i="1"/>
  <c r="T35836" i="1"/>
  <c r="T35837" i="1"/>
  <c r="T35838" i="1"/>
  <c r="T35839" i="1"/>
  <c r="T35840" i="1"/>
  <c r="T35841" i="1"/>
  <c r="T35842" i="1"/>
  <c r="T35843" i="1"/>
  <c r="T35844" i="1"/>
  <c r="T35845" i="1"/>
  <c r="T35846" i="1"/>
  <c r="T35847" i="1"/>
  <c r="T35848" i="1"/>
  <c r="T35849" i="1"/>
  <c r="T35850" i="1"/>
  <c r="T35851" i="1"/>
  <c r="T35852" i="1"/>
  <c r="T35853" i="1"/>
  <c r="T35854" i="1"/>
  <c r="T35855" i="1"/>
  <c r="T35856" i="1"/>
  <c r="T35857" i="1"/>
  <c r="T35858" i="1"/>
  <c r="T35859" i="1"/>
  <c r="T35860" i="1"/>
  <c r="T35861" i="1"/>
  <c r="T35862" i="1"/>
  <c r="T35863" i="1"/>
  <c r="T35864" i="1"/>
  <c r="T35865" i="1"/>
  <c r="T35866" i="1"/>
  <c r="T35867" i="1"/>
  <c r="T35868" i="1"/>
  <c r="T35869" i="1"/>
  <c r="T35870" i="1"/>
  <c r="T35871" i="1"/>
  <c r="T35872" i="1"/>
  <c r="T35873" i="1"/>
  <c r="T35874" i="1"/>
  <c r="T35875" i="1"/>
  <c r="T35876" i="1"/>
  <c r="T35877" i="1"/>
  <c r="T35878" i="1"/>
  <c r="T35879" i="1"/>
  <c r="T35880" i="1"/>
  <c r="T35881" i="1"/>
  <c r="T35882" i="1"/>
  <c r="T35883" i="1"/>
  <c r="T35884" i="1"/>
  <c r="T35885" i="1"/>
  <c r="T35886" i="1"/>
  <c r="T35887" i="1"/>
  <c r="T35888" i="1"/>
  <c r="T35889" i="1"/>
  <c r="T35890" i="1"/>
  <c r="T35891" i="1"/>
  <c r="T35892" i="1"/>
  <c r="T35893" i="1"/>
  <c r="T35894" i="1"/>
  <c r="T35895" i="1"/>
  <c r="T35896" i="1"/>
  <c r="T35897" i="1"/>
  <c r="T35898" i="1"/>
  <c r="T35899" i="1"/>
  <c r="T35900" i="1"/>
  <c r="T35901" i="1"/>
  <c r="T35902" i="1"/>
  <c r="T35903" i="1"/>
  <c r="T35904" i="1"/>
  <c r="T35905" i="1"/>
  <c r="T35906" i="1"/>
  <c r="T35907" i="1"/>
  <c r="T35908" i="1"/>
  <c r="T35909" i="1"/>
  <c r="T35910" i="1"/>
  <c r="T35911" i="1"/>
  <c r="T35912" i="1"/>
  <c r="T35913" i="1"/>
  <c r="T35914" i="1"/>
  <c r="T35915" i="1"/>
  <c r="T35916" i="1"/>
  <c r="T35917" i="1"/>
  <c r="T35918" i="1"/>
  <c r="T35919" i="1"/>
  <c r="T35920" i="1"/>
  <c r="T35921" i="1"/>
  <c r="T35922" i="1"/>
  <c r="T35923" i="1"/>
  <c r="T35924" i="1"/>
  <c r="T35925" i="1"/>
  <c r="T35926" i="1"/>
  <c r="T35927" i="1"/>
  <c r="T35928" i="1"/>
  <c r="T35929" i="1"/>
  <c r="T35930" i="1"/>
  <c r="T35931" i="1"/>
  <c r="T35932" i="1"/>
  <c r="T35933" i="1"/>
  <c r="T35934" i="1"/>
  <c r="T35935" i="1"/>
  <c r="T35936" i="1"/>
  <c r="T35937" i="1"/>
  <c r="T35938" i="1"/>
  <c r="T35939" i="1"/>
  <c r="T35940" i="1"/>
  <c r="T35941" i="1"/>
  <c r="T35942" i="1"/>
  <c r="T35943" i="1"/>
  <c r="T35944" i="1"/>
  <c r="T35945" i="1"/>
  <c r="T35946" i="1"/>
  <c r="T35947" i="1"/>
  <c r="T35948" i="1"/>
  <c r="T35949" i="1"/>
  <c r="T35950" i="1"/>
  <c r="T35951" i="1"/>
  <c r="T35952" i="1"/>
  <c r="T35953" i="1"/>
  <c r="T35954" i="1"/>
  <c r="T35955" i="1"/>
  <c r="T35956" i="1"/>
  <c r="T35957" i="1"/>
  <c r="T35958" i="1"/>
  <c r="T35959" i="1"/>
  <c r="T35960" i="1"/>
  <c r="T35961" i="1"/>
  <c r="T35962" i="1"/>
  <c r="T35963" i="1"/>
  <c r="T35964" i="1"/>
  <c r="T35965" i="1"/>
  <c r="T35966" i="1"/>
  <c r="T35967" i="1"/>
  <c r="T35968" i="1"/>
  <c r="T35969" i="1"/>
  <c r="T35970" i="1"/>
  <c r="T35971" i="1"/>
  <c r="T35972" i="1"/>
  <c r="T35973" i="1"/>
  <c r="T35974" i="1"/>
  <c r="T35975" i="1"/>
  <c r="T35976" i="1"/>
  <c r="T35977" i="1"/>
  <c r="T35978" i="1"/>
  <c r="T35979" i="1"/>
  <c r="T35980" i="1"/>
  <c r="T35981" i="1"/>
  <c r="T35982" i="1"/>
  <c r="T35983" i="1"/>
  <c r="T35984" i="1"/>
  <c r="T35985" i="1"/>
  <c r="T35986" i="1"/>
  <c r="T35987" i="1"/>
  <c r="T35988" i="1"/>
  <c r="T35989" i="1"/>
  <c r="T35990" i="1"/>
  <c r="T35991" i="1"/>
  <c r="T35992" i="1"/>
  <c r="T35993" i="1"/>
  <c r="T35994" i="1"/>
  <c r="T35995" i="1"/>
  <c r="T35996" i="1"/>
  <c r="T35997" i="1"/>
  <c r="T35998" i="1"/>
  <c r="T35999" i="1"/>
  <c r="T36000" i="1"/>
  <c r="T36001" i="1"/>
  <c r="T36002" i="1"/>
  <c r="T36003" i="1"/>
  <c r="T36004" i="1"/>
  <c r="T36005" i="1"/>
  <c r="T36006" i="1"/>
  <c r="T36007" i="1"/>
  <c r="T36008" i="1"/>
  <c r="T36009" i="1"/>
  <c r="T36010" i="1"/>
  <c r="T36011" i="1"/>
  <c r="T36012" i="1"/>
  <c r="T36013" i="1"/>
  <c r="T36014" i="1"/>
  <c r="T36015" i="1"/>
  <c r="T36016" i="1"/>
  <c r="T36017" i="1"/>
  <c r="T36018" i="1"/>
  <c r="T36019" i="1"/>
  <c r="T36020" i="1"/>
  <c r="T36021" i="1"/>
  <c r="T36022" i="1"/>
  <c r="T36023" i="1"/>
  <c r="T36024" i="1"/>
  <c r="T36025" i="1"/>
  <c r="T36026" i="1"/>
  <c r="T36027" i="1"/>
  <c r="T36028" i="1"/>
  <c r="T36029" i="1"/>
  <c r="T36030" i="1"/>
  <c r="T36031" i="1"/>
  <c r="T36032" i="1"/>
  <c r="T36033" i="1"/>
  <c r="T36034" i="1"/>
  <c r="T36035" i="1"/>
  <c r="T36036" i="1"/>
  <c r="T36037" i="1"/>
  <c r="T36038" i="1"/>
  <c r="T36039" i="1"/>
  <c r="T36040" i="1"/>
  <c r="T36041" i="1"/>
  <c r="T36042" i="1"/>
  <c r="T36043" i="1"/>
  <c r="T36044" i="1"/>
  <c r="T36045" i="1"/>
  <c r="T36046" i="1"/>
  <c r="T36047" i="1"/>
  <c r="T36048" i="1"/>
  <c r="T36049" i="1"/>
  <c r="T36050" i="1"/>
  <c r="T36051" i="1"/>
  <c r="T36052" i="1"/>
  <c r="T36053" i="1"/>
  <c r="T36054" i="1"/>
  <c r="T36055" i="1"/>
  <c r="T36056" i="1"/>
  <c r="T36057" i="1"/>
  <c r="T36058" i="1"/>
  <c r="T36059" i="1"/>
  <c r="T36060" i="1"/>
  <c r="T36061" i="1"/>
  <c r="T36062" i="1"/>
  <c r="T36063" i="1"/>
  <c r="T36064" i="1"/>
  <c r="T36065" i="1"/>
  <c r="T36066" i="1"/>
  <c r="T36067" i="1"/>
  <c r="T36068" i="1"/>
  <c r="T36069" i="1"/>
  <c r="T36070" i="1"/>
  <c r="T36071" i="1"/>
  <c r="T36072" i="1"/>
  <c r="T36073" i="1"/>
  <c r="T36074" i="1"/>
  <c r="T36075" i="1"/>
  <c r="T36076" i="1"/>
  <c r="T36077" i="1"/>
  <c r="T36078" i="1"/>
  <c r="T36079" i="1"/>
  <c r="T36080" i="1"/>
  <c r="T36081" i="1"/>
  <c r="T36082" i="1"/>
  <c r="T36083" i="1"/>
  <c r="T36084" i="1"/>
  <c r="T36085" i="1"/>
  <c r="T36086" i="1"/>
  <c r="T36087" i="1"/>
  <c r="T36088" i="1"/>
  <c r="T36089" i="1"/>
  <c r="T36090" i="1"/>
  <c r="T36091" i="1"/>
  <c r="T36092" i="1"/>
  <c r="T36093" i="1"/>
  <c r="T36094" i="1"/>
  <c r="T36095" i="1"/>
  <c r="T36096" i="1"/>
  <c r="T36097" i="1"/>
  <c r="T36098" i="1"/>
  <c r="T36099" i="1"/>
  <c r="T36100" i="1"/>
  <c r="T36101" i="1"/>
  <c r="T36102" i="1"/>
  <c r="T36103" i="1"/>
  <c r="T36104" i="1"/>
  <c r="T36105" i="1"/>
  <c r="T36106" i="1"/>
  <c r="T36107" i="1"/>
  <c r="T36108" i="1"/>
  <c r="T36109" i="1"/>
  <c r="T36110" i="1"/>
  <c r="T36111" i="1"/>
  <c r="T36112" i="1"/>
  <c r="T36113" i="1"/>
  <c r="T36114" i="1"/>
  <c r="T36115" i="1"/>
  <c r="T36116" i="1"/>
  <c r="T36117" i="1"/>
  <c r="T36118" i="1"/>
  <c r="T36119" i="1"/>
  <c r="T36120" i="1"/>
  <c r="T36121" i="1"/>
  <c r="T36122" i="1"/>
  <c r="T36123" i="1"/>
  <c r="T36124" i="1"/>
  <c r="T36125" i="1"/>
  <c r="T36126" i="1"/>
  <c r="T36127" i="1"/>
  <c r="T36128" i="1"/>
  <c r="T36129" i="1"/>
  <c r="T36130" i="1"/>
  <c r="T36131" i="1"/>
  <c r="T36132" i="1"/>
  <c r="T36133" i="1"/>
  <c r="T36134" i="1"/>
  <c r="T36135" i="1"/>
  <c r="T36136" i="1"/>
  <c r="T36137" i="1"/>
  <c r="T36138" i="1"/>
  <c r="T36139" i="1"/>
  <c r="T36140" i="1"/>
  <c r="T36141" i="1"/>
  <c r="T36142" i="1"/>
  <c r="T36143" i="1"/>
  <c r="T36144" i="1"/>
  <c r="T36145" i="1"/>
  <c r="T36146" i="1"/>
  <c r="T36147" i="1"/>
  <c r="T36148" i="1"/>
  <c r="T36149" i="1"/>
  <c r="T36150" i="1"/>
  <c r="T36151" i="1"/>
  <c r="T36152" i="1"/>
  <c r="T36153" i="1"/>
  <c r="T36154" i="1"/>
  <c r="T36155" i="1"/>
  <c r="T36156" i="1"/>
  <c r="T36157" i="1"/>
  <c r="T36158" i="1"/>
  <c r="T36159" i="1"/>
  <c r="T36160" i="1"/>
  <c r="T36161" i="1"/>
  <c r="T36162" i="1"/>
  <c r="T36163" i="1"/>
  <c r="T36164" i="1"/>
  <c r="T36165" i="1"/>
  <c r="T36166" i="1"/>
  <c r="T36167" i="1"/>
  <c r="T36168" i="1"/>
  <c r="T36169" i="1"/>
  <c r="T36170" i="1"/>
  <c r="T36171" i="1"/>
  <c r="T36172" i="1"/>
  <c r="T36173" i="1"/>
  <c r="T36174" i="1"/>
  <c r="T36175" i="1"/>
  <c r="T36176" i="1"/>
  <c r="T36177" i="1"/>
  <c r="T36178" i="1"/>
  <c r="T36179" i="1"/>
  <c r="T36180" i="1"/>
  <c r="T36181" i="1"/>
  <c r="T36182" i="1"/>
  <c r="T36183" i="1"/>
  <c r="T36184" i="1"/>
  <c r="T36185" i="1"/>
  <c r="T36186" i="1"/>
  <c r="T36187" i="1"/>
  <c r="T36188" i="1"/>
  <c r="T36189" i="1"/>
  <c r="T36190" i="1"/>
  <c r="T36191" i="1"/>
  <c r="T36192" i="1"/>
  <c r="T36193" i="1"/>
  <c r="T36194" i="1"/>
  <c r="T36195" i="1"/>
  <c r="T36196" i="1"/>
  <c r="T36197" i="1"/>
  <c r="T36198" i="1"/>
  <c r="T36199" i="1"/>
  <c r="T36200" i="1"/>
  <c r="T36201" i="1"/>
  <c r="T36202" i="1"/>
  <c r="T36203" i="1"/>
  <c r="T36204" i="1"/>
  <c r="T36205" i="1"/>
  <c r="T36206" i="1"/>
  <c r="T36207" i="1"/>
  <c r="T36208" i="1"/>
  <c r="T36209" i="1"/>
  <c r="T36210" i="1"/>
  <c r="T36211" i="1"/>
  <c r="T36212" i="1"/>
  <c r="T36213" i="1"/>
  <c r="T36214" i="1"/>
  <c r="T36215" i="1"/>
  <c r="T36216" i="1"/>
  <c r="T36217" i="1"/>
  <c r="T36218" i="1"/>
  <c r="T36219" i="1"/>
  <c r="T36220" i="1"/>
  <c r="T36221" i="1"/>
  <c r="T36222" i="1"/>
  <c r="T36223" i="1"/>
  <c r="T36224" i="1"/>
  <c r="T36225" i="1"/>
  <c r="T36226" i="1"/>
  <c r="T36227" i="1"/>
  <c r="T36228" i="1"/>
  <c r="T36229" i="1"/>
  <c r="T36230" i="1"/>
  <c r="T36231" i="1"/>
  <c r="T36232" i="1"/>
  <c r="T36233" i="1"/>
  <c r="T36234" i="1"/>
  <c r="T36235" i="1"/>
  <c r="T36236" i="1"/>
  <c r="T36237" i="1"/>
  <c r="T36238" i="1"/>
  <c r="T36239" i="1"/>
  <c r="T36240" i="1"/>
  <c r="T36241" i="1"/>
  <c r="T36242" i="1"/>
  <c r="T36243" i="1"/>
  <c r="T36244" i="1"/>
  <c r="T36245" i="1"/>
  <c r="T36246" i="1"/>
  <c r="T36247" i="1"/>
  <c r="T36248" i="1"/>
  <c r="T36249" i="1"/>
  <c r="T36250" i="1"/>
  <c r="T36251" i="1"/>
  <c r="T36252" i="1"/>
  <c r="T36253" i="1"/>
  <c r="T36254" i="1"/>
  <c r="T36255" i="1"/>
  <c r="T36256" i="1"/>
  <c r="T36257" i="1"/>
  <c r="T36258" i="1"/>
  <c r="T36259" i="1"/>
  <c r="T36260" i="1"/>
  <c r="T36261" i="1"/>
  <c r="T36262" i="1"/>
  <c r="T36263" i="1"/>
  <c r="T36264" i="1"/>
  <c r="T36265" i="1"/>
  <c r="T36266" i="1"/>
  <c r="T36267" i="1"/>
  <c r="T36268" i="1"/>
  <c r="T36269" i="1"/>
  <c r="T36270" i="1"/>
  <c r="T36271" i="1"/>
  <c r="T36272" i="1"/>
  <c r="T36273" i="1"/>
  <c r="T36274" i="1"/>
  <c r="T36275" i="1"/>
  <c r="T36276" i="1"/>
  <c r="T36277" i="1"/>
  <c r="T36278" i="1"/>
  <c r="T36279" i="1"/>
  <c r="T36280" i="1"/>
  <c r="T36281" i="1"/>
  <c r="T36282" i="1"/>
  <c r="T36283" i="1"/>
  <c r="T36284" i="1"/>
  <c r="T36285" i="1"/>
  <c r="T36286" i="1"/>
  <c r="T36287" i="1"/>
  <c r="T36288" i="1"/>
  <c r="T36289" i="1"/>
  <c r="T36290" i="1"/>
  <c r="T36291" i="1"/>
  <c r="T36292" i="1"/>
  <c r="T36293" i="1"/>
  <c r="T36294" i="1"/>
  <c r="T36295" i="1"/>
  <c r="T36296" i="1"/>
  <c r="T36297" i="1"/>
  <c r="T36298" i="1"/>
  <c r="T36299" i="1"/>
  <c r="T36300" i="1"/>
  <c r="T36301" i="1"/>
  <c r="T36302" i="1"/>
  <c r="T36303" i="1"/>
  <c r="T36304" i="1"/>
  <c r="T36305" i="1"/>
  <c r="T36306" i="1"/>
  <c r="T36307" i="1"/>
  <c r="T36308" i="1"/>
  <c r="T36309" i="1"/>
  <c r="T36310" i="1"/>
  <c r="T36311" i="1"/>
  <c r="T36312" i="1"/>
  <c r="T36313" i="1"/>
  <c r="T36314" i="1"/>
  <c r="T36315" i="1"/>
  <c r="T36316" i="1"/>
  <c r="T36317" i="1"/>
  <c r="T36318" i="1"/>
  <c r="T36319" i="1"/>
  <c r="T36320" i="1"/>
  <c r="T36321" i="1"/>
  <c r="T36322" i="1"/>
  <c r="T36323" i="1"/>
  <c r="T36324" i="1"/>
  <c r="T36325" i="1"/>
  <c r="T36326" i="1"/>
  <c r="T36327" i="1"/>
  <c r="T36328" i="1"/>
  <c r="T36329" i="1"/>
  <c r="T36330" i="1"/>
  <c r="T36331" i="1"/>
  <c r="T36332" i="1"/>
  <c r="T36333" i="1"/>
  <c r="T36334" i="1"/>
  <c r="T36335" i="1"/>
  <c r="T36336" i="1"/>
  <c r="T36337" i="1"/>
  <c r="T36338" i="1"/>
  <c r="T36339" i="1"/>
  <c r="T36340" i="1"/>
  <c r="T36341" i="1"/>
  <c r="T36342" i="1"/>
  <c r="T36343" i="1"/>
  <c r="T36344" i="1"/>
  <c r="T36345" i="1"/>
  <c r="T36346" i="1"/>
  <c r="T36347" i="1"/>
  <c r="T36348" i="1"/>
  <c r="T36349" i="1"/>
  <c r="T36350" i="1"/>
  <c r="T36351" i="1"/>
  <c r="T36352" i="1"/>
  <c r="T36353" i="1"/>
  <c r="T36354" i="1"/>
  <c r="T36355" i="1"/>
  <c r="T36356" i="1"/>
  <c r="T36357" i="1"/>
  <c r="T36358" i="1"/>
  <c r="T36359" i="1"/>
  <c r="T36360" i="1"/>
  <c r="T36361" i="1"/>
  <c r="T36362" i="1"/>
  <c r="T36363" i="1"/>
  <c r="T36364" i="1"/>
  <c r="T36365" i="1"/>
  <c r="T36366" i="1"/>
  <c r="T36367" i="1"/>
  <c r="T36368" i="1"/>
  <c r="T36369" i="1"/>
  <c r="T36370" i="1"/>
  <c r="T36371" i="1"/>
  <c r="T36372" i="1"/>
  <c r="T36373" i="1"/>
  <c r="T36374" i="1"/>
  <c r="T36375" i="1"/>
  <c r="T36376" i="1"/>
  <c r="T36377" i="1"/>
  <c r="T36378" i="1"/>
  <c r="T36379" i="1"/>
  <c r="T36380" i="1"/>
  <c r="T36381" i="1"/>
  <c r="T36382" i="1"/>
  <c r="T36383" i="1"/>
  <c r="T36384" i="1"/>
  <c r="T36385" i="1"/>
  <c r="T36386" i="1"/>
  <c r="T36387" i="1"/>
  <c r="T36388" i="1"/>
  <c r="T36389" i="1"/>
  <c r="T36390" i="1"/>
  <c r="T36391" i="1"/>
  <c r="T36392" i="1"/>
  <c r="T36393" i="1"/>
  <c r="T36394" i="1"/>
  <c r="T36395" i="1"/>
  <c r="T36396" i="1"/>
  <c r="T36397" i="1"/>
  <c r="T36398" i="1"/>
  <c r="T36399" i="1"/>
  <c r="T36400" i="1"/>
  <c r="T36401" i="1"/>
  <c r="T36402" i="1"/>
  <c r="T36403" i="1"/>
  <c r="T36404" i="1"/>
  <c r="T36405" i="1"/>
  <c r="T36406" i="1"/>
  <c r="T36407" i="1"/>
  <c r="T36408" i="1"/>
  <c r="T36409" i="1"/>
  <c r="T36410" i="1"/>
  <c r="T36411" i="1"/>
  <c r="T36412" i="1"/>
  <c r="T36413" i="1"/>
  <c r="T36414" i="1"/>
  <c r="T36415" i="1"/>
  <c r="T36416" i="1"/>
  <c r="T36417" i="1"/>
  <c r="T36418" i="1"/>
  <c r="T36419" i="1"/>
  <c r="T36420" i="1"/>
  <c r="T36421" i="1"/>
  <c r="T36422" i="1"/>
  <c r="T36423" i="1"/>
  <c r="T36424" i="1"/>
  <c r="T36425" i="1"/>
  <c r="T36426" i="1"/>
  <c r="T36427" i="1"/>
  <c r="T36428" i="1"/>
  <c r="T36429" i="1"/>
  <c r="T36430" i="1"/>
  <c r="T36431" i="1"/>
  <c r="T36432" i="1"/>
  <c r="T36433" i="1"/>
  <c r="T36434" i="1"/>
  <c r="T36435" i="1"/>
  <c r="T36436" i="1"/>
  <c r="T36437" i="1"/>
  <c r="T36438" i="1"/>
  <c r="T36439" i="1"/>
  <c r="T36440" i="1"/>
  <c r="T36441" i="1"/>
  <c r="T36442" i="1"/>
  <c r="T36443" i="1"/>
  <c r="T36444" i="1"/>
  <c r="T36445" i="1"/>
  <c r="T36446" i="1"/>
  <c r="T36447" i="1"/>
  <c r="T36448" i="1"/>
  <c r="T36449" i="1"/>
  <c r="T36450" i="1"/>
  <c r="T36451" i="1"/>
  <c r="T36452" i="1"/>
  <c r="T36453" i="1"/>
  <c r="T36454" i="1"/>
  <c r="T36455" i="1"/>
  <c r="T36456" i="1"/>
  <c r="T36457" i="1"/>
  <c r="T36458" i="1"/>
  <c r="T36459" i="1"/>
  <c r="T36460" i="1"/>
  <c r="T36461" i="1"/>
  <c r="T36462" i="1"/>
  <c r="T36463" i="1"/>
  <c r="T36464" i="1"/>
  <c r="T36465" i="1"/>
  <c r="T36466" i="1"/>
  <c r="T36467" i="1"/>
  <c r="T36468" i="1"/>
  <c r="T36469" i="1"/>
  <c r="T36470" i="1"/>
  <c r="T36471" i="1"/>
  <c r="T36472" i="1"/>
  <c r="T36473" i="1"/>
  <c r="T36474" i="1"/>
  <c r="T36475" i="1"/>
  <c r="T36476" i="1"/>
  <c r="T36477" i="1"/>
  <c r="T36478" i="1"/>
  <c r="T36479" i="1"/>
  <c r="T36480" i="1"/>
  <c r="T36481" i="1"/>
  <c r="T36482" i="1"/>
  <c r="T36483" i="1"/>
  <c r="T36484" i="1"/>
  <c r="T36485" i="1"/>
  <c r="T36486" i="1"/>
  <c r="T36487" i="1"/>
  <c r="T36488" i="1"/>
  <c r="T36489" i="1"/>
  <c r="T36490" i="1"/>
  <c r="T36491" i="1"/>
  <c r="T36492" i="1"/>
  <c r="T36493" i="1"/>
  <c r="T36494" i="1"/>
  <c r="T36495" i="1"/>
  <c r="T36496" i="1"/>
  <c r="T36497" i="1"/>
  <c r="T36498" i="1"/>
  <c r="T36499" i="1"/>
  <c r="T36500" i="1"/>
  <c r="T36501" i="1"/>
  <c r="T36502" i="1"/>
  <c r="T36503" i="1"/>
  <c r="T36504" i="1"/>
  <c r="T36505" i="1"/>
  <c r="T36506" i="1"/>
  <c r="T36507" i="1"/>
  <c r="T36508" i="1"/>
  <c r="T36509" i="1"/>
  <c r="T36510" i="1"/>
  <c r="T36511" i="1"/>
  <c r="T36512" i="1"/>
  <c r="T36513" i="1"/>
  <c r="T36514" i="1"/>
  <c r="T36515" i="1"/>
  <c r="T36516" i="1"/>
  <c r="T36517" i="1"/>
  <c r="T36518" i="1"/>
  <c r="T36519" i="1"/>
  <c r="T36520" i="1"/>
  <c r="T36521" i="1"/>
  <c r="T36522" i="1"/>
  <c r="T36523" i="1"/>
  <c r="T36524" i="1"/>
  <c r="T36525" i="1"/>
  <c r="T36526" i="1"/>
  <c r="T36527" i="1"/>
  <c r="T36528" i="1"/>
  <c r="T36529" i="1"/>
  <c r="T36530" i="1"/>
  <c r="T36531" i="1"/>
  <c r="T36532" i="1"/>
  <c r="T36533" i="1"/>
  <c r="T36534" i="1"/>
  <c r="T36535" i="1"/>
  <c r="T36536" i="1"/>
  <c r="T36537" i="1"/>
  <c r="T36538" i="1"/>
  <c r="T36539" i="1"/>
  <c r="T36540" i="1"/>
  <c r="T36541" i="1"/>
  <c r="T36542" i="1"/>
  <c r="T36543" i="1"/>
  <c r="T36544" i="1"/>
  <c r="T36545" i="1"/>
  <c r="T36546" i="1"/>
  <c r="T36547" i="1"/>
  <c r="T36548" i="1"/>
  <c r="T36549" i="1"/>
  <c r="T36550" i="1"/>
  <c r="T36551" i="1"/>
  <c r="T36552" i="1"/>
  <c r="T36553" i="1"/>
  <c r="T36554" i="1"/>
  <c r="T36555" i="1"/>
  <c r="T36556" i="1"/>
  <c r="T36557" i="1"/>
  <c r="T36558" i="1"/>
  <c r="T36559" i="1"/>
  <c r="T36560" i="1"/>
  <c r="T36561" i="1"/>
  <c r="T36562" i="1"/>
  <c r="T36563" i="1"/>
  <c r="T36564" i="1"/>
  <c r="T36565" i="1"/>
  <c r="T36566" i="1"/>
  <c r="T36567" i="1"/>
  <c r="T36568" i="1"/>
  <c r="T36569" i="1"/>
  <c r="T36570" i="1"/>
  <c r="T36571" i="1"/>
  <c r="T36572" i="1"/>
  <c r="T36573" i="1"/>
  <c r="T36574" i="1"/>
  <c r="T36575" i="1"/>
  <c r="T36576" i="1"/>
  <c r="T36577" i="1"/>
  <c r="T36578" i="1"/>
  <c r="T36579" i="1"/>
  <c r="T36580" i="1"/>
  <c r="T36581" i="1"/>
  <c r="T36582" i="1"/>
  <c r="T36583" i="1"/>
  <c r="T36584" i="1"/>
  <c r="T36585" i="1"/>
  <c r="T36586" i="1"/>
  <c r="T36587" i="1"/>
  <c r="T36588" i="1"/>
  <c r="T36589" i="1"/>
  <c r="T36590" i="1"/>
  <c r="T36591" i="1"/>
  <c r="T36592" i="1"/>
  <c r="T36593" i="1"/>
  <c r="T36594" i="1"/>
  <c r="T36595" i="1"/>
  <c r="T36596" i="1"/>
  <c r="T36597" i="1"/>
  <c r="T36598" i="1"/>
  <c r="T36599" i="1"/>
  <c r="T36600" i="1"/>
  <c r="T36601" i="1"/>
  <c r="T36602" i="1"/>
  <c r="T36603" i="1"/>
  <c r="T36604" i="1"/>
  <c r="T36605" i="1"/>
  <c r="T36606" i="1"/>
  <c r="T36607" i="1"/>
  <c r="T36608" i="1"/>
  <c r="T36609" i="1"/>
  <c r="T36610" i="1"/>
  <c r="T36611" i="1"/>
  <c r="T36612" i="1"/>
  <c r="T36613" i="1"/>
  <c r="T36614" i="1"/>
  <c r="T36615" i="1"/>
  <c r="T36616" i="1"/>
  <c r="T36617" i="1"/>
  <c r="T36618" i="1"/>
  <c r="T36619" i="1"/>
  <c r="T36620" i="1"/>
  <c r="T36621" i="1"/>
  <c r="T36622" i="1"/>
  <c r="T36623" i="1"/>
  <c r="T36624" i="1"/>
  <c r="T36625" i="1"/>
  <c r="T36626" i="1"/>
  <c r="T36627" i="1"/>
  <c r="T36628" i="1"/>
  <c r="T36629" i="1"/>
  <c r="T36630" i="1"/>
  <c r="T36631" i="1"/>
  <c r="T36632" i="1"/>
  <c r="T36633" i="1"/>
  <c r="T36634" i="1"/>
  <c r="T36635" i="1"/>
  <c r="T36636" i="1"/>
  <c r="T36637" i="1"/>
  <c r="T36638" i="1"/>
  <c r="T36639" i="1"/>
  <c r="T36640" i="1"/>
  <c r="T36641" i="1"/>
  <c r="T36642" i="1"/>
  <c r="T36643" i="1"/>
  <c r="T36644" i="1"/>
  <c r="T36645" i="1"/>
  <c r="T36646" i="1"/>
  <c r="T36647" i="1"/>
  <c r="T36648" i="1"/>
  <c r="T36649" i="1"/>
  <c r="T36650" i="1"/>
  <c r="T36651" i="1"/>
  <c r="T36652" i="1"/>
  <c r="T36653" i="1"/>
  <c r="T36654" i="1"/>
  <c r="T36655" i="1"/>
  <c r="T36656" i="1"/>
  <c r="T36657" i="1"/>
  <c r="T36658" i="1"/>
  <c r="T36659" i="1"/>
  <c r="T36660" i="1"/>
  <c r="T36661" i="1"/>
  <c r="T36662" i="1"/>
  <c r="T36663" i="1"/>
  <c r="T36664" i="1"/>
  <c r="T36665" i="1"/>
  <c r="T36666" i="1"/>
  <c r="T36667" i="1"/>
  <c r="T36668" i="1"/>
  <c r="T36669" i="1"/>
  <c r="T36670" i="1"/>
  <c r="T36671" i="1"/>
  <c r="T36672" i="1"/>
  <c r="T36673" i="1"/>
  <c r="T36674" i="1"/>
  <c r="T36675" i="1"/>
  <c r="T36676" i="1"/>
  <c r="T36677" i="1"/>
  <c r="T36678" i="1"/>
  <c r="T36679" i="1"/>
  <c r="T36680" i="1"/>
  <c r="T36681" i="1"/>
  <c r="T36682" i="1"/>
  <c r="T36683" i="1"/>
  <c r="T36684" i="1"/>
  <c r="T36685" i="1"/>
  <c r="T36686" i="1"/>
  <c r="T36687" i="1"/>
  <c r="T36688" i="1"/>
  <c r="T36689" i="1"/>
  <c r="T36690" i="1"/>
  <c r="T36691" i="1"/>
  <c r="T36692" i="1"/>
  <c r="T36693" i="1"/>
  <c r="T36694" i="1"/>
  <c r="T36695" i="1"/>
  <c r="T36696" i="1"/>
  <c r="T36697" i="1"/>
  <c r="T36698" i="1"/>
  <c r="T36699" i="1"/>
  <c r="T36700" i="1"/>
  <c r="T36701" i="1"/>
  <c r="T36702" i="1"/>
  <c r="T36703" i="1"/>
  <c r="T36704" i="1"/>
  <c r="T36705" i="1"/>
  <c r="T36706" i="1"/>
  <c r="T36707" i="1"/>
  <c r="T36708" i="1"/>
  <c r="T36709" i="1"/>
  <c r="T36710" i="1"/>
  <c r="T36711" i="1"/>
  <c r="T36712" i="1"/>
  <c r="T36713" i="1"/>
  <c r="T36714" i="1"/>
  <c r="T36715" i="1"/>
  <c r="T36716" i="1"/>
  <c r="T36717" i="1"/>
  <c r="T36718" i="1"/>
  <c r="T36719" i="1"/>
  <c r="T36720" i="1"/>
  <c r="T36721" i="1"/>
  <c r="T36722" i="1"/>
  <c r="T36723" i="1"/>
  <c r="T36724" i="1"/>
  <c r="T36725" i="1"/>
  <c r="T36726" i="1"/>
  <c r="T36727" i="1"/>
  <c r="T36728" i="1"/>
  <c r="T36729" i="1"/>
  <c r="T36730" i="1"/>
  <c r="T36731" i="1"/>
  <c r="T36732" i="1"/>
  <c r="T36733" i="1"/>
  <c r="T36734" i="1"/>
  <c r="T36735" i="1"/>
  <c r="T36736" i="1"/>
  <c r="T36737" i="1"/>
  <c r="T36738" i="1"/>
  <c r="T36739" i="1"/>
  <c r="T36740" i="1"/>
  <c r="T36741" i="1"/>
  <c r="T36742" i="1"/>
  <c r="T36743" i="1"/>
  <c r="T36744" i="1"/>
  <c r="T36745" i="1"/>
  <c r="T36746" i="1"/>
  <c r="T36747" i="1"/>
  <c r="T36748" i="1"/>
  <c r="T36749" i="1"/>
  <c r="T36750" i="1"/>
  <c r="T36751" i="1"/>
  <c r="T36752" i="1"/>
  <c r="T36753" i="1"/>
  <c r="T36754" i="1"/>
  <c r="T36755" i="1"/>
  <c r="T36756" i="1"/>
  <c r="T36757" i="1"/>
  <c r="T36758" i="1"/>
  <c r="T36759" i="1"/>
  <c r="T36760" i="1"/>
  <c r="T36761" i="1"/>
  <c r="T36762" i="1"/>
  <c r="T36763" i="1"/>
  <c r="T36764" i="1"/>
  <c r="T36765" i="1"/>
  <c r="T36766" i="1"/>
  <c r="T36767" i="1"/>
  <c r="T36768" i="1"/>
  <c r="T36769" i="1"/>
  <c r="T36770" i="1"/>
  <c r="T36771" i="1"/>
  <c r="T36772" i="1"/>
  <c r="T36773" i="1"/>
  <c r="T36774" i="1"/>
  <c r="T36775" i="1"/>
  <c r="T36776" i="1"/>
  <c r="T36777" i="1"/>
  <c r="T36778" i="1"/>
  <c r="T36779" i="1"/>
  <c r="T36780" i="1"/>
  <c r="T36781" i="1"/>
  <c r="T36782" i="1"/>
  <c r="T36783" i="1"/>
  <c r="T36784" i="1"/>
  <c r="T36785" i="1"/>
  <c r="T36786" i="1"/>
  <c r="T36787" i="1"/>
  <c r="T36788" i="1"/>
  <c r="T36789" i="1"/>
  <c r="T36790" i="1"/>
  <c r="T36791" i="1"/>
  <c r="T36792" i="1"/>
  <c r="T36793" i="1"/>
  <c r="T36794" i="1"/>
  <c r="T36795" i="1"/>
  <c r="T36796" i="1"/>
  <c r="T36797" i="1"/>
  <c r="T36798" i="1"/>
  <c r="T36799" i="1"/>
  <c r="T36800" i="1"/>
  <c r="T36801" i="1"/>
  <c r="T36802" i="1"/>
  <c r="T36803" i="1"/>
  <c r="T36804" i="1"/>
  <c r="T36805" i="1"/>
  <c r="T36806" i="1"/>
  <c r="T36807" i="1"/>
  <c r="T36808" i="1"/>
  <c r="T36809" i="1"/>
  <c r="T36810" i="1"/>
  <c r="T36811" i="1"/>
  <c r="T36812" i="1"/>
  <c r="T36813" i="1"/>
  <c r="T36814" i="1"/>
  <c r="T36815" i="1"/>
  <c r="T36816" i="1"/>
  <c r="T36817" i="1"/>
  <c r="T36818" i="1"/>
  <c r="T36819" i="1"/>
  <c r="T36820" i="1"/>
  <c r="T36821" i="1"/>
  <c r="T36822" i="1"/>
  <c r="T36823" i="1"/>
  <c r="T36824" i="1"/>
  <c r="T36825" i="1"/>
  <c r="T36826" i="1"/>
  <c r="T36827" i="1"/>
  <c r="T36828" i="1"/>
  <c r="T36829" i="1"/>
  <c r="T36830" i="1"/>
  <c r="T36831" i="1"/>
  <c r="T36832" i="1"/>
  <c r="T36833" i="1"/>
  <c r="T36834" i="1"/>
  <c r="T36835" i="1"/>
  <c r="T36836" i="1"/>
  <c r="T36837" i="1"/>
  <c r="T36838" i="1"/>
  <c r="T36839" i="1"/>
  <c r="T36840" i="1"/>
  <c r="T36841" i="1"/>
  <c r="T36842" i="1"/>
  <c r="T36843" i="1"/>
  <c r="T36844" i="1"/>
  <c r="T36845" i="1"/>
  <c r="T36846" i="1"/>
  <c r="T36847" i="1"/>
  <c r="T36848" i="1"/>
  <c r="T36849" i="1"/>
  <c r="T36850" i="1"/>
  <c r="T36851" i="1"/>
  <c r="T36852" i="1"/>
  <c r="T36853" i="1"/>
  <c r="T36854" i="1"/>
  <c r="T36855" i="1"/>
  <c r="T36856" i="1"/>
  <c r="T36857" i="1"/>
  <c r="T36858" i="1"/>
  <c r="T36859" i="1"/>
  <c r="T36860" i="1"/>
  <c r="T36861" i="1"/>
  <c r="T36862" i="1"/>
  <c r="T36863" i="1"/>
  <c r="T36864" i="1"/>
  <c r="T36865" i="1"/>
  <c r="T36866" i="1"/>
  <c r="T36867" i="1"/>
  <c r="T36868" i="1"/>
  <c r="T36869" i="1"/>
  <c r="T36870" i="1"/>
  <c r="T36871" i="1"/>
  <c r="T36872" i="1"/>
  <c r="T36873" i="1"/>
  <c r="T36874" i="1"/>
  <c r="T36875" i="1"/>
  <c r="T36876" i="1"/>
  <c r="T36877" i="1"/>
  <c r="T36878" i="1"/>
  <c r="T36879" i="1"/>
  <c r="T36880" i="1"/>
  <c r="T36881" i="1"/>
  <c r="T36882" i="1"/>
  <c r="T36883" i="1"/>
  <c r="T36884" i="1"/>
  <c r="T36885" i="1"/>
  <c r="T36886" i="1"/>
  <c r="T36887" i="1"/>
  <c r="T36888" i="1"/>
  <c r="T36889" i="1"/>
  <c r="T36890" i="1"/>
  <c r="T36891" i="1"/>
  <c r="T36892" i="1"/>
  <c r="T36893" i="1"/>
  <c r="T36894" i="1"/>
  <c r="T36895" i="1"/>
  <c r="T36896" i="1"/>
  <c r="T36897" i="1"/>
  <c r="T36898" i="1"/>
  <c r="T36899" i="1"/>
  <c r="T36900" i="1"/>
  <c r="T36901" i="1"/>
  <c r="T36902" i="1"/>
  <c r="T36903" i="1"/>
  <c r="T36904" i="1"/>
  <c r="T36905" i="1"/>
  <c r="T36906" i="1"/>
  <c r="T36907" i="1"/>
  <c r="T36908" i="1"/>
  <c r="T36909" i="1"/>
  <c r="T36910" i="1"/>
  <c r="T36911" i="1"/>
  <c r="T36912" i="1"/>
  <c r="T36913" i="1"/>
  <c r="T36914" i="1"/>
  <c r="T36915" i="1"/>
  <c r="T36916" i="1"/>
  <c r="T36917" i="1"/>
  <c r="T36918" i="1"/>
  <c r="T36919" i="1"/>
  <c r="T36920" i="1"/>
  <c r="T36921" i="1"/>
  <c r="T36922" i="1"/>
  <c r="T36923" i="1"/>
  <c r="T36924" i="1"/>
  <c r="T36925" i="1"/>
  <c r="T36926" i="1"/>
  <c r="T36927" i="1"/>
  <c r="T36928" i="1"/>
  <c r="T36929" i="1"/>
  <c r="T36930" i="1"/>
  <c r="T36931" i="1"/>
  <c r="T36932" i="1"/>
  <c r="T36933" i="1"/>
  <c r="T36934" i="1"/>
  <c r="T36935" i="1"/>
  <c r="T36936" i="1"/>
  <c r="T36937" i="1"/>
  <c r="T36938" i="1"/>
  <c r="T36939" i="1"/>
  <c r="T36940" i="1"/>
  <c r="T36941" i="1"/>
  <c r="T36942" i="1"/>
  <c r="T36943" i="1"/>
  <c r="T36944" i="1"/>
  <c r="T36945" i="1"/>
  <c r="T36946" i="1"/>
  <c r="T36947" i="1"/>
  <c r="T36948" i="1"/>
  <c r="T36949" i="1"/>
  <c r="T36950" i="1"/>
  <c r="T36951" i="1"/>
  <c r="T36952" i="1"/>
  <c r="T36953" i="1"/>
  <c r="T36954" i="1"/>
  <c r="T36955" i="1"/>
  <c r="T36956" i="1"/>
  <c r="T36957" i="1"/>
  <c r="T36958" i="1"/>
  <c r="T36959" i="1"/>
  <c r="T36960" i="1"/>
  <c r="T36961" i="1"/>
  <c r="T36962" i="1"/>
  <c r="T36963" i="1"/>
  <c r="T36964" i="1"/>
  <c r="T36965" i="1"/>
  <c r="T36966" i="1"/>
  <c r="T36967" i="1"/>
  <c r="T36968" i="1"/>
  <c r="T36969" i="1"/>
  <c r="T36970" i="1"/>
  <c r="T36971" i="1"/>
  <c r="T36972" i="1"/>
  <c r="T36973" i="1"/>
  <c r="T36974" i="1"/>
  <c r="T36975" i="1"/>
  <c r="T36976" i="1"/>
  <c r="T36977" i="1"/>
  <c r="T36978" i="1"/>
  <c r="T36979" i="1"/>
  <c r="T36980" i="1"/>
  <c r="T36981" i="1"/>
  <c r="T36982" i="1"/>
  <c r="T36983" i="1"/>
  <c r="T36984" i="1"/>
  <c r="T36985" i="1"/>
  <c r="T36986" i="1"/>
  <c r="T36987" i="1"/>
  <c r="T36988" i="1"/>
  <c r="T36989" i="1"/>
  <c r="T36990" i="1"/>
  <c r="T36991" i="1"/>
  <c r="T36992" i="1"/>
  <c r="T36993" i="1"/>
  <c r="T36994" i="1"/>
  <c r="T36995" i="1"/>
  <c r="T36996" i="1"/>
  <c r="T36997" i="1"/>
  <c r="T36998" i="1"/>
  <c r="T36999" i="1"/>
  <c r="T37000" i="1"/>
  <c r="T37001" i="1"/>
  <c r="T37002" i="1"/>
  <c r="T37003" i="1"/>
  <c r="T37004" i="1"/>
  <c r="T37005" i="1"/>
  <c r="T37006" i="1"/>
  <c r="T37007" i="1"/>
  <c r="T37008" i="1"/>
  <c r="T37009" i="1"/>
  <c r="T37010" i="1"/>
  <c r="T37011" i="1"/>
  <c r="T37012" i="1"/>
  <c r="T37013" i="1"/>
  <c r="T37014" i="1"/>
  <c r="T37015" i="1"/>
  <c r="T37016" i="1"/>
  <c r="T37017" i="1"/>
  <c r="T37018" i="1"/>
  <c r="T37019" i="1"/>
  <c r="T37020" i="1"/>
  <c r="T37021" i="1"/>
  <c r="T37022" i="1"/>
  <c r="T37023" i="1"/>
  <c r="T37024" i="1"/>
  <c r="T37025" i="1"/>
  <c r="T37026" i="1"/>
  <c r="T37027" i="1"/>
  <c r="T37028" i="1"/>
  <c r="T37029" i="1"/>
  <c r="T37030" i="1"/>
  <c r="T37031" i="1"/>
  <c r="T37032" i="1"/>
  <c r="T37033" i="1"/>
  <c r="T37034" i="1"/>
  <c r="T37035" i="1"/>
  <c r="T37036" i="1"/>
  <c r="T37037" i="1"/>
  <c r="T37038" i="1"/>
  <c r="T37039" i="1"/>
  <c r="T37040" i="1"/>
  <c r="T37041" i="1"/>
  <c r="T37042" i="1"/>
  <c r="T37043" i="1"/>
  <c r="T37044" i="1"/>
  <c r="T37045" i="1"/>
  <c r="T37046" i="1"/>
  <c r="T37047" i="1"/>
  <c r="T37048" i="1"/>
  <c r="T37049" i="1"/>
  <c r="T37050" i="1"/>
  <c r="T37051" i="1"/>
  <c r="T37052" i="1"/>
  <c r="T37053" i="1"/>
  <c r="T37054" i="1"/>
  <c r="T37055" i="1"/>
  <c r="T37056" i="1"/>
  <c r="T37057" i="1"/>
  <c r="T37058" i="1"/>
  <c r="T37059" i="1"/>
  <c r="T37060" i="1"/>
  <c r="T37061" i="1"/>
  <c r="T37062" i="1"/>
  <c r="T37063" i="1"/>
  <c r="T37064" i="1"/>
  <c r="T37065" i="1"/>
  <c r="T37066" i="1"/>
  <c r="T37067" i="1"/>
  <c r="T37068" i="1"/>
  <c r="T37069" i="1"/>
  <c r="T37070" i="1"/>
  <c r="T37071" i="1"/>
  <c r="T37072" i="1"/>
  <c r="T37073" i="1"/>
  <c r="T37074" i="1"/>
  <c r="T37075" i="1"/>
  <c r="T37076" i="1"/>
  <c r="T37077" i="1"/>
  <c r="T37078" i="1"/>
  <c r="T37079" i="1"/>
  <c r="T37080" i="1"/>
  <c r="T37081" i="1"/>
  <c r="T37082" i="1"/>
  <c r="T37083" i="1"/>
  <c r="T37084" i="1"/>
  <c r="T37085" i="1"/>
  <c r="T37086" i="1"/>
  <c r="T37087" i="1"/>
  <c r="T37088" i="1"/>
  <c r="T37089" i="1"/>
  <c r="T37090" i="1"/>
  <c r="T37091" i="1"/>
  <c r="T37092" i="1"/>
  <c r="T37093" i="1"/>
  <c r="T37094" i="1"/>
  <c r="T37095" i="1"/>
  <c r="T37096" i="1"/>
  <c r="T37097" i="1"/>
  <c r="T37098" i="1"/>
  <c r="T37099" i="1"/>
  <c r="T37100" i="1"/>
  <c r="T37101" i="1"/>
  <c r="T37102" i="1"/>
  <c r="T37103" i="1"/>
  <c r="T37104" i="1"/>
  <c r="T37105" i="1"/>
  <c r="T37106" i="1"/>
  <c r="T37107" i="1"/>
  <c r="T37108" i="1"/>
  <c r="T37109" i="1"/>
  <c r="T37110" i="1"/>
  <c r="T37111" i="1"/>
  <c r="T37112" i="1"/>
  <c r="T37113" i="1"/>
  <c r="T37114" i="1"/>
  <c r="T37115" i="1"/>
  <c r="T37116" i="1"/>
  <c r="T37117" i="1"/>
  <c r="T37118" i="1"/>
  <c r="T37119" i="1"/>
  <c r="T37120" i="1"/>
  <c r="T37121" i="1"/>
  <c r="T37122" i="1"/>
  <c r="T37123" i="1"/>
  <c r="T37124" i="1"/>
  <c r="T37125" i="1"/>
  <c r="T37126" i="1"/>
  <c r="T37127" i="1"/>
  <c r="T37128" i="1"/>
  <c r="T37129" i="1"/>
  <c r="T37130" i="1"/>
  <c r="T37131" i="1"/>
  <c r="T37132" i="1"/>
  <c r="T37133" i="1"/>
  <c r="T37134" i="1"/>
  <c r="T37135" i="1"/>
  <c r="T37136" i="1"/>
  <c r="T37137" i="1"/>
  <c r="T37138" i="1"/>
  <c r="T37139" i="1"/>
  <c r="T37140" i="1"/>
  <c r="T37141" i="1"/>
  <c r="T37142" i="1"/>
  <c r="T37143" i="1"/>
  <c r="T37144" i="1"/>
  <c r="T37145" i="1"/>
  <c r="T37146" i="1"/>
  <c r="T37147" i="1"/>
  <c r="T37148" i="1"/>
  <c r="T37149" i="1"/>
  <c r="T37150" i="1"/>
  <c r="T37151" i="1"/>
  <c r="T37152" i="1"/>
  <c r="T37153" i="1"/>
  <c r="T37154" i="1"/>
  <c r="T37155" i="1"/>
  <c r="T37156" i="1"/>
  <c r="T37157" i="1"/>
  <c r="T37158" i="1"/>
  <c r="T37159" i="1"/>
  <c r="T37160" i="1"/>
  <c r="T37161" i="1"/>
  <c r="T37162" i="1"/>
  <c r="T37163" i="1"/>
  <c r="T37164" i="1"/>
  <c r="T37165" i="1"/>
  <c r="T37166" i="1"/>
  <c r="T37167" i="1"/>
  <c r="T37168" i="1"/>
  <c r="T37169" i="1"/>
  <c r="T37170" i="1"/>
  <c r="T37171" i="1"/>
  <c r="T37172" i="1"/>
  <c r="T37173" i="1"/>
  <c r="T37174" i="1"/>
  <c r="T37175" i="1"/>
  <c r="T37176" i="1"/>
  <c r="T37177" i="1"/>
  <c r="T37178" i="1"/>
  <c r="T37179" i="1"/>
  <c r="T37180" i="1"/>
  <c r="T37181" i="1"/>
  <c r="T37182" i="1"/>
  <c r="T37183" i="1"/>
  <c r="T37184" i="1"/>
  <c r="T37185" i="1"/>
  <c r="T37186" i="1"/>
  <c r="T37187" i="1"/>
  <c r="T37188" i="1"/>
  <c r="T37189" i="1"/>
  <c r="T37190" i="1"/>
  <c r="T37191" i="1"/>
  <c r="T37192" i="1"/>
  <c r="T37193" i="1"/>
  <c r="T37194" i="1"/>
  <c r="T37195" i="1"/>
  <c r="T37196" i="1"/>
  <c r="T37197" i="1"/>
  <c r="T37198" i="1"/>
  <c r="T37199" i="1"/>
  <c r="T37200" i="1"/>
  <c r="T37201" i="1"/>
  <c r="T37202" i="1"/>
  <c r="T37203" i="1"/>
  <c r="T37204" i="1"/>
  <c r="T37205" i="1"/>
  <c r="T37206" i="1"/>
  <c r="T37207" i="1"/>
  <c r="T37208" i="1"/>
  <c r="T37209" i="1"/>
  <c r="T37210" i="1"/>
  <c r="T37211" i="1"/>
  <c r="T37212" i="1"/>
  <c r="T37213" i="1"/>
  <c r="T37214" i="1"/>
  <c r="T37215" i="1"/>
  <c r="T37216" i="1"/>
  <c r="T37217" i="1"/>
  <c r="T37218" i="1"/>
  <c r="T37219" i="1"/>
  <c r="T37220" i="1"/>
  <c r="T37221" i="1"/>
  <c r="T37222" i="1"/>
  <c r="T37223" i="1"/>
  <c r="T37224" i="1"/>
  <c r="T37225" i="1"/>
  <c r="T37226" i="1"/>
  <c r="T37227" i="1"/>
  <c r="T37228" i="1"/>
  <c r="T37229" i="1"/>
  <c r="T37230" i="1"/>
  <c r="T37231" i="1"/>
  <c r="T37232" i="1"/>
  <c r="T37233" i="1"/>
  <c r="T37234" i="1"/>
  <c r="T37235" i="1"/>
  <c r="T37236" i="1"/>
  <c r="T37237" i="1"/>
  <c r="T37238" i="1"/>
  <c r="T37239" i="1"/>
  <c r="T37240" i="1"/>
  <c r="T37241" i="1"/>
  <c r="T37242" i="1"/>
  <c r="T37243" i="1"/>
  <c r="T37244" i="1"/>
  <c r="T37245" i="1"/>
  <c r="T37246" i="1"/>
  <c r="T37247" i="1"/>
  <c r="T37248" i="1"/>
  <c r="T37249" i="1"/>
  <c r="T37250" i="1"/>
  <c r="T37251" i="1"/>
  <c r="T37252" i="1"/>
  <c r="T37253" i="1"/>
  <c r="T37254" i="1"/>
  <c r="T37255" i="1"/>
  <c r="T37256" i="1"/>
  <c r="T37257" i="1"/>
  <c r="T37258" i="1"/>
  <c r="T37259" i="1"/>
  <c r="T37260" i="1"/>
  <c r="T37261" i="1"/>
  <c r="T37262" i="1"/>
  <c r="T37263" i="1"/>
  <c r="T37264" i="1"/>
  <c r="T37265" i="1"/>
  <c r="T37266" i="1"/>
  <c r="T37267" i="1"/>
  <c r="T37268" i="1"/>
  <c r="T37269" i="1"/>
  <c r="T37270" i="1"/>
  <c r="T37271" i="1"/>
  <c r="T37272" i="1"/>
  <c r="T37273" i="1"/>
  <c r="T37274" i="1"/>
  <c r="T37275" i="1"/>
  <c r="T37276" i="1"/>
  <c r="T37277" i="1"/>
  <c r="T37278" i="1"/>
  <c r="T37279" i="1"/>
  <c r="T37280" i="1"/>
  <c r="T37281" i="1"/>
  <c r="T37282" i="1"/>
  <c r="T37283" i="1"/>
  <c r="T37284" i="1"/>
  <c r="T37285" i="1"/>
  <c r="T37286" i="1"/>
  <c r="T37287" i="1"/>
  <c r="T37288" i="1"/>
  <c r="T37289" i="1"/>
  <c r="T37290" i="1"/>
  <c r="T37291" i="1"/>
  <c r="T37292" i="1"/>
  <c r="T37293" i="1"/>
  <c r="T37294" i="1"/>
  <c r="T37295" i="1"/>
  <c r="T37296" i="1"/>
  <c r="T37297" i="1"/>
  <c r="T37298" i="1"/>
  <c r="T37299" i="1"/>
  <c r="T37300" i="1"/>
  <c r="T37301" i="1"/>
  <c r="T37302" i="1"/>
  <c r="T37303" i="1"/>
  <c r="T37304" i="1"/>
  <c r="T37305" i="1"/>
  <c r="T37306" i="1"/>
  <c r="T37307" i="1"/>
  <c r="T37308" i="1"/>
  <c r="T37309" i="1"/>
  <c r="T37310" i="1"/>
  <c r="T37311" i="1"/>
  <c r="T37312" i="1"/>
  <c r="T37313" i="1"/>
  <c r="T37314" i="1"/>
  <c r="T37315" i="1"/>
  <c r="T37316" i="1"/>
  <c r="T37317" i="1"/>
  <c r="T37318" i="1"/>
  <c r="T37319" i="1"/>
  <c r="T37320" i="1"/>
  <c r="T37321" i="1"/>
  <c r="T37322" i="1"/>
  <c r="T37323" i="1"/>
  <c r="T37324" i="1"/>
  <c r="T37325" i="1"/>
  <c r="T37326" i="1"/>
  <c r="T37327" i="1"/>
  <c r="T37328" i="1"/>
  <c r="T37329" i="1"/>
  <c r="T37330" i="1"/>
  <c r="T37331" i="1"/>
  <c r="T37332" i="1"/>
  <c r="T37333" i="1"/>
  <c r="T37334" i="1"/>
  <c r="T37335" i="1"/>
  <c r="T37336" i="1"/>
  <c r="T37337" i="1"/>
  <c r="T37338" i="1"/>
  <c r="T37339" i="1"/>
  <c r="T37340" i="1"/>
  <c r="T37341" i="1"/>
  <c r="T37342" i="1"/>
  <c r="T37343" i="1"/>
  <c r="T37344" i="1"/>
  <c r="T37345" i="1"/>
  <c r="T37346" i="1"/>
  <c r="T37347" i="1"/>
  <c r="T37348" i="1"/>
  <c r="T37349" i="1"/>
  <c r="T37350" i="1"/>
  <c r="T37351" i="1"/>
  <c r="T37352" i="1"/>
  <c r="T37353" i="1"/>
  <c r="T37354" i="1"/>
  <c r="T37355" i="1"/>
  <c r="T37356" i="1"/>
  <c r="T37357" i="1"/>
  <c r="T37358" i="1"/>
  <c r="T37359" i="1"/>
  <c r="T37360" i="1"/>
  <c r="T37361" i="1"/>
  <c r="T37362" i="1"/>
  <c r="T37363" i="1"/>
  <c r="T37364" i="1"/>
  <c r="T37365" i="1"/>
  <c r="T37366" i="1"/>
  <c r="T37367" i="1"/>
  <c r="T37368" i="1"/>
  <c r="T37369" i="1"/>
  <c r="T37370" i="1"/>
  <c r="T37371" i="1"/>
  <c r="T37372" i="1"/>
  <c r="T37373" i="1"/>
  <c r="T37374" i="1"/>
  <c r="T37375" i="1"/>
  <c r="T37376" i="1"/>
  <c r="T37377" i="1"/>
  <c r="T37378" i="1"/>
  <c r="T37379" i="1"/>
  <c r="T37380" i="1"/>
  <c r="T37381" i="1"/>
  <c r="T37382" i="1"/>
  <c r="T37383" i="1"/>
  <c r="T37384" i="1"/>
  <c r="T37385" i="1"/>
  <c r="T37386" i="1"/>
  <c r="T37387" i="1"/>
  <c r="T37388" i="1"/>
  <c r="T37389" i="1"/>
  <c r="T37390" i="1"/>
  <c r="T37391" i="1"/>
  <c r="T37392" i="1"/>
  <c r="T37393" i="1"/>
  <c r="T37394" i="1"/>
  <c r="T37395" i="1"/>
  <c r="T37396" i="1"/>
  <c r="T37397" i="1"/>
  <c r="T37398" i="1"/>
  <c r="T37399" i="1"/>
  <c r="T37400" i="1"/>
  <c r="T37401" i="1"/>
  <c r="T37402" i="1"/>
  <c r="T37403" i="1"/>
  <c r="T37404" i="1"/>
  <c r="T37405" i="1"/>
  <c r="T37406" i="1"/>
  <c r="T37407" i="1"/>
  <c r="T37408" i="1"/>
  <c r="T37409" i="1"/>
  <c r="T37410" i="1"/>
  <c r="T37411" i="1"/>
  <c r="T37412" i="1"/>
  <c r="T37413" i="1"/>
  <c r="T37414" i="1"/>
  <c r="T37415" i="1"/>
  <c r="T37416" i="1"/>
  <c r="T37417" i="1"/>
  <c r="T37418" i="1"/>
  <c r="T37419" i="1"/>
  <c r="T37420" i="1"/>
  <c r="T37421" i="1"/>
  <c r="T37422" i="1"/>
  <c r="T37423" i="1"/>
  <c r="T37424" i="1"/>
  <c r="T37425" i="1"/>
  <c r="T37426" i="1"/>
  <c r="T37427" i="1"/>
  <c r="T37428" i="1"/>
  <c r="T37429" i="1"/>
  <c r="T37430" i="1"/>
  <c r="T37431" i="1"/>
  <c r="T37432" i="1"/>
  <c r="T37433" i="1"/>
  <c r="T37434" i="1"/>
  <c r="T37435" i="1"/>
  <c r="T37436" i="1"/>
  <c r="T37437" i="1"/>
  <c r="T37438" i="1"/>
  <c r="T37439" i="1"/>
  <c r="T37440" i="1"/>
  <c r="T37441" i="1"/>
  <c r="T37442" i="1"/>
  <c r="T37443" i="1"/>
  <c r="T37444" i="1"/>
  <c r="T37445" i="1"/>
  <c r="T37446" i="1"/>
  <c r="T37447" i="1"/>
  <c r="T37448" i="1"/>
  <c r="T37449" i="1"/>
  <c r="T37450" i="1"/>
  <c r="T37451" i="1"/>
  <c r="T37452" i="1"/>
  <c r="T37453" i="1"/>
  <c r="T37454" i="1"/>
  <c r="T37455" i="1"/>
  <c r="T37456" i="1"/>
  <c r="T37457" i="1"/>
  <c r="T37458" i="1"/>
  <c r="T37459" i="1"/>
  <c r="T37460" i="1"/>
  <c r="T37461" i="1"/>
  <c r="T37462" i="1"/>
  <c r="T37463" i="1"/>
  <c r="T37464" i="1"/>
  <c r="T37465" i="1"/>
  <c r="T37466" i="1"/>
  <c r="T37467" i="1"/>
  <c r="T37468" i="1"/>
  <c r="T37469" i="1"/>
  <c r="T37470" i="1"/>
  <c r="T37471" i="1"/>
  <c r="T37472" i="1"/>
  <c r="T37473" i="1"/>
  <c r="T37474" i="1"/>
  <c r="T37475" i="1"/>
  <c r="T37476" i="1"/>
  <c r="T37477" i="1"/>
  <c r="T37478" i="1"/>
  <c r="T37479" i="1"/>
  <c r="T37480" i="1"/>
  <c r="T37481" i="1"/>
  <c r="T37482" i="1"/>
  <c r="T37483" i="1"/>
  <c r="T37484" i="1"/>
  <c r="T37485" i="1"/>
  <c r="T37486" i="1"/>
  <c r="T37487" i="1"/>
  <c r="T37488" i="1"/>
  <c r="T37489" i="1"/>
  <c r="T37490" i="1"/>
  <c r="T37491" i="1"/>
  <c r="T37492" i="1"/>
  <c r="T37493" i="1"/>
  <c r="T37494" i="1"/>
  <c r="T37495" i="1"/>
  <c r="T37496" i="1"/>
  <c r="T37497" i="1"/>
  <c r="T37498" i="1"/>
  <c r="T37499" i="1"/>
  <c r="T37500" i="1"/>
  <c r="T37501" i="1"/>
  <c r="T37502" i="1"/>
  <c r="T37503" i="1"/>
  <c r="T37504" i="1"/>
  <c r="T37505" i="1"/>
  <c r="T37506" i="1"/>
  <c r="T37507" i="1"/>
  <c r="T37508" i="1"/>
  <c r="T37509" i="1"/>
  <c r="T37510" i="1"/>
  <c r="T37511" i="1"/>
  <c r="T37512" i="1"/>
  <c r="T37513" i="1"/>
  <c r="T37514" i="1"/>
  <c r="T37515" i="1"/>
  <c r="T37516" i="1"/>
  <c r="T37517" i="1"/>
  <c r="T37518" i="1"/>
  <c r="T37519" i="1"/>
  <c r="T37520" i="1"/>
  <c r="T37521" i="1"/>
  <c r="T37522" i="1"/>
  <c r="T37523" i="1"/>
  <c r="T37524" i="1"/>
  <c r="T37525" i="1"/>
  <c r="T37526" i="1"/>
  <c r="T37527" i="1"/>
  <c r="T37528" i="1"/>
  <c r="T37529" i="1"/>
  <c r="T37530" i="1"/>
  <c r="T37531" i="1"/>
  <c r="T37532" i="1"/>
  <c r="T37533" i="1"/>
  <c r="T37534" i="1"/>
  <c r="T37535" i="1"/>
  <c r="T37536" i="1"/>
  <c r="T37537" i="1"/>
  <c r="T37538" i="1"/>
  <c r="T37539" i="1"/>
  <c r="T37540" i="1"/>
  <c r="T37541" i="1"/>
  <c r="T37542" i="1"/>
  <c r="T37543" i="1"/>
  <c r="T37544" i="1"/>
  <c r="T37545" i="1"/>
  <c r="T37546" i="1"/>
  <c r="T37547" i="1"/>
  <c r="T37548" i="1"/>
  <c r="T37549" i="1"/>
  <c r="T37550" i="1"/>
  <c r="T37551" i="1"/>
  <c r="T37552" i="1"/>
  <c r="T37553" i="1"/>
  <c r="T37554" i="1"/>
  <c r="T37555" i="1"/>
  <c r="T37556" i="1"/>
  <c r="T37557" i="1"/>
  <c r="T37558" i="1"/>
  <c r="T37559" i="1"/>
  <c r="T37560" i="1"/>
  <c r="T37561" i="1"/>
  <c r="T37562" i="1"/>
  <c r="T37563" i="1"/>
  <c r="T37564" i="1"/>
  <c r="T37565" i="1"/>
  <c r="T37566" i="1"/>
  <c r="T37567" i="1"/>
  <c r="T37568" i="1"/>
  <c r="T37569" i="1"/>
  <c r="T37570" i="1"/>
  <c r="T37571" i="1"/>
  <c r="T37572" i="1"/>
  <c r="T37573" i="1"/>
  <c r="T37574" i="1"/>
  <c r="T37575" i="1"/>
  <c r="T37576" i="1"/>
  <c r="T37577" i="1"/>
  <c r="T37578" i="1"/>
  <c r="T37579" i="1"/>
  <c r="T37580" i="1"/>
  <c r="T37581" i="1"/>
  <c r="T37582" i="1"/>
  <c r="T37583" i="1"/>
  <c r="T37584" i="1"/>
  <c r="T37585" i="1"/>
  <c r="T37586" i="1"/>
  <c r="T37587" i="1"/>
  <c r="T37588" i="1"/>
  <c r="T37589" i="1"/>
  <c r="T37590" i="1"/>
  <c r="T37591" i="1"/>
  <c r="T37592" i="1"/>
  <c r="T37593" i="1"/>
  <c r="T37594" i="1"/>
  <c r="T37595" i="1"/>
  <c r="T37596" i="1"/>
  <c r="T37597" i="1"/>
  <c r="T37598" i="1"/>
  <c r="T37599" i="1"/>
  <c r="T37600" i="1"/>
  <c r="T37601" i="1"/>
  <c r="T37602" i="1"/>
  <c r="T37603" i="1"/>
  <c r="T37604" i="1"/>
  <c r="T37605" i="1"/>
  <c r="T37606" i="1"/>
  <c r="T37607" i="1"/>
  <c r="T37608" i="1"/>
  <c r="T37609" i="1"/>
  <c r="T37610" i="1"/>
  <c r="T37611" i="1"/>
  <c r="T37612" i="1"/>
  <c r="T37613" i="1"/>
  <c r="T37614" i="1"/>
  <c r="T37615" i="1"/>
  <c r="T37616" i="1"/>
  <c r="T37617" i="1"/>
  <c r="T37618" i="1"/>
  <c r="T37619" i="1"/>
  <c r="T37620" i="1"/>
  <c r="T37621" i="1"/>
  <c r="T37622" i="1"/>
  <c r="T37623" i="1"/>
  <c r="T37624" i="1"/>
  <c r="T37625" i="1"/>
  <c r="T37626" i="1"/>
  <c r="T37627" i="1"/>
  <c r="T37628" i="1"/>
  <c r="T37629" i="1"/>
  <c r="T37630" i="1"/>
  <c r="T37631" i="1"/>
  <c r="T37632" i="1"/>
  <c r="T37633" i="1"/>
  <c r="T37634" i="1"/>
  <c r="T37635" i="1"/>
  <c r="T37636" i="1"/>
  <c r="T37637" i="1"/>
  <c r="T37638" i="1"/>
  <c r="T37639" i="1"/>
  <c r="T37640" i="1"/>
  <c r="T37641" i="1"/>
  <c r="T37642" i="1"/>
  <c r="T37643" i="1"/>
  <c r="T37644" i="1"/>
  <c r="T37645" i="1"/>
  <c r="T37646" i="1"/>
  <c r="T37647" i="1"/>
  <c r="T37648" i="1"/>
  <c r="T37649" i="1"/>
  <c r="T37650" i="1"/>
  <c r="T37651" i="1"/>
  <c r="T37652" i="1"/>
  <c r="T37653" i="1"/>
  <c r="T37654" i="1"/>
  <c r="T37655" i="1"/>
  <c r="T37656" i="1"/>
  <c r="T37657" i="1"/>
  <c r="T37658" i="1"/>
  <c r="T37659" i="1"/>
  <c r="T37660" i="1"/>
  <c r="T37661" i="1"/>
  <c r="T37662" i="1"/>
  <c r="T37663" i="1"/>
  <c r="T37664" i="1"/>
  <c r="T37665" i="1"/>
  <c r="T37666" i="1"/>
  <c r="T37667" i="1"/>
  <c r="T37668" i="1"/>
  <c r="T37669" i="1"/>
  <c r="T37670" i="1"/>
  <c r="T37671" i="1"/>
  <c r="T37672" i="1"/>
  <c r="T37673" i="1"/>
  <c r="T37674" i="1"/>
  <c r="T37675" i="1"/>
  <c r="T37676" i="1"/>
  <c r="T37677" i="1"/>
  <c r="T37678" i="1"/>
  <c r="T37679" i="1"/>
  <c r="T37680" i="1"/>
  <c r="T37681" i="1"/>
  <c r="T37682" i="1"/>
  <c r="T37683" i="1"/>
  <c r="T37684" i="1"/>
  <c r="T37685" i="1"/>
  <c r="T37686" i="1"/>
  <c r="T37687" i="1"/>
  <c r="T37688" i="1"/>
  <c r="T37689" i="1"/>
  <c r="T37690" i="1"/>
  <c r="T37691" i="1"/>
  <c r="T37692" i="1"/>
  <c r="T37693" i="1"/>
  <c r="T37694" i="1"/>
  <c r="T37695" i="1"/>
  <c r="T37696" i="1"/>
  <c r="T37697" i="1"/>
  <c r="T37698" i="1"/>
  <c r="T37699" i="1"/>
  <c r="T37700" i="1"/>
  <c r="T37701" i="1"/>
  <c r="T37702" i="1"/>
  <c r="T37703" i="1"/>
  <c r="T37704" i="1"/>
  <c r="T37705" i="1"/>
  <c r="T37706" i="1"/>
  <c r="T37707" i="1"/>
  <c r="T37708" i="1"/>
  <c r="T37709" i="1"/>
  <c r="T37710" i="1"/>
  <c r="T37711" i="1"/>
  <c r="T37712" i="1"/>
  <c r="T37713" i="1"/>
  <c r="T37714" i="1"/>
  <c r="T37715" i="1"/>
  <c r="T37716" i="1"/>
  <c r="T37717" i="1"/>
  <c r="T37718" i="1"/>
  <c r="T37719" i="1"/>
  <c r="T37720" i="1"/>
  <c r="T37721" i="1"/>
  <c r="T37722" i="1"/>
  <c r="T37723" i="1"/>
  <c r="T37724" i="1"/>
  <c r="T37725" i="1"/>
  <c r="T37726" i="1"/>
  <c r="T37727" i="1"/>
  <c r="T37728" i="1"/>
  <c r="T37729" i="1"/>
  <c r="T37730" i="1"/>
  <c r="T37731" i="1"/>
  <c r="T37732" i="1"/>
  <c r="T37733" i="1"/>
  <c r="T37734" i="1"/>
  <c r="T37735" i="1"/>
  <c r="T37736" i="1"/>
  <c r="T37737" i="1"/>
  <c r="T37738" i="1"/>
  <c r="T37739" i="1"/>
  <c r="T37740" i="1"/>
  <c r="T37741" i="1"/>
  <c r="T37742" i="1"/>
  <c r="T37743" i="1"/>
  <c r="T37744" i="1"/>
  <c r="T37745" i="1"/>
  <c r="T37746" i="1"/>
  <c r="T37747" i="1"/>
  <c r="T37748" i="1"/>
  <c r="T37749" i="1"/>
  <c r="T37750" i="1"/>
  <c r="T37751" i="1"/>
  <c r="T37752" i="1"/>
  <c r="T37753" i="1"/>
  <c r="T37754" i="1"/>
  <c r="T37755" i="1"/>
  <c r="T37756" i="1"/>
  <c r="T37757" i="1"/>
  <c r="T37758" i="1"/>
  <c r="T37759" i="1"/>
  <c r="T37760" i="1"/>
  <c r="T37761" i="1"/>
  <c r="T37762" i="1"/>
  <c r="T37763" i="1"/>
  <c r="T37764" i="1"/>
  <c r="T37765" i="1"/>
  <c r="T37766" i="1"/>
  <c r="T37767" i="1"/>
  <c r="T37768" i="1"/>
  <c r="T37769" i="1"/>
  <c r="T37770" i="1"/>
  <c r="T37771" i="1"/>
  <c r="T37772" i="1"/>
  <c r="T37773" i="1"/>
  <c r="T37774" i="1"/>
  <c r="T37775" i="1"/>
  <c r="T37776" i="1"/>
  <c r="T37777" i="1"/>
  <c r="T37778" i="1"/>
  <c r="T37779" i="1"/>
  <c r="T37780" i="1"/>
  <c r="T37781" i="1"/>
  <c r="T37782" i="1"/>
  <c r="T37783" i="1"/>
  <c r="T37784" i="1"/>
  <c r="T37785" i="1"/>
  <c r="T37786" i="1"/>
  <c r="T37787" i="1"/>
  <c r="T37788" i="1"/>
  <c r="T37789" i="1"/>
  <c r="T37790" i="1"/>
  <c r="T37791" i="1"/>
  <c r="T37792" i="1"/>
  <c r="T37793" i="1"/>
  <c r="T37794" i="1"/>
  <c r="T37795" i="1"/>
  <c r="T37796" i="1"/>
  <c r="T37797" i="1"/>
  <c r="T37798" i="1"/>
  <c r="T37799" i="1"/>
  <c r="T37800" i="1"/>
  <c r="T37801" i="1"/>
  <c r="T37802" i="1"/>
  <c r="T37803" i="1"/>
  <c r="T37804" i="1"/>
  <c r="T37805" i="1"/>
  <c r="T37806" i="1"/>
  <c r="T37807" i="1"/>
  <c r="T37808" i="1"/>
  <c r="T37809" i="1"/>
  <c r="T37810" i="1"/>
  <c r="T37811" i="1"/>
  <c r="T37812" i="1"/>
  <c r="T37813" i="1"/>
  <c r="T37814" i="1"/>
  <c r="T37815" i="1"/>
  <c r="T37816" i="1"/>
  <c r="T37817" i="1"/>
  <c r="T37818" i="1"/>
  <c r="T37819" i="1"/>
  <c r="T37820" i="1"/>
  <c r="T37821" i="1"/>
  <c r="T37822" i="1"/>
  <c r="T37823" i="1"/>
  <c r="T37824" i="1"/>
  <c r="T37825" i="1"/>
  <c r="T37826" i="1"/>
  <c r="T37827" i="1"/>
  <c r="T37828" i="1"/>
  <c r="T37829" i="1"/>
  <c r="T37830" i="1"/>
  <c r="T37831" i="1"/>
  <c r="T37832" i="1"/>
  <c r="T37833" i="1"/>
  <c r="T37834" i="1"/>
  <c r="T37835" i="1"/>
  <c r="T37836" i="1"/>
  <c r="T37837" i="1"/>
  <c r="T37838" i="1"/>
  <c r="T37839" i="1"/>
  <c r="T37840" i="1"/>
  <c r="T37841" i="1"/>
  <c r="T37842" i="1"/>
  <c r="T37843" i="1"/>
  <c r="T37844" i="1"/>
  <c r="T37845" i="1"/>
  <c r="T37846" i="1"/>
  <c r="T37847" i="1"/>
  <c r="T37848" i="1"/>
  <c r="T37849" i="1"/>
  <c r="T37850" i="1"/>
  <c r="T37851" i="1"/>
  <c r="T37852" i="1"/>
  <c r="T37853" i="1"/>
  <c r="T37854" i="1"/>
  <c r="T37855" i="1"/>
  <c r="T37856" i="1"/>
  <c r="T37857" i="1"/>
  <c r="T37858" i="1"/>
  <c r="T37859" i="1"/>
  <c r="T37860" i="1"/>
  <c r="T37861" i="1"/>
  <c r="T37862" i="1"/>
  <c r="T37863" i="1"/>
  <c r="T37864" i="1"/>
  <c r="T37865" i="1"/>
  <c r="T37866" i="1"/>
  <c r="T37867" i="1"/>
  <c r="T37868" i="1"/>
  <c r="T37869" i="1"/>
  <c r="T37870" i="1"/>
  <c r="T37871" i="1"/>
  <c r="T37872" i="1"/>
  <c r="T37873" i="1"/>
  <c r="T37874" i="1"/>
  <c r="T37875" i="1"/>
  <c r="T37876" i="1"/>
  <c r="T37877" i="1"/>
  <c r="T37878" i="1"/>
  <c r="T37879" i="1"/>
  <c r="T37880" i="1"/>
  <c r="T37881" i="1"/>
  <c r="T37882" i="1"/>
  <c r="T37883" i="1"/>
  <c r="T37884" i="1"/>
  <c r="T37885" i="1"/>
  <c r="T37886" i="1"/>
  <c r="T37887" i="1"/>
  <c r="T37888" i="1"/>
  <c r="T37889" i="1"/>
  <c r="T37890" i="1"/>
  <c r="T37891" i="1"/>
  <c r="T37892" i="1"/>
  <c r="T37893" i="1"/>
  <c r="T37894" i="1"/>
  <c r="T37895" i="1"/>
  <c r="T37896" i="1"/>
  <c r="T37897" i="1"/>
  <c r="T37898" i="1"/>
  <c r="T37899" i="1"/>
  <c r="T37900" i="1"/>
  <c r="T37901" i="1"/>
  <c r="T37902" i="1"/>
  <c r="T37903" i="1"/>
  <c r="T37904" i="1"/>
  <c r="T37905" i="1"/>
  <c r="T37906" i="1"/>
  <c r="T37907" i="1"/>
  <c r="T37908" i="1"/>
  <c r="T37909" i="1"/>
  <c r="T37910" i="1"/>
  <c r="T37911" i="1"/>
  <c r="T37912" i="1"/>
  <c r="T37913" i="1"/>
  <c r="T37914" i="1"/>
  <c r="T37915" i="1"/>
  <c r="T37916" i="1"/>
  <c r="T37917" i="1"/>
  <c r="T37918" i="1"/>
  <c r="T37919" i="1"/>
  <c r="T37920" i="1"/>
  <c r="T37921" i="1"/>
  <c r="T37922" i="1"/>
  <c r="T37923" i="1"/>
  <c r="T37924" i="1"/>
  <c r="T37925" i="1"/>
  <c r="T37926" i="1"/>
  <c r="T37927" i="1"/>
  <c r="T37928" i="1"/>
  <c r="T37929" i="1"/>
  <c r="T37930" i="1"/>
  <c r="T37931" i="1"/>
  <c r="T37932" i="1"/>
  <c r="T37933" i="1"/>
  <c r="T37934" i="1"/>
  <c r="T37935" i="1"/>
  <c r="T37936" i="1"/>
  <c r="T37937" i="1"/>
  <c r="T37938" i="1"/>
  <c r="T37939" i="1"/>
  <c r="T37940" i="1"/>
  <c r="T37941" i="1"/>
  <c r="T37942" i="1"/>
  <c r="T37943" i="1"/>
  <c r="T37944" i="1"/>
  <c r="T37945" i="1"/>
  <c r="T37946" i="1"/>
  <c r="T37947" i="1"/>
  <c r="T37948" i="1"/>
  <c r="T37949" i="1"/>
  <c r="T37950" i="1"/>
  <c r="T37951" i="1"/>
  <c r="T37952" i="1"/>
  <c r="T37953" i="1"/>
  <c r="T37954" i="1"/>
  <c r="T37955" i="1"/>
  <c r="T37956" i="1"/>
  <c r="T37957" i="1"/>
  <c r="T37958" i="1"/>
  <c r="T37959" i="1"/>
  <c r="T37960" i="1"/>
  <c r="T37961" i="1"/>
  <c r="T37962" i="1"/>
  <c r="T37963" i="1"/>
  <c r="T37964" i="1"/>
  <c r="T37965" i="1"/>
  <c r="T37966" i="1"/>
  <c r="T37967" i="1"/>
  <c r="T37968" i="1"/>
  <c r="T37969" i="1"/>
  <c r="T37970" i="1"/>
  <c r="T37971" i="1"/>
  <c r="T37972" i="1"/>
  <c r="T37973" i="1"/>
  <c r="T37974" i="1"/>
  <c r="T37975" i="1"/>
  <c r="T37976" i="1"/>
  <c r="T37977" i="1"/>
  <c r="T37978" i="1"/>
  <c r="T37979" i="1"/>
  <c r="T37980" i="1"/>
  <c r="T37981" i="1"/>
  <c r="T37982" i="1"/>
  <c r="T37983" i="1"/>
  <c r="T37984" i="1"/>
  <c r="T37985" i="1"/>
  <c r="T37986" i="1"/>
  <c r="T37987" i="1"/>
  <c r="T37988" i="1"/>
  <c r="T37989" i="1"/>
  <c r="T37990" i="1"/>
  <c r="T37991" i="1"/>
  <c r="T37992" i="1"/>
  <c r="T37993" i="1"/>
  <c r="T37994" i="1"/>
  <c r="T37995" i="1"/>
  <c r="T37996" i="1"/>
  <c r="T37997" i="1"/>
  <c r="T37998" i="1"/>
  <c r="T37999" i="1"/>
  <c r="T38000" i="1"/>
  <c r="T38001" i="1"/>
  <c r="T38002" i="1"/>
  <c r="T38003" i="1"/>
  <c r="T38004" i="1"/>
  <c r="T38005" i="1"/>
  <c r="T38006" i="1"/>
  <c r="T38007" i="1"/>
  <c r="T38008" i="1"/>
  <c r="T38009" i="1"/>
  <c r="T38010" i="1"/>
  <c r="T38011" i="1"/>
  <c r="T38012" i="1"/>
  <c r="T38013" i="1"/>
  <c r="T38014" i="1"/>
  <c r="T38015" i="1"/>
  <c r="T38016" i="1"/>
  <c r="T38017" i="1"/>
  <c r="T38018" i="1"/>
  <c r="T38019" i="1"/>
  <c r="T38020" i="1"/>
  <c r="T38021" i="1"/>
  <c r="T38022" i="1"/>
  <c r="T38023" i="1"/>
  <c r="T38024" i="1"/>
  <c r="T38025" i="1"/>
  <c r="T38026" i="1"/>
  <c r="T38027" i="1"/>
  <c r="T38028" i="1"/>
  <c r="T38029" i="1"/>
  <c r="T38030" i="1"/>
  <c r="T38031" i="1"/>
  <c r="T38032" i="1"/>
  <c r="T38033" i="1"/>
  <c r="T38034" i="1"/>
  <c r="T38035" i="1"/>
  <c r="T38036" i="1"/>
  <c r="T38037" i="1"/>
  <c r="T38038" i="1"/>
  <c r="T38039" i="1"/>
  <c r="T38040" i="1"/>
  <c r="T38041" i="1"/>
  <c r="T38042" i="1"/>
  <c r="T38043" i="1"/>
  <c r="T38044" i="1"/>
  <c r="T38045" i="1"/>
  <c r="T38046" i="1"/>
  <c r="T38047" i="1"/>
  <c r="T38048" i="1"/>
  <c r="T38049" i="1"/>
  <c r="T38050" i="1"/>
  <c r="T38051" i="1"/>
  <c r="T38052" i="1"/>
  <c r="T38053" i="1"/>
  <c r="T38054" i="1"/>
  <c r="T38055" i="1"/>
  <c r="T38056" i="1"/>
  <c r="T38057" i="1"/>
  <c r="T38058" i="1"/>
  <c r="T38059" i="1"/>
  <c r="T38060" i="1"/>
  <c r="T38061" i="1"/>
  <c r="T38062" i="1"/>
  <c r="T38063" i="1"/>
  <c r="T38064" i="1"/>
  <c r="T38065" i="1"/>
  <c r="T38066" i="1"/>
  <c r="T38067" i="1"/>
  <c r="T38068" i="1"/>
  <c r="T38069" i="1"/>
  <c r="T38070" i="1"/>
  <c r="T38071" i="1"/>
  <c r="T38072" i="1"/>
  <c r="T38073" i="1"/>
  <c r="T38074" i="1"/>
  <c r="T38075" i="1"/>
  <c r="T38076" i="1"/>
  <c r="T38077" i="1"/>
  <c r="T38078" i="1"/>
  <c r="T38079" i="1"/>
  <c r="T38080" i="1"/>
  <c r="T38081" i="1"/>
  <c r="T38082" i="1"/>
  <c r="T38083" i="1"/>
  <c r="T38084" i="1"/>
  <c r="T38085" i="1"/>
  <c r="T38086" i="1"/>
  <c r="T38087" i="1"/>
  <c r="T38088" i="1"/>
  <c r="T38089" i="1"/>
  <c r="T38090" i="1"/>
  <c r="T38091" i="1"/>
  <c r="T38092" i="1"/>
  <c r="T38093" i="1"/>
  <c r="T38094" i="1"/>
  <c r="T38095" i="1"/>
  <c r="T38096" i="1"/>
  <c r="T38097" i="1"/>
  <c r="T38098" i="1"/>
  <c r="T38099" i="1"/>
  <c r="T38100" i="1"/>
  <c r="T38101" i="1"/>
  <c r="T38102" i="1"/>
  <c r="T38103" i="1"/>
  <c r="T38104" i="1"/>
  <c r="T38105" i="1"/>
  <c r="T38106" i="1"/>
  <c r="T38107" i="1"/>
  <c r="T38108" i="1"/>
  <c r="T38109" i="1"/>
  <c r="T38110" i="1"/>
  <c r="T38111" i="1"/>
  <c r="T38112" i="1"/>
  <c r="T38113" i="1"/>
  <c r="T38114" i="1"/>
  <c r="T38115" i="1"/>
  <c r="T38116" i="1"/>
  <c r="T38117" i="1"/>
  <c r="T38118" i="1"/>
  <c r="T38119" i="1"/>
  <c r="T38120" i="1"/>
  <c r="T38121" i="1"/>
  <c r="T38122" i="1"/>
  <c r="T38123" i="1"/>
  <c r="T38124" i="1"/>
  <c r="T38125" i="1"/>
  <c r="T38126" i="1"/>
  <c r="T38127" i="1"/>
  <c r="T38128" i="1"/>
  <c r="T38129" i="1"/>
  <c r="T38130" i="1"/>
  <c r="T38131" i="1"/>
  <c r="T38132" i="1"/>
  <c r="T38133" i="1"/>
  <c r="T38134" i="1"/>
  <c r="T38135" i="1"/>
  <c r="T38136" i="1"/>
  <c r="T38137" i="1"/>
  <c r="T38138" i="1"/>
  <c r="T38139" i="1"/>
  <c r="T38140" i="1"/>
  <c r="T38141" i="1"/>
  <c r="T38142" i="1"/>
  <c r="T38143" i="1"/>
  <c r="T38144" i="1"/>
  <c r="T38145" i="1"/>
  <c r="T38146" i="1"/>
  <c r="T38147" i="1"/>
  <c r="T38148" i="1"/>
  <c r="T38149" i="1"/>
  <c r="T38150" i="1"/>
  <c r="T38151" i="1"/>
  <c r="T38152" i="1"/>
  <c r="T38153" i="1"/>
  <c r="T38154" i="1"/>
  <c r="T38155" i="1"/>
  <c r="T38156" i="1"/>
  <c r="T38157" i="1"/>
  <c r="T38158" i="1"/>
  <c r="T38159" i="1"/>
  <c r="T38160" i="1"/>
  <c r="T38161" i="1"/>
  <c r="T38162" i="1"/>
  <c r="T38163" i="1"/>
  <c r="T38164" i="1"/>
  <c r="T38165" i="1"/>
  <c r="T38166" i="1"/>
  <c r="T38167" i="1"/>
  <c r="T38168" i="1"/>
  <c r="T38169" i="1"/>
  <c r="T38170" i="1"/>
  <c r="T38171" i="1"/>
  <c r="T38172" i="1"/>
  <c r="T38173" i="1"/>
  <c r="T38174" i="1"/>
  <c r="T38175" i="1"/>
  <c r="T38176" i="1"/>
  <c r="T38177" i="1"/>
  <c r="T38178" i="1"/>
  <c r="T38179" i="1"/>
  <c r="T38180" i="1"/>
  <c r="T38181" i="1"/>
  <c r="T38182" i="1"/>
  <c r="T38183" i="1"/>
  <c r="T38184" i="1"/>
  <c r="T38185" i="1"/>
  <c r="T38186" i="1"/>
  <c r="T38187" i="1"/>
  <c r="T38188" i="1"/>
  <c r="T38189" i="1"/>
  <c r="T38190" i="1"/>
  <c r="T38191" i="1"/>
  <c r="T38192" i="1"/>
  <c r="T38193" i="1"/>
  <c r="T38194" i="1"/>
  <c r="T38195" i="1"/>
  <c r="T38196" i="1"/>
  <c r="T38197" i="1"/>
  <c r="T38198" i="1"/>
  <c r="T38199" i="1"/>
  <c r="T38200" i="1"/>
  <c r="T38201" i="1"/>
  <c r="T38202" i="1"/>
  <c r="T38203" i="1"/>
  <c r="T38204" i="1"/>
  <c r="T38205" i="1"/>
  <c r="T38206" i="1"/>
  <c r="T38207" i="1"/>
  <c r="T38208" i="1"/>
  <c r="T38209" i="1"/>
  <c r="T38210" i="1"/>
  <c r="T38211" i="1"/>
  <c r="T38212" i="1"/>
  <c r="T38213" i="1"/>
  <c r="T38214" i="1"/>
  <c r="T38215" i="1"/>
  <c r="T38216" i="1"/>
  <c r="T38217" i="1"/>
  <c r="T38218" i="1"/>
  <c r="T38219" i="1"/>
  <c r="T38220" i="1"/>
  <c r="T38221" i="1"/>
  <c r="T38222" i="1"/>
  <c r="T38223" i="1"/>
  <c r="T38224" i="1"/>
  <c r="T38225" i="1"/>
  <c r="T38226" i="1"/>
  <c r="T38227" i="1"/>
  <c r="T38228" i="1"/>
  <c r="T38229" i="1"/>
  <c r="T38230" i="1"/>
  <c r="T38231" i="1"/>
  <c r="T38232" i="1"/>
  <c r="T38233" i="1"/>
  <c r="T38234" i="1"/>
  <c r="T38235" i="1"/>
  <c r="T38236" i="1"/>
  <c r="T38237" i="1"/>
  <c r="T38238" i="1"/>
  <c r="T38239" i="1"/>
  <c r="T38240" i="1"/>
  <c r="T38241" i="1"/>
  <c r="T38242" i="1"/>
  <c r="T38243" i="1"/>
  <c r="T38244" i="1"/>
  <c r="T38245" i="1"/>
  <c r="T38246" i="1"/>
  <c r="T38247" i="1"/>
  <c r="T38248" i="1"/>
  <c r="T38249" i="1"/>
  <c r="T38250" i="1"/>
  <c r="T38251" i="1"/>
  <c r="T38252" i="1"/>
  <c r="T38253" i="1"/>
  <c r="T38254" i="1"/>
  <c r="T38255" i="1"/>
  <c r="T38256" i="1"/>
  <c r="T38257" i="1"/>
  <c r="T38258" i="1"/>
  <c r="T38259" i="1"/>
  <c r="T38260" i="1"/>
  <c r="T38261" i="1"/>
  <c r="T38262" i="1"/>
  <c r="T38263" i="1"/>
  <c r="T38264" i="1"/>
  <c r="T38265" i="1"/>
  <c r="T38266" i="1"/>
  <c r="T38267" i="1"/>
  <c r="T38268" i="1"/>
  <c r="T38269" i="1"/>
  <c r="T38270" i="1"/>
  <c r="T38271" i="1"/>
  <c r="T38272" i="1"/>
  <c r="T38273" i="1"/>
  <c r="T38274" i="1"/>
  <c r="T38275" i="1"/>
  <c r="T38276" i="1"/>
  <c r="T38277" i="1"/>
  <c r="T38278" i="1"/>
  <c r="T38279" i="1"/>
  <c r="T38280" i="1"/>
  <c r="T38281" i="1"/>
  <c r="T38282" i="1"/>
  <c r="T38283" i="1"/>
  <c r="T38284" i="1"/>
  <c r="T38285" i="1"/>
  <c r="T38286" i="1"/>
  <c r="T38287" i="1"/>
  <c r="T38288" i="1"/>
  <c r="T38289" i="1"/>
  <c r="T38290" i="1"/>
  <c r="T38291" i="1"/>
  <c r="T38292" i="1"/>
  <c r="T38293" i="1"/>
  <c r="T38294" i="1"/>
  <c r="T38295" i="1"/>
  <c r="T38296" i="1"/>
  <c r="T38297" i="1"/>
  <c r="T38298" i="1"/>
  <c r="T38299" i="1"/>
  <c r="T38300" i="1"/>
  <c r="T38301" i="1"/>
  <c r="T38302" i="1"/>
  <c r="T38303" i="1"/>
  <c r="T38304" i="1"/>
  <c r="T38305" i="1"/>
  <c r="T38306" i="1"/>
  <c r="T38307" i="1"/>
  <c r="T38308" i="1"/>
  <c r="T38309" i="1"/>
  <c r="T38310" i="1"/>
  <c r="T38311" i="1"/>
  <c r="T38312" i="1"/>
  <c r="T38313" i="1"/>
  <c r="T38314" i="1"/>
  <c r="T38315" i="1"/>
  <c r="T38316" i="1"/>
  <c r="T38317" i="1"/>
  <c r="T38318" i="1"/>
  <c r="T38319" i="1"/>
  <c r="T38320" i="1"/>
  <c r="T38321" i="1"/>
  <c r="T38322" i="1"/>
  <c r="T38323" i="1"/>
  <c r="T38324" i="1"/>
  <c r="T38325" i="1"/>
  <c r="T38326" i="1"/>
  <c r="T38327" i="1"/>
  <c r="T38328" i="1"/>
  <c r="T38329" i="1"/>
  <c r="T38330" i="1"/>
  <c r="T38331" i="1"/>
  <c r="T38332" i="1"/>
  <c r="T38333" i="1"/>
  <c r="T38334" i="1"/>
  <c r="T38335" i="1"/>
  <c r="T38336" i="1"/>
  <c r="T38337" i="1"/>
  <c r="T38338" i="1"/>
  <c r="T38339" i="1"/>
  <c r="T38340" i="1"/>
  <c r="T38341" i="1"/>
  <c r="T38342" i="1"/>
  <c r="T38343" i="1"/>
  <c r="T38344" i="1"/>
  <c r="T38345" i="1"/>
  <c r="T38346" i="1"/>
  <c r="T38347" i="1"/>
  <c r="T38348" i="1"/>
  <c r="T38349" i="1"/>
  <c r="T38350" i="1"/>
  <c r="T38351" i="1"/>
  <c r="T38352" i="1"/>
  <c r="T38353" i="1"/>
  <c r="T38354" i="1"/>
  <c r="T38355" i="1"/>
  <c r="T38356" i="1"/>
  <c r="T38357" i="1"/>
  <c r="T38358" i="1"/>
  <c r="T38359" i="1"/>
  <c r="T38360" i="1"/>
  <c r="T38361" i="1"/>
  <c r="T38362" i="1"/>
  <c r="T38363" i="1"/>
  <c r="T38364" i="1"/>
  <c r="T38365" i="1"/>
  <c r="T38366" i="1"/>
  <c r="T38367" i="1"/>
  <c r="T38368" i="1"/>
  <c r="T38369" i="1"/>
  <c r="T38370" i="1"/>
  <c r="T38371" i="1"/>
  <c r="T38372" i="1"/>
  <c r="T38373" i="1"/>
  <c r="T38374" i="1"/>
  <c r="T38375" i="1"/>
  <c r="T38376" i="1"/>
  <c r="T38377" i="1"/>
  <c r="T38378" i="1"/>
  <c r="T38379" i="1"/>
  <c r="T38380" i="1"/>
  <c r="T38381" i="1"/>
  <c r="T38382" i="1"/>
  <c r="T38383" i="1"/>
  <c r="T38384" i="1"/>
  <c r="T38385" i="1"/>
  <c r="T38386" i="1"/>
  <c r="T38387" i="1"/>
  <c r="T38388" i="1"/>
  <c r="T38389" i="1"/>
  <c r="T38390" i="1"/>
  <c r="T38391" i="1"/>
  <c r="T38392" i="1"/>
  <c r="T38393" i="1"/>
  <c r="T38394" i="1"/>
  <c r="T38395" i="1"/>
  <c r="T38396" i="1"/>
  <c r="T38397" i="1"/>
  <c r="T38398" i="1"/>
  <c r="T38399" i="1"/>
  <c r="T38400" i="1"/>
  <c r="T38401" i="1"/>
  <c r="T38402" i="1"/>
  <c r="T38403" i="1"/>
  <c r="T38404" i="1"/>
  <c r="T38405" i="1"/>
  <c r="T38406" i="1"/>
  <c r="T38407" i="1"/>
  <c r="T38408" i="1"/>
  <c r="T38409" i="1"/>
  <c r="T38410" i="1"/>
  <c r="T38411" i="1"/>
  <c r="T38412" i="1"/>
  <c r="T38413" i="1"/>
  <c r="T38414" i="1"/>
  <c r="T38415" i="1"/>
  <c r="T38416" i="1"/>
  <c r="T38417" i="1"/>
  <c r="T38418" i="1"/>
  <c r="T38419" i="1"/>
  <c r="T38420" i="1"/>
  <c r="T38421" i="1"/>
  <c r="T38422" i="1"/>
  <c r="T38423" i="1"/>
  <c r="T38424" i="1"/>
  <c r="T38425" i="1"/>
  <c r="T38426" i="1"/>
  <c r="T38427" i="1"/>
  <c r="T38428" i="1"/>
  <c r="T38429" i="1"/>
  <c r="T38430" i="1"/>
  <c r="T38431" i="1"/>
  <c r="T38432" i="1"/>
  <c r="T38433" i="1"/>
  <c r="T38434" i="1"/>
  <c r="T38435" i="1"/>
  <c r="T38436" i="1"/>
  <c r="T38437" i="1"/>
  <c r="T38438" i="1"/>
  <c r="T38439" i="1"/>
  <c r="T38440" i="1"/>
  <c r="T38441" i="1"/>
  <c r="T38442" i="1"/>
  <c r="T38443" i="1"/>
  <c r="T38444" i="1"/>
  <c r="T38445" i="1"/>
  <c r="T38446" i="1"/>
  <c r="T38447" i="1"/>
  <c r="T38448" i="1"/>
  <c r="T38449" i="1"/>
  <c r="T38450" i="1"/>
  <c r="T38451" i="1"/>
  <c r="T38452" i="1"/>
  <c r="T38453" i="1"/>
  <c r="T38454" i="1"/>
  <c r="T38455" i="1"/>
  <c r="T38456" i="1"/>
  <c r="T38457" i="1"/>
  <c r="T38458" i="1"/>
  <c r="T38459" i="1"/>
  <c r="T38460" i="1"/>
  <c r="T38461" i="1"/>
  <c r="T38462" i="1"/>
  <c r="T38463" i="1"/>
  <c r="T38464" i="1"/>
  <c r="T38465" i="1"/>
  <c r="T38466" i="1"/>
  <c r="T38467" i="1"/>
  <c r="T38468" i="1"/>
  <c r="T38469" i="1"/>
  <c r="T38470" i="1"/>
  <c r="T38471" i="1"/>
  <c r="T38472" i="1"/>
  <c r="T38473" i="1"/>
  <c r="T38474" i="1"/>
  <c r="T38475" i="1"/>
  <c r="T38476" i="1"/>
  <c r="T38477" i="1"/>
  <c r="T38478" i="1"/>
  <c r="T38479" i="1"/>
  <c r="T38480" i="1"/>
  <c r="T38481" i="1"/>
  <c r="T38482" i="1"/>
  <c r="T38483" i="1"/>
  <c r="T38484" i="1"/>
  <c r="T38485" i="1"/>
  <c r="T38486" i="1"/>
  <c r="T38487" i="1"/>
  <c r="T38488" i="1"/>
  <c r="T38489" i="1"/>
  <c r="T38490" i="1"/>
  <c r="T38491" i="1"/>
  <c r="T38492" i="1"/>
  <c r="T38493" i="1"/>
  <c r="T38494" i="1"/>
  <c r="T38495" i="1"/>
  <c r="T38496" i="1"/>
  <c r="T38497" i="1"/>
  <c r="T38498" i="1"/>
  <c r="T38499" i="1"/>
  <c r="T38500" i="1"/>
  <c r="T38501" i="1"/>
  <c r="T38502" i="1"/>
  <c r="T38503" i="1"/>
  <c r="T38504" i="1"/>
  <c r="T38505" i="1"/>
  <c r="T38506" i="1"/>
  <c r="T38507" i="1"/>
  <c r="T38508" i="1"/>
  <c r="T38509" i="1"/>
  <c r="T38510" i="1"/>
  <c r="T38511" i="1"/>
  <c r="T38512" i="1"/>
  <c r="T38513" i="1"/>
  <c r="T38514" i="1"/>
  <c r="T38515" i="1"/>
  <c r="T38516" i="1"/>
  <c r="T38517" i="1"/>
  <c r="T38518" i="1"/>
  <c r="T38519" i="1"/>
  <c r="T38520" i="1"/>
  <c r="T38521" i="1"/>
  <c r="T38522" i="1"/>
  <c r="T38523" i="1"/>
  <c r="T38524" i="1"/>
  <c r="T38525" i="1"/>
  <c r="T38526" i="1"/>
  <c r="T38527" i="1"/>
  <c r="T38528" i="1"/>
  <c r="T38529" i="1"/>
  <c r="T38530" i="1"/>
  <c r="T38531" i="1"/>
  <c r="T38532" i="1"/>
  <c r="T38533" i="1"/>
  <c r="T38534" i="1"/>
  <c r="T38535" i="1"/>
  <c r="T38536" i="1"/>
  <c r="T38537" i="1"/>
  <c r="T38538" i="1"/>
  <c r="T38539" i="1"/>
  <c r="T38540" i="1"/>
  <c r="T38541" i="1"/>
  <c r="T38542" i="1"/>
  <c r="T38543" i="1"/>
  <c r="T38544" i="1"/>
  <c r="T38545" i="1"/>
  <c r="T38546" i="1"/>
  <c r="T38547" i="1"/>
  <c r="T38548" i="1"/>
  <c r="T38549" i="1"/>
  <c r="T38550" i="1"/>
  <c r="T38551" i="1"/>
  <c r="T38552" i="1"/>
  <c r="T38553" i="1"/>
  <c r="T38554" i="1"/>
  <c r="T38555" i="1"/>
  <c r="T38556" i="1"/>
  <c r="T38557" i="1"/>
  <c r="T38558" i="1"/>
  <c r="T38559" i="1"/>
  <c r="T38560" i="1"/>
  <c r="T38561" i="1"/>
  <c r="T38562" i="1"/>
  <c r="T38563" i="1"/>
  <c r="T38564" i="1"/>
  <c r="T38565" i="1"/>
  <c r="T38566" i="1"/>
  <c r="T38567" i="1"/>
  <c r="T38568" i="1"/>
  <c r="T38569" i="1"/>
  <c r="T38570" i="1"/>
  <c r="T38571" i="1"/>
  <c r="T38572" i="1"/>
  <c r="T38573" i="1"/>
  <c r="T38574" i="1"/>
  <c r="T38575" i="1"/>
  <c r="T38576" i="1"/>
  <c r="T38577" i="1"/>
  <c r="T38578" i="1"/>
  <c r="T38579" i="1"/>
  <c r="T38580" i="1"/>
  <c r="T38581" i="1"/>
  <c r="T38582" i="1"/>
  <c r="T38583" i="1"/>
  <c r="T38584" i="1"/>
  <c r="T38585" i="1"/>
  <c r="T38586" i="1"/>
  <c r="T38587" i="1"/>
  <c r="T38588" i="1"/>
  <c r="T38589" i="1"/>
  <c r="T38590" i="1"/>
  <c r="T38591" i="1"/>
  <c r="T38592" i="1"/>
  <c r="T38593" i="1"/>
  <c r="T38594" i="1"/>
  <c r="T38595" i="1"/>
  <c r="T38596" i="1"/>
  <c r="T38597" i="1"/>
  <c r="T38598" i="1"/>
  <c r="T38599" i="1"/>
  <c r="T38600" i="1"/>
  <c r="T38601" i="1"/>
  <c r="T38602" i="1"/>
  <c r="T38603" i="1"/>
  <c r="T38604" i="1"/>
  <c r="T38605" i="1"/>
  <c r="T38606" i="1"/>
  <c r="T38607" i="1"/>
  <c r="T38608" i="1"/>
  <c r="T38609" i="1"/>
  <c r="T38610" i="1"/>
  <c r="T38611" i="1"/>
  <c r="T38612" i="1"/>
  <c r="T38613" i="1"/>
  <c r="T38614" i="1"/>
  <c r="T38615" i="1"/>
  <c r="T38616" i="1"/>
  <c r="T38617" i="1"/>
  <c r="T38618" i="1"/>
  <c r="T38619" i="1"/>
  <c r="T38620" i="1"/>
  <c r="T38621" i="1"/>
  <c r="T38622" i="1"/>
  <c r="T38623" i="1"/>
  <c r="T38624" i="1"/>
  <c r="T38625" i="1"/>
  <c r="T38626" i="1"/>
  <c r="T38627" i="1"/>
  <c r="T38628" i="1"/>
  <c r="T38629" i="1"/>
  <c r="T38630" i="1"/>
  <c r="T38631" i="1"/>
  <c r="T38632" i="1"/>
  <c r="T38633" i="1"/>
  <c r="T38634" i="1"/>
  <c r="T38635" i="1"/>
  <c r="T38636" i="1"/>
  <c r="T38637" i="1"/>
  <c r="T38638" i="1"/>
  <c r="T38639" i="1"/>
  <c r="T38640" i="1"/>
  <c r="T38641" i="1"/>
  <c r="T38642" i="1"/>
  <c r="T38643" i="1"/>
  <c r="T38644" i="1"/>
  <c r="T38645" i="1"/>
  <c r="T38646" i="1"/>
  <c r="T38647" i="1"/>
  <c r="T38648" i="1"/>
  <c r="T38649" i="1"/>
  <c r="T38650" i="1"/>
  <c r="T38651" i="1"/>
  <c r="T38652" i="1"/>
  <c r="T38653" i="1"/>
  <c r="T38654" i="1"/>
  <c r="T38655" i="1"/>
  <c r="T38656" i="1"/>
  <c r="T38657" i="1"/>
  <c r="T38658" i="1"/>
  <c r="T38659" i="1"/>
  <c r="T38660" i="1"/>
  <c r="T38661" i="1"/>
  <c r="T38662" i="1"/>
  <c r="T38663" i="1"/>
  <c r="T38664" i="1"/>
  <c r="T38665" i="1"/>
  <c r="T38666" i="1"/>
  <c r="T38667" i="1"/>
  <c r="T38668" i="1"/>
  <c r="T38669" i="1"/>
  <c r="T38670" i="1"/>
  <c r="T38671" i="1"/>
  <c r="T38672" i="1"/>
  <c r="T38673" i="1"/>
  <c r="T38674" i="1"/>
  <c r="T38675" i="1"/>
  <c r="T38676" i="1"/>
  <c r="T38677" i="1"/>
  <c r="T38678" i="1"/>
  <c r="T38679" i="1"/>
  <c r="T38680" i="1"/>
  <c r="T38681" i="1"/>
  <c r="T38682" i="1"/>
  <c r="T38683" i="1"/>
  <c r="T38684" i="1"/>
  <c r="T38685" i="1"/>
  <c r="T38686" i="1"/>
  <c r="T38687" i="1"/>
  <c r="T38688" i="1"/>
  <c r="T38689" i="1"/>
  <c r="T38690" i="1"/>
  <c r="T38691" i="1"/>
  <c r="T38692" i="1"/>
  <c r="T38693" i="1"/>
  <c r="T38694" i="1"/>
  <c r="T38695" i="1"/>
  <c r="T38696" i="1"/>
  <c r="T38697" i="1"/>
  <c r="T38698" i="1"/>
  <c r="T38699" i="1"/>
  <c r="T38700" i="1"/>
  <c r="T38701" i="1"/>
  <c r="T38702" i="1"/>
  <c r="T38703" i="1"/>
  <c r="T38704" i="1"/>
  <c r="T38705" i="1"/>
  <c r="T38706" i="1"/>
  <c r="T38707" i="1"/>
  <c r="T38708" i="1"/>
  <c r="T38709" i="1"/>
  <c r="T38710" i="1"/>
  <c r="T38711" i="1"/>
  <c r="T38712" i="1"/>
  <c r="T38713" i="1"/>
  <c r="T38714" i="1"/>
  <c r="T38715" i="1"/>
  <c r="T38716" i="1"/>
  <c r="T38717" i="1"/>
  <c r="T38718" i="1"/>
  <c r="T38719" i="1"/>
  <c r="T38720" i="1"/>
  <c r="T38721" i="1"/>
  <c r="T38722" i="1"/>
  <c r="T38723" i="1"/>
  <c r="T38724" i="1"/>
  <c r="T38725" i="1"/>
  <c r="T38726" i="1"/>
  <c r="T38727" i="1"/>
  <c r="T38728" i="1"/>
  <c r="T38729" i="1"/>
  <c r="T38730" i="1"/>
  <c r="T38731" i="1"/>
  <c r="T38732" i="1"/>
  <c r="T38733" i="1"/>
  <c r="T38734" i="1"/>
  <c r="T38735" i="1"/>
  <c r="T38736" i="1"/>
  <c r="T38737" i="1"/>
  <c r="T38738" i="1"/>
  <c r="T38739" i="1"/>
  <c r="T38740" i="1"/>
  <c r="T38741" i="1"/>
  <c r="T38742" i="1"/>
  <c r="T38743" i="1"/>
  <c r="T38744" i="1"/>
  <c r="T38745" i="1"/>
  <c r="T38746" i="1"/>
  <c r="T38747" i="1"/>
  <c r="T38748" i="1"/>
  <c r="T38749" i="1"/>
  <c r="T38750" i="1"/>
  <c r="T38751" i="1"/>
  <c r="T38752" i="1"/>
  <c r="T38753" i="1"/>
  <c r="T38754" i="1"/>
  <c r="T38755" i="1"/>
  <c r="T38756" i="1"/>
  <c r="T38757" i="1"/>
  <c r="T38758" i="1"/>
  <c r="T38759" i="1"/>
  <c r="T38760" i="1"/>
  <c r="T38761" i="1"/>
  <c r="T38762" i="1"/>
  <c r="T38763" i="1"/>
  <c r="T38764" i="1"/>
  <c r="T38765" i="1"/>
  <c r="T38766" i="1"/>
  <c r="T38767" i="1"/>
  <c r="T38768" i="1"/>
  <c r="T38769" i="1"/>
  <c r="T38770" i="1"/>
  <c r="T38771" i="1"/>
  <c r="T38772" i="1"/>
  <c r="T38773" i="1"/>
  <c r="T38774" i="1"/>
  <c r="T38775" i="1"/>
  <c r="T38776" i="1"/>
  <c r="T38777" i="1"/>
  <c r="T38778" i="1"/>
  <c r="T38779" i="1"/>
  <c r="T38780" i="1"/>
  <c r="T38781" i="1"/>
  <c r="T38782" i="1"/>
  <c r="T38783" i="1"/>
  <c r="T38784" i="1"/>
  <c r="T38785" i="1"/>
  <c r="T38786" i="1"/>
  <c r="T38787" i="1"/>
  <c r="T38788" i="1"/>
  <c r="T38789" i="1"/>
  <c r="T38790" i="1"/>
  <c r="T38791" i="1"/>
  <c r="T38792" i="1"/>
  <c r="T38793" i="1"/>
  <c r="T38794" i="1"/>
  <c r="T38795" i="1"/>
  <c r="T38796" i="1"/>
  <c r="T38797" i="1"/>
  <c r="T38798" i="1"/>
  <c r="T38799" i="1"/>
  <c r="T38800" i="1"/>
  <c r="T38801" i="1"/>
  <c r="T38802" i="1"/>
  <c r="T38803" i="1"/>
  <c r="T38804" i="1"/>
  <c r="T38805" i="1"/>
  <c r="T38806" i="1"/>
  <c r="T38807" i="1"/>
  <c r="T38808" i="1"/>
  <c r="T38809" i="1"/>
  <c r="T38810" i="1"/>
  <c r="T38811" i="1"/>
  <c r="T38812" i="1"/>
  <c r="T38813" i="1"/>
  <c r="T38814" i="1"/>
  <c r="T38815" i="1"/>
  <c r="T38816" i="1"/>
  <c r="T38817" i="1"/>
  <c r="T38818" i="1"/>
  <c r="T38819" i="1"/>
  <c r="T38820" i="1"/>
  <c r="T38821" i="1"/>
  <c r="T38822" i="1"/>
  <c r="T38823" i="1"/>
  <c r="T38824" i="1"/>
  <c r="T38825" i="1"/>
  <c r="T38826" i="1"/>
  <c r="T38827" i="1"/>
  <c r="T38828" i="1"/>
  <c r="T38829" i="1"/>
  <c r="T38830" i="1"/>
  <c r="T38831" i="1"/>
  <c r="T38832" i="1"/>
  <c r="T38833" i="1"/>
  <c r="T38834" i="1"/>
  <c r="T38835" i="1"/>
  <c r="T38836" i="1"/>
  <c r="T38837" i="1"/>
  <c r="T38838" i="1"/>
  <c r="T38839" i="1"/>
  <c r="T38840" i="1"/>
  <c r="T38841" i="1"/>
  <c r="T38842" i="1"/>
  <c r="T38843" i="1"/>
  <c r="T38844" i="1"/>
  <c r="T38845" i="1"/>
  <c r="T38846" i="1"/>
  <c r="T38847" i="1"/>
  <c r="T38848" i="1"/>
  <c r="T38849" i="1"/>
  <c r="T38850" i="1"/>
  <c r="T38851" i="1"/>
  <c r="T38852" i="1"/>
  <c r="T38853" i="1"/>
  <c r="T38854" i="1"/>
  <c r="T38855" i="1"/>
  <c r="T38856" i="1"/>
  <c r="T38857" i="1"/>
  <c r="T38858" i="1"/>
  <c r="T38859" i="1"/>
  <c r="T38860" i="1"/>
  <c r="T38861" i="1"/>
  <c r="T38862" i="1"/>
  <c r="T38863" i="1"/>
  <c r="T38864" i="1"/>
  <c r="T38865" i="1"/>
  <c r="T38866" i="1"/>
  <c r="T38867" i="1"/>
  <c r="T38868" i="1"/>
  <c r="T38869" i="1"/>
  <c r="T38870" i="1"/>
  <c r="T38871" i="1"/>
  <c r="T38872" i="1"/>
  <c r="T38873" i="1"/>
  <c r="T38874" i="1"/>
  <c r="T38875" i="1"/>
  <c r="T38876" i="1"/>
  <c r="T38877" i="1"/>
  <c r="T38878" i="1"/>
  <c r="T38879" i="1"/>
  <c r="T38880" i="1"/>
  <c r="T38881" i="1"/>
  <c r="T38882" i="1"/>
  <c r="T38883" i="1"/>
  <c r="T38884" i="1"/>
  <c r="T38885" i="1"/>
  <c r="T38886" i="1"/>
  <c r="T38887" i="1"/>
  <c r="T38888" i="1"/>
  <c r="T38889" i="1"/>
  <c r="T38890" i="1"/>
  <c r="T38891" i="1"/>
  <c r="T38892" i="1"/>
  <c r="T38893" i="1"/>
  <c r="T38894" i="1"/>
  <c r="T38895" i="1"/>
  <c r="T38896" i="1"/>
  <c r="T38897" i="1"/>
  <c r="T38898" i="1"/>
  <c r="T38899" i="1"/>
  <c r="T38900" i="1"/>
  <c r="T38901" i="1"/>
  <c r="T38902" i="1"/>
  <c r="T38903" i="1"/>
  <c r="T38904" i="1"/>
  <c r="T38905" i="1"/>
  <c r="T38906" i="1"/>
  <c r="T38907" i="1"/>
  <c r="T38908" i="1"/>
  <c r="T38909" i="1"/>
  <c r="T38910" i="1"/>
  <c r="T38911" i="1"/>
  <c r="T38912" i="1"/>
  <c r="T38913" i="1"/>
  <c r="T38914" i="1"/>
  <c r="T38915" i="1"/>
  <c r="T38916" i="1"/>
  <c r="T38917" i="1"/>
  <c r="T38918" i="1"/>
  <c r="T38919" i="1"/>
  <c r="T38920" i="1"/>
  <c r="T38921" i="1"/>
  <c r="T38922" i="1"/>
  <c r="T38923" i="1"/>
  <c r="T38924" i="1"/>
  <c r="T38925" i="1"/>
  <c r="T38926" i="1"/>
  <c r="T38927" i="1"/>
  <c r="T38928" i="1"/>
  <c r="T38929" i="1"/>
  <c r="T38930" i="1"/>
  <c r="T38931" i="1"/>
  <c r="T38932" i="1"/>
  <c r="T38933" i="1"/>
  <c r="T38934" i="1"/>
  <c r="T38935" i="1"/>
  <c r="T38936" i="1"/>
  <c r="T38937" i="1"/>
  <c r="T38938" i="1"/>
  <c r="T38939" i="1"/>
  <c r="T38940" i="1"/>
  <c r="T38941" i="1"/>
  <c r="T38942" i="1"/>
  <c r="T38943" i="1"/>
  <c r="T38944" i="1"/>
  <c r="T38945" i="1"/>
  <c r="T38946" i="1"/>
  <c r="T38947" i="1"/>
  <c r="T38948" i="1"/>
  <c r="T38949" i="1"/>
  <c r="T38950" i="1"/>
  <c r="T38951" i="1"/>
  <c r="T38952" i="1"/>
  <c r="T38953" i="1"/>
  <c r="T38954" i="1"/>
  <c r="T38955" i="1"/>
  <c r="T38956" i="1"/>
  <c r="T38957" i="1"/>
  <c r="T38958" i="1"/>
  <c r="T38959" i="1"/>
  <c r="T38960" i="1"/>
  <c r="T38961" i="1"/>
  <c r="T38962" i="1"/>
  <c r="T38963" i="1"/>
  <c r="T38964" i="1"/>
  <c r="T38965" i="1"/>
  <c r="T38966" i="1"/>
  <c r="T38967" i="1"/>
  <c r="T38968" i="1"/>
  <c r="T38969" i="1"/>
  <c r="T38970" i="1"/>
  <c r="T38971" i="1"/>
  <c r="T38972" i="1"/>
  <c r="T38973" i="1"/>
  <c r="T38974" i="1"/>
  <c r="T38975" i="1"/>
  <c r="T38976" i="1"/>
  <c r="T38977" i="1"/>
  <c r="T38978" i="1"/>
  <c r="T38979" i="1"/>
  <c r="T38980" i="1"/>
  <c r="T38981" i="1"/>
  <c r="T38982" i="1"/>
  <c r="T38983" i="1"/>
  <c r="T38984" i="1"/>
  <c r="T38985" i="1"/>
  <c r="T38986" i="1"/>
  <c r="T38987" i="1"/>
  <c r="T38988" i="1"/>
  <c r="T38989" i="1"/>
  <c r="T38990" i="1"/>
  <c r="T38991" i="1"/>
  <c r="T38992" i="1"/>
  <c r="T38993" i="1"/>
  <c r="T38994" i="1"/>
  <c r="T38995" i="1"/>
  <c r="T38996" i="1"/>
  <c r="T38997" i="1"/>
  <c r="T38998" i="1"/>
  <c r="T38999" i="1"/>
  <c r="T39000" i="1"/>
  <c r="T39001" i="1"/>
  <c r="T39002" i="1"/>
  <c r="T39003" i="1"/>
  <c r="T39004" i="1"/>
  <c r="T39005" i="1"/>
  <c r="T39006" i="1"/>
  <c r="T39007" i="1"/>
  <c r="T39008" i="1"/>
  <c r="T39009" i="1"/>
  <c r="T39010" i="1"/>
  <c r="T39011" i="1"/>
  <c r="T39012" i="1"/>
  <c r="T39013" i="1"/>
  <c r="T39014" i="1"/>
  <c r="T39015" i="1"/>
  <c r="T39016" i="1"/>
  <c r="T39017" i="1"/>
  <c r="T39018" i="1"/>
  <c r="T39019" i="1"/>
  <c r="T39020" i="1"/>
  <c r="T39021" i="1"/>
  <c r="T39022" i="1"/>
  <c r="T39023" i="1"/>
  <c r="T39024" i="1"/>
  <c r="T39025" i="1"/>
  <c r="T39026" i="1"/>
  <c r="T39027" i="1"/>
  <c r="T39028" i="1"/>
  <c r="T39029" i="1"/>
  <c r="T39030" i="1"/>
  <c r="T39031" i="1"/>
  <c r="T39032" i="1"/>
  <c r="T39033" i="1"/>
  <c r="T39034" i="1"/>
  <c r="T39035" i="1"/>
  <c r="T39036" i="1"/>
  <c r="T39037" i="1"/>
  <c r="T39038" i="1"/>
  <c r="T39039" i="1"/>
  <c r="T39040" i="1"/>
  <c r="T39041" i="1"/>
  <c r="T39042" i="1"/>
  <c r="T39043" i="1"/>
  <c r="T39044" i="1"/>
  <c r="T39045" i="1"/>
  <c r="T39046" i="1"/>
  <c r="T39047" i="1"/>
  <c r="T39048" i="1"/>
  <c r="T39049" i="1"/>
  <c r="T39050" i="1"/>
  <c r="T39051" i="1"/>
  <c r="T39052" i="1"/>
  <c r="T39053" i="1"/>
  <c r="T39054" i="1"/>
  <c r="T39055" i="1"/>
  <c r="T39056" i="1"/>
  <c r="T39057" i="1"/>
  <c r="T39058" i="1"/>
  <c r="T39059" i="1"/>
  <c r="T39060" i="1"/>
  <c r="T39061" i="1"/>
  <c r="T39062" i="1"/>
  <c r="T39063" i="1"/>
  <c r="T39064" i="1"/>
  <c r="T39065" i="1"/>
  <c r="T39066" i="1"/>
  <c r="T39067" i="1"/>
  <c r="T39068" i="1"/>
  <c r="T39069" i="1"/>
  <c r="T39070" i="1"/>
  <c r="T39071" i="1"/>
  <c r="T39072" i="1"/>
  <c r="T39073" i="1"/>
  <c r="T39074" i="1"/>
  <c r="T39075" i="1"/>
  <c r="T39076" i="1"/>
  <c r="T39077" i="1"/>
  <c r="T39078" i="1"/>
  <c r="T39079" i="1"/>
  <c r="T39080" i="1"/>
  <c r="T39081" i="1"/>
  <c r="T39082" i="1"/>
  <c r="T39083" i="1"/>
  <c r="T39084" i="1"/>
  <c r="T39085" i="1"/>
  <c r="T39086" i="1"/>
  <c r="T39087" i="1"/>
  <c r="T39088" i="1"/>
  <c r="T39089" i="1"/>
  <c r="T39090" i="1"/>
  <c r="T39091" i="1"/>
  <c r="T39092" i="1"/>
  <c r="T39093" i="1"/>
  <c r="T39094" i="1"/>
  <c r="T39095" i="1"/>
  <c r="T39096" i="1"/>
  <c r="T39097" i="1"/>
  <c r="T39098" i="1"/>
  <c r="T39099" i="1"/>
  <c r="T39100" i="1"/>
  <c r="T39101" i="1"/>
  <c r="T39102" i="1"/>
  <c r="T39103" i="1"/>
  <c r="T39104" i="1"/>
  <c r="T39105" i="1"/>
  <c r="T39106" i="1"/>
  <c r="T39107" i="1"/>
  <c r="T39108" i="1"/>
  <c r="T39109" i="1"/>
  <c r="T39110" i="1"/>
  <c r="T39111" i="1"/>
  <c r="T39112" i="1"/>
  <c r="T39113" i="1"/>
  <c r="T39114" i="1"/>
  <c r="T39115" i="1"/>
  <c r="T39116" i="1"/>
  <c r="T39117" i="1"/>
  <c r="T39118" i="1"/>
  <c r="T39119" i="1"/>
  <c r="T39120" i="1"/>
  <c r="T39121" i="1"/>
  <c r="T39122" i="1"/>
  <c r="T39123" i="1"/>
  <c r="T39124" i="1"/>
  <c r="T39125" i="1"/>
  <c r="T39126" i="1"/>
  <c r="T39127" i="1"/>
  <c r="T39128" i="1"/>
  <c r="T39129" i="1"/>
  <c r="T39130" i="1"/>
  <c r="T39131" i="1"/>
  <c r="T39132" i="1"/>
  <c r="T39133" i="1"/>
  <c r="T39134" i="1"/>
  <c r="T39135" i="1"/>
  <c r="T39136" i="1"/>
  <c r="T39137" i="1"/>
  <c r="T39138" i="1"/>
  <c r="T39139" i="1"/>
  <c r="T39140" i="1"/>
  <c r="T39141" i="1"/>
  <c r="T39142" i="1"/>
  <c r="T39143" i="1"/>
  <c r="T39144" i="1"/>
  <c r="T39145" i="1"/>
  <c r="T39146" i="1"/>
  <c r="T39147" i="1"/>
  <c r="T39148" i="1"/>
  <c r="T39149" i="1"/>
  <c r="T39150" i="1"/>
  <c r="T39151" i="1"/>
  <c r="T39152" i="1"/>
  <c r="T39153" i="1"/>
  <c r="T39154" i="1"/>
  <c r="T39155" i="1"/>
  <c r="T39156" i="1"/>
  <c r="T39157" i="1"/>
  <c r="T39158" i="1"/>
  <c r="T39159" i="1"/>
  <c r="T39160" i="1"/>
  <c r="T39161" i="1"/>
  <c r="T39162" i="1"/>
  <c r="T39163" i="1"/>
  <c r="T39164" i="1"/>
  <c r="T39165" i="1"/>
  <c r="T39166" i="1"/>
  <c r="T39167" i="1"/>
  <c r="T39168" i="1"/>
  <c r="T39169" i="1"/>
  <c r="T39170" i="1"/>
  <c r="T39171" i="1"/>
  <c r="T39172" i="1"/>
  <c r="T39173" i="1"/>
  <c r="T39174" i="1"/>
  <c r="T39175" i="1"/>
  <c r="T39176" i="1"/>
  <c r="T39177" i="1"/>
  <c r="T39178" i="1"/>
  <c r="T39179" i="1"/>
  <c r="T39180" i="1"/>
  <c r="T39181" i="1"/>
  <c r="T39182" i="1"/>
  <c r="T39183" i="1"/>
  <c r="T39184" i="1"/>
  <c r="T39185" i="1"/>
  <c r="T39186" i="1"/>
  <c r="T39187" i="1"/>
  <c r="T39188" i="1"/>
  <c r="T39189" i="1"/>
  <c r="T39190" i="1"/>
  <c r="T39191" i="1"/>
  <c r="T39192" i="1"/>
  <c r="T39193" i="1"/>
  <c r="T39194" i="1"/>
  <c r="T39195" i="1"/>
  <c r="T39196" i="1"/>
  <c r="T39197" i="1"/>
  <c r="T39198" i="1"/>
  <c r="T39199" i="1"/>
  <c r="T39200" i="1"/>
  <c r="T39201" i="1"/>
  <c r="T39202" i="1"/>
  <c r="T39203" i="1"/>
  <c r="T39204" i="1"/>
  <c r="T39205" i="1"/>
  <c r="T39206" i="1"/>
  <c r="T39207" i="1"/>
  <c r="T39208" i="1"/>
  <c r="T39209" i="1"/>
  <c r="T39210" i="1"/>
  <c r="T39211" i="1"/>
  <c r="T39212" i="1"/>
  <c r="T39213" i="1"/>
  <c r="T39214" i="1"/>
  <c r="T39215" i="1"/>
  <c r="T39216" i="1"/>
  <c r="T39217" i="1"/>
  <c r="T39218" i="1"/>
  <c r="T39219" i="1"/>
  <c r="T39220" i="1"/>
  <c r="T39221" i="1"/>
  <c r="T39222" i="1"/>
  <c r="T39223" i="1"/>
  <c r="T39224" i="1"/>
  <c r="T39225" i="1"/>
  <c r="T39226" i="1"/>
  <c r="T39227" i="1"/>
  <c r="T39228" i="1"/>
  <c r="T39229" i="1"/>
  <c r="T39230" i="1"/>
  <c r="T39231" i="1"/>
  <c r="T39232" i="1"/>
  <c r="T39233" i="1"/>
  <c r="T39234" i="1"/>
  <c r="T39235" i="1"/>
  <c r="T39236" i="1"/>
  <c r="T39237" i="1"/>
  <c r="T39238" i="1"/>
  <c r="T39239" i="1"/>
  <c r="T39240" i="1"/>
  <c r="T39241" i="1"/>
  <c r="T39242" i="1"/>
  <c r="T39243" i="1"/>
  <c r="T39244" i="1"/>
  <c r="T39245" i="1"/>
  <c r="T39246" i="1"/>
  <c r="T39247" i="1"/>
  <c r="T39248" i="1"/>
  <c r="T39249" i="1"/>
  <c r="T39250" i="1"/>
  <c r="T39251" i="1"/>
  <c r="T39252" i="1"/>
  <c r="T39253" i="1"/>
  <c r="T39254" i="1"/>
  <c r="T39255" i="1"/>
  <c r="T39256" i="1"/>
  <c r="T39257" i="1"/>
  <c r="T39258" i="1"/>
  <c r="T39259" i="1"/>
  <c r="T39260" i="1"/>
  <c r="T39261" i="1"/>
  <c r="T39262" i="1"/>
  <c r="T39263" i="1"/>
  <c r="T39264" i="1"/>
  <c r="T39265" i="1"/>
  <c r="T39266" i="1"/>
  <c r="T39267" i="1"/>
  <c r="T39268" i="1"/>
  <c r="T39269" i="1"/>
  <c r="T39270" i="1"/>
  <c r="T39271" i="1"/>
  <c r="T39272" i="1"/>
  <c r="T39273" i="1"/>
  <c r="T39274" i="1"/>
  <c r="T39275" i="1"/>
  <c r="T39276" i="1"/>
  <c r="T39277" i="1"/>
  <c r="T39278" i="1"/>
  <c r="T39279" i="1"/>
  <c r="T39280" i="1"/>
  <c r="T39281" i="1"/>
  <c r="T39282" i="1"/>
  <c r="T39283" i="1"/>
  <c r="T39284" i="1"/>
  <c r="T39285" i="1"/>
  <c r="T39286" i="1"/>
  <c r="T39287" i="1"/>
  <c r="T39288" i="1"/>
  <c r="T39289" i="1"/>
  <c r="T39290" i="1"/>
  <c r="T39291" i="1"/>
  <c r="T39292" i="1"/>
  <c r="T39293" i="1"/>
  <c r="T39294" i="1"/>
  <c r="T39295" i="1"/>
  <c r="T39296" i="1"/>
  <c r="T39297" i="1"/>
  <c r="T39298" i="1"/>
  <c r="T39299" i="1"/>
  <c r="T39300" i="1"/>
  <c r="T39301" i="1"/>
  <c r="T39302" i="1"/>
  <c r="T39303" i="1"/>
  <c r="T39304" i="1"/>
  <c r="T39305" i="1"/>
  <c r="T39306" i="1"/>
  <c r="T39307" i="1"/>
  <c r="T39308" i="1"/>
  <c r="T39309" i="1"/>
  <c r="T39310" i="1"/>
  <c r="T39311" i="1"/>
  <c r="T39312" i="1"/>
  <c r="T39313" i="1"/>
  <c r="T39314" i="1"/>
  <c r="T39315" i="1"/>
  <c r="T39316" i="1"/>
  <c r="T39317" i="1"/>
  <c r="T39318" i="1"/>
  <c r="T39319" i="1"/>
  <c r="T39320" i="1"/>
  <c r="T39321" i="1"/>
  <c r="T39322" i="1"/>
  <c r="T39323" i="1"/>
  <c r="T39324" i="1"/>
  <c r="T39325" i="1"/>
  <c r="T39326" i="1"/>
  <c r="T39327" i="1"/>
  <c r="T39328" i="1"/>
  <c r="T39329" i="1"/>
  <c r="T39330" i="1"/>
  <c r="T39331" i="1"/>
  <c r="T39332" i="1"/>
  <c r="T39333" i="1"/>
  <c r="T39334" i="1"/>
  <c r="T39335" i="1"/>
  <c r="T39336" i="1"/>
  <c r="T39337" i="1"/>
  <c r="T39338" i="1"/>
  <c r="T39339" i="1"/>
  <c r="T39340" i="1"/>
  <c r="T39341" i="1"/>
  <c r="T39342" i="1"/>
  <c r="T39343" i="1"/>
  <c r="T39344" i="1"/>
  <c r="T39345" i="1"/>
  <c r="T39346" i="1"/>
  <c r="T39347" i="1"/>
  <c r="T39348" i="1"/>
  <c r="T39349" i="1"/>
  <c r="T39350" i="1"/>
  <c r="T39351" i="1"/>
  <c r="T39352" i="1"/>
  <c r="T39353" i="1"/>
  <c r="T39354" i="1"/>
  <c r="T39355" i="1"/>
  <c r="T39356" i="1"/>
  <c r="T39357" i="1"/>
  <c r="T39358" i="1"/>
  <c r="T39359" i="1"/>
  <c r="T39360" i="1"/>
  <c r="T39361" i="1"/>
  <c r="T39362" i="1"/>
  <c r="T39363" i="1"/>
  <c r="T39364" i="1"/>
  <c r="T39365" i="1"/>
  <c r="T39366" i="1"/>
  <c r="T39367" i="1"/>
  <c r="T39368" i="1"/>
  <c r="T39369" i="1"/>
  <c r="T39370" i="1"/>
  <c r="T39371" i="1"/>
  <c r="T39372" i="1"/>
  <c r="T39373" i="1"/>
  <c r="T39374" i="1"/>
  <c r="T39375" i="1"/>
  <c r="T39376" i="1"/>
  <c r="T39377" i="1"/>
  <c r="T39378" i="1"/>
  <c r="T39379" i="1"/>
  <c r="T39380" i="1"/>
  <c r="T39381" i="1"/>
  <c r="T39382" i="1"/>
  <c r="T39383" i="1"/>
  <c r="T39384" i="1"/>
  <c r="T39385" i="1"/>
  <c r="T39386" i="1"/>
  <c r="T39387" i="1"/>
  <c r="T39388" i="1"/>
  <c r="T39389" i="1"/>
  <c r="T39390" i="1"/>
  <c r="T39391" i="1"/>
  <c r="T39392" i="1"/>
  <c r="T39393" i="1"/>
  <c r="T39394" i="1"/>
  <c r="T39395" i="1"/>
  <c r="T39396" i="1"/>
  <c r="T39397" i="1"/>
  <c r="T39398" i="1"/>
  <c r="T39399" i="1"/>
  <c r="T39400" i="1"/>
  <c r="T39401" i="1"/>
  <c r="T39402" i="1"/>
  <c r="T39403" i="1"/>
  <c r="T39404" i="1"/>
  <c r="T39405" i="1"/>
  <c r="T39406" i="1"/>
  <c r="T39407" i="1"/>
  <c r="T39408" i="1"/>
  <c r="T39409" i="1"/>
  <c r="T39410" i="1"/>
  <c r="T39411" i="1"/>
  <c r="T39412" i="1"/>
  <c r="T39413" i="1"/>
  <c r="T39414" i="1"/>
  <c r="T39415" i="1"/>
  <c r="T39416" i="1"/>
  <c r="T39417" i="1"/>
  <c r="T39418" i="1"/>
  <c r="T39419" i="1"/>
  <c r="T39420" i="1"/>
  <c r="T39421" i="1"/>
  <c r="T39422" i="1"/>
  <c r="T39423" i="1"/>
  <c r="T39424" i="1"/>
  <c r="T39425" i="1"/>
  <c r="T39426" i="1"/>
  <c r="T39427" i="1"/>
  <c r="T39428" i="1"/>
  <c r="T39429" i="1"/>
  <c r="T39430" i="1"/>
  <c r="T39431" i="1"/>
  <c r="T39432" i="1"/>
  <c r="T39433" i="1"/>
  <c r="T39434" i="1"/>
  <c r="T39435" i="1"/>
  <c r="T39436" i="1"/>
  <c r="T39437" i="1"/>
  <c r="T39438" i="1"/>
  <c r="T39439" i="1"/>
  <c r="T39440" i="1"/>
  <c r="T39441" i="1"/>
  <c r="T39442" i="1"/>
  <c r="T39443" i="1"/>
  <c r="T39444" i="1"/>
  <c r="T39445" i="1"/>
  <c r="T39446" i="1"/>
  <c r="T39447" i="1"/>
  <c r="T39448" i="1"/>
  <c r="T39449" i="1"/>
  <c r="T39450" i="1"/>
  <c r="T39451" i="1"/>
  <c r="T39452" i="1"/>
  <c r="T39453" i="1"/>
  <c r="T39454" i="1"/>
  <c r="T39455" i="1"/>
  <c r="T39456" i="1"/>
  <c r="T39457" i="1"/>
  <c r="T39458" i="1"/>
  <c r="T39459" i="1"/>
  <c r="T39460" i="1"/>
  <c r="T39461" i="1"/>
  <c r="T39462" i="1"/>
  <c r="T39463" i="1"/>
  <c r="T39464" i="1"/>
  <c r="T39465" i="1"/>
  <c r="T39466" i="1"/>
  <c r="T39467" i="1"/>
  <c r="T39468" i="1"/>
  <c r="T39469" i="1"/>
  <c r="T39470" i="1"/>
  <c r="T39471" i="1"/>
  <c r="T39472" i="1"/>
  <c r="T39473" i="1"/>
  <c r="T39474" i="1"/>
  <c r="T39475" i="1"/>
  <c r="T39476" i="1"/>
  <c r="T39477" i="1"/>
  <c r="T39478" i="1"/>
  <c r="T39479" i="1"/>
  <c r="T39480" i="1"/>
  <c r="T39481" i="1"/>
  <c r="T39482" i="1"/>
  <c r="T39483" i="1"/>
  <c r="T39484" i="1"/>
  <c r="T39485" i="1"/>
  <c r="T39486" i="1"/>
  <c r="T39487" i="1"/>
  <c r="T39488" i="1"/>
  <c r="T39489" i="1"/>
  <c r="T39490" i="1"/>
  <c r="T39491" i="1"/>
  <c r="T39492" i="1"/>
  <c r="T39493" i="1"/>
  <c r="T39494" i="1"/>
  <c r="T39495" i="1"/>
  <c r="T39496" i="1"/>
  <c r="T39497" i="1"/>
  <c r="T39498" i="1"/>
  <c r="T39499" i="1"/>
  <c r="T39500" i="1"/>
  <c r="T39501" i="1"/>
  <c r="T39502" i="1"/>
  <c r="T39503" i="1"/>
  <c r="T39504" i="1"/>
  <c r="T39505" i="1"/>
  <c r="T39506" i="1"/>
  <c r="T39507" i="1"/>
  <c r="T39508" i="1"/>
  <c r="T39509" i="1"/>
  <c r="T39510" i="1"/>
  <c r="T39511" i="1"/>
  <c r="T39512" i="1"/>
  <c r="T39513" i="1"/>
  <c r="T39514" i="1"/>
  <c r="T39515" i="1"/>
  <c r="T39516" i="1"/>
  <c r="T39517" i="1"/>
  <c r="T39518" i="1"/>
  <c r="T39519" i="1"/>
  <c r="T39520" i="1"/>
  <c r="T39521" i="1"/>
  <c r="T39522" i="1"/>
  <c r="T39523" i="1"/>
  <c r="T39524" i="1"/>
  <c r="T39525" i="1"/>
  <c r="T39526" i="1"/>
  <c r="T39527" i="1"/>
  <c r="T39528" i="1"/>
  <c r="T39529" i="1"/>
  <c r="T39530" i="1"/>
  <c r="T39531" i="1"/>
  <c r="T39532" i="1"/>
  <c r="T39533" i="1"/>
  <c r="T39534" i="1"/>
  <c r="T39535" i="1"/>
  <c r="T39536" i="1"/>
  <c r="T39537" i="1"/>
  <c r="T39538" i="1"/>
  <c r="T39539" i="1"/>
  <c r="T39540" i="1"/>
  <c r="T39541" i="1"/>
  <c r="T39542" i="1"/>
  <c r="T39543" i="1"/>
  <c r="T39544" i="1"/>
  <c r="T39545" i="1"/>
  <c r="T39546" i="1"/>
  <c r="T39547" i="1"/>
  <c r="T39548" i="1"/>
  <c r="T39549" i="1"/>
  <c r="T39550" i="1"/>
  <c r="T39551" i="1"/>
  <c r="T39552" i="1"/>
  <c r="T39553" i="1"/>
  <c r="T39554" i="1"/>
  <c r="T39555" i="1"/>
  <c r="T39556" i="1"/>
  <c r="T39557" i="1"/>
  <c r="T39558" i="1"/>
  <c r="T39559" i="1"/>
  <c r="T39560" i="1"/>
  <c r="T39561" i="1"/>
  <c r="T39562" i="1"/>
  <c r="T39563" i="1"/>
  <c r="T39564" i="1"/>
  <c r="T39565" i="1"/>
  <c r="T39566" i="1"/>
  <c r="T39567" i="1"/>
  <c r="T39568" i="1"/>
  <c r="T39569" i="1"/>
  <c r="T39570" i="1"/>
  <c r="T39571" i="1"/>
  <c r="T39572" i="1"/>
  <c r="T39573" i="1"/>
  <c r="T39574" i="1"/>
  <c r="T39575" i="1"/>
  <c r="T39576" i="1"/>
  <c r="T39577" i="1"/>
  <c r="T39578" i="1"/>
  <c r="T39579" i="1"/>
  <c r="T39580" i="1"/>
  <c r="T39581" i="1"/>
  <c r="T39582" i="1"/>
  <c r="T39583" i="1"/>
  <c r="T39584" i="1"/>
  <c r="T39585" i="1"/>
  <c r="T39586" i="1"/>
  <c r="T39587" i="1"/>
  <c r="T39588" i="1"/>
  <c r="T39589" i="1"/>
  <c r="T39590" i="1"/>
  <c r="T39591" i="1"/>
  <c r="T39592" i="1"/>
  <c r="T39593" i="1"/>
  <c r="T39594" i="1"/>
  <c r="T39595" i="1"/>
  <c r="T39596" i="1"/>
  <c r="T39597" i="1"/>
  <c r="T39598" i="1"/>
  <c r="T39599" i="1"/>
  <c r="T39600" i="1"/>
  <c r="T39601" i="1"/>
  <c r="T39602" i="1"/>
  <c r="T39603" i="1"/>
  <c r="T39604" i="1"/>
  <c r="T39605" i="1"/>
  <c r="T39606" i="1"/>
  <c r="T39607" i="1"/>
  <c r="T39608" i="1"/>
  <c r="T39609" i="1"/>
  <c r="T39610" i="1"/>
  <c r="T39611" i="1"/>
  <c r="T39612" i="1"/>
  <c r="T39613" i="1"/>
  <c r="T39614" i="1"/>
  <c r="T39615" i="1"/>
  <c r="T39616" i="1"/>
  <c r="T39617" i="1"/>
  <c r="T39618" i="1"/>
  <c r="T39619" i="1"/>
  <c r="T39620" i="1"/>
  <c r="T39621" i="1"/>
  <c r="T39622" i="1"/>
  <c r="T39623" i="1"/>
  <c r="T39624" i="1"/>
  <c r="T39625" i="1"/>
  <c r="T39626" i="1"/>
  <c r="T39627" i="1"/>
  <c r="T39628" i="1"/>
  <c r="T39629" i="1"/>
  <c r="T39630" i="1"/>
  <c r="T39631" i="1"/>
  <c r="T39632" i="1"/>
  <c r="T39633" i="1"/>
  <c r="T39634" i="1"/>
  <c r="T39635" i="1"/>
  <c r="T39636" i="1"/>
  <c r="T39637" i="1"/>
  <c r="T39638" i="1"/>
  <c r="T39639" i="1"/>
  <c r="T39640" i="1"/>
  <c r="T39641" i="1"/>
  <c r="T39642" i="1"/>
  <c r="T39643" i="1"/>
  <c r="T39644" i="1"/>
  <c r="T39645" i="1"/>
  <c r="T39646" i="1"/>
  <c r="T39647" i="1"/>
  <c r="T39648" i="1"/>
  <c r="T39649" i="1"/>
  <c r="T39650" i="1"/>
  <c r="T39651" i="1"/>
  <c r="T39652" i="1"/>
  <c r="T39653" i="1"/>
  <c r="T39654" i="1"/>
  <c r="T39655" i="1"/>
  <c r="T39656" i="1"/>
  <c r="T39657" i="1"/>
  <c r="T39658" i="1"/>
  <c r="T39659" i="1"/>
  <c r="T39660" i="1"/>
  <c r="T39661" i="1"/>
  <c r="T39662" i="1"/>
  <c r="T39663" i="1"/>
  <c r="T39664" i="1"/>
  <c r="T39665" i="1"/>
  <c r="T39666" i="1"/>
  <c r="T39667" i="1"/>
  <c r="T39668" i="1"/>
  <c r="T39669" i="1"/>
  <c r="T39670" i="1"/>
  <c r="T39671" i="1"/>
  <c r="T39672" i="1"/>
  <c r="T39673" i="1"/>
  <c r="T39674" i="1"/>
  <c r="T39675" i="1"/>
  <c r="T39676" i="1"/>
  <c r="T39677" i="1"/>
  <c r="T39678" i="1"/>
  <c r="T39679" i="1"/>
  <c r="T39680" i="1"/>
  <c r="T39681" i="1"/>
  <c r="T39682" i="1"/>
  <c r="T39683" i="1"/>
  <c r="T39684" i="1"/>
  <c r="T39685" i="1"/>
  <c r="T39686" i="1"/>
  <c r="T39687" i="1"/>
  <c r="T39688" i="1"/>
  <c r="T39689" i="1"/>
  <c r="T39690" i="1"/>
  <c r="T39691" i="1"/>
  <c r="T39692" i="1"/>
  <c r="T39693" i="1"/>
  <c r="T39694" i="1"/>
  <c r="T39695" i="1"/>
  <c r="T39696" i="1"/>
  <c r="T39697" i="1"/>
  <c r="T39698" i="1"/>
  <c r="T39699" i="1"/>
  <c r="T39700" i="1"/>
  <c r="T39701" i="1"/>
  <c r="T39702" i="1"/>
  <c r="T39703" i="1"/>
  <c r="T39704" i="1"/>
  <c r="T39705" i="1"/>
  <c r="T39706" i="1"/>
  <c r="T39707" i="1"/>
  <c r="T39708" i="1"/>
  <c r="T39709" i="1"/>
  <c r="T39710" i="1"/>
  <c r="T39711" i="1"/>
  <c r="T39712" i="1"/>
  <c r="T39713" i="1"/>
  <c r="T39714" i="1"/>
  <c r="T39715" i="1"/>
  <c r="T39716" i="1"/>
  <c r="T39717" i="1"/>
  <c r="T39718" i="1"/>
  <c r="T39719" i="1"/>
  <c r="T39720" i="1"/>
  <c r="T39721" i="1"/>
  <c r="T39722" i="1"/>
  <c r="T39723" i="1"/>
  <c r="T39724" i="1"/>
  <c r="T39725" i="1"/>
  <c r="T39726" i="1"/>
  <c r="T39727" i="1"/>
  <c r="T39728" i="1"/>
  <c r="T39729" i="1"/>
  <c r="T39730" i="1"/>
  <c r="T39731" i="1"/>
  <c r="T39732" i="1"/>
  <c r="T39733" i="1"/>
  <c r="T39734" i="1"/>
  <c r="T39735" i="1"/>
  <c r="T39736" i="1"/>
  <c r="T39737" i="1"/>
  <c r="T39738" i="1"/>
  <c r="T39739" i="1"/>
  <c r="T39740" i="1"/>
  <c r="T39741" i="1"/>
  <c r="T39742" i="1"/>
  <c r="T39743" i="1"/>
  <c r="T39744" i="1"/>
  <c r="T39745" i="1"/>
  <c r="T39746" i="1"/>
  <c r="T39747" i="1"/>
  <c r="T39748" i="1"/>
  <c r="T39749" i="1"/>
  <c r="T39750" i="1"/>
  <c r="T39751" i="1"/>
  <c r="T39752" i="1"/>
  <c r="T39753" i="1"/>
  <c r="T39754" i="1"/>
  <c r="T39755" i="1"/>
  <c r="T39756" i="1"/>
  <c r="T39757" i="1"/>
  <c r="T39758" i="1"/>
  <c r="T39759" i="1"/>
  <c r="T39760" i="1"/>
  <c r="T39761" i="1"/>
  <c r="T39762" i="1"/>
  <c r="T39763" i="1"/>
  <c r="T39764" i="1"/>
  <c r="T39765" i="1"/>
  <c r="T39766" i="1"/>
  <c r="T39767" i="1"/>
  <c r="T39768" i="1"/>
  <c r="T39769" i="1"/>
  <c r="T39770" i="1"/>
  <c r="T39771" i="1"/>
  <c r="T39772" i="1"/>
  <c r="T39773" i="1"/>
  <c r="T39774" i="1"/>
  <c r="T39775" i="1"/>
  <c r="T39776" i="1"/>
  <c r="T39777" i="1"/>
  <c r="T39778" i="1"/>
  <c r="T39779" i="1"/>
  <c r="T39780" i="1"/>
  <c r="T39781" i="1"/>
  <c r="T39782" i="1"/>
  <c r="T39783" i="1"/>
  <c r="T39784" i="1"/>
  <c r="T39785" i="1"/>
  <c r="T39786" i="1"/>
  <c r="T39787" i="1"/>
  <c r="T39788" i="1"/>
  <c r="T39789" i="1"/>
  <c r="T39790" i="1"/>
  <c r="T39791" i="1"/>
  <c r="T39792" i="1"/>
  <c r="T39793" i="1"/>
  <c r="T39794" i="1"/>
  <c r="T39795" i="1"/>
  <c r="T39796" i="1"/>
  <c r="T39797" i="1"/>
  <c r="T39798" i="1"/>
  <c r="T39799" i="1"/>
  <c r="T39800" i="1"/>
  <c r="T39801" i="1"/>
  <c r="T39802" i="1"/>
  <c r="T39803" i="1"/>
  <c r="T39804" i="1"/>
  <c r="T39805" i="1"/>
  <c r="T39806" i="1"/>
  <c r="T39807" i="1"/>
  <c r="T39808" i="1"/>
  <c r="T39809" i="1"/>
  <c r="T39810" i="1"/>
  <c r="T39811" i="1"/>
  <c r="T39812" i="1"/>
  <c r="T39813" i="1"/>
  <c r="T39814" i="1"/>
  <c r="T39815" i="1"/>
  <c r="T39816" i="1"/>
  <c r="T39817" i="1"/>
  <c r="T39818" i="1"/>
  <c r="T39819" i="1"/>
  <c r="T39820" i="1"/>
  <c r="T39821" i="1"/>
  <c r="T39822" i="1"/>
  <c r="T39823" i="1"/>
  <c r="T39824" i="1"/>
  <c r="T39825" i="1"/>
  <c r="T39826" i="1"/>
  <c r="T39827" i="1"/>
  <c r="T39828" i="1"/>
  <c r="T39829" i="1"/>
  <c r="T39830" i="1"/>
  <c r="T39831" i="1"/>
  <c r="T39832" i="1"/>
  <c r="T39833" i="1"/>
  <c r="T39834" i="1"/>
  <c r="T39835" i="1"/>
  <c r="T39836" i="1"/>
  <c r="T39837" i="1"/>
  <c r="T39838" i="1"/>
  <c r="T39839" i="1"/>
  <c r="T39840" i="1"/>
  <c r="T39841" i="1"/>
  <c r="T39842" i="1"/>
  <c r="T39843" i="1"/>
  <c r="T39844" i="1"/>
  <c r="T39845" i="1"/>
  <c r="T39846" i="1"/>
  <c r="T39847" i="1"/>
  <c r="T39848" i="1"/>
  <c r="T39849" i="1"/>
  <c r="T39850" i="1"/>
  <c r="T39851" i="1"/>
  <c r="T39852" i="1"/>
  <c r="T39853" i="1"/>
  <c r="T39854" i="1"/>
  <c r="T39855" i="1"/>
  <c r="T39856" i="1"/>
  <c r="T39857" i="1"/>
  <c r="T39858" i="1"/>
  <c r="T39859" i="1"/>
  <c r="T39860" i="1"/>
  <c r="T39861" i="1"/>
  <c r="T39862" i="1"/>
  <c r="T39863" i="1"/>
  <c r="T39864" i="1"/>
  <c r="T39865" i="1"/>
  <c r="T39866" i="1"/>
  <c r="T39867" i="1"/>
  <c r="T39868" i="1"/>
  <c r="T39869" i="1"/>
  <c r="T39870" i="1"/>
  <c r="T39871" i="1"/>
  <c r="T39872" i="1"/>
  <c r="T39873" i="1"/>
  <c r="T39874" i="1"/>
  <c r="T39875" i="1"/>
  <c r="T39876" i="1"/>
  <c r="T39877" i="1"/>
  <c r="T39878" i="1"/>
  <c r="T39879" i="1"/>
  <c r="T39880" i="1"/>
  <c r="T39881" i="1"/>
  <c r="T39882" i="1"/>
  <c r="T39883" i="1"/>
  <c r="T39884" i="1"/>
  <c r="T39885" i="1"/>
  <c r="T39886" i="1"/>
  <c r="T39887" i="1"/>
  <c r="T39888" i="1"/>
  <c r="T39889" i="1"/>
  <c r="T39890" i="1"/>
  <c r="T39891" i="1"/>
  <c r="T39892" i="1"/>
  <c r="T39893" i="1"/>
  <c r="T39894" i="1"/>
  <c r="T39895" i="1"/>
  <c r="T39896" i="1"/>
  <c r="T39897" i="1"/>
  <c r="T39898" i="1"/>
  <c r="T39899" i="1"/>
  <c r="T39900" i="1"/>
  <c r="T39901" i="1"/>
  <c r="T39902" i="1"/>
  <c r="T39903" i="1"/>
  <c r="T39904" i="1"/>
  <c r="T39905" i="1"/>
  <c r="T39906" i="1"/>
  <c r="T39907" i="1"/>
  <c r="T39908" i="1"/>
  <c r="T39909" i="1"/>
  <c r="T39910" i="1"/>
  <c r="T39911" i="1"/>
  <c r="T39912" i="1"/>
  <c r="T39913" i="1"/>
  <c r="T39914" i="1"/>
  <c r="T39915" i="1"/>
  <c r="T39916" i="1"/>
  <c r="T39917" i="1"/>
  <c r="T39918" i="1"/>
  <c r="T39919" i="1"/>
  <c r="T39920" i="1"/>
  <c r="T39921" i="1"/>
  <c r="T39922" i="1"/>
  <c r="T39923" i="1"/>
  <c r="T39924" i="1"/>
  <c r="T39925" i="1"/>
  <c r="T39926" i="1"/>
  <c r="T39927" i="1"/>
  <c r="T39928" i="1"/>
  <c r="T39929" i="1"/>
  <c r="T39930" i="1"/>
  <c r="T39931" i="1"/>
  <c r="T39932" i="1"/>
  <c r="T39933" i="1"/>
  <c r="T39934" i="1"/>
  <c r="T39935" i="1"/>
  <c r="T39936" i="1"/>
  <c r="T39937" i="1"/>
  <c r="T39938" i="1"/>
  <c r="T39939" i="1"/>
  <c r="T39940" i="1"/>
  <c r="T39941" i="1"/>
  <c r="T39942" i="1"/>
  <c r="T39943" i="1"/>
  <c r="T39944" i="1"/>
  <c r="T39945" i="1"/>
  <c r="T39946" i="1"/>
  <c r="T39947" i="1"/>
  <c r="T39948" i="1"/>
  <c r="T39949" i="1"/>
  <c r="T39950" i="1"/>
  <c r="T39951" i="1"/>
  <c r="T39952" i="1"/>
  <c r="T39953" i="1"/>
  <c r="T39954" i="1"/>
  <c r="T39955" i="1"/>
  <c r="T39956" i="1"/>
  <c r="T39957" i="1"/>
  <c r="T39958" i="1"/>
  <c r="T39959" i="1"/>
  <c r="T39960" i="1"/>
  <c r="T39961" i="1"/>
  <c r="T39962" i="1"/>
  <c r="T39963" i="1"/>
  <c r="T39964" i="1"/>
  <c r="T39965" i="1"/>
  <c r="T39966" i="1"/>
  <c r="T39967" i="1"/>
  <c r="T39968" i="1"/>
  <c r="T39969" i="1"/>
  <c r="T39970" i="1"/>
  <c r="T39971" i="1"/>
  <c r="T39972" i="1"/>
  <c r="T39973" i="1"/>
  <c r="T39974" i="1"/>
  <c r="T39975" i="1"/>
  <c r="T39976" i="1"/>
  <c r="T39977" i="1"/>
  <c r="T39978" i="1"/>
  <c r="T39979" i="1"/>
  <c r="T39980" i="1"/>
  <c r="T39981" i="1"/>
  <c r="T39982" i="1"/>
  <c r="T39983" i="1"/>
  <c r="T39984" i="1"/>
  <c r="T39985" i="1"/>
  <c r="T39986" i="1"/>
  <c r="T39987" i="1"/>
  <c r="T39988" i="1"/>
  <c r="T39989" i="1"/>
  <c r="T39990" i="1"/>
  <c r="T39991" i="1"/>
  <c r="T39992" i="1"/>
  <c r="T39993" i="1"/>
  <c r="T39994" i="1"/>
  <c r="T39995" i="1"/>
  <c r="T39996" i="1"/>
  <c r="T39997" i="1"/>
  <c r="T39998" i="1"/>
  <c r="T39999" i="1"/>
  <c r="T40000" i="1"/>
  <c r="T40001" i="1"/>
  <c r="T40002" i="1"/>
  <c r="T40003" i="1"/>
  <c r="T40004" i="1"/>
  <c r="T40005" i="1"/>
  <c r="T40006" i="1"/>
  <c r="T40007" i="1"/>
  <c r="T40008" i="1"/>
  <c r="T40009" i="1"/>
  <c r="T40010" i="1"/>
  <c r="T40011" i="1"/>
  <c r="T40012" i="1"/>
  <c r="T40013" i="1"/>
  <c r="T40014" i="1"/>
  <c r="T40015" i="1"/>
  <c r="T40016" i="1"/>
  <c r="T40017" i="1"/>
  <c r="T40018" i="1"/>
  <c r="T40019" i="1"/>
  <c r="T40020" i="1"/>
  <c r="T40021" i="1"/>
  <c r="T40022" i="1"/>
  <c r="T40023" i="1"/>
  <c r="T40024" i="1"/>
  <c r="T40025" i="1"/>
  <c r="T40026" i="1"/>
  <c r="T40027" i="1"/>
  <c r="T40028" i="1"/>
  <c r="T40029" i="1"/>
  <c r="T40030" i="1"/>
  <c r="T40031" i="1"/>
  <c r="T40032" i="1"/>
  <c r="T40033" i="1"/>
  <c r="T40034" i="1"/>
  <c r="T40035" i="1"/>
  <c r="T40036" i="1"/>
  <c r="T40037" i="1"/>
  <c r="T40038" i="1"/>
  <c r="T40039" i="1"/>
  <c r="T40040" i="1"/>
  <c r="T40041" i="1"/>
  <c r="T40042" i="1"/>
  <c r="T40043" i="1"/>
  <c r="T40044" i="1"/>
  <c r="T40045" i="1"/>
  <c r="T40046" i="1"/>
  <c r="T40047" i="1"/>
  <c r="T40048" i="1"/>
  <c r="T40049" i="1"/>
  <c r="T40050" i="1"/>
  <c r="T40051" i="1"/>
  <c r="T40052" i="1"/>
  <c r="T40053" i="1"/>
  <c r="T40054" i="1"/>
  <c r="T40055" i="1"/>
  <c r="T40056" i="1"/>
  <c r="T40057" i="1"/>
  <c r="T40058" i="1"/>
  <c r="T40059" i="1"/>
  <c r="T40060" i="1"/>
  <c r="T40061" i="1"/>
  <c r="T40062" i="1"/>
  <c r="T40063" i="1"/>
  <c r="T40064" i="1"/>
  <c r="T40065" i="1"/>
  <c r="T40066" i="1"/>
  <c r="T40067" i="1"/>
  <c r="T40068" i="1"/>
  <c r="T40069" i="1"/>
  <c r="T40070" i="1"/>
  <c r="T40071" i="1"/>
  <c r="T40072" i="1"/>
  <c r="T40073" i="1"/>
  <c r="T40074" i="1"/>
  <c r="T40075" i="1"/>
  <c r="T40076" i="1"/>
  <c r="T40077" i="1"/>
  <c r="T40078" i="1"/>
  <c r="T40079" i="1"/>
  <c r="T40080" i="1"/>
  <c r="T40081" i="1"/>
  <c r="T40082" i="1"/>
  <c r="T40083" i="1"/>
  <c r="T40084" i="1"/>
  <c r="T40085" i="1"/>
  <c r="T40086" i="1"/>
  <c r="T40087" i="1"/>
  <c r="T40088" i="1"/>
  <c r="T40089" i="1"/>
  <c r="T40090" i="1"/>
  <c r="T40091" i="1"/>
  <c r="T40092" i="1"/>
  <c r="T40093" i="1"/>
  <c r="T40094" i="1"/>
  <c r="T40095" i="1"/>
  <c r="T40096" i="1"/>
  <c r="T40097" i="1"/>
  <c r="T40098" i="1"/>
  <c r="T40099" i="1"/>
  <c r="T40100" i="1"/>
  <c r="T40101" i="1"/>
  <c r="T40102" i="1"/>
  <c r="T40103" i="1"/>
  <c r="T40104" i="1"/>
  <c r="T40105" i="1"/>
  <c r="T40106" i="1"/>
  <c r="T40107" i="1"/>
  <c r="T40108" i="1"/>
  <c r="T40109" i="1"/>
  <c r="T40110" i="1"/>
  <c r="T40111" i="1"/>
  <c r="T40112" i="1"/>
  <c r="T40113" i="1"/>
  <c r="T40114" i="1"/>
  <c r="T40115" i="1"/>
  <c r="T40116" i="1"/>
  <c r="T40117" i="1"/>
  <c r="T40118" i="1"/>
  <c r="T40119" i="1"/>
  <c r="T40120" i="1"/>
  <c r="T40121" i="1"/>
  <c r="T40122" i="1"/>
  <c r="T40123" i="1"/>
  <c r="T40124" i="1"/>
  <c r="T40125" i="1"/>
  <c r="T40126" i="1"/>
  <c r="T40127" i="1"/>
  <c r="T40128" i="1"/>
  <c r="T40129" i="1"/>
  <c r="T40130" i="1"/>
  <c r="T40131" i="1"/>
  <c r="T40132" i="1"/>
  <c r="T40133" i="1"/>
  <c r="T40134" i="1"/>
  <c r="T40135" i="1"/>
  <c r="T40136" i="1"/>
  <c r="T40137" i="1"/>
  <c r="T40138" i="1"/>
  <c r="T40139" i="1"/>
  <c r="T40140" i="1"/>
  <c r="T40141" i="1"/>
  <c r="T40142" i="1"/>
  <c r="T40143" i="1"/>
  <c r="T40144" i="1"/>
  <c r="T40145" i="1"/>
  <c r="T40146" i="1"/>
  <c r="T40147" i="1"/>
  <c r="T40148" i="1"/>
  <c r="T40149" i="1"/>
  <c r="T40150" i="1"/>
  <c r="T40151" i="1"/>
  <c r="T40152" i="1"/>
  <c r="T40153" i="1"/>
  <c r="T40154" i="1"/>
  <c r="T40155" i="1"/>
  <c r="T40156" i="1"/>
  <c r="T40157" i="1"/>
  <c r="T40158" i="1"/>
  <c r="T40159" i="1"/>
  <c r="T40160" i="1"/>
  <c r="T40161" i="1"/>
  <c r="T40162" i="1"/>
  <c r="T40163" i="1"/>
  <c r="T40164" i="1"/>
  <c r="T40165" i="1"/>
  <c r="T40166" i="1"/>
  <c r="T40167" i="1"/>
  <c r="T40168" i="1"/>
  <c r="T40169" i="1"/>
  <c r="T40170" i="1"/>
  <c r="T40171" i="1"/>
  <c r="T40172" i="1"/>
  <c r="T40173" i="1"/>
  <c r="T40174" i="1"/>
  <c r="T40175" i="1"/>
  <c r="T40176" i="1"/>
  <c r="T40177" i="1"/>
  <c r="T40178" i="1"/>
  <c r="T40179" i="1"/>
  <c r="T40180" i="1"/>
  <c r="T40181" i="1"/>
  <c r="T40182" i="1"/>
  <c r="T40183" i="1"/>
  <c r="T40184" i="1"/>
  <c r="T40185" i="1"/>
  <c r="T40186" i="1"/>
  <c r="T40187" i="1"/>
  <c r="T40188" i="1"/>
  <c r="T40189" i="1"/>
  <c r="T40190" i="1"/>
  <c r="T40191" i="1"/>
  <c r="T40192" i="1"/>
  <c r="T40193" i="1"/>
  <c r="T40194" i="1"/>
  <c r="T40195" i="1"/>
  <c r="T40196" i="1"/>
  <c r="T40197" i="1"/>
  <c r="T40198" i="1"/>
  <c r="T40199" i="1"/>
  <c r="T40200" i="1"/>
  <c r="T40201" i="1"/>
  <c r="T40202" i="1"/>
  <c r="T40203" i="1"/>
  <c r="T40204" i="1"/>
  <c r="T40205" i="1"/>
  <c r="T40206" i="1"/>
  <c r="T40207" i="1"/>
  <c r="T40208" i="1"/>
  <c r="T40209" i="1"/>
  <c r="T40210" i="1"/>
  <c r="T40211" i="1"/>
  <c r="T40212" i="1"/>
  <c r="T40213" i="1"/>
  <c r="T40214" i="1"/>
  <c r="T40215" i="1"/>
  <c r="T40216" i="1"/>
  <c r="T40217" i="1"/>
  <c r="T40218" i="1"/>
  <c r="T40219" i="1"/>
  <c r="T40220" i="1"/>
  <c r="T40221" i="1"/>
  <c r="T40222" i="1"/>
  <c r="T40223" i="1"/>
  <c r="T40224" i="1"/>
  <c r="T40225" i="1"/>
  <c r="T40226" i="1"/>
  <c r="T40227" i="1"/>
  <c r="T40228" i="1"/>
  <c r="T40229" i="1"/>
  <c r="T40230" i="1"/>
  <c r="T40231" i="1"/>
  <c r="T40232" i="1"/>
  <c r="T40233" i="1"/>
  <c r="T40234" i="1"/>
  <c r="T40235" i="1"/>
  <c r="T40236" i="1"/>
  <c r="T40237" i="1"/>
  <c r="T40238" i="1"/>
  <c r="T40239" i="1"/>
  <c r="T40240" i="1"/>
  <c r="T40241" i="1"/>
  <c r="T40242" i="1"/>
  <c r="T40243" i="1"/>
  <c r="T40244" i="1"/>
  <c r="T40245" i="1"/>
  <c r="T40246" i="1"/>
  <c r="T40247" i="1"/>
  <c r="T40248" i="1"/>
  <c r="T40249" i="1"/>
  <c r="T40250" i="1"/>
  <c r="T40251" i="1"/>
  <c r="T40252" i="1"/>
  <c r="T40253" i="1"/>
  <c r="T40254" i="1"/>
  <c r="T40255" i="1"/>
  <c r="T40256" i="1"/>
  <c r="T40257" i="1"/>
  <c r="T40258" i="1"/>
  <c r="T40259" i="1"/>
  <c r="T40260" i="1"/>
  <c r="T40261" i="1"/>
  <c r="T40262" i="1"/>
  <c r="T40263" i="1"/>
  <c r="T40264" i="1"/>
  <c r="T40265" i="1"/>
  <c r="T40266" i="1"/>
  <c r="T40267" i="1"/>
  <c r="T40268" i="1"/>
  <c r="T40269" i="1"/>
  <c r="T40270" i="1"/>
  <c r="T40271" i="1"/>
  <c r="T40272" i="1"/>
  <c r="T40273" i="1"/>
  <c r="T40274" i="1"/>
  <c r="T40275" i="1"/>
  <c r="T40276" i="1"/>
  <c r="T40277" i="1"/>
  <c r="T40278" i="1"/>
  <c r="T40279" i="1"/>
  <c r="T40280" i="1"/>
  <c r="T40281" i="1"/>
  <c r="T40282" i="1"/>
  <c r="T40283" i="1"/>
  <c r="T40284" i="1"/>
  <c r="T40285" i="1"/>
  <c r="T40286" i="1"/>
  <c r="T40287" i="1"/>
  <c r="T40288" i="1"/>
  <c r="T40289" i="1"/>
  <c r="T40290" i="1"/>
  <c r="T40291" i="1"/>
  <c r="T40292" i="1"/>
  <c r="T40293" i="1"/>
  <c r="T40294" i="1"/>
  <c r="T40295" i="1"/>
  <c r="T40296" i="1"/>
  <c r="T40297" i="1"/>
  <c r="T40298" i="1"/>
  <c r="T40299" i="1"/>
  <c r="T40300" i="1"/>
  <c r="T40301" i="1"/>
  <c r="T40302" i="1"/>
  <c r="T40303" i="1"/>
  <c r="T40304" i="1"/>
  <c r="T40305" i="1"/>
  <c r="T40306" i="1"/>
  <c r="T40307" i="1"/>
  <c r="T40308" i="1"/>
  <c r="T40309" i="1"/>
  <c r="T40310" i="1"/>
  <c r="T40311" i="1"/>
  <c r="T40312" i="1"/>
  <c r="T40313" i="1"/>
  <c r="T40314" i="1"/>
  <c r="T40315" i="1"/>
  <c r="T40316" i="1"/>
  <c r="T40317" i="1"/>
  <c r="T40318" i="1"/>
  <c r="T40319" i="1"/>
  <c r="T40320" i="1"/>
  <c r="T40321" i="1"/>
  <c r="T40322" i="1"/>
  <c r="T40323" i="1"/>
  <c r="T40324" i="1"/>
  <c r="T40325" i="1"/>
  <c r="T40326" i="1"/>
  <c r="T40327" i="1"/>
  <c r="T40328" i="1"/>
  <c r="T40329" i="1"/>
  <c r="T40330" i="1"/>
  <c r="T40331" i="1"/>
  <c r="T40332" i="1"/>
  <c r="T40333" i="1"/>
  <c r="T40334" i="1"/>
  <c r="T40335" i="1"/>
  <c r="T40336" i="1"/>
  <c r="T40337" i="1"/>
  <c r="T40338" i="1"/>
  <c r="T40339" i="1"/>
  <c r="T40340" i="1"/>
  <c r="T40341" i="1"/>
  <c r="T40342" i="1"/>
  <c r="T40343" i="1"/>
  <c r="T40344" i="1"/>
  <c r="T40345" i="1"/>
  <c r="T40346" i="1"/>
  <c r="T40347" i="1"/>
  <c r="T40348" i="1"/>
  <c r="T40349" i="1"/>
  <c r="T40350" i="1"/>
  <c r="T40351" i="1"/>
  <c r="T40352" i="1"/>
  <c r="T40353" i="1"/>
  <c r="T40354" i="1"/>
  <c r="T40355" i="1"/>
  <c r="T40356" i="1"/>
  <c r="T40357" i="1"/>
  <c r="T40358" i="1"/>
  <c r="T40359" i="1"/>
  <c r="T40360" i="1"/>
  <c r="T40361" i="1"/>
  <c r="T40362" i="1"/>
  <c r="T40363" i="1"/>
  <c r="T40364" i="1"/>
  <c r="T40365" i="1"/>
  <c r="T40366" i="1"/>
  <c r="T40367" i="1"/>
  <c r="T40368" i="1"/>
  <c r="T40369" i="1"/>
  <c r="T40370" i="1"/>
  <c r="T40371" i="1"/>
  <c r="T40372" i="1"/>
  <c r="T40373" i="1"/>
  <c r="T40374" i="1"/>
  <c r="T40375" i="1"/>
  <c r="T40376" i="1"/>
  <c r="T40377" i="1"/>
  <c r="T40378" i="1"/>
  <c r="T40379" i="1"/>
  <c r="T40380" i="1"/>
  <c r="T40381" i="1"/>
  <c r="T40382" i="1"/>
  <c r="T40383" i="1"/>
  <c r="T40384" i="1"/>
  <c r="T40385" i="1"/>
  <c r="T40386" i="1"/>
  <c r="T40387" i="1"/>
  <c r="T40388" i="1"/>
  <c r="T40389" i="1"/>
  <c r="T40390" i="1"/>
  <c r="T40391" i="1"/>
  <c r="T40392" i="1"/>
  <c r="T40393" i="1"/>
  <c r="T40394" i="1"/>
  <c r="T40395" i="1"/>
  <c r="T40396" i="1"/>
  <c r="T40397" i="1"/>
  <c r="T40398" i="1"/>
  <c r="T40399" i="1"/>
  <c r="T40400" i="1"/>
  <c r="T40401" i="1"/>
  <c r="T40402" i="1"/>
  <c r="T40403" i="1"/>
  <c r="T40404" i="1"/>
  <c r="T40405" i="1"/>
  <c r="T40406" i="1"/>
  <c r="T40407" i="1"/>
  <c r="T40408" i="1"/>
  <c r="T40409" i="1"/>
  <c r="T40410" i="1"/>
  <c r="T40411" i="1"/>
  <c r="T40412" i="1"/>
  <c r="T40413" i="1"/>
  <c r="T40414" i="1"/>
  <c r="T40415" i="1"/>
  <c r="T40416" i="1"/>
  <c r="T40417" i="1"/>
  <c r="T40418" i="1"/>
  <c r="T40419" i="1"/>
  <c r="T40420" i="1"/>
  <c r="T40421" i="1"/>
  <c r="T40422" i="1"/>
  <c r="T40423" i="1"/>
  <c r="T40424" i="1"/>
  <c r="T40425" i="1"/>
  <c r="T40426" i="1"/>
  <c r="T40427" i="1"/>
  <c r="T40428" i="1"/>
  <c r="T40429" i="1"/>
  <c r="T40430" i="1"/>
  <c r="T40431" i="1"/>
  <c r="T40432" i="1"/>
  <c r="T40433" i="1"/>
  <c r="T40434" i="1"/>
  <c r="T40435" i="1"/>
  <c r="T40436" i="1"/>
  <c r="T40437" i="1"/>
  <c r="T40438" i="1"/>
  <c r="T40439" i="1"/>
  <c r="T40440" i="1"/>
  <c r="T40441" i="1"/>
  <c r="T40442" i="1"/>
  <c r="T40443" i="1"/>
  <c r="T40444" i="1"/>
  <c r="T40445" i="1"/>
  <c r="T40446" i="1"/>
  <c r="T40447" i="1"/>
  <c r="T40448" i="1"/>
  <c r="T40449" i="1"/>
  <c r="T40450" i="1"/>
  <c r="T40451" i="1"/>
  <c r="T40452" i="1"/>
  <c r="T40453" i="1"/>
  <c r="T40454" i="1"/>
  <c r="T40455" i="1"/>
  <c r="T40456" i="1"/>
  <c r="T40457" i="1"/>
  <c r="T40458" i="1"/>
  <c r="T40459" i="1"/>
  <c r="T40460" i="1"/>
  <c r="T40461" i="1"/>
  <c r="T40462" i="1"/>
  <c r="T40463" i="1"/>
  <c r="T40464" i="1"/>
  <c r="T40465" i="1"/>
  <c r="T40466" i="1"/>
  <c r="T40467" i="1"/>
  <c r="T40468" i="1"/>
  <c r="T40469" i="1"/>
  <c r="T40470" i="1"/>
  <c r="T40471" i="1"/>
  <c r="T40472" i="1"/>
  <c r="T40473" i="1"/>
  <c r="T40474" i="1"/>
  <c r="T40475" i="1"/>
  <c r="T40476" i="1"/>
  <c r="T40477" i="1"/>
  <c r="T40478" i="1"/>
  <c r="T40479" i="1"/>
  <c r="T40480" i="1"/>
  <c r="T40481" i="1"/>
  <c r="T40482" i="1"/>
  <c r="T40483" i="1"/>
  <c r="T40484" i="1"/>
  <c r="T40485" i="1"/>
  <c r="T40486" i="1"/>
  <c r="T40487" i="1"/>
  <c r="T40488" i="1"/>
  <c r="T40489" i="1"/>
  <c r="T40490" i="1"/>
  <c r="T40491" i="1"/>
  <c r="T40492" i="1"/>
  <c r="T40493" i="1"/>
  <c r="T40494" i="1"/>
  <c r="T40495" i="1"/>
  <c r="T40496" i="1"/>
  <c r="T40497" i="1"/>
  <c r="T40498" i="1"/>
  <c r="T40499" i="1"/>
  <c r="T40500" i="1"/>
  <c r="T40501" i="1"/>
  <c r="T40502" i="1"/>
  <c r="T40503" i="1"/>
  <c r="T40504" i="1"/>
  <c r="T40505" i="1"/>
  <c r="T40506" i="1"/>
  <c r="T40507" i="1"/>
  <c r="T40508" i="1"/>
  <c r="T40509" i="1"/>
  <c r="T40510" i="1"/>
  <c r="T40511" i="1"/>
  <c r="T40512" i="1"/>
  <c r="T40513" i="1"/>
  <c r="T40514" i="1"/>
  <c r="T40515" i="1"/>
  <c r="T40516" i="1"/>
  <c r="T40517" i="1"/>
  <c r="T40518" i="1"/>
  <c r="T40519" i="1"/>
  <c r="T40520" i="1"/>
  <c r="T40521" i="1"/>
  <c r="T40522" i="1"/>
  <c r="T40523" i="1"/>
  <c r="T40524" i="1"/>
  <c r="T40525" i="1"/>
  <c r="T40526" i="1"/>
  <c r="T40527" i="1"/>
  <c r="T40528" i="1"/>
  <c r="T40529" i="1"/>
  <c r="T40530" i="1"/>
  <c r="T40531" i="1"/>
  <c r="T40532" i="1"/>
  <c r="T40533" i="1"/>
  <c r="T40534" i="1"/>
  <c r="T40535" i="1"/>
  <c r="T40536" i="1"/>
  <c r="T40537" i="1"/>
  <c r="T40538" i="1"/>
  <c r="T40539" i="1"/>
  <c r="T40540" i="1"/>
  <c r="T40541" i="1"/>
  <c r="T40542" i="1"/>
  <c r="T40543" i="1"/>
  <c r="T40544" i="1"/>
  <c r="T40545" i="1"/>
  <c r="T40546" i="1"/>
  <c r="T40547" i="1"/>
  <c r="T40548" i="1"/>
  <c r="T40549" i="1"/>
  <c r="T40550" i="1"/>
  <c r="T40551" i="1"/>
  <c r="T40552" i="1"/>
  <c r="T40553" i="1"/>
  <c r="T40554" i="1"/>
  <c r="T40555" i="1"/>
  <c r="T40556" i="1"/>
  <c r="T40557" i="1"/>
  <c r="T40558" i="1"/>
  <c r="T40559" i="1"/>
  <c r="T40560" i="1"/>
  <c r="T40561" i="1"/>
  <c r="T40562" i="1"/>
  <c r="T40563" i="1"/>
  <c r="T40564" i="1"/>
  <c r="T40565" i="1"/>
  <c r="T40566" i="1"/>
  <c r="T40567" i="1"/>
  <c r="T40568" i="1"/>
  <c r="T40569" i="1"/>
  <c r="T40570" i="1"/>
  <c r="T40571" i="1"/>
  <c r="T40572" i="1"/>
  <c r="T40573" i="1"/>
  <c r="T40574" i="1"/>
  <c r="T40575" i="1"/>
  <c r="T40576" i="1"/>
  <c r="T40577" i="1"/>
  <c r="T40578" i="1"/>
  <c r="T40579" i="1"/>
  <c r="T40580" i="1"/>
  <c r="T40581" i="1"/>
  <c r="T40582" i="1"/>
  <c r="T40583" i="1"/>
  <c r="T40584" i="1"/>
  <c r="T40585" i="1"/>
  <c r="T40586" i="1"/>
  <c r="T40587" i="1"/>
  <c r="T40588" i="1"/>
  <c r="T40589" i="1"/>
  <c r="T40590" i="1"/>
  <c r="T40591" i="1"/>
  <c r="T40592" i="1"/>
  <c r="T40593" i="1"/>
  <c r="T40594" i="1"/>
  <c r="T40595" i="1"/>
  <c r="T40596" i="1"/>
  <c r="T40597" i="1"/>
  <c r="T40598" i="1"/>
  <c r="T40599" i="1"/>
  <c r="T40600" i="1"/>
  <c r="T40601" i="1"/>
  <c r="T40602" i="1"/>
  <c r="T40603" i="1"/>
  <c r="T40604" i="1"/>
  <c r="T40605" i="1"/>
  <c r="T40606" i="1"/>
  <c r="T40607" i="1"/>
  <c r="T40608" i="1"/>
  <c r="T40609" i="1"/>
  <c r="T40610" i="1"/>
  <c r="T40611" i="1"/>
  <c r="T40612" i="1"/>
  <c r="T40613" i="1"/>
  <c r="T40614" i="1"/>
  <c r="T40615" i="1"/>
  <c r="T40616" i="1"/>
  <c r="T40617" i="1"/>
  <c r="T40618" i="1"/>
  <c r="T40619" i="1"/>
  <c r="T40620" i="1"/>
  <c r="T40621" i="1"/>
  <c r="T40622" i="1"/>
  <c r="T40623" i="1"/>
  <c r="T40624" i="1"/>
  <c r="T40625" i="1"/>
  <c r="T40626" i="1"/>
  <c r="T40627" i="1"/>
  <c r="T40628" i="1"/>
  <c r="T40629" i="1"/>
  <c r="T40630" i="1"/>
  <c r="T40631" i="1"/>
  <c r="T40632" i="1"/>
  <c r="T40633" i="1"/>
  <c r="T40634" i="1"/>
  <c r="T40635" i="1"/>
  <c r="T40636" i="1"/>
  <c r="T40637" i="1"/>
  <c r="T40638" i="1"/>
  <c r="T40639" i="1"/>
  <c r="T40640" i="1"/>
  <c r="T40641" i="1"/>
  <c r="T40642" i="1"/>
  <c r="T40643" i="1"/>
  <c r="T40644" i="1"/>
  <c r="T40645" i="1"/>
  <c r="T40646" i="1"/>
  <c r="T40647" i="1"/>
  <c r="T40648" i="1"/>
  <c r="T40649" i="1"/>
  <c r="T40650" i="1"/>
  <c r="T40651" i="1"/>
  <c r="T40652" i="1"/>
  <c r="T40653" i="1"/>
  <c r="T40654" i="1"/>
  <c r="T40655" i="1"/>
  <c r="T40656" i="1"/>
  <c r="T40657" i="1"/>
  <c r="T40658" i="1"/>
  <c r="T40659" i="1"/>
  <c r="T40660" i="1"/>
  <c r="T40661" i="1"/>
  <c r="T40662" i="1"/>
  <c r="T40663" i="1"/>
  <c r="T40664" i="1"/>
  <c r="T40665" i="1"/>
  <c r="T40666" i="1"/>
  <c r="T40667" i="1"/>
  <c r="T40668" i="1"/>
  <c r="T40669" i="1"/>
  <c r="T40670" i="1"/>
  <c r="T40671" i="1"/>
  <c r="T40672" i="1"/>
  <c r="T40673" i="1"/>
  <c r="T40674" i="1"/>
  <c r="T40675" i="1"/>
  <c r="T40676" i="1"/>
  <c r="T40677" i="1"/>
  <c r="T40678" i="1"/>
  <c r="T40679" i="1"/>
  <c r="T40680" i="1"/>
  <c r="T40681" i="1"/>
  <c r="T40682" i="1"/>
  <c r="T40683" i="1"/>
  <c r="T40684" i="1"/>
  <c r="T40685" i="1"/>
  <c r="T40686" i="1"/>
  <c r="T40687" i="1"/>
  <c r="T40688" i="1"/>
  <c r="T40689" i="1"/>
  <c r="T40690" i="1"/>
  <c r="T40691" i="1"/>
  <c r="T40692" i="1"/>
  <c r="T40693" i="1"/>
  <c r="T40694" i="1"/>
  <c r="T40695" i="1"/>
  <c r="T40696" i="1"/>
  <c r="T40697" i="1"/>
  <c r="T40698" i="1"/>
  <c r="T40699" i="1"/>
  <c r="T40700" i="1"/>
  <c r="T40701" i="1"/>
  <c r="T40702" i="1"/>
  <c r="T40703" i="1"/>
  <c r="T40704" i="1"/>
  <c r="T40705" i="1"/>
  <c r="T40706" i="1"/>
  <c r="T40707" i="1"/>
  <c r="T40708" i="1"/>
  <c r="T40709" i="1"/>
  <c r="T40710" i="1"/>
  <c r="T40711" i="1"/>
  <c r="T40712" i="1"/>
  <c r="T40713" i="1"/>
  <c r="T40714" i="1"/>
  <c r="T40715" i="1"/>
  <c r="T40716" i="1"/>
  <c r="T40717" i="1"/>
  <c r="T40718" i="1"/>
  <c r="T40719" i="1"/>
  <c r="T40720" i="1"/>
  <c r="T40721" i="1"/>
  <c r="T40722" i="1"/>
  <c r="T40723" i="1"/>
  <c r="T40724" i="1"/>
  <c r="T40725" i="1"/>
  <c r="T40726" i="1"/>
  <c r="T40727" i="1"/>
  <c r="T40728" i="1"/>
  <c r="T40729" i="1"/>
  <c r="T40730" i="1"/>
  <c r="T40731" i="1"/>
  <c r="T40732" i="1"/>
  <c r="T40733" i="1"/>
  <c r="T40734" i="1"/>
  <c r="T40735" i="1"/>
  <c r="T40736" i="1"/>
  <c r="T40737" i="1"/>
  <c r="T40738" i="1"/>
  <c r="T40739" i="1"/>
  <c r="T40740" i="1"/>
  <c r="T40741" i="1"/>
  <c r="T40742" i="1"/>
  <c r="T40743" i="1"/>
  <c r="T40744" i="1"/>
  <c r="T40745" i="1"/>
  <c r="T40746" i="1"/>
  <c r="T40747" i="1"/>
  <c r="T40748" i="1"/>
  <c r="T40749" i="1"/>
  <c r="T40750" i="1"/>
  <c r="T40751" i="1"/>
  <c r="T40752" i="1"/>
  <c r="T40753" i="1"/>
  <c r="T40754" i="1"/>
  <c r="T40755" i="1"/>
  <c r="T40756" i="1"/>
  <c r="T40757" i="1"/>
  <c r="T40758" i="1"/>
  <c r="T40759" i="1"/>
  <c r="T40760" i="1"/>
  <c r="T40761" i="1"/>
  <c r="T40762" i="1"/>
  <c r="T40763" i="1"/>
  <c r="T40764" i="1"/>
  <c r="T40765" i="1"/>
  <c r="T40766" i="1"/>
  <c r="T40767" i="1"/>
  <c r="T40768" i="1"/>
  <c r="T40769" i="1"/>
  <c r="T40770" i="1"/>
  <c r="T40771" i="1"/>
  <c r="T40772" i="1"/>
  <c r="T40773" i="1"/>
  <c r="T40774" i="1"/>
  <c r="T40775" i="1"/>
  <c r="T40776" i="1"/>
  <c r="T40777" i="1"/>
  <c r="T40778" i="1"/>
  <c r="T40779" i="1"/>
  <c r="T40780" i="1"/>
  <c r="T40781" i="1"/>
  <c r="T40782" i="1"/>
  <c r="T40783" i="1"/>
  <c r="T40784" i="1"/>
  <c r="T40785" i="1"/>
  <c r="T40786" i="1"/>
  <c r="T40787" i="1"/>
  <c r="T40788" i="1"/>
  <c r="T40789" i="1"/>
  <c r="T40790" i="1"/>
  <c r="T40791" i="1"/>
  <c r="T40792" i="1"/>
  <c r="T40793" i="1"/>
  <c r="T40794" i="1"/>
  <c r="T40795" i="1"/>
  <c r="T40796" i="1"/>
  <c r="T40797" i="1"/>
  <c r="T40798" i="1"/>
  <c r="T40799" i="1"/>
  <c r="T40800" i="1"/>
  <c r="T40801" i="1"/>
  <c r="T40802" i="1"/>
  <c r="T40803" i="1"/>
  <c r="T40804" i="1"/>
  <c r="T40805" i="1"/>
  <c r="T40806" i="1"/>
  <c r="T40807" i="1"/>
  <c r="T40808" i="1"/>
  <c r="T40809" i="1"/>
  <c r="T40810" i="1"/>
  <c r="T40811" i="1"/>
  <c r="T40812" i="1"/>
  <c r="T40813" i="1"/>
  <c r="T40814" i="1"/>
  <c r="T40815" i="1"/>
  <c r="T40816" i="1"/>
  <c r="T40817" i="1"/>
  <c r="T40818" i="1"/>
  <c r="T40819" i="1"/>
  <c r="T40820" i="1"/>
  <c r="T40821" i="1"/>
  <c r="T40822" i="1"/>
  <c r="T40823" i="1"/>
  <c r="T40824" i="1"/>
  <c r="T40825" i="1"/>
  <c r="T40826" i="1"/>
  <c r="T40827" i="1"/>
  <c r="T40828" i="1"/>
  <c r="T40829" i="1"/>
  <c r="T40830" i="1"/>
  <c r="T40831" i="1"/>
  <c r="T40832" i="1"/>
  <c r="T40833" i="1"/>
  <c r="T40834" i="1"/>
  <c r="T40835" i="1"/>
  <c r="T40836" i="1"/>
  <c r="T40837" i="1"/>
  <c r="T40838" i="1"/>
  <c r="T40839" i="1"/>
  <c r="T40840" i="1"/>
  <c r="T40841" i="1"/>
  <c r="T40842" i="1"/>
  <c r="T40843" i="1"/>
  <c r="T40844" i="1"/>
  <c r="T40845" i="1"/>
  <c r="T40846" i="1"/>
  <c r="T40847" i="1"/>
  <c r="T40848" i="1"/>
  <c r="T40849" i="1"/>
  <c r="T40850" i="1"/>
  <c r="T40851" i="1"/>
  <c r="T40852" i="1"/>
  <c r="T40853" i="1"/>
  <c r="T40854" i="1"/>
  <c r="T40855" i="1"/>
  <c r="T40856" i="1"/>
  <c r="T40857" i="1"/>
  <c r="T40858" i="1"/>
  <c r="T40859" i="1"/>
  <c r="T40860" i="1"/>
  <c r="T40861" i="1"/>
  <c r="T40862" i="1"/>
  <c r="T40863" i="1"/>
  <c r="T40864" i="1"/>
  <c r="T40865" i="1"/>
  <c r="T40866" i="1"/>
  <c r="T40867" i="1"/>
  <c r="T40868" i="1"/>
  <c r="T40869" i="1"/>
  <c r="T40870" i="1"/>
  <c r="T40871" i="1"/>
  <c r="T40872" i="1"/>
  <c r="T40873" i="1"/>
  <c r="T40874" i="1"/>
  <c r="T40875" i="1"/>
  <c r="T40876" i="1"/>
  <c r="T40877" i="1"/>
  <c r="T40878" i="1"/>
  <c r="T40879" i="1"/>
  <c r="T40880" i="1"/>
  <c r="T40881" i="1"/>
  <c r="T40882" i="1"/>
  <c r="T40883" i="1"/>
  <c r="T40884" i="1"/>
  <c r="T40885" i="1"/>
  <c r="T40886" i="1"/>
  <c r="T40887" i="1"/>
  <c r="T40888" i="1"/>
  <c r="T40889" i="1"/>
  <c r="T40890" i="1"/>
  <c r="T40891" i="1"/>
  <c r="T40892" i="1"/>
  <c r="T40893" i="1"/>
  <c r="T40894" i="1"/>
  <c r="T40895" i="1"/>
  <c r="T40896" i="1"/>
  <c r="T40897" i="1"/>
  <c r="T40898" i="1"/>
  <c r="T40899" i="1"/>
  <c r="T40900" i="1"/>
  <c r="T40901" i="1"/>
  <c r="T40902" i="1"/>
  <c r="T40903" i="1"/>
  <c r="T40904" i="1"/>
  <c r="T40905" i="1"/>
  <c r="T40906" i="1"/>
  <c r="T40907" i="1"/>
  <c r="T40908" i="1"/>
  <c r="T40909" i="1"/>
  <c r="T40910" i="1"/>
  <c r="T40911" i="1"/>
  <c r="T40912" i="1"/>
  <c r="T40913" i="1"/>
  <c r="T40914" i="1"/>
  <c r="T40915" i="1"/>
  <c r="T40916" i="1"/>
  <c r="T40917" i="1"/>
  <c r="T40918" i="1"/>
  <c r="T40919" i="1"/>
  <c r="T40920" i="1"/>
  <c r="T40921" i="1"/>
  <c r="T40922" i="1"/>
  <c r="T40923" i="1"/>
  <c r="T40924" i="1"/>
  <c r="T40925" i="1"/>
  <c r="T40926" i="1"/>
  <c r="T40927" i="1"/>
  <c r="T40928" i="1"/>
  <c r="T40929" i="1"/>
  <c r="T40930" i="1"/>
  <c r="T40931" i="1"/>
  <c r="T40932" i="1"/>
  <c r="T40933" i="1"/>
  <c r="T40934" i="1"/>
  <c r="T40935" i="1"/>
  <c r="T40936" i="1"/>
  <c r="T40937" i="1"/>
  <c r="T40938" i="1"/>
  <c r="T40939" i="1"/>
  <c r="T40940" i="1"/>
  <c r="T40941" i="1"/>
  <c r="T40942" i="1"/>
  <c r="T40943" i="1"/>
  <c r="T40944" i="1"/>
  <c r="T40945" i="1"/>
  <c r="T40946" i="1"/>
  <c r="T40947" i="1"/>
  <c r="T40948" i="1"/>
  <c r="T40949" i="1"/>
  <c r="T40950" i="1"/>
  <c r="T40951" i="1"/>
  <c r="T40952" i="1"/>
  <c r="T40953" i="1"/>
  <c r="T40954" i="1"/>
  <c r="T40955" i="1"/>
  <c r="T40956" i="1"/>
  <c r="T40957" i="1"/>
  <c r="T40958" i="1"/>
  <c r="T40959" i="1"/>
  <c r="T40960" i="1"/>
  <c r="T40961" i="1"/>
  <c r="T40962" i="1"/>
  <c r="T40963" i="1"/>
  <c r="T40964" i="1"/>
  <c r="T40965" i="1"/>
  <c r="T40966" i="1"/>
  <c r="T40967" i="1"/>
  <c r="T40968" i="1"/>
  <c r="T40969" i="1"/>
  <c r="T40970" i="1"/>
  <c r="T40971" i="1"/>
  <c r="T40972" i="1"/>
  <c r="T40973" i="1"/>
  <c r="T40974" i="1"/>
  <c r="T40975" i="1"/>
  <c r="T40976" i="1"/>
  <c r="T40977" i="1"/>
  <c r="T40978" i="1"/>
  <c r="T40979" i="1"/>
  <c r="T40980" i="1"/>
  <c r="T40981" i="1"/>
  <c r="T40982" i="1"/>
  <c r="T40983" i="1"/>
  <c r="T40984" i="1"/>
  <c r="T40985" i="1"/>
  <c r="T40986" i="1"/>
  <c r="T40987" i="1"/>
  <c r="T40988" i="1"/>
  <c r="T40989" i="1"/>
  <c r="T40990" i="1"/>
  <c r="T40991" i="1"/>
  <c r="T40992" i="1"/>
  <c r="T40993" i="1"/>
  <c r="T40994" i="1"/>
  <c r="T40995" i="1"/>
  <c r="T40996" i="1"/>
  <c r="T40997" i="1"/>
  <c r="T40998" i="1"/>
  <c r="T40999" i="1"/>
  <c r="T41000" i="1"/>
  <c r="T41001" i="1"/>
  <c r="T41002" i="1"/>
  <c r="T41003" i="1"/>
  <c r="T41004" i="1"/>
  <c r="T41005" i="1"/>
  <c r="T41006" i="1"/>
  <c r="T41007" i="1"/>
  <c r="T41008" i="1"/>
  <c r="T41009" i="1"/>
  <c r="T41010" i="1"/>
  <c r="T41011" i="1"/>
  <c r="T41012" i="1"/>
  <c r="T41013" i="1"/>
  <c r="T41014" i="1"/>
  <c r="T41015" i="1"/>
  <c r="T41016" i="1"/>
  <c r="T41017" i="1"/>
  <c r="T41018" i="1"/>
  <c r="T41019" i="1"/>
  <c r="T41020" i="1"/>
  <c r="T41021" i="1"/>
  <c r="T41022" i="1"/>
  <c r="T41023" i="1"/>
  <c r="T41024" i="1"/>
  <c r="T41025" i="1"/>
  <c r="T41026" i="1"/>
  <c r="T41027" i="1"/>
  <c r="T41028" i="1"/>
  <c r="T41029" i="1"/>
  <c r="T41030" i="1"/>
  <c r="T41031" i="1"/>
  <c r="T41032" i="1"/>
  <c r="T41033" i="1"/>
  <c r="T41034" i="1"/>
  <c r="T41035" i="1"/>
  <c r="T41036" i="1"/>
  <c r="T41037" i="1"/>
  <c r="T41038" i="1"/>
  <c r="T41039" i="1"/>
  <c r="T41040" i="1"/>
  <c r="T41041" i="1"/>
  <c r="T41042" i="1"/>
  <c r="T41043" i="1"/>
  <c r="T41044" i="1"/>
  <c r="T41045" i="1"/>
  <c r="T41046" i="1"/>
  <c r="T41047" i="1"/>
  <c r="T41048" i="1"/>
  <c r="T41049" i="1"/>
  <c r="T41050" i="1"/>
  <c r="T41051" i="1"/>
  <c r="T41052" i="1"/>
  <c r="T41053" i="1"/>
  <c r="T41054" i="1"/>
  <c r="T41055" i="1"/>
  <c r="T41056" i="1"/>
  <c r="T41057" i="1"/>
  <c r="T41058" i="1"/>
  <c r="T41059" i="1"/>
  <c r="T41060" i="1"/>
  <c r="T41061" i="1"/>
  <c r="T41062" i="1"/>
  <c r="T41063" i="1"/>
  <c r="T41064" i="1"/>
  <c r="T41065" i="1"/>
  <c r="T41066" i="1"/>
  <c r="T41067" i="1"/>
  <c r="T41068" i="1"/>
  <c r="T41069" i="1"/>
  <c r="T41070" i="1"/>
  <c r="T41071" i="1"/>
  <c r="T41072" i="1"/>
  <c r="T41073" i="1"/>
  <c r="T41074" i="1"/>
  <c r="T41075" i="1"/>
  <c r="T41076" i="1"/>
  <c r="T41077" i="1"/>
  <c r="T41078" i="1"/>
  <c r="T41079" i="1"/>
  <c r="T41080" i="1"/>
  <c r="T41081" i="1"/>
  <c r="T41082" i="1"/>
  <c r="T41083" i="1"/>
  <c r="T41084" i="1"/>
  <c r="T41085" i="1"/>
  <c r="T41086" i="1"/>
  <c r="T41087" i="1"/>
  <c r="T41088" i="1"/>
  <c r="T41089" i="1"/>
  <c r="T41090" i="1"/>
  <c r="T41091" i="1"/>
  <c r="T41092" i="1"/>
  <c r="T41093" i="1"/>
  <c r="T41094" i="1"/>
  <c r="T41095" i="1"/>
  <c r="T41096" i="1"/>
  <c r="T41097" i="1"/>
  <c r="T41098" i="1"/>
  <c r="T41099" i="1"/>
  <c r="T41100" i="1"/>
  <c r="T41101" i="1"/>
  <c r="T41102" i="1"/>
  <c r="T41103" i="1"/>
  <c r="T41104" i="1"/>
  <c r="T41105" i="1"/>
  <c r="T41106" i="1"/>
  <c r="T41107" i="1"/>
  <c r="T41108" i="1"/>
  <c r="T41109" i="1"/>
  <c r="T41110" i="1"/>
  <c r="T41111" i="1"/>
  <c r="T41112" i="1"/>
  <c r="T41113" i="1"/>
  <c r="T41114" i="1"/>
  <c r="T41115" i="1"/>
  <c r="T41116" i="1"/>
  <c r="T41117" i="1"/>
  <c r="T41118" i="1"/>
  <c r="T41119" i="1"/>
  <c r="T41120" i="1"/>
  <c r="T41121" i="1"/>
  <c r="T41122" i="1"/>
  <c r="T41123" i="1"/>
  <c r="T41124" i="1"/>
  <c r="T41125" i="1"/>
  <c r="T41126" i="1"/>
  <c r="T41127" i="1"/>
  <c r="T41128" i="1"/>
  <c r="T41129" i="1"/>
  <c r="T41130" i="1"/>
  <c r="T41131" i="1"/>
  <c r="T41132" i="1"/>
  <c r="T41133" i="1"/>
  <c r="T41134" i="1"/>
  <c r="T41135" i="1"/>
  <c r="T41136" i="1"/>
  <c r="T41137" i="1"/>
  <c r="T41138" i="1"/>
  <c r="T41139" i="1"/>
  <c r="T41140" i="1"/>
  <c r="T41141" i="1"/>
  <c r="T41142" i="1"/>
  <c r="T41143" i="1"/>
  <c r="T41144" i="1"/>
  <c r="T41145" i="1"/>
  <c r="T41146" i="1"/>
  <c r="T41147" i="1"/>
  <c r="T41148" i="1"/>
  <c r="T41149" i="1"/>
  <c r="T41150" i="1"/>
  <c r="T41151" i="1"/>
  <c r="T41152" i="1"/>
  <c r="T41153" i="1"/>
  <c r="T41154" i="1"/>
  <c r="T41155" i="1"/>
  <c r="T41156" i="1"/>
  <c r="T41157" i="1"/>
  <c r="T41158" i="1"/>
  <c r="T41159" i="1"/>
  <c r="T41160" i="1"/>
  <c r="T41161" i="1"/>
  <c r="T41162" i="1"/>
  <c r="T41163" i="1"/>
  <c r="T41164" i="1"/>
  <c r="T41165" i="1"/>
  <c r="T41166" i="1"/>
  <c r="T41167" i="1"/>
  <c r="T41168" i="1"/>
  <c r="T41169" i="1"/>
  <c r="T41170" i="1"/>
  <c r="T41171" i="1"/>
  <c r="T41172" i="1"/>
  <c r="T41173" i="1"/>
  <c r="T41174" i="1"/>
  <c r="T41175" i="1"/>
  <c r="T41176" i="1"/>
  <c r="T41177" i="1"/>
  <c r="T41178" i="1"/>
  <c r="T41179" i="1"/>
  <c r="T41180" i="1"/>
  <c r="T41181" i="1"/>
  <c r="T41182" i="1"/>
  <c r="T41183" i="1"/>
  <c r="T41184" i="1"/>
  <c r="T41185" i="1"/>
  <c r="T41186" i="1"/>
  <c r="T41187" i="1"/>
  <c r="T41188" i="1"/>
  <c r="T41189" i="1"/>
  <c r="T41190" i="1"/>
  <c r="T41191" i="1"/>
  <c r="T41192" i="1"/>
  <c r="T41193" i="1"/>
  <c r="T41194" i="1"/>
  <c r="T41195" i="1"/>
  <c r="T41196" i="1"/>
  <c r="T41197" i="1"/>
  <c r="T41198" i="1"/>
  <c r="T41199" i="1"/>
  <c r="T41200" i="1"/>
  <c r="T41201" i="1"/>
  <c r="T41202" i="1"/>
  <c r="T41203" i="1"/>
  <c r="T41204" i="1"/>
  <c r="T41205" i="1"/>
  <c r="T41206" i="1"/>
  <c r="T41207" i="1"/>
  <c r="T41208" i="1"/>
  <c r="T41209" i="1"/>
  <c r="T41210" i="1"/>
  <c r="T41211" i="1"/>
  <c r="T41212" i="1"/>
  <c r="T41213" i="1"/>
  <c r="T41214" i="1"/>
  <c r="T41215" i="1"/>
  <c r="T41216" i="1"/>
  <c r="T41217" i="1"/>
  <c r="T41218" i="1"/>
  <c r="T41219" i="1"/>
  <c r="T41220" i="1"/>
  <c r="T41221" i="1"/>
  <c r="T41222" i="1"/>
  <c r="T41223" i="1"/>
  <c r="T41224" i="1"/>
  <c r="T41225" i="1"/>
  <c r="T41226" i="1"/>
  <c r="T41227" i="1"/>
  <c r="T41228" i="1"/>
  <c r="T41229" i="1"/>
  <c r="T41230" i="1"/>
  <c r="T41231" i="1"/>
  <c r="T41232" i="1"/>
  <c r="T41233" i="1"/>
  <c r="T41234" i="1"/>
  <c r="T41235" i="1"/>
  <c r="T41236" i="1"/>
  <c r="T41237" i="1"/>
  <c r="T41238" i="1"/>
  <c r="T41239" i="1"/>
  <c r="T41240" i="1"/>
  <c r="T41241" i="1"/>
  <c r="T41242" i="1"/>
  <c r="T41243" i="1"/>
  <c r="T41244" i="1"/>
  <c r="T41245" i="1"/>
  <c r="T41246" i="1"/>
  <c r="T41247" i="1"/>
  <c r="T41248" i="1"/>
  <c r="T41249" i="1"/>
  <c r="T41250" i="1"/>
  <c r="T41251" i="1"/>
  <c r="T41252" i="1"/>
  <c r="T41253" i="1"/>
  <c r="T41254" i="1"/>
  <c r="T41255" i="1"/>
  <c r="T41256" i="1"/>
  <c r="T41257" i="1"/>
  <c r="T41258" i="1"/>
  <c r="T41259" i="1"/>
  <c r="T41260" i="1"/>
  <c r="T41261" i="1"/>
  <c r="T41262" i="1"/>
  <c r="T41263" i="1"/>
  <c r="T41264" i="1"/>
  <c r="T41265" i="1"/>
  <c r="T41266" i="1"/>
  <c r="T41267" i="1"/>
  <c r="T41268" i="1"/>
  <c r="T41269" i="1"/>
  <c r="T41270" i="1"/>
  <c r="T41271" i="1"/>
  <c r="T41272" i="1"/>
  <c r="T41273" i="1"/>
  <c r="T41274" i="1"/>
  <c r="T41275" i="1"/>
  <c r="T41276" i="1"/>
  <c r="T41277" i="1"/>
  <c r="T41278" i="1"/>
  <c r="T41279" i="1"/>
  <c r="T41280" i="1"/>
  <c r="T41281" i="1"/>
  <c r="T41282" i="1"/>
  <c r="T41283" i="1"/>
  <c r="T41284" i="1"/>
  <c r="T41285" i="1"/>
  <c r="T41286" i="1"/>
  <c r="T41287" i="1"/>
  <c r="T41288" i="1"/>
  <c r="T41289" i="1"/>
  <c r="T41290" i="1"/>
  <c r="T41291" i="1"/>
  <c r="T41292" i="1"/>
  <c r="T41293" i="1"/>
  <c r="T41294" i="1"/>
  <c r="T41295" i="1"/>
  <c r="T41296" i="1"/>
  <c r="T41297" i="1"/>
  <c r="T41298" i="1"/>
  <c r="T41299" i="1"/>
  <c r="T41300" i="1"/>
  <c r="T41301" i="1"/>
  <c r="T41302" i="1"/>
  <c r="T41303" i="1"/>
  <c r="T41304" i="1"/>
  <c r="T41305" i="1"/>
  <c r="T41306" i="1"/>
  <c r="T41307" i="1"/>
  <c r="T41308" i="1"/>
  <c r="T41309" i="1"/>
  <c r="T41310" i="1"/>
  <c r="T41311" i="1"/>
  <c r="T41312" i="1"/>
  <c r="T41313" i="1"/>
  <c r="T41314" i="1"/>
  <c r="T41315" i="1"/>
  <c r="T41316" i="1"/>
  <c r="T41317" i="1"/>
  <c r="T41318" i="1"/>
  <c r="T41319" i="1"/>
  <c r="T41320" i="1"/>
  <c r="T41321" i="1"/>
  <c r="T41322" i="1"/>
  <c r="T41323" i="1"/>
  <c r="T41324" i="1"/>
  <c r="T41325" i="1"/>
  <c r="T41326" i="1"/>
  <c r="T41327" i="1"/>
  <c r="T41328" i="1"/>
  <c r="T41329" i="1"/>
  <c r="T41330" i="1"/>
  <c r="T41331" i="1"/>
  <c r="T41332" i="1"/>
  <c r="T41333" i="1"/>
  <c r="T41334" i="1"/>
  <c r="T41335" i="1"/>
  <c r="T41336" i="1"/>
  <c r="T41337" i="1"/>
  <c r="T41338" i="1"/>
  <c r="T41339" i="1"/>
  <c r="T41340" i="1"/>
  <c r="T41341" i="1"/>
  <c r="T41342" i="1"/>
  <c r="T41343" i="1"/>
  <c r="T41344" i="1"/>
  <c r="T41345" i="1"/>
  <c r="T41346" i="1"/>
  <c r="T41347" i="1"/>
  <c r="T41348" i="1"/>
  <c r="T41349" i="1"/>
  <c r="T41350" i="1"/>
  <c r="T41351" i="1"/>
  <c r="T41352" i="1"/>
  <c r="T41353" i="1"/>
  <c r="T41354" i="1"/>
  <c r="T41355" i="1"/>
  <c r="T41356" i="1"/>
  <c r="T41357" i="1"/>
  <c r="T41358" i="1"/>
  <c r="T41359" i="1"/>
  <c r="T41360" i="1"/>
  <c r="T41361" i="1"/>
  <c r="T41362" i="1"/>
  <c r="T41363" i="1"/>
  <c r="T41364" i="1"/>
  <c r="T41365" i="1"/>
  <c r="T41366" i="1"/>
  <c r="T41367" i="1"/>
  <c r="T41368" i="1"/>
  <c r="T41369" i="1"/>
  <c r="T41370" i="1"/>
  <c r="T41371" i="1"/>
  <c r="T41372" i="1"/>
  <c r="T41373" i="1"/>
  <c r="T41374" i="1"/>
  <c r="T41375" i="1"/>
  <c r="T41376" i="1"/>
  <c r="T41377" i="1"/>
  <c r="T41378" i="1"/>
  <c r="T41379" i="1"/>
  <c r="T41380" i="1"/>
  <c r="T41381" i="1"/>
  <c r="T41382" i="1"/>
  <c r="T41383" i="1"/>
  <c r="T41384" i="1"/>
  <c r="T41385" i="1"/>
  <c r="T41386" i="1"/>
  <c r="T41387" i="1"/>
  <c r="T41388" i="1"/>
  <c r="T41389" i="1"/>
  <c r="T41390" i="1"/>
  <c r="T41391" i="1"/>
  <c r="T41392" i="1"/>
  <c r="T41393" i="1"/>
  <c r="T41394" i="1"/>
  <c r="T41395" i="1"/>
  <c r="T41396" i="1"/>
  <c r="T41397" i="1"/>
  <c r="T41398" i="1"/>
  <c r="T41399" i="1"/>
  <c r="T41400" i="1"/>
  <c r="T41401" i="1"/>
  <c r="T41402" i="1"/>
  <c r="T41403" i="1"/>
  <c r="T41404" i="1"/>
  <c r="T41405" i="1"/>
  <c r="T41406" i="1"/>
  <c r="T41407" i="1"/>
  <c r="T41408" i="1"/>
  <c r="T41409" i="1"/>
  <c r="T41410" i="1"/>
  <c r="T41411" i="1"/>
  <c r="T41412" i="1"/>
  <c r="T41413" i="1"/>
  <c r="T41414" i="1"/>
  <c r="T41415" i="1"/>
  <c r="T41416" i="1"/>
  <c r="T41417" i="1"/>
  <c r="T41418" i="1"/>
  <c r="T41419" i="1"/>
  <c r="T41420" i="1"/>
  <c r="T41421" i="1"/>
  <c r="T41422" i="1"/>
  <c r="T41423" i="1"/>
  <c r="T41424" i="1"/>
  <c r="T41425" i="1"/>
  <c r="T41426" i="1"/>
  <c r="T41427" i="1"/>
  <c r="T41428" i="1"/>
  <c r="T41429" i="1"/>
  <c r="T41430" i="1"/>
  <c r="T41431" i="1"/>
  <c r="T41432" i="1"/>
  <c r="T41433" i="1"/>
  <c r="T41434" i="1"/>
  <c r="T41435" i="1"/>
  <c r="T41436" i="1"/>
  <c r="T41437" i="1"/>
  <c r="T41438" i="1"/>
  <c r="T41439" i="1"/>
  <c r="T41440" i="1"/>
  <c r="T41441" i="1"/>
  <c r="T41442" i="1"/>
  <c r="T41443" i="1"/>
  <c r="T41444" i="1"/>
  <c r="T41445" i="1"/>
  <c r="T41446" i="1"/>
  <c r="T41447" i="1"/>
  <c r="T41448" i="1"/>
  <c r="T41449" i="1"/>
  <c r="T41450" i="1"/>
  <c r="T41451" i="1"/>
  <c r="T41452" i="1"/>
  <c r="T41453" i="1"/>
  <c r="T41454" i="1"/>
  <c r="T41455" i="1"/>
  <c r="T41456" i="1"/>
  <c r="T41457" i="1"/>
  <c r="T41458" i="1"/>
  <c r="T41459" i="1"/>
  <c r="T41460" i="1"/>
  <c r="T41461" i="1"/>
  <c r="T41462" i="1"/>
  <c r="T41463" i="1"/>
  <c r="T41464" i="1"/>
  <c r="T41465" i="1"/>
  <c r="T41466" i="1"/>
  <c r="T41467" i="1"/>
  <c r="T41468" i="1"/>
  <c r="T41469" i="1"/>
  <c r="T41470" i="1"/>
  <c r="T41471" i="1"/>
  <c r="T41472" i="1"/>
  <c r="T41473" i="1"/>
  <c r="T41474" i="1"/>
  <c r="T41475" i="1"/>
  <c r="T41476" i="1"/>
  <c r="T41477" i="1"/>
  <c r="T41478" i="1"/>
  <c r="T41479" i="1"/>
  <c r="T41480" i="1"/>
  <c r="T41481" i="1"/>
  <c r="T41482" i="1"/>
  <c r="T41483" i="1"/>
  <c r="T41484" i="1"/>
  <c r="T41485" i="1"/>
  <c r="T41486" i="1"/>
  <c r="T41487" i="1"/>
  <c r="T41488" i="1"/>
  <c r="T41489" i="1"/>
  <c r="T41490" i="1"/>
  <c r="T41491" i="1"/>
  <c r="T41492" i="1"/>
  <c r="T41493" i="1"/>
  <c r="T41494" i="1"/>
  <c r="T41495" i="1"/>
  <c r="T41496" i="1"/>
  <c r="T41497" i="1"/>
  <c r="T41498" i="1"/>
  <c r="T41499" i="1"/>
  <c r="T41500" i="1"/>
  <c r="T41501" i="1"/>
  <c r="T41502" i="1"/>
  <c r="T41503" i="1"/>
  <c r="T41504" i="1"/>
  <c r="T41505" i="1"/>
  <c r="T41506" i="1"/>
  <c r="T41507" i="1"/>
  <c r="T41508" i="1"/>
  <c r="T41509" i="1"/>
  <c r="T41510" i="1"/>
  <c r="T41511" i="1"/>
  <c r="T41512" i="1"/>
  <c r="T41513" i="1"/>
  <c r="T41514" i="1"/>
  <c r="T41515" i="1"/>
  <c r="T41516" i="1"/>
  <c r="T41517" i="1"/>
  <c r="T41518" i="1"/>
  <c r="T41519" i="1"/>
  <c r="T41520" i="1"/>
  <c r="T41521" i="1"/>
  <c r="T41522" i="1"/>
  <c r="T41523" i="1"/>
  <c r="T41524" i="1"/>
  <c r="T41525" i="1"/>
  <c r="T41526" i="1"/>
  <c r="T41527" i="1"/>
  <c r="T41528" i="1"/>
  <c r="T41529" i="1"/>
  <c r="T41530" i="1"/>
  <c r="T41531" i="1"/>
  <c r="T41532" i="1"/>
  <c r="T41533" i="1"/>
  <c r="T41534" i="1"/>
  <c r="T41535" i="1"/>
  <c r="T41536" i="1"/>
  <c r="T41537" i="1"/>
  <c r="T41538" i="1"/>
  <c r="T41539" i="1"/>
  <c r="T41540" i="1"/>
  <c r="T41541" i="1"/>
  <c r="T41542" i="1"/>
  <c r="T41543" i="1"/>
  <c r="T41544" i="1"/>
  <c r="T41545" i="1"/>
  <c r="T41546" i="1"/>
  <c r="T41547" i="1"/>
  <c r="T41548" i="1"/>
  <c r="T41549" i="1"/>
  <c r="T41550" i="1"/>
  <c r="T41551" i="1"/>
  <c r="T41552" i="1"/>
  <c r="T41553" i="1"/>
  <c r="T41554" i="1"/>
  <c r="T41555" i="1"/>
  <c r="T41556" i="1"/>
  <c r="T41557" i="1"/>
  <c r="T41558" i="1"/>
  <c r="T41559" i="1"/>
  <c r="T41560" i="1"/>
  <c r="T41561" i="1"/>
  <c r="T41562" i="1"/>
  <c r="T41563" i="1"/>
  <c r="T41564" i="1"/>
  <c r="T41565" i="1"/>
  <c r="T41566" i="1"/>
  <c r="T41567" i="1"/>
  <c r="T41568" i="1"/>
  <c r="T41569" i="1"/>
  <c r="T41570" i="1"/>
  <c r="T41571" i="1"/>
  <c r="T41572" i="1"/>
  <c r="T41573" i="1"/>
  <c r="T41574" i="1"/>
  <c r="T41575" i="1"/>
  <c r="T41576" i="1"/>
  <c r="T41577" i="1"/>
  <c r="T41578" i="1"/>
  <c r="T41579" i="1"/>
  <c r="T41580" i="1"/>
  <c r="T41581" i="1"/>
  <c r="T41582" i="1"/>
  <c r="T41583" i="1"/>
  <c r="T41584" i="1"/>
  <c r="T41585" i="1"/>
  <c r="T41586" i="1"/>
  <c r="T41587" i="1"/>
  <c r="T41588" i="1"/>
  <c r="T41589" i="1"/>
  <c r="T41590" i="1"/>
  <c r="T41591" i="1"/>
  <c r="T41592" i="1"/>
  <c r="T41593" i="1"/>
  <c r="T41594" i="1"/>
  <c r="T41595" i="1"/>
  <c r="T41596" i="1"/>
  <c r="T41597" i="1"/>
  <c r="T41598" i="1"/>
  <c r="T41599" i="1"/>
  <c r="T41600" i="1"/>
  <c r="T41601" i="1"/>
  <c r="T41602" i="1"/>
  <c r="T41603" i="1"/>
  <c r="T41604" i="1"/>
  <c r="T41605" i="1"/>
  <c r="T41606" i="1"/>
  <c r="T41607" i="1"/>
  <c r="T41608" i="1"/>
  <c r="T41609" i="1"/>
  <c r="T41610" i="1"/>
  <c r="T41611" i="1"/>
  <c r="T41612" i="1"/>
  <c r="T41613" i="1"/>
  <c r="T41614" i="1"/>
  <c r="T41615" i="1"/>
  <c r="T41616" i="1"/>
  <c r="T41617" i="1"/>
  <c r="T41618" i="1"/>
  <c r="T41619" i="1"/>
  <c r="T41620" i="1"/>
  <c r="T41621" i="1"/>
  <c r="T41622" i="1"/>
  <c r="T41623" i="1"/>
  <c r="T41624" i="1"/>
  <c r="T41625" i="1"/>
  <c r="T41626" i="1"/>
  <c r="T41627" i="1"/>
  <c r="T41628" i="1"/>
  <c r="T41629" i="1"/>
  <c r="T41630" i="1"/>
  <c r="T41631" i="1"/>
  <c r="T41632" i="1"/>
  <c r="T41633" i="1"/>
  <c r="T41634" i="1"/>
  <c r="T41635" i="1"/>
  <c r="T41636" i="1"/>
  <c r="T41637" i="1"/>
  <c r="T41638" i="1"/>
  <c r="T41639" i="1"/>
  <c r="T41640" i="1"/>
  <c r="T41641" i="1"/>
  <c r="T41642" i="1"/>
  <c r="T41643" i="1"/>
  <c r="T41644" i="1"/>
  <c r="T41645" i="1"/>
  <c r="T41646" i="1"/>
  <c r="T41647" i="1"/>
  <c r="T41648" i="1"/>
  <c r="T41649" i="1"/>
  <c r="T41650" i="1"/>
  <c r="T41651" i="1"/>
  <c r="T41652" i="1"/>
  <c r="T41653" i="1"/>
  <c r="T41654" i="1"/>
  <c r="T41655" i="1"/>
  <c r="T41656" i="1"/>
  <c r="T41657" i="1"/>
  <c r="T41658" i="1"/>
  <c r="T41659" i="1"/>
  <c r="T41660" i="1"/>
  <c r="T41661" i="1"/>
  <c r="T41662" i="1"/>
  <c r="T41663" i="1"/>
  <c r="T41664" i="1"/>
  <c r="T41665" i="1"/>
  <c r="T41666" i="1"/>
  <c r="T41667" i="1"/>
  <c r="T41668" i="1"/>
  <c r="T41669" i="1"/>
  <c r="T41670" i="1"/>
  <c r="T41671" i="1"/>
  <c r="T41672" i="1"/>
  <c r="T41673" i="1"/>
  <c r="T41674" i="1"/>
  <c r="T41675" i="1"/>
  <c r="T41676" i="1"/>
  <c r="T41677" i="1"/>
  <c r="T41678" i="1"/>
  <c r="T41679" i="1"/>
  <c r="T41680" i="1"/>
  <c r="T41681" i="1"/>
  <c r="T41682" i="1"/>
  <c r="T41683" i="1"/>
  <c r="T41684" i="1"/>
  <c r="T41685" i="1"/>
  <c r="T41686" i="1"/>
  <c r="T41687" i="1"/>
  <c r="T41688" i="1"/>
  <c r="T41689" i="1"/>
  <c r="T41690" i="1"/>
  <c r="T41691" i="1"/>
  <c r="T41692" i="1"/>
  <c r="T41693" i="1"/>
  <c r="T41694" i="1"/>
  <c r="T41695" i="1"/>
  <c r="T41696" i="1"/>
  <c r="T41697" i="1"/>
  <c r="T41698" i="1"/>
  <c r="T41699" i="1"/>
  <c r="T41700" i="1"/>
  <c r="T41701" i="1"/>
  <c r="T41702" i="1"/>
  <c r="T41703" i="1"/>
  <c r="T41704" i="1"/>
  <c r="T41705" i="1"/>
  <c r="T41706" i="1"/>
  <c r="T41707" i="1"/>
  <c r="T41708" i="1"/>
  <c r="T41709" i="1"/>
  <c r="T41710" i="1"/>
  <c r="T41711" i="1"/>
  <c r="T41712" i="1"/>
  <c r="T41713" i="1"/>
  <c r="T41714" i="1"/>
  <c r="T41715" i="1"/>
  <c r="T41716" i="1"/>
  <c r="T41717" i="1"/>
  <c r="T41718" i="1"/>
  <c r="T41719" i="1"/>
  <c r="T41720" i="1"/>
  <c r="T41721" i="1"/>
  <c r="T41722" i="1"/>
  <c r="T41723" i="1"/>
  <c r="T41724" i="1"/>
  <c r="T41725" i="1"/>
  <c r="T41726" i="1"/>
  <c r="T41727" i="1"/>
  <c r="T41728" i="1"/>
  <c r="T41729" i="1"/>
  <c r="T41730" i="1"/>
  <c r="T41731" i="1"/>
  <c r="T41732" i="1"/>
  <c r="T41733" i="1"/>
  <c r="T41734" i="1"/>
  <c r="T41735" i="1"/>
  <c r="T41736" i="1"/>
  <c r="T41737" i="1"/>
  <c r="T41738" i="1"/>
  <c r="T41739" i="1"/>
  <c r="T41740" i="1"/>
  <c r="T41741" i="1"/>
  <c r="T41742" i="1"/>
  <c r="T41743" i="1"/>
  <c r="T41744" i="1"/>
  <c r="T41745" i="1"/>
  <c r="T41746" i="1"/>
  <c r="T41747" i="1"/>
  <c r="T41748" i="1"/>
  <c r="T41749" i="1"/>
  <c r="T41750" i="1"/>
  <c r="T41751" i="1"/>
  <c r="T41752" i="1"/>
  <c r="T41753" i="1"/>
  <c r="T41754" i="1"/>
  <c r="T41755" i="1"/>
  <c r="T41756" i="1"/>
  <c r="T41757" i="1"/>
  <c r="T41758" i="1"/>
  <c r="T41759" i="1"/>
  <c r="T41760" i="1"/>
  <c r="T41761" i="1"/>
  <c r="T41762" i="1"/>
  <c r="T41763" i="1"/>
  <c r="T41764" i="1"/>
  <c r="T41765" i="1"/>
  <c r="T41766" i="1"/>
  <c r="T41767" i="1"/>
  <c r="T41768" i="1"/>
  <c r="T41769" i="1"/>
  <c r="T41770" i="1"/>
  <c r="T41771" i="1"/>
  <c r="T41772" i="1"/>
  <c r="T41773" i="1"/>
  <c r="T41774" i="1"/>
  <c r="T41775" i="1"/>
  <c r="T41776" i="1"/>
  <c r="T41777" i="1"/>
  <c r="T41778" i="1"/>
  <c r="T41779" i="1"/>
  <c r="T41780" i="1"/>
  <c r="T41781" i="1"/>
  <c r="T41782" i="1"/>
  <c r="T41783" i="1"/>
  <c r="T41784" i="1"/>
  <c r="T41785" i="1"/>
  <c r="T41786" i="1"/>
  <c r="T41787" i="1"/>
  <c r="T41788" i="1"/>
  <c r="T41789" i="1"/>
  <c r="T41790" i="1"/>
  <c r="T41791" i="1"/>
  <c r="T41792" i="1"/>
  <c r="T41793" i="1"/>
  <c r="T41794" i="1"/>
  <c r="T41795" i="1"/>
  <c r="T41796" i="1"/>
  <c r="T41797" i="1"/>
  <c r="T41798" i="1"/>
  <c r="T41799" i="1"/>
  <c r="T41800" i="1"/>
  <c r="T41801" i="1"/>
  <c r="T41802" i="1"/>
  <c r="T41803" i="1"/>
  <c r="T41804" i="1"/>
  <c r="T41805" i="1"/>
  <c r="T41806" i="1"/>
  <c r="T41807" i="1"/>
  <c r="T41808" i="1"/>
  <c r="T41809" i="1"/>
  <c r="T41810" i="1"/>
  <c r="T41811" i="1"/>
  <c r="T41812" i="1"/>
  <c r="T41813" i="1"/>
  <c r="T41814" i="1"/>
  <c r="T41815" i="1"/>
  <c r="T41816" i="1"/>
  <c r="T41817" i="1"/>
  <c r="T41818" i="1"/>
  <c r="T41819" i="1"/>
  <c r="T41820" i="1"/>
  <c r="T41821" i="1"/>
  <c r="T41822" i="1"/>
  <c r="T41823" i="1"/>
  <c r="T41824" i="1"/>
  <c r="T41825" i="1"/>
  <c r="T41826" i="1"/>
  <c r="T41827" i="1"/>
  <c r="T41828" i="1"/>
  <c r="T41829" i="1"/>
  <c r="T41830" i="1"/>
  <c r="T41831" i="1"/>
  <c r="T41832" i="1"/>
  <c r="T41833" i="1"/>
  <c r="T41834" i="1"/>
  <c r="T41835" i="1"/>
  <c r="T41836" i="1"/>
  <c r="T41837" i="1"/>
  <c r="T41838" i="1"/>
  <c r="T41839" i="1"/>
  <c r="T41840" i="1"/>
  <c r="T41841" i="1"/>
  <c r="T41842" i="1"/>
  <c r="T41843" i="1"/>
  <c r="T41844" i="1"/>
  <c r="T41845" i="1"/>
  <c r="T41846" i="1"/>
  <c r="T41847" i="1"/>
  <c r="T41848" i="1"/>
  <c r="T41849" i="1"/>
  <c r="T41850" i="1"/>
  <c r="T41851" i="1"/>
  <c r="T41852" i="1"/>
  <c r="T41853" i="1"/>
  <c r="T41854" i="1"/>
  <c r="T41855" i="1"/>
  <c r="T41856" i="1"/>
  <c r="T41857" i="1"/>
  <c r="T41858" i="1"/>
  <c r="T41859" i="1"/>
  <c r="T41860" i="1"/>
  <c r="T41861" i="1"/>
  <c r="T41862" i="1"/>
  <c r="T41863" i="1"/>
  <c r="T41864" i="1"/>
  <c r="T41865" i="1"/>
  <c r="T41866" i="1"/>
  <c r="T41867" i="1"/>
  <c r="T41868" i="1"/>
  <c r="T41869" i="1"/>
  <c r="T41870" i="1"/>
  <c r="T41871" i="1"/>
  <c r="T41872" i="1"/>
  <c r="T41873" i="1"/>
  <c r="T41874" i="1"/>
  <c r="T41875" i="1"/>
  <c r="T41876" i="1"/>
  <c r="T41877" i="1"/>
  <c r="T41878" i="1"/>
  <c r="T41879" i="1"/>
  <c r="T41880" i="1"/>
  <c r="T41881" i="1"/>
  <c r="T41882" i="1"/>
  <c r="T41883" i="1"/>
  <c r="T41884" i="1"/>
  <c r="T41885" i="1"/>
  <c r="T41886" i="1"/>
  <c r="T41887" i="1"/>
  <c r="T41888" i="1"/>
  <c r="T41889" i="1"/>
  <c r="T41890" i="1"/>
  <c r="T41891" i="1"/>
  <c r="T41892" i="1"/>
  <c r="T41893" i="1"/>
  <c r="T41894" i="1"/>
  <c r="T41895" i="1"/>
  <c r="T41896" i="1"/>
  <c r="T41897" i="1"/>
  <c r="T41898" i="1"/>
  <c r="T41899" i="1"/>
  <c r="T41900" i="1"/>
  <c r="T41901" i="1"/>
  <c r="T41902" i="1"/>
  <c r="T41903" i="1"/>
  <c r="T41904" i="1"/>
  <c r="T41905" i="1"/>
  <c r="T41906" i="1"/>
  <c r="T41907" i="1"/>
  <c r="T41908" i="1"/>
  <c r="T41909" i="1"/>
  <c r="T41910" i="1"/>
  <c r="T41911" i="1"/>
  <c r="T41912" i="1"/>
  <c r="T41913" i="1"/>
  <c r="T41914" i="1"/>
  <c r="T41915" i="1"/>
  <c r="T41916" i="1"/>
  <c r="T41917" i="1"/>
  <c r="T41918" i="1"/>
  <c r="T41919" i="1"/>
  <c r="T41920" i="1"/>
  <c r="T41921" i="1"/>
  <c r="T41922" i="1"/>
  <c r="T41923" i="1"/>
  <c r="T41924" i="1"/>
  <c r="T41925" i="1"/>
  <c r="T41926" i="1"/>
  <c r="T41927" i="1"/>
  <c r="T41928" i="1"/>
  <c r="T41929" i="1"/>
  <c r="T41930" i="1"/>
  <c r="T41931" i="1"/>
  <c r="T41932" i="1"/>
  <c r="T41933" i="1"/>
  <c r="T41934" i="1"/>
  <c r="T41935" i="1"/>
  <c r="T41936" i="1"/>
  <c r="T41937" i="1"/>
  <c r="T41938" i="1"/>
  <c r="T41939" i="1"/>
  <c r="T41940" i="1"/>
  <c r="T41941" i="1"/>
  <c r="T41942" i="1"/>
  <c r="T41943" i="1"/>
  <c r="T41944" i="1"/>
  <c r="T41945" i="1"/>
  <c r="T41946" i="1"/>
  <c r="T41947" i="1"/>
  <c r="T41948" i="1"/>
  <c r="T41949" i="1"/>
  <c r="T41950" i="1"/>
  <c r="T41951" i="1"/>
  <c r="T41952" i="1"/>
  <c r="T41953" i="1"/>
  <c r="T41954" i="1"/>
  <c r="T41955" i="1"/>
  <c r="T41956" i="1"/>
  <c r="T41957" i="1"/>
  <c r="T41958" i="1"/>
  <c r="T41959" i="1"/>
  <c r="T41960" i="1"/>
  <c r="T41961" i="1"/>
  <c r="T41962" i="1"/>
  <c r="T41963" i="1"/>
  <c r="T41964" i="1"/>
  <c r="T41965" i="1"/>
  <c r="T41966" i="1"/>
  <c r="T41967" i="1"/>
  <c r="T41968" i="1"/>
  <c r="T41969" i="1"/>
  <c r="T41970" i="1"/>
  <c r="T41971" i="1"/>
  <c r="T41972" i="1"/>
  <c r="T41973" i="1"/>
  <c r="T41974" i="1"/>
  <c r="T41975" i="1"/>
  <c r="T41976" i="1"/>
  <c r="T41977" i="1"/>
  <c r="T41978" i="1"/>
  <c r="T41979" i="1"/>
  <c r="T41980" i="1"/>
  <c r="T41981" i="1"/>
  <c r="T41982" i="1"/>
  <c r="T41983" i="1"/>
  <c r="T41984" i="1"/>
  <c r="T41985" i="1"/>
  <c r="T41986" i="1"/>
  <c r="T41987" i="1"/>
  <c r="T41988" i="1"/>
  <c r="T41989" i="1"/>
  <c r="T41990" i="1"/>
  <c r="T41991" i="1"/>
  <c r="T41992" i="1"/>
  <c r="T41993" i="1"/>
  <c r="T41994" i="1"/>
  <c r="T41995" i="1"/>
  <c r="T41996" i="1"/>
  <c r="T41997" i="1"/>
  <c r="T41998" i="1"/>
  <c r="T41999" i="1"/>
  <c r="T42000" i="1"/>
  <c r="T42001" i="1"/>
  <c r="T42002" i="1"/>
  <c r="T42003" i="1"/>
  <c r="T42004" i="1"/>
  <c r="T42005" i="1"/>
  <c r="T42006" i="1"/>
  <c r="T42007" i="1"/>
  <c r="T42008" i="1"/>
  <c r="T42009" i="1"/>
  <c r="T42010" i="1"/>
  <c r="T42011" i="1"/>
  <c r="T42012" i="1"/>
  <c r="T42013" i="1"/>
  <c r="T42014" i="1"/>
  <c r="T42015" i="1"/>
  <c r="T42016" i="1"/>
  <c r="T42017" i="1"/>
  <c r="T42018" i="1"/>
  <c r="T42019" i="1"/>
  <c r="T42020" i="1"/>
  <c r="T42021" i="1"/>
  <c r="T42022" i="1"/>
  <c r="T42023" i="1"/>
  <c r="T42024" i="1"/>
  <c r="T42025" i="1"/>
  <c r="T42026" i="1"/>
  <c r="T42027" i="1"/>
  <c r="T42028" i="1"/>
  <c r="T42029" i="1"/>
  <c r="T42030" i="1"/>
  <c r="T42031" i="1"/>
  <c r="T42032" i="1"/>
  <c r="T42033" i="1"/>
  <c r="T42034" i="1"/>
  <c r="T42035" i="1"/>
  <c r="T42036" i="1"/>
  <c r="T42037" i="1"/>
  <c r="T42038" i="1"/>
  <c r="T42039" i="1"/>
  <c r="T42040" i="1"/>
  <c r="T42041" i="1"/>
  <c r="T42042" i="1"/>
  <c r="T42043" i="1"/>
  <c r="T42044" i="1"/>
  <c r="T42045" i="1"/>
  <c r="T42046" i="1"/>
  <c r="T42047" i="1"/>
  <c r="T42048" i="1"/>
  <c r="T42049" i="1"/>
  <c r="T42050" i="1"/>
  <c r="T42051" i="1"/>
  <c r="T42052" i="1"/>
  <c r="T42053" i="1"/>
  <c r="T42054" i="1"/>
  <c r="T42055" i="1"/>
  <c r="T42056" i="1"/>
  <c r="T42057" i="1"/>
  <c r="T42058" i="1"/>
  <c r="T42059" i="1"/>
  <c r="T42060" i="1"/>
  <c r="T42061" i="1"/>
  <c r="T42062" i="1"/>
  <c r="T42063" i="1"/>
  <c r="T42064" i="1"/>
  <c r="T42065" i="1"/>
  <c r="T42066" i="1"/>
  <c r="T42067" i="1"/>
  <c r="T42068" i="1"/>
  <c r="T42069" i="1"/>
  <c r="T42070" i="1"/>
  <c r="T42071" i="1"/>
  <c r="T42072" i="1"/>
  <c r="T42073" i="1"/>
  <c r="T42074" i="1"/>
  <c r="T42075" i="1"/>
  <c r="T42076" i="1"/>
  <c r="T42077" i="1"/>
  <c r="T42078" i="1"/>
  <c r="T42079" i="1"/>
  <c r="T42080" i="1"/>
  <c r="T42081" i="1"/>
  <c r="T42082" i="1"/>
  <c r="T42083" i="1"/>
  <c r="T42084" i="1"/>
  <c r="T42085" i="1"/>
  <c r="T42086" i="1"/>
  <c r="T42087" i="1"/>
  <c r="T42088" i="1"/>
  <c r="T42089" i="1"/>
  <c r="T42090" i="1"/>
  <c r="T42091" i="1"/>
  <c r="T42092" i="1"/>
  <c r="T42093" i="1"/>
  <c r="T42094" i="1"/>
  <c r="T42095" i="1"/>
  <c r="T42096" i="1"/>
  <c r="T42097" i="1"/>
  <c r="T42098" i="1"/>
  <c r="T42099" i="1"/>
  <c r="T42100" i="1"/>
  <c r="T42101" i="1"/>
  <c r="T42102" i="1"/>
  <c r="T42103" i="1"/>
  <c r="T42104" i="1"/>
  <c r="T42105" i="1"/>
  <c r="T42106" i="1"/>
  <c r="T42107" i="1"/>
  <c r="T42108" i="1"/>
  <c r="T42109" i="1"/>
  <c r="T42110" i="1"/>
  <c r="T42111" i="1"/>
  <c r="T42112" i="1"/>
  <c r="T42113" i="1"/>
  <c r="T42114" i="1"/>
  <c r="T42115" i="1"/>
  <c r="T42116" i="1"/>
  <c r="T42117" i="1"/>
  <c r="T42118" i="1"/>
  <c r="T42119" i="1"/>
  <c r="T42120" i="1"/>
  <c r="T42121" i="1"/>
  <c r="T42122" i="1"/>
  <c r="T42123" i="1"/>
  <c r="T42124" i="1"/>
  <c r="T42125" i="1"/>
  <c r="T42126" i="1"/>
  <c r="T42127" i="1"/>
  <c r="T42128" i="1"/>
  <c r="T42129" i="1"/>
  <c r="T42130" i="1"/>
  <c r="T42131" i="1"/>
  <c r="T42132" i="1"/>
  <c r="T42133" i="1"/>
  <c r="T42134" i="1"/>
  <c r="T42135" i="1"/>
  <c r="T42136" i="1"/>
  <c r="T42137" i="1"/>
  <c r="T42138" i="1"/>
  <c r="T42139" i="1"/>
  <c r="T42140" i="1"/>
  <c r="T42141" i="1"/>
  <c r="T42142" i="1"/>
  <c r="T42143" i="1"/>
  <c r="T42144" i="1"/>
  <c r="T42145" i="1"/>
  <c r="T42146" i="1"/>
  <c r="T42147" i="1"/>
  <c r="T42148" i="1"/>
  <c r="T42149" i="1"/>
  <c r="T42150" i="1"/>
  <c r="T42151" i="1"/>
  <c r="T42152" i="1"/>
  <c r="T42153" i="1"/>
  <c r="T42154" i="1"/>
  <c r="T42155" i="1"/>
  <c r="T42156" i="1"/>
  <c r="T42157" i="1"/>
  <c r="T42158" i="1"/>
  <c r="T42159" i="1"/>
  <c r="T42160" i="1"/>
  <c r="T42161" i="1"/>
  <c r="T42162" i="1"/>
  <c r="T42163" i="1"/>
  <c r="T42164" i="1"/>
  <c r="T42165" i="1"/>
  <c r="T42166" i="1"/>
  <c r="T42167" i="1"/>
  <c r="T42168" i="1"/>
  <c r="T42169" i="1"/>
  <c r="T42170" i="1"/>
  <c r="T42171" i="1"/>
  <c r="T42172" i="1"/>
  <c r="T42173" i="1"/>
  <c r="T42174" i="1"/>
  <c r="T42175" i="1"/>
  <c r="T42176" i="1"/>
  <c r="T42177" i="1"/>
  <c r="T42178" i="1"/>
  <c r="T42179" i="1"/>
  <c r="T42180" i="1"/>
  <c r="T42181" i="1"/>
  <c r="T42182" i="1"/>
  <c r="T42183" i="1"/>
  <c r="T42184" i="1"/>
  <c r="T42185" i="1"/>
  <c r="T42186" i="1"/>
  <c r="T42187" i="1"/>
  <c r="T42188" i="1"/>
  <c r="T42189" i="1"/>
  <c r="T42190" i="1"/>
  <c r="T42191" i="1"/>
  <c r="T42192" i="1"/>
  <c r="T42193" i="1"/>
  <c r="T42194" i="1"/>
  <c r="T42195" i="1"/>
  <c r="T42196" i="1"/>
  <c r="T42197" i="1"/>
  <c r="T42198" i="1"/>
  <c r="T42199" i="1"/>
  <c r="T42200" i="1"/>
  <c r="T42201" i="1"/>
  <c r="T42202" i="1"/>
  <c r="T42203" i="1"/>
  <c r="T42204" i="1"/>
  <c r="T42205" i="1"/>
  <c r="T42206" i="1"/>
  <c r="T42207" i="1"/>
  <c r="T42208" i="1"/>
  <c r="T42209" i="1"/>
  <c r="T42210" i="1"/>
  <c r="T42211" i="1"/>
  <c r="T42212" i="1"/>
  <c r="T42213" i="1"/>
  <c r="T42214" i="1"/>
  <c r="T42215" i="1"/>
  <c r="T42216" i="1"/>
  <c r="T42217" i="1"/>
  <c r="T42218" i="1"/>
  <c r="T42219" i="1"/>
  <c r="T42220" i="1"/>
  <c r="T42221" i="1"/>
  <c r="T42222" i="1"/>
  <c r="T42223" i="1"/>
  <c r="T42224" i="1"/>
  <c r="T42225" i="1"/>
  <c r="T42226" i="1"/>
  <c r="T42227" i="1"/>
  <c r="T42228" i="1"/>
  <c r="T42229" i="1"/>
  <c r="T42230" i="1"/>
  <c r="T42231" i="1"/>
  <c r="T42232" i="1"/>
  <c r="T42233" i="1"/>
  <c r="T42234" i="1"/>
  <c r="T42235" i="1"/>
  <c r="T42236" i="1"/>
  <c r="T42237" i="1"/>
  <c r="T42238" i="1"/>
  <c r="T42239" i="1"/>
  <c r="T42240" i="1"/>
  <c r="T42241" i="1"/>
  <c r="T42242" i="1"/>
  <c r="T42243" i="1"/>
  <c r="T42244" i="1"/>
  <c r="T42245" i="1"/>
  <c r="T42246" i="1"/>
  <c r="T42247" i="1"/>
  <c r="T42248" i="1"/>
  <c r="T42249" i="1"/>
  <c r="T42250" i="1"/>
  <c r="T42251" i="1"/>
  <c r="T42252" i="1"/>
  <c r="T42253" i="1"/>
  <c r="T42254" i="1"/>
  <c r="T42255" i="1"/>
  <c r="T42256" i="1"/>
  <c r="T42257" i="1"/>
  <c r="T42258" i="1"/>
  <c r="T42259" i="1"/>
  <c r="T42260" i="1"/>
  <c r="T42261" i="1"/>
  <c r="T42262" i="1"/>
  <c r="T42263" i="1"/>
  <c r="T42264" i="1"/>
  <c r="T42265" i="1"/>
  <c r="T42266" i="1"/>
  <c r="T42267" i="1"/>
  <c r="T42268" i="1"/>
  <c r="T42269" i="1"/>
  <c r="T42270" i="1"/>
  <c r="T42271" i="1"/>
  <c r="T42272" i="1"/>
  <c r="T42273" i="1"/>
  <c r="T42274" i="1"/>
  <c r="T42275" i="1"/>
  <c r="T42276" i="1"/>
  <c r="T42277" i="1"/>
  <c r="T42278" i="1"/>
  <c r="T42279" i="1"/>
  <c r="T42280" i="1"/>
  <c r="T42281" i="1"/>
  <c r="T42282" i="1"/>
  <c r="T42283" i="1"/>
  <c r="T42284" i="1"/>
  <c r="T42285" i="1"/>
  <c r="T42286" i="1"/>
  <c r="T42287" i="1"/>
  <c r="T42288" i="1"/>
  <c r="T42289" i="1"/>
  <c r="T42290" i="1"/>
  <c r="T42291" i="1"/>
  <c r="T42292" i="1"/>
  <c r="T42293" i="1"/>
  <c r="T42294" i="1"/>
  <c r="T42295" i="1"/>
  <c r="T42296" i="1"/>
  <c r="T42297" i="1"/>
  <c r="T42298" i="1"/>
  <c r="T42299" i="1"/>
  <c r="T42300" i="1"/>
  <c r="T42301" i="1"/>
  <c r="T42302" i="1"/>
  <c r="T42303" i="1"/>
  <c r="T42304" i="1"/>
  <c r="T42305" i="1"/>
  <c r="T42306" i="1"/>
  <c r="T42307" i="1"/>
  <c r="T42308" i="1"/>
  <c r="T42309" i="1"/>
  <c r="T42310" i="1"/>
  <c r="T42311" i="1"/>
  <c r="T42312" i="1"/>
  <c r="T42313" i="1"/>
  <c r="T42314" i="1"/>
  <c r="T42315" i="1"/>
  <c r="T42316" i="1"/>
  <c r="T42317" i="1"/>
  <c r="T42318" i="1"/>
  <c r="T42319" i="1"/>
  <c r="T42320" i="1"/>
  <c r="T42321" i="1"/>
  <c r="T42322" i="1"/>
  <c r="T42323" i="1"/>
  <c r="T42324" i="1"/>
  <c r="T42325" i="1"/>
  <c r="T42326" i="1"/>
  <c r="T42327" i="1"/>
  <c r="T42328" i="1"/>
  <c r="T42329" i="1"/>
  <c r="T42330" i="1"/>
  <c r="T42331" i="1"/>
  <c r="T42332" i="1"/>
  <c r="T42333" i="1"/>
  <c r="T42334" i="1"/>
  <c r="T42335" i="1"/>
  <c r="T42336" i="1"/>
  <c r="T42337" i="1"/>
  <c r="T42338" i="1"/>
  <c r="T42339" i="1"/>
  <c r="T42340" i="1"/>
  <c r="T42341" i="1"/>
  <c r="T42342" i="1"/>
  <c r="T42343" i="1"/>
  <c r="T42344" i="1"/>
  <c r="T42345" i="1"/>
  <c r="T42346" i="1"/>
  <c r="T42347" i="1"/>
  <c r="T42348" i="1"/>
  <c r="T42349" i="1"/>
  <c r="T42350" i="1"/>
  <c r="T42351" i="1"/>
  <c r="T42352" i="1"/>
  <c r="T42353" i="1"/>
  <c r="T42354" i="1"/>
  <c r="T42355" i="1"/>
  <c r="T42356" i="1"/>
  <c r="T42357" i="1"/>
  <c r="T42358" i="1"/>
  <c r="T42359" i="1"/>
  <c r="T42360" i="1"/>
  <c r="T42361" i="1"/>
  <c r="T42362" i="1"/>
  <c r="T42363" i="1"/>
  <c r="T42364" i="1"/>
  <c r="T42365" i="1"/>
  <c r="T42366" i="1"/>
  <c r="T42367" i="1"/>
  <c r="T42368" i="1"/>
  <c r="T42369" i="1"/>
  <c r="T42370" i="1"/>
  <c r="T42371" i="1"/>
  <c r="T42372" i="1"/>
  <c r="T42373" i="1"/>
  <c r="T42374" i="1"/>
  <c r="T42375" i="1"/>
  <c r="T42376" i="1"/>
  <c r="T42377" i="1"/>
  <c r="T42378" i="1"/>
  <c r="T42379" i="1"/>
  <c r="T42380" i="1"/>
  <c r="T42381" i="1"/>
  <c r="T42382" i="1"/>
  <c r="T42383" i="1"/>
  <c r="T42384" i="1"/>
  <c r="T42385" i="1"/>
  <c r="T42386" i="1"/>
  <c r="T42387" i="1"/>
  <c r="T42388" i="1"/>
  <c r="T42389" i="1"/>
  <c r="T42390" i="1"/>
  <c r="T42391" i="1"/>
  <c r="T42392" i="1"/>
  <c r="T42393" i="1"/>
  <c r="T42394" i="1"/>
  <c r="T42395" i="1"/>
  <c r="T42396" i="1"/>
  <c r="T42397" i="1"/>
  <c r="T42398" i="1"/>
  <c r="T42399" i="1"/>
  <c r="T42400" i="1"/>
  <c r="T42401" i="1"/>
  <c r="T42402" i="1"/>
  <c r="T42403" i="1"/>
  <c r="T42404" i="1"/>
  <c r="T42405" i="1"/>
  <c r="T42406" i="1"/>
  <c r="T42407" i="1"/>
  <c r="T42408" i="1"/>
  <c r="T42409" i="1"/>
  <c r="T42410" i="1"/>
  <c r="T42411" i="1"/>
  <c r="T42412" i="1"/>
  <c r="T42413" i="1"/>
  <c r="T42414" i="1"/>
  <c r="T42415" i="1"/>
  <c r="T42416" i="1"/>
  <c r="T42417" i="1"/>
  <c r="T42418" i="1"/>
  <c r="T42419" i="1"/>
  <c r="T42420" i="1"/>
  <c r="T42421" i="1"/>
  <c r="T42422" i="1"/>
  <c r="T42423" i="1"/>
  <c r="T42424" i="1"/>
  <c r="T42425" i="1"/>
  <c r="T42426" i="1"/>
  <c r="T42427" i="1"/>
  <c r="T42428" i="1"/>
  <c r="T42429" i="1"/>
  <c r="T42430" i="1"/>
  <c r="T42431" i="1"/>
  <c r="T42432" i="1"/>
  <c r="T42433" i="1"/>
  <c r="T42434" i="1"/>
  <c r="T42435" i="1"/>
  <c r="T42436" i="1"/>
  <c r="T42437" i="1"/>
  <c r="T42438" i="1"/>
  <c r="T42439" i="1"/>
  <c r="T42440" i="1"/>
  <c r="T42441" i="1"/>
  <c r="T42442" i="1"/>
  <c r="T42443" i="1"/>
  <c r="T42444" i="1"/>
  <c r="T42445" i="1"/>
  <c r="T42446" i="1"/>
  <c r="T42447" i="1"/>
  <c r="T42448" i="1"/>
  <c r="T42449" i="1"/>
  <c r="T42450" i="1"/>
  <c r="T42451" i="1"/>
  <c r="T42452" i="1"/>
  <c r="T42453" i="1"/>
  <c r="T42454" i="1"/>
  <c r="T42455" i="1"/>
  <c r="T42456" i="1"/>
  <c r="T42457" i="1"/>
  <c r="T42458" i="1"/>
  <c r="T42459" i="1"/>
  <c r="T42460" i="1"/>
  <c r="T42461" i="1"/>
  <c r="T42462" i="1"/>
  <c r="T42463" i="1"/>
  <c r="T42464" i="1"/>
  <c r="T42465" i="1"/>
  <c r="T42466" i="1"/>
  <c r="T42467" i="1"/>
  <c r="T42468" i="1"/>
  <c r="T42469" i="1"/>
  <c r="T42470" i="1"/>
  <c r="T42471" i="1"/>
  <c r="T42472" i="1"/>
  <c r="T42473" i="1"/>
  <c r="T42474" i="1"/>
  <c r="T42475" i="1"/>
  <c r="T42476" i="1"/>
  <c r="T42477" i="1"/>
  <c r="T42478" i="1"/>
  <c r="T42479" i="1"/>
  <c r="T42480" i="1"/>
  <c r="T42481" i="1"/>
  <c r="T42482" i="1"/>
  <c r="T42483" i="1"/>
  <c r="T42484" i="1"/>
  <c r="T42485" i="1"/>
  <c r="T42486" i="1"/>
  <c r="T42487" i="1"/>
  <c r="T42488" i="1"/>
  <c r="T42489" i="1"/>
  <c r="T42490" i="1"/>
  <c r="T42491" i="1"/>
  <c r="T42492" i="1"/>
  <c r="T42493" i="1"/>
  <c r="T42494" i="1"/>
  <c r="T42495" i="1"/>
  <c r="T42496" i="1"/>
  <c r="T42497" i="1"/>
  <c r="T42498" i="1"/>
  <c r="T42499" i="1"/>
  <c r="T42500" i="1"/>
  <c r="T42501" i="1"/>
  <c r="T42502" i="1"/>
  <c r="T42503" i="1"/>
  <c r="T42504" i="1"/>
  <c r="T42505" i="1"/>
  <c r="T42506" i="1"/>
  <c r="T42507" i="1"/>
  <c r="T42508" i="1"/>
  <c r="T42509" i="1"/>
  <c r="T42510" i="1"/>
  <c r="T42511" i="1"/>
  <c r="T42512" i="1"/>
  <c r="T42513" i="1"/>
  <c r="T42514" i="1"/>
  <c r="T42515" i="1"/>
  <c r="T42516" i="1"/>
  <c r="T42517" i="1"/>
  <c r="T42518" i="1"/>
  <c r="T42519" i="1"/>
  <c r="T42520" i="1"/>
  <c r="T42521" i="1"/>
  <c r="T42522" i="1"/>
  <c r="T42523" i="1"/>
  <c r="T42524" i="1"/>
  <c r="T42525" i="1"/>
  <c r="T42526" i="1"/>
  <c r="T42527" i="1"/>
  <c r="T42528" i="1"/>
  <c r="T42529" i="1"/>
  <c r="T42530" i="1"/>
  <c r="T42531" i="1"/>
  <c r="T42532" i="1"/>
  <c r="T42533" i="1"/>
  <c r="T42534" i="1"/>
  <c r="T42535" i="1"/>
  <c r="T42536" i="1"/>
  <c r="T42537" i="1"/>
  <c r="T42538" i="1"/>
  <c r="T42539" i="1"/>
  <c r="T42540" i="1"/>
  <c r="T42541" i="1"/>
  <c r="T42542" i="1"/>
  <c r="T42543" i="1"/>
  <c r="T42544" i="1"/>
  <c r="T42545" i="1"/>
  <c r="T42546" i="1"/>
  <c r="T42547" i="1"/>
  <c r="T42548" i="1"/>
  <c r="T42549" i="1"/>
  <c r="T42550" i="1"/>
  <c r="T42551" i="1"/>
  <c r="T42552" i="1"/>
  <c r="T42553" i="1"/>
  <c r="T42554" i="1"/>
  <c r="T42555" i="1"/>
  <c r="T42556" i="1"/>
  <c r="T42557" i="1"/>
  <c r="T42558" i="1"/>
  <c r="T42559" i="1"/>
  <c r="T42560" i="1"/>
  <c r="T42561" i="1"/>
  <c r="T42562" i="1"/>
  <c r="T42563" i="1"/>
  <c r="T42564" i="1"/>
  <c r="T42565" i="1"/>
  <c r="T42566" i="1"/>
  <c r="T42567" i="1"/>
  <c r="T42568" i="1"/>
  <c r="T42569" i="1"/>
  <c r="T42570" i="1"/>
  <c r="T42571" i="1"/>
  <c r="T42572" i="1"/>
  <c r="T42573" i="1"/>
  <c r="T42574" i="1"/>
  <c r="T42575" i="1"/>
  <c r="T42576" i="1"/>
  <c r="T42577" i="1"/>
  <c r="T42578" i="1"/>
  <c r="T42579" i="1"/>
  <c r="T42580" i="1"/>
  <c r="T42581" i="1"/>
  <c r="T42582" i="1"/>
  <c r="T42583" i="1"/>
  <c r="T42584" i="1"/>
  <c r="T42585" i="1"/>
  <c r="T42586" i="1"/>
  <c r="T42587" i="1"/>
  <c r="T42588" i="1"/>
  <c r="T42589" i="1"/>
  <c r="T42590" i="1"/>
  <c r="T42591" i="1"/>
  <c r="T42592" i="1"/>
  <c r="T42593" i="1"/>
  <c r="T42594" i="1"/>
  <c r="T42595" i="1"/>
  <c r="T42596" i="1"/>
  <c r="T42597" i="1"/>
  <c r="T42598" i="1"/>
  <c r="T42599" i="1"/>
  <c r="T42600" i="1"/>
  <c r="T42601" i="1"/>
  <c r="T42602" i="1"/>
  <c r="T42603" i="1"/>
  <c r="T42604" i="1"/>
  <c r="T42605" i="1"/>
  <c r="T42606" i="1"/>
  <c r="T42607" i="1"/>
  <c r="T42608" i="1"/>
  <c r="T42609" i="1"/>
  <c r="T42610" i="1"/>
  <c r="T42611" i="1"/>
  <c r="T42612" i="1"/>
  <c r="T42613" i="1"/>
  <c r="T42614" i="1"/>
  <c r="T42615" i="1"/>
  <c r="T42616" i="1"/>
  <c r="T42617" i="1"/>
  <c r="T42618" i="1"/>
  <c r="T42619" i="1"/>
  <c r="T42620" i="1"/>
  <c r="T42621" i="1"/>
  <c r="T42622" i="1"/>
  <c r="T42623" i="1"/>
  <c r="T42624" i="1"/>
  <c r="T42625" i="1"/>
  <c r="T42626" i="1"/>
  <c r="T42627" i="1"/>
  <c r="T42628" i="1"/>
  <c r="T42629" i="1"/>
  <c r="T42630" i="1"/>
  <c r="T42631" i="1"/>
  <c r="T42632" i="1"/>
  <c r="T42633" i="1"/>
  <c r="T42634" i="1"/>
  <c r="T42635" i="1"/>
  <c r="T42636" i="1"/>
  <c r="T42637" i="1"/>
  <c r="T42638" i="1"/>
  <c r="T42639" i="1"/>
  <c r="T42640" i="1"/>
  <c r="T42641" i="1"/>
  <c r="T42642" i="1"/>
  <c r="T42643" i="1"/>
  <c r="T42644" i="1"/>
  <c r="T42645" i="1"/>
  <c r="T42646" i="1"/>
  <c r="T42647" i="1"/>
  <c r="T42648" i="1"/>
  <c r="T42649" i="1"/>
  <c r="T42650" i="1"/>
  <c r="T42651" i="1"/>
  <c r="T42652" i="1"/>
  <c r="T42653" i="1"/>
  <c r="T42654" i="1"/>
  <c r="T42655" i="1"/>
  <c r="T42656" i="1"/>
  <c r="T42657" i="1"/>
  <c r="T42658" i="1"/>
  <c r="T42659" i="1"/>
  <c r="T42660" i="1"/>
  <c r="T42661" i="1"/>
  <c r="T42662" i="1"/>
  <c r="T42663" i="1"/>
  <c r="T42664" i="1"/>
  <c r="T42665" i="1"/>
  <c r="T42666" i="1"/>
  <c r="T42667" i="1"/>
  <c r="T42668" i="1"/>
  <c r="T42669" i="1"/>
  <c r="T42670" i="1"/>
  <c r="T42671" i="1"/>
  <c r="T42672" i="1"/>
  <c r="T42673" i="1"/>
  <c r="T42674" i="1"/>
  <c r="T42675" i="1"/>
  <c r="T42676" i="1"/>
  <c r="T42677" i="1"/>
  <c r="T42678" i="1"/>
  <c r="T42679" i="1"/>
  <c r="T42680" i="1"/>
  <c r="T42681" i="1"/>
  <c r="T42682" i="1"/>
  <c r="T42683" i="1"/>
  <c r="T42684" i="1"/>
  <c r="T42685" i="1"/>
  <c r="T42686" i="1"/>
  <c r="T42687" i="1"/>
  <c r="T42688" i="1"/>
  <c r="T42689" i="1"/>
  <c r="T42690" i="1"/>
  <c r="T42691" i="1"/>
  <c r="T42692" i="1"/>
  <c r="T42693" i="1"/>
  <c r="T42694" i="1"/>
  <c r="T42695" i="1"/>
  <c r="T42696" i="1"/>
  <c r="T42697" i="1"/>
  <c r="T42698" i="1"/>
  <c r="T42699" i="1"/>
  <c r="T42700" i="1"/>
  <c r="T42701" i="1"/>
  <c r="T42702" i="1"/>
  <c r="T42703" i="1"/>
  <c r="T42704" i="1"/>
  <c r="T42705" i="1"/>
  <c r="T42706" i="1"/>
  <c r="T42707" i="1"/>
  <c r="T42708" i="1"/>
  <c r="T42709" i="1"/>
  <c r="T42710" i="1"/>
  <c r="T42711" i="1"/>
  <c r="T42712" i="1"/>
  <c r="T42713" i="1"/>
  <c r="T42714" i="1"/>
  <c r="T42715" i="1"/>
  <c r="T42716" i="1"/>
  <c r="T42717" i="1"/>
  <c r="T42718" i="1"/>
  <c r="T42719" i="1"/>
  <c r="T42720" i="1"/>
  <c r="T42721" i="1"/>
  <c r="T42722" i="1"/>
  <c r="T42723" i="1"/>
  <c r="T42724" i="1"/>
  <c r="T42725" i="1"/>
  <c r="T42726" i="1"/>
  <c r="T42727" i="1"/>
  <c r="T42728" i="1"/>
  <c r="T42729" i="1"/>
  <c r="T42730" i="1"/>
  <c r="T42731" i="1"/>
  <c r="T42732" i="1"/>
  <c r="T42733" i="1"/>
  <c r="T42734" i="1"/>
  <c r="T42735" i="1"/>
  <c r="T42736" i="1"/>
  <c r="T42737" i="1"/>
  <c r="T42738" i="1"/>
  <c r="T42739" i="1"/>
  <c r="T42740" i="1"/>
  <c r="T42741" i="1"/>
  <c r="T42742" i="1"/>
  <c r="T42743" i="1"/>
  <c r="T42744" i="1"/>
  <c r="T42745" i="1"/>
  <c r="T42746" i="1"/>
  <c r="T42747" i="1"/>
  <c r="T42748" i="1"/>
  <c r="T42749" i="1"/>
  <c r="T42750" i="1"/>
  <c r="T42751" i="1"/>
  <c r="T42752" i="1"/>
  <c r="T42753" i="1"/>
  <c r="T42754" i="1"/>
  <c r="T42755" i="1"/>
  <c r="T42756" i="1"/>
  <c r="T42757" i="1"/>
  <c r="T42758" i="1"/>
  <c r="T42759" i="1"/>
  <c r="T42760" i="1"/>
  <c r="T42761" i="1"/>
  <c r="T42762" i="1"/>
  <c r="T42763" i="1"/>
  <c r="T42764" i="1"/>
  <c r="T42765" i="1"/>
  <c r="T42766" i="1"/>
  <c r="T42767" i="1"/>
  <c r="T42768" i="1"/>
  <c r="T42769" i="1"/>
  <c r="T42770" i="1"/>
  <c r="T42771" i="1"/>
  <c r="T42772" i="1"/>
  <c r="T42773" i="1"/>
  <c r="T42774" i="1"/>
  <c r="T42775" i="1"/>
  <c r="T42776" i="1"/>
  <c r="T42777" i="1"/>
  <c r="T42778" i="1"/>
  <c r="T42779" i="1"/>
  <c r="T42780" i="1"/>
  <c r="T42781" i="1"/>
  <c r="T42782" i="1"/>
  <c r="T42783" i="1"/>
  <c r="T42784" i="1"/>
  <c r="T42785" i="1"/>
  <c r="T42786" i="1"/>
  <c r="T42787" i="1"/>
  <c r="T42788" i="1"/>
  <c r="T42789" i="1"/>
  <c r="T42790" i="1"/>
  <c r="T42791" i="1"/>
  <c r="T42792" i="1"/>
  <c r="T42793" i="1"/>
  <c r="T42794" i="1"/>
  <c r="T42795" i="1"/>
  <c r="T42796" i="1"/>
  <c r="T42797" i="1"/>
  <c r="T42798" i="1"/>
  <c r="T42799" i="1"/>
  <c r="T42800" i="1"/>
  <c r="T42801" i="1"/>
  <c r="T42802" i="1"/>
  <c r="T42803" i="1"/>
  <c r="T42804" i="1"/>
  <c r="T42805" i="1"/>
  <c r="T42806" i="1"/>
  <c r="T42807" i="1"/>
  <c r="T42808" i="1"/>
  <c r="T42809" i="1"/>
  <c r="T42810" i="1"/>
  <c r="T42811" i="1"/>
  <c r="T42812" i="1"/>
  <c r="T42813" i="1"/>
  <c r="T42814" i="1"/>
  <c r="T42815" i="1"/>
  <c r="T42816" i="1"/>
  <c r="T42817" i="1"/>
  <c r="T42818" i="1"/>
  <c r="T42819" i="1"/>
  <c r="T42820" i="1"/>
  <c r="T42821" i="1"/>
  <c r="T42822" i="1"/>
  <c r="T42823" i="1"/>
  <c r="T42824" i="1"/>
  <c r="T42825" i="1"/>
  <c r="T42826" i="1"/>
  <c r="T42827" i="1"/>
  <c r="T42828" i="1"/>
  <c r="T42829" i="1"/>
  <c r="T42830" i="1"/>
  <c r="T42831" i="1"/>
  <c r="T42832" i="1"/>
  <c r="T42833" i="1"/>
  <c r="T42834" i="1"/>
  <c r="T42835" i="1"/>
  <c r="T42836" i="1"/>
  <c r="T42837" i="1"/>
  <c r="T42838" i="1"/>
  <c r="T42839" i="1"/>
  <c r="T42840" i="1"/>
  <c r="T42841" i="1"/>
  <c r="T42842" i="1"/>
  <c r="T42843" i="1"/>
  <c r="T42844" i="1"/>
  <c r="T42845" i="1"/>
  <c r="T42846" i="1"/>
  <c r="T42847" i="1"/>
  <c r="T42848" i="1"/>
  <c r="T42849" i="1"/>
  <c r="T42850" i="1"/>
  <c r="T42851" i="1"/>
  <c r="T42852" i="1"/>
  <c r="T42853" i="1"/>
  <c r="T42854" i="1"/>
  <c r="T42855" i="1"/>
  <c r="T42856" i="1"/>
  <c r="T42857" i="1"/>
  <c r="T42858" i="1"/>
  <c r="T42859" i="1"/>
  <c r="T42860" i="1"/>
  <c r="T42861" i="1"/>
  <c r="T42862" i="1"/>
  <c r="T42863" i="1"/>
  <c r="T42864" i="1"/>
  <c r="T42865" i="1"/>
  <c r="T42866" i="1"/>
  <c r="T42867" i="1"/>
  <c r="T42868" i="1"/>
  <c r="T42869" i="1"/>
  <c r="T42870" i="1"/>
  <c r="T42871" i="1"/>
  <c r="T42872" i="1"/>
  <c r="T42873" i="1"/>
  <c r="T42874" i="1"/>
  <c r="T42875" i="1"/>
  <c r="T42876" i="1"/>
  <c r="T42877" i="1"/>
  <c r="T42878" i="1"/>
  <c r="T42879" i="1"/>
  <c r="T42880" i="1"/>
  <c r="T42881" i="1"/>
  <c r="T42882" i="1"/>
  <c r="T42883" i="1"/>
  <c r="T42884" i="1"/>
  <c r="T42885" i="1"/>
  <c r="T42886" i="1"/>
  <c r="T42887" i="1"/>
  <c r="T42888" i="1"/>
  <c r="T42889" i="1"/>
  <c r="T42890" i="1"/>
  <c r="T42891" i="1"/>
  <c r="T42892" i="1"/>
  <c r="T42893" i="1"/>
  <c r="T42894" i="1"/>
  <c r="T42895" i="1"/>
  <c r="T42896" i="1"/>
  <c r="T42897" i="1"/>
  <c r="T42898" i="1"/>
  <c r="T42899" i="1"/>
  <c r="T42900" i="1"/>
  <c r="T42901" i="1"/>
  <c r="T42902" i="1"/>
  <c r="T42903" i="1"/>
  <c r="T42904" i="1"/>
  <c r="T42905" i="1"/>
  <c r="T42906" i="1"/>
  <c r="T42907" i="1"/>
  <c r="T42908" i="1"/>
  <c r="T42909" i="1"/>
  <c r="T42910" i="1"/>
  <c r="T42911" i="1"/>
  <c r="T42912" i="1"/>
  <c r="T42913" i="1"/>
  <c r="T42914" i="1"/>
  <c r="T42915" i="1"/>
  <c r="T42916" i="1"/>
  <c r="T42917" i="1"/>
  <c r="T42918" i="1"/>
  <c r="T42919" i="1"/>
  <c r="T42920" i="1"/>
  <c r="T42921" i="1"/>
  <c r="T42922" i="1"/>
  <c r="T42923" i="1"/>
  <c r="T42924" i="1"/>
  <c r="T42925" i="1"/>
  <c r="T42926" i="1"/>
  <c r="T42927" i="1"/>
  <c r="T42928" i="1"/>
  <c r="T42929" i="1"/>
  <c r="T42930" i="1"/>
  <c r="T42931" i="1"/>
  <c r="T42932" i="1"/>
  <c r="T42933" i="1"/>
  <c r="T42934" i="1"/>
  <c r="T42935" i="1"/>
  <c r="T42936" i="1"/>
  <c r="T42937" i="1"/>
  <c r="T42938" i="1"/>
  <c r="T42939" i="1"/>
  <c r="T42940" i="1"/>
  <c r="T42941" i="1"/>
  <c r="T42942" i="1"/>
  <c r="T42943" i="1"/>
  <c r="T42944" i="1"/>
  <c r="T42945" i="1"/>
  <c r="T42946" i="1"/>
  <c r="T42947" i="1"/>
  <c r="T42948" i="1"/>
  <c r="T42949" i="1"/>
  <c r="T42950" i="1"/>
  <c r="T42951" i="1"/>
  <c r="T42952" i="1"/>
  <c r="T42953" i="1"/>
  <c r="T42954" i="1"/>
  <c r="T42955" i="1"/>
  <c r="T42956" i="1"/>
  <c r="T42957" i="1"/>
  <c r="T42958" i="1"/>
  <c r="T42959" i="1"/>
  <c r="T42960" i="1"/>
  <c r="T42961" i="1"/>
  <c r="T42962" i="1"/>
  <c r="T42963" i="1"/>
  <c r="T42964" i="1"/>
  <c r="T42965" i="1"/>
  <c r="T42966" i="1"/>
  <c r="T42967" i="1"/>
  <c r="T42968" i="1"/>
  <c r="T42969" i="1"/>
  <c r="T42970" i="1"/>
  <c r="T42971" i="1"/>
  <c r="T42972" i="1"/>
  <c r="T42973" i="1"/>
  <c r="T42974" i="1"/>
  <c r="T42975" i="1"/>
  <c r="T42976" i="1"/>
  <c r="T42977" i="1"/>
  <c r="T42978" i="1"/>
  <c r="T42979" i="1"/>
  <c r="T42980" i="1"/>
  <c r="T42981" i="1"/>
  <c r="T42982" i="1"/>
  <c r="T42983" i="1"/>
  <c r="T42984" i="1"/>
  <c r="T42985" i="1"/>
  <c r="T42986" i="1"/>
  <c r="T42987" i="1"/>
  <c r="T42988" i="1"/>
  <c r="T42989" i="1"/>
  <c r="T42990" i="1"/>
  <c r="T42991" i="1"/>
  <c r="T42992" i="1"/>
  <c r="T42993" i="1"/>
  <c r="T42994" i="1"/>
  <c r="T42995" i="1"/>
  <c r="T42996" i="1"/>
  <c r="T42997" i="1"/>
  <c r="T42998" i="1"/>
  <c r="T42999" i="1"/>
  <c r="T43000" i="1"/>
  <c r="T43001" i="1"/>
  <c r="T43002" i="1"/>
  <c r="T43003" i="1"/>
  <c r="T43004" i="1"/>
  <c r="T43005" i="1"/>
  <c r="T43006" i="1"/>
  <c r="T43007" i="1"/>
  <c r="T43008" i="1"/>
  <c r="T43009" i="1"/>
  <c r="T43010" i="1"/>
  <c r="T43011" i="1"/>
  <c r="T43012" i="1"/>
  <c r="T43013" i="1"/>
  <c r="T43014" i="1"/>
  <c r="T43015" i="1"/>
  <c r="T43016" i="1"/>
  <c r="T43017" i="1"/>
  <c r="T43018" i="1"/>
  <c r="T43019" i="1"/>
  <c r="T43020" i="1"/>
  <c r="T43021" i="1"/>
  <c r="T43022" i="1"/>
  <c r="T43023" i="1"/>
  <c r="T43024" i="1"/>
  <c r="T43025" i="1"/>
  <c r="T43026" i="1"/>
  <c r="T43027" i="1"/>
  <c r="T43028" i="1"/>
  <c r="T43029" i="1"/>
  <c r="T43030" i="1"/>
  <c r="T43031" i="1"/>
  <c r="T43032" i="1"/>
  <c r="T43033" i="1"/>
  <c r="T43034" i="1"/>
  <c r="T43035" i="1"/>
  <c r="T43036" i="1"/>
  <c r="T43037" i="1"/>
  <c r="T43038" i="1"/>
  <c r="T43039" i="1"/>
  <c r="T43040" i="1"/>
  <c r="T43041" i="1"/>
  <c r="T43042" i="1"/>
  <c r="T43043" i="1"/>
  <c r="T43044" i="1"/>
  <c r="T43045" i="1"/>
  <c r="T43046" i="1"/>
  <c r="T43047" i="1"/>
  <c r="T43048" i="1"/>
  <c r="T43049" i="1"/>
  <c r="T43050" i="1"/>
  <c r="T43051" i="1"/>
  <c r="T43052" i="1"/>
  <c r="T43053" i="1"/>
  <c r="T43054" i="1"/>
  <c r="T43055" i="1"/>
  <c r="T43056" i="1"/>
  <c r="T43057" i="1"/>
  <c r="T43058" i="1"/>
  <c r="T43059" i="1"/>
  <c r="T43060" i="1"/>
  <c r="T43061" i="1"/>
  <c r="T43062" i="1"/>
  <c r="T43063" i="1"/>
  <c r="T43064" i="1"/>
  <c r="T43065" i="1"/>
  <c r="T43066" i="1"/>
  <c r="T43067" i="1"/>
  <c r="T43068" i="1"/>
  <c r="T43069" i="1"/>
  <c r="T43070" i="1"/>
  <c r="T43071" i="1"/>
  <c r="T43072" i="1"/>
  <c r="T43073" i="1"/>
  <c r="T43074" i="1"/>
  <c r="T43075" i="1"/>
  <c r="T43076" i="1"/>
  <c r="T43077" i="1"/>
  <c r="T43078" i="1"/>
  <c r="T43079" i="1"/>
  <c r="T43080" i="1"/>
  <c r="T43081" i="1"/>
  <c r="T43082" i="1"/>
  <c r="T43083" i="1"/>
  <c r="T43084" i="1"/>
  <c r="T43085" i="1"/>
  <c r="T43086" i="1"/>
  <c r="T43087" i="1"/>
  <c r="T43088" i="1"/>
  <c r="T43089" i="1"/>
  <c r="T43090" i="1"/>
  <c r="T43091" i="1"/>
  <c r="T43092" i="1"/>
  <c r="T43093" i="1"/>
  <c r="T43094" i="1"/>
  <c r="T43095" i="1"/>
  <c r="T43096" i="1"/>
  <c r="T43097" i="1"/>
  <c r="T43098" i="1"/>
  <c r="T43099" i="1"/>
  <c r="T43100" i="1"/>
  <c r="T43101" i="1"/>
  <c r="T43102" i="1"/>
  <c r="T43103" i="1"/>
  <c r="T43104" i="1"/>
  <c r="T43105" i="1"/>
  <c r="T43106" i="1"/>
  <c r="T43107" i="1"/>
  <c r="T43108" i="1"/>
  <c r="T43109" i="1"/>
  <c r="T43110" i="1"/>
  <c r="T43111" i="1"/>
  <c r="T43112" i="1"/>
  <c r="T43113" i="1"/>
  <c r="T43114" i="1"/>
  <c r="T43115" i="1"/>
  <c r="T43116" i="1"/>
  <c r="T43117" i="1"/>
  <c r="T43118" i="1"/>
  <c r="T43119" i="1"/>
  <c r="T43120" i="1"/>
  <c r="T43121" i="1"/>
  <c r="T43122" i="1"/>
  <c r="T43123" i="1"/>
  <c r="T43124" i="1"/>
  <c r="T43125" i="1"/>
  <c r="T43126" i="1"/>
  <c r="T43127" i="1"/>
  <c r="T43128" i="1"/>
  <c r="T43129" i="1"/>
  <c r="T43130" i="1"/>
  <c r="T43131" i="1"/>
  <c r="T43132" i="1"/>
  <c r="T43133" i="1"/>
  <c r="T43134" i="1"/>
  <c r="T43135" i="1"/>
  <c r="T43136" i="1"/>
  <c r="T43137" i="1"/>
  <c r="T43138" i="1"/>
  <c r="T43139" i="1"/>
  <c r="T43140" i="1"/>
  <c r="T43141" i="1"/>
  <c r="T43142" i="1"/>
  <c r="T43143" i="1"/>
  <c r="T43144" i="1"/>
  <c r="T43145" i="1"/>
  <c r="T43146" i="1"/>
  <c r="T43147" i="1"/>
  <c r="T43148" i="1"/>
  <c r="T43149" i="1"/>
  <c r="T43150" i="1"/>
  <c r="T43151" i="1"/>
  <c r="T43152" i="1"/>
  <c r="T43153" i="1"/>
  <c r="T43154" i="1"/>
  <c r="T43155" i="1"/>
  <c r="T43156" i="1"/>
  <c r="T43157" i="1"/>
  <c r="T43158" i="1"/>
  <c r="T43159" i="1"/>
  <c r="T43160" i="1"/>
  <c r="T43161" i="1"/>
  <c r="T43162" i="1"/>
  <c r="T43163" i="1"/>
  <c r="T43164" i="1"/>
  <c r="T43165" i="1"/>
  <c r="T43166" i="1"/>
  <c r="T43167" i="1"/>
  <c r="T43168" i="1"/>
  <c r="T43169" i="1"/>
  <c r="T43170" i="1"/>
  <c r="T43171" i="1"/>
  <c r="T43172" i="1"/>
  <c r="T43173" i="1"/>
  <c r="T43174" i="1"/>
  <c r="T43175" i="1"/>
  <c r="T43176" i="1"/>
  <c r="T43177" i="1"/>
  <c r="T43178" i="1"/>
  <c r="T43179" i="1"/>
  <c r="T43180" i="1"/>
  <c r="T43181" i="1"/>
  <c r="T43182" i="1"/>
  <c r="T43183" i="1"/>
  <c r="T43184" i="1"/>
  <c r="T43185" i="1"/>
  <c r="T43186" i="1"/>
  <c r="T43187" i="1"/>
  <c r="T43188" i="1"/>
  <c r="T43189" i="1"/>
  <c r="T43190" i="1"/>
  <c r="T43191" i="1"/>
  <c r="T43192" i="1"/>
  <c r="T43193" i="1"/>
  <c r="T43194" i="1"/>
  <c r="T43195" i="1"/>
  <c r="T43196" i="1"/>
  <c r="T43197" i="1"/>
  <c r="T43198" i="1"/>
  <c r="T43199" i="1"/>
  <c r="T43200" i="1"/>
  <c r="T43201" i="1"/>
  <c r="T43202" i="1"/>
  <c r="T43203" i="1"/>
  <c r="T43204" i="1"/>
  <c r="T43205" i="1"/>
  <c r="T43206" i="1"/>
  <c r="T43207" i="1"/>
  <c r="T43208" i="1"/>
  <c r="T43209" i="1"/>
  <c r="T43210" i="1"/>
  <c r="T43211" i="1"/>
  <c r="T43212" i="1"/>
  <c r="T43213" i="1"/>
  <c r="T43214" i="1"/>
  <c r="T43215" i="1"/>
  <c r="T43216" i="1"/>
  <c r="T43217" i="1"/>
  <c r="T43218" i="1"/>
  <c r="T43219" i="1"/>
  <c r="T43220" i="1"/>
  <c r="T43221" i="1"/>
  <c r="T43222" i="1"/>
  <c r="T43223" i="1"/>
  <c r="T43224" i="1"/>
  <c r="T43225" i="1"/>
  <c r="T43226" i="1"/>
  <c r="T43227" i="1"/>
  <c r="T43228" i="1"/>
  <c r="T43229" i="1"/>
  <c r="T43230" i="1"/>
  <c r="T43231" i="1"/>
  <c r="T43232" i="1"/>
  <c r="T43233" i="1"/>
  <c r="T43234" i="1"/>
  <c r="T43235" i="1"/>
  <c r="T43236" i="1"/>
  <c r="T43237" i="1"/>
  <c r="T43238" i="1"/>
  <c r="T43239" i="1"/>
  <c r="T43240" i="1"/>
  <c r="T43241" i="1"/>
  <c r="T43242" i="1"/>
  <c r="T43243" i="1"/>
  <c r="T43244" i="1"/>
  <c r="T43245" i="1"/>
  <c r="T43246" i="1"/>
  <c r="T43247" i="1"/>
  <c r="T43248" i="1"/>
  <c r="T43249" i="1"/>
  <c r="T43250" i="1"/>
  <c r="T43251" i="1"/>
  <c r="T43252" i="1"/>
  <c r="T43253" i="1"/>
  <c r="T43254" i="1"/>
  <c r="T43255" i="1"/>
  <c r="T43256" i="1"/>
  <c r="T43257" i="1"/>
  <c r="T43258" i="1"/>
  <c r="T43259" i="1"/>
  <c r="T43260" i="1"/>
  <c r="T43261" i="1"/>
  <c r="T43262" i="1"/>
  <c r="T43263" i="1"/>
  <c r="T43264" i="1"/>
  <c r="T43265" i="1"/>
  <c r="T43266" i="1"/>
  <c r="T43267" i="1"/>
  <c r="T43268" i="1"/>
  <c r="T43269" i="1"/>
  <c r="T43270" i="1"/>
  <c r="T43271" i="1"/>
  <c r="T43272" i="1"/>
  <c r="T43273" i="1"/>
  <c r="T43274" i="1"/>
  <c r="T43275" i="1"/>
  <c r="T43276" i="1"/>
  <c r="T43277" i="1"/>
  <c r="T43278" i="1"/>
  <c r="T43279" i="1"/>
  <c r="T43280" i="1"/>
  <c r="T43281" i="1"/>
  <c r="T43282" i="1"/>
  <c r="T43283" i="1"/>
  <c r="T43284" i="1"/>
  <c r="T43285" i="1"/>
  <c r="T43286" i="1"/>
  <c r="T43287" i="1"/>
  <c r="T43288" i="1"/>
  <c r="T43289" i="1"/>
  <c r="T43290" i="1"/>
  <c r="T43291" i="1"/>
  <c r="T43292" i="1"/>
  <c r="T43293" i="1"/>
  <c r="T43294" i="1"/>
  <c r="T43295" i="1"/>
  <c r="T43296" i="1"/>
  <c r="T43297" i="1"/>
  <c r="T43298" i="1"/>
  <c r="T43299" i="1"/>
  <c r="T43300" i="1"/>
  <c r="T43301" i="1"/>
  <c r="T43302" i="1"/>
  <c r="T43303" i="1"/>
  <c r="T43304" i="1"/>
  <c r="T43305" i="1"/>
  <c r="T43306" i="1"/>
  <c r="T43307" i="1"/>
  <c r="T43308" i="1"/>
  <c r="T43309" i="1"/>
  <c r="T43310" i="1"/>
  <c r="T43311" i="1"/>
  <c r="T43312" i="1"/>
  <c r="T43313" i="1"/>
  <c r="T43314" i="1"/>
  <c r="T43315" i="1"/>
  <c r="T43316" i="1"/>
  <c r="T43317" i="1"/>
  <c r="T43318" i="1"/>
  <c r="T43319" i="1"/>
  <c r="T43320" i="1"/>
  <c r="T43321" i="1"/>
  <c r="T43322" i="1"/>
  <c r="T43323" i="1"/>
  <c r="T43324" i="1"/>
  <c r="T43325" i="1"/>
  <c r="T43326" i="1"/>
  <c r="T43327" i="1"/>
  <c r="T43328" i="1"/>
  <c r="T43329" i="1"/>
  <c r="T43330" i="1"/>
  <c r="T43331" i="1"/>
  <c r="T43332" i="1"/>
  <c r="T43333" i="1"/>
  <c r="T43334" i="1"/>
  <c r="T43335" i="1"/>
  <c r="T43336" i="1"/>
  <c r="T43337" i="1"/>
  <c r="T43338" i="1"/>
  <c r="T43339" i="1"/>
  <c r="T43340" i="1"/>
  <c r="T43341" i="1"/>
  <c r="T43342" i="1"/>
  <c r="T43343" i="1"/>
  <c r="T43344" i="1"/>
  <c r="T43345" i="1"/>
  <c r="T43346" i="1"/>
  <c r="T43347" i="1"/>
  <c r="T43348" i="1"/>
  <c r="T43349" i="1"/>
  <c r="T43350" i="1"/>
  <c r="T43351" i="1"/>
  <c r="T43352" i="1"/>
  <c r="T43353" i="1"/>
  <c r="T43354" i="1"/>
  <c r="T43355" i="1"/>
  <c r="T43356" i="1"/>
  <c r="T43357" i="1"/>
  <c r="T43358" i="1"/>
  <c r="T43359" i="1"/>
  <c r="T43360" i="1"/>
  <c r="T43361" i="1"/>
  <c r="T43362" i="1"/>
  <c r="T43363" i="1"/>
  <c r="T43364" i="1"/>
  <c r="T43365" i="1"/>
  <c r="T43366" i="1"/>
  <c r="T43367" i="1"/>
  <c r="T43368" i="1"/>
  <c r="T43369" i="1"/>
  <c r="T43370" i="1"/>
  <c r="T43371" i="1"/>
  <c r="T43372" i="1"/>
  <c r="T43373" i="1"/>
  <c r="T43374" i="1"/>
  <c r="T43375" i="1"/>
  <c r="T43376" i="1"/>
  <c r="T43377" i="1"/>
  <c r="T43378" i="1"/>
  <c r="T43379" i="1"/>
  <c r="T43380" i="1"/>
  <c r="T43381" i="1"/>
  <c r="T43382" i="1"/>
  <c r="T43383" i="1"/>
  <c r="T43384" i="1"/>
  <c r="T43385" i="1"/>
  <c r="T43386" i="1"/>
  <c r="T43387" i="1"/>
  <c r="T43388" i="1"/>
  <c r="T43389" i="1"/>
  <c r="T43390" i="1"/>
  <c r="T43391" i="1"/>
  <c r="T43392" i="1"/>
  <c r="T43393" i="1"/>
  <c r="T43394" i="1"/>
  <c r="T43395" i="1"/>
  <c r="T43396" i="1"/>
  <c r="T43397" i="1"/>
  <c r="T43398" i="1"/>
  <c r="T43399" i="1"/>
  <c r="T43400" i="1"/>
  <c r="T43401" i="1"/>
  <c r="T43402" i="1"/>
  <c r="T43403" i="1"/>
  <c r="T43404" i="1"/>
  <c r="T43405" i="1"/>
  <c r="T43406" i="1"/>
  <c r="T43407" i="1"/>
  <c r="T43408" i="1"/>
  <c r="T43409" i="1"/>
  <c r="T43410" i="1"/>
  <c r="T43411" i="1"/>
  <c r="T43412" i="1"/>
  <c r="T43413" i="1"/>
  <c r="T43414" i="1"/>
  <c r="T43415" i="1"/>
  <c r="T43416" i="1"/>
  <c r="T43417" i="1"/>
  <c r="T43418" i="1"/>
  <c r="T43419" i="1"/>
  <c r="T43420" i="1"/>
  <c r="T43421" i="1"/>
  <c r="T43422" i="1"/>
  <c r="T43423" i="1"/>
  <c r="T43424" i="1"/>
  <c r="T43425" i="1"/>
  <c r="T43426" i="1"/>
  <c r="T43427" i="1"/>
  <c r="T43428" i="1"/>
  <c r="T43429" i="1"/>
  <c r="T43430" i="1"/>
  <c r="T43431" i="1"/>
  <c r="T43432" i="1"/>
  <c r="T43433" i="1"/>
  <c r="T43434" i="1"/>
  <c r="T43435" i="1"/>
  <c r="T43436" i="1"/>
  <c r="T43437" i="1"/>
  <c r="T43438" i="1"/>
  <c r="T43439" i="1"/>
  <c r="T43440" i="1"/>
  <c r="T43441" i="1"/>
  <c r="T43442" i="1"/>
  <c r="T43443" i="1"/>
  <c r="T43444" i="1"/>
  <c r="T43445" i="1"/>
  <c r="T43446" i="1"/>
  <c r="T43447" i="1"/>
  <c r="T43448" i="1"/>
  <c r="T43449" i="1"/>
  <c r="T43450" i="1"/>
  <c r="T43451" i="1"/>
  <c r="T43452" i="1"/>
  <c r="T43453" i="1"/>
  <c r="T43454" i="1"/>
  <c r="T43455" i="1"/>
  <c r="T43456" i="1"/>
  <c r="T43457" i="1"/>
  <c r="T43458" i="1"/>
  <c r="T43459" i="1"/>
  <c r="T43460" i="1"/>
  <c r="T43461" i="1"/>
  <c r="T43462" i="1"/>
  <c r="T43463" i="1"/>
  <c r="T43464" i="1"/>
  <c r="T43465" i="1"/>
  <c r="T43466" i="1"/>
  <c r="T43467" i="1"/>
  <c r="T43468" i="1"/>
  <c r="T43469" i="1"/>
  <c r="T43470" i="1"/>
  <c r="T43471" i="1"/>
  <c r="T43472" i="1"/>
  <c r="T43473" i="1"/>
  <c r="T43474" i="1"/>
  <c r="T43475" i="1"/>
  <c r="T43476" i="1"/>
  <c r="T43477" i="1"/>
  <c r="T43478" i="1"/>
  <c r="T43479" i="1"/>
  <c r="T43480" i="1"/>
  <c r="T43481" i="1"/>
  <c r="T43482" i="1"/>
  <c r="T43483" i="1"/>
  <c r="T43484" i="1"/>
  <c r="T43485" i="1"/>
  <c r="T43486" i="1"/>
  <c r="T43487" i="1"/>
  <c r="T43488" i="1"/>
  <c r="T43489" i="1"/>
  <c r="T43490" i="1"/>
  <c r="T43491" i="1"/>
  <c r="T43492" i="1"/>
  <c r="T43493" i="1"/>
  <c r="T43494" i="1"/>
  <c r="T43495" i="1"/>
  <c r="T43496" i="1"/>
  <c r="T43497" i="1"/>
  <c r="T43498" i="1"/>
  <c r="T43499" i="1"/>
  <c r="T43500" i="1"/>
  <c r="T43501" i="1"/>
  <c r="T43502" i="1"/>
  <c r="T43503" i="1"/>
  <c r="T43504" i="1"/>
  <c r="T43505" i="1"/>
  <c r="T43506" i="1"/>
  <c r="T43507" i="1"/>
  <c r="T43508" i="1"/>
  <c r="T43509" i="1"/>
  <c r="T43510" i="1"/>
  <c r="T43511" i="1"/>
  <c r="T43512" i="1"/>
  <c r="T43513" i="1"/>
  <c r="T43514" i="1"/>
  <c r="T43515" i="1"/>
  <c r="T43516" i="1"/>
  <c r="T43517" i="1"/>
  <c r="T43518" i="1"/>
  <c r="T43519" i="1"/>
  <c r="T43520" i="1"/>
  <c r="T43521" i="1"/>
  <c r="T43522" i="1"/>
  <c r="T43523" i="1"/>
  <c r="T43524" i="1"/>
  <c r="T43525" i="1"/>
  <c r="T43526" i="1"/>
  <c r="T43527" i="1"/>
  <c r="T43528" i="1"/>
  <c r="T43529" i="1"/>
  <c r="T43530" i="1"/>
  <c r="T43531" i="1"/>
  <c r="T43532" i="1"/>
  <c r="T43533" i="1"/>
  <c r="T43534" i="1"/>
  <c r="T43535" i="1"/>
  <c r="T43536" i="1"/>
  <c r="T43537" i="1"/>
  <c r="T43538" i="1"/>
  <c r="T43539" i="1"/>
  <c r="T43540" i="1"/>
  <c r="T43541" i="1"/>
  <c r="T43542" i="1"/>
  <c r="T43543" i="1"/>
  <c r="T43544" i="1"/>
  <c r="T43545" i="1"/>
  <c r="T43546" i="1"/>
  <c r="T43547" i="1"/>
  <c r="T43548" i="1"/>
  <c r="T43549" i="1"/>
  <c r="T43550" i="1"/>
  <c r="T43551" i="1"/>
  <c r="T43552" i="1"/>
  <c r="T43553" i="1"/>
  <c r="T43554" i="1"/>
  <c r="T43555" i="1"/>
  <c r="T43556" i="1"/>
  <c r="T43557" i="1"/>
  <c r="T43558" i="1"/>
  <c r="T43559" i="1"/>
  <c r="T43560" i="1"/>
  <c r="T43561" i="1"/>
  <c r="T43562" i="1"/>
  <c r="T43563" i="1"/>
  <c r="T43564" i="1"/>
  <c r="T43565" i="1"/>
  <c r="T43566" i="1"/>
  <c r="T43567" i="1"/>
  <c r="T43568" i="1"/>
  <c r="T43569" i="1"/>
  <c r="T43570" i="1"/>
  <c r="T43571" i="1"/>
  <c r="T43572" i="1"/>
  <c r="T43573" i="1"/>
  <c r="T43574" i="1"/>
  <c r="T43575" i="1"/>
  <c r="T43576" i="1"/>
  <c r="T43577" i="1"/>
  <c r="T43578" i="1"/>
  <c r="T43579" i="1"/>
  <c r="T43580" i="1"/>
  <c r="T43581" i="1"/>
  <c r="T43582" i="1"/>
  <c r="T43583" i="1"/>
  <c r="T43584" i="1"/>
  <c r="T43585" i="1"/>
  <c r="T43586" i="1"/>
  <c r="T43587" i="1"/>
  <c r="T43588" i="1"/>
  <c r="T43589" i="1"/>
  <c r="T43590" i="1"/>
  <c r="T43591" i="1"/>
  <c r="T43592" i="1"/>
  <c r="T43593" i="1"/>
  <c r="T43594" i="1"/>
  <c r="T43595" i="1"/>
  <c r="T43596" i="1"/>
  <c r="T43597" i="1"/>
  <c r="T43598" i="1"/>
  <c r="T43599" i="1"/>
  <c r="T43600" i="1"/>
  <c r="T43601" i="1"/>
  <c r="T43602" i="1"/>
  <c r="T43603" i="1"/>
  <c r="T43604" i="1"/>
  <c r="T43605" i="1"/>
  <c r="T43606" i="1"/>
  <c r="T43607" i="1"/>
  <c r="T43608" i="1"/>
  <c r="T43609" i="1"/>
  <c r="T43610" i="1"/>
  <c r="T43611" i="1"/>
  <c r="T43612" i="1"/>
  <c r="T43613" i="1"/>
  <c r="T43614" i="1"/>
  <c r="T43615" i="1"/>
  <c r="T43616" i="1"/>
  <c r="T43617" i="1"/>
  <c r="T43618" i="1"/>
  <c r="T43619" i="1"/>
  <c r="T43620" i="1"/>
  <c r="T43621" i="1"/>
  <c r="T43622" i="1"/>
  <c r="T43623" i="1"/>
  <c r="T43624" i="1"/>
  <c r="T43625" i="1"/>
  <c r="T43626" i="1"/>
  <c r="T43627" i="1"/>
  <c r="T43628" i="1"/>
  <c r="T43629" i="1"/>
  <c r="T43630" i="1"/>
  <c r="T43631" i="1"/>
  <c r="T43632" i="1"/>
  <c r="T43633" i="1"/>
  <c r="T43634" i="1"/>
  <c r="T43635" i="1"/>
  <c r="T43636" i="1"/>
  <c r="T43637" i="1"/>
  <c r="T43638" i="1"/>
  <c r="T43639" i="1"/>
  <c r="T43640" i="1"/>
  <c r="T43641" i="1"/>
  <c r="T43642" i="1"/>
  <c r="T43643" i="1"/>
  <c r="T43644" i="1"/>
  <c r="T43645" i="1"/>
  <c r="T43646" i="1"/>
  <c r="T43647" i="1"/>
  <c r="T43648" i="1"/>
  <c r="T43649" i="1"/>
  <c r="T43650" i="1"/>
  <c r="T43651" i="1"/>
  <c r="T43652" i="1"/>
  <c r="T43653" i="1"/>
  <c r="T43654" i="1"/>
  <c r="T43655" i="1"/>
  <c r="T43656" i="1"/>
  <c r="T43657" i="1"/>
  <c r="T43658" i="1"/>
  <c r="T43659" i="1"/>
  <c r="T43660" i="1"/>
  <c r="T43661" i="1"/>
  <c r="T43662" i="1"/>
  <c r="T43663" i="1"/>
  <c r="T43664" i="1"/>
  <c r="T43665" i="1"/>
  <c r="T43666" i="1"/>
  <c r="T43667" i="1"/>
  <c r="T43668" i="1"/>
  <c r="T43669" i="1"/>
  <c r="T43670" i="1"/>
  <c r="T43671" i="1"/>
  <c r="T43672" i="1"/>
  <c r="T43673" i="1"/>
  <c r="T43674" i="1"/>
  <c r="T43675" i="1"/>
  <c r="T43676" i="1"/>
  <c r="T43677" i="1"/>
  <c r="T43678" i="1"/>
  <c r="T43679" i="1"/>
  <c r="T43680" i="1"/>
  <c r="T43681" i="1"/>
  <c r="T43682" i="1"/>
  <c r="T43683" i="1"/>
  <c r="T43684" i="1"/>
  <c r="T43685" i="1"/>
  <c r="T43686" i="1"/>
  <c r="T43687" i="1"/>
  <c r="T43688" i="1"/>
  <c r="T43689" i="1"/>
  <c r="T43690" i="1"/>
  <c r="T43691" i="1"/>
  <c r="T43692" i="1"/>
  <c r="T43693" i="1"/>
  <c r="T43694" i="1"/>
  <c r="T43695" i="1"/>
  <c r="T43696" i="1"/>
  <c r="T43697" i="1"/>
  <c r="T43698" i="1"/>
  <c r="T43699" i="1"/>
  <c r="T43700" i="1"/>
  <c r="T43701" i="1"/>
  <c r="T43702" i="1"/>
  <c r="T43703" i="1"/>
  <c r="T43704" i="1"/>
  <c r="T43705" i="1"/>
  <c r="T43706" i="1"/>
  <c r="T43707" i="1"/>
  <c r="T43708" i="1"/>
  <c r="T43709" i="1"/>
  <c r="T43710" i="1"/>
  <c r="T43711" i="1"/>
  <c r="T43712" i="1"/>
  <c r="T43713" i="1"/>
  <c r="T43714" i="1"/>
  <c r="T43715" i="1"/>
  <c r="T43716" i="1"/>
  <c r="T43717" i="1"/>
  <c r="T43718" i="1"/>
  <c r="T43719" i="1"/>
  <c r="T43720" i="1"/>
  <c r="T43721" i="1"/>
  <c r="T43722" i="1"/>
  <c r="T43723" i="1"/>
  <c r="T43724" i="1"/>
  <c r="T43725" i="1"/>
  <c r="T43726" i="1"/>
  <c r="T43727" i="1"/>
  <c r="T43728" i="1"/>
  <c r="T43729" i="1"/>
  <c r="T43730" i="1"/>
  <c r="T43731" i="1"/>
  <c r="T43732" i="1"/>
  <c r="T43733" i="1"/>
  <c r="T43734" i="1"/>
  <c r="T43735" i="1"/>
  <c r="T43736" i="1"/>
  <c r="T43737" i="1"/>
  <c r="T43738" i="1"/>
  <c r="T43739" i="1"/>
  <c r="T43740" i="1"/>
  <c r="T43741" i="1"/>
  <c r="T43742" i="1"/>
  <c r="T43743" i="1"/>
  <c r="T43744" i="1"/>
  <c r="T43745" i="1"/>
  <c r="T43746" i="1"/>
  <c r="T43747" i="1"/>
  <c r="T43748" i="1"/>
  <c r="T43749" i="1"/>
  <c r="T43750" i="1"/>
  <c r="T43751" i="1"/>
  <c r="T43752" i="1"/>
  <c r="T43753" i="1"/>
  <c r="T43754" i="1"/>
  <c r="T43755" i="1"/>
  <c r="T43756" i="1"/>
  <c r="T43757" i="1"/>
  <c r="T43758" i="1"/>
  <c r="T43759" i="1"/>
  <c r="T43760" i="1"/>
  <c r="T43761" i="1"/>
  <c r="T43762" i="1"/>
  <c r="T43763" i="1"/>
  <c r="T43764" i="1"/>
  <c r="T43765" i="1"/>
  <c r="T43766" i="1"/>
  <c r="T43767" i="1"/>
  <c r="T43768" i="1"/>
  <c r="T43769" i="1"/>
  <c r="T43770" i="1"/>
  <c r="T43771" i="1"/>
  <c r="T43772" i="1"/>
  <c r="T43773" i="1"/>
  <c r="T43774" i="1"/>
  <c r="T43775" i="1"/>
  <c r="T43776" i="1"/>
  <c r="T43777" i="1"/>
  <c r="T43778" i="1"/>
  <c r="T43779" i="1"/>
  <c r="T43780" i="1"/>
  <c r="T43781" i="1"/>
  <c r="T43782" i="1"/>
  <c r="T43783" i="1"/>
  <c r="T43784" i="1"/>
  <c r="T43785" i="1"/>
  <c r="T43786" i="1"/>
  <c r="T43787" i="1"/>
  <c r="T43788" i="1"/>
  <c r="T43789" i="1"/>
  <c r="T43790" i="1"/>
  <c r="T43791" i="1"/>
  <c r="T43792" i="1"/>
  <c r="T43793" i="1"/>
  <c r="T43794" i="1"/>
  <c r="T43795" i="1"/>
  <c r="T43796" i="1"/>
  <c r="T43797" i="1"/>
  <c r="T43798" i="1"/>
  <c r="T43799" i="1"/>
  <c r="T43800" i="1"/>
  <c r="T43801" i="1"/>
  <c r="T43802" i="1"/>
  <c r="T43803" i="1"/>
  <c r="T43804" i="1"/>
  <c r="T43805" i="1"/>
  <c r="T43806" i="1"/>
  <c r="T43807" i="1"/>
  <c r="T43808" i="1"/>
  <c r="T43809" i="1"/>
  <c r="T43810" i="1"/>
  <c r="T43811" i="1"/>
  <c r="T43812" i="1"/>
  <c r="T43813" i="1"/>
  <c r="T43814" i="1"/>
  <c r="T43815" i="1"/>
  <c r="T43816" i="1"/>
  <c r="T43817" i="1"/>
  <c r="T43818" i="1"/>
  <c r="T43819" i="1"/>
  <c r="T43820" i="1"/>
  <c r="T43821" i="1"/>
  <c r="T43822" i="1"/>
  <c r="T43823" i="1"/>
  <c r="T43824" i="1"/>
  <c r="T43825" i="1"/>
  <c r="T43826" i="1"/>
  <c r="T43827" i="1"/>
  <c r="T43828" i="1"/>
  <c r="T43829" i="1"/>
  <c r="T43830" i="1"/>
  <c r="T43831" i="1"/>
  <c r="T43832" i="1"/>
  <c r="T43833" i="1"/>
  <c r="T43834" i="1"/>
  <c r="T43835" i="1"/>
  <c r="T43836" i="1"/>
  <c r="T43837" i="1"/>
  <c r="T43838" i="1"/>
  <c r="T43839" i="1"/>
  <c r="T43840" i="1"/>
  <c r="T43841" i="1"/>
  <c r="T43842" i="1"/>
  <c r="T43843" i="1"/>
  <c r="T43844" i="1"/>
  <c r="T43845" i="1"/>
  <c r="T43846" i="1"/>
  <c r="T43847" i="1"/>
  <c r="T43848" i="1"/>
  <c r="T43849" i="1"/>
  <c r="T43850" i="1"/>
  <c r="T43851" i="1"/>
  <c r="T43852" i="1"/>
  <c r="T43853" i="1"/>
  <c r="T43854" i="1"/>
  <c r="T43855" i="1"/>
  <c r="T43856" i="1"/>
  <c r="T43857" i="1"/>
  <c r="T43858" i="1"/>
  <c r="T43859" i="1"/>
  <c r="T43860" i="1"/>
  <c r="T43861" i="1"/>
  <c r="T43862" i="1"/>
  <c r="T43863" i="1"/>
  <c r="T43864" i="1"/>
  <c r="T43865" i="1"/>
  <c r="T43866" i="1"/>
  <c r="T43867" i="1"/>
  <c r="T43868" i="1"/>
  <c r="T43869" i="1"/>
  <c r="T43870" i="1"/>
  <c r="T43871" i="1"/>
  <c r="T43872" i="1"/>
  <c r="T43873" i="1"/>
  <c r="T43874" i="1"/>
  <c r="T43875" i="1"/>
  <c r="T43876" i="1"/>
  <c r="T43877" i="1"/>
  <c r="T43878" i="1"/>
  <c r="T43879" i="1"/>
  <c r="T43880" i="1"/>
  <c r="T43881" i="1"/>
  <c r="T43882" i="1"/>
  <c r="T43883" i="1"/>
  <c r="T43884" i="1"/>
  <c r="T43885" i="1"/>
  <c r="T43886" i="1"/>
  <c r="T43887" i="1"/>
  <c r="T43888" i="1"/>
  <c r="T43889" i="1"/>
  <c r="T43890" i="1"/>
  <c r="T43891" i="1"/>
  <c r="T43892" i="1"/>
  <c r="T43893" i="1"/>
  <c r="T43894" i="1"/>
  <c r="T43895" i="1"/>
  <c r="T43896" i="1"/>
  <c r="T43897" i="1"/>
  <c r="T43898" i="1"/>
  <c r="T43899" i="1"/>
  <c r="T43900" i="1"/>
  <c r="T43901" i="1"/>
  <c r="T43902" i="1"/>
  <c r="T43903" i="1"/>
  <c r="T43904" i="1"/>
  <c r="T43905" i="1"/>
  <c r="T43906" i="1"/>
  <c r="T43907" i="1"/>
  <c r="T43908" i="1"/>
  <c r="T43909" i="1"/>
  <c r="T43910" i="1"/>
  <c r="T43911" i="1"/>
  <c r="T43912" i="1"/>
  <c r="T43913" i="1"/>
  <c r="T43914" i="1"/>
  <c r="T43915" i="1"/>
  <c r="T43916" i="1"/>
  <c r="T43917" i="1"/>
  <c r="T43918" i="1"/>
  <c r="T43919" i="1"/>
  <c r="T43920" i="1"/>
  <c r="T43921" i="1"/>
  <c r="T43922" i="1"/>
  <c r="T43923" i="1"/>
  <c r="T43924" i="1"/>
  <c r="T43925" i="1"/>
  <c r="T43926" i="1"/>
  <c r="T43927" i="1"/>
  <c r="T43928" i="1"/>
  <c r="T43929" i="1"/>
  <c r="T43930" i="1"/>
  <c r="T43931" i="1"/>
  <c r="T43932" i="1"/>
  <c r="T43933" i="1"/>
  <c r="T43934" i="1"/>
  <c r="T43935" i="1"/>
  <c r="T43936" i="1"/>
  <c r="T43937" i="1"/>
  <c r="T43938" i="1"/>
  <c r="T43939" i="1"/>
  <c r="T43940" i="1"/>
  <c r="T43941" i="1"/>
  <c r="T43942" i="1"/>
  <c r="T43943" i="1"/>
  <c r="T43944" i="1"/>
  <c r="T43945" i="1"/>
  <c r="T43946" i="1"/>
  <c r="T43947" i="1"/>
  <c r="T43948" i="1"/>
  <c r="T43949" i="1"/>
  <c r="T43950" i="1"/>
  <c r="T43951" i="1"/>
  <c r="T43952" i="1"/>
  <c r="T43953" i="1"/>
  <c r="T43954" i="1"/>
  <c r="T43955" i="1"/>
  <c r="T43956" i="1"/>
  <c r="T43957" i="1"/>
  <c r="T43958" i="1"/>
  <c r="T43959" i="1"/>
  <c r="T43960" i="1"/>
  <c r="T43961" i="1"/>
  <c r="T43962" i="1"/>
  <c r="T43963" i="1"/>
  <c r="T43964" i="1"/>
  <c r="T43965" i="1"/>
  <c r="T43966" i="1"/>
  <c r="T43967" i="1"/>
  <c r="T43968" i="1"/>
  <c r="T43969" i="1"/>
  <c r="T43970" i="1"/>
  <c r="T43971" i="1"/>
  <c r="T43972" i="1"/>
  <c r="T43973" i="1"/>
  <c r="T43974" i="1"/>
  <c r="T43975" i="1"/>
  <c r="T43976" i="1"/>
  <c r="T43977" i="1"/>
  <c r="T43978" i="1"/>
  <c r="T43979" i="1"/>
  <c r="T43980" i="1"/>
  <c r="T43981" i="1"/>
  <c r="T43982" i="1"/>
  <c r="T43983" i="1"/>
  <c r="T43984" i="1"/>
  <c r="T43985" i="1"/>
  <c r="T43986" i="1"/>
  <c r="T43987" i="1"/>
  <c r="T43988" i="1"/>
  <c r="T43989" i="1"/>
  <c r="T43990" i="1"/>
  <c r="T43991" i="1"/>
  <c r="T43992" i="1"/>
  <c r="T43993" i="1"/>
  <c r="T43994" i="1"/>
  <c r="T43995" i="1"/>
  <c r="T43996" i="1"/>
  <c r="T43997" i="1"/>
  <c r="T43998" i="1"/>
  <c r="T43999" i="1"/>
  <c r="T44000" i="1"/>
  <c r="T44001" i="1"/>
  <c r="T44002" i="1"/>
  <c r="T44003" i="1"/>
  <c r="T44004" i="1"/>
  <c r="T44005" i="1"/>
  <c r="T44006" i="1"/>
  <c r="T44007" i="1"/>
  <c r="T44008" i="1"/>
  <c r="T44009" i="1"/>
  <c r="T44010" i="1"/>
  <c r="T44011" i="1"/>
  <c r="T44012" i="1"/>
  <c r="T44013" i="1"/>
  <c r="T44014" i="1"/>
  <c r="T44015" i="1"/>
  <c r="T44016" i="1"/>
  <c r="T44017" i="1"/>
  <c r="T44018" i="1"/>
  <c r="T44019" i="1"/>
  <c r="T44020" i="1"/>
  <c r="T44021" i="1"/>
  <c r="T44022" i="1"/>
  <c r="T44023" i="1"/>
  <c r="T44024" i="1"/>
  <c r="T44025" i="1"/>
  <c r="T44026" i="1"/>
  <c r="T44027" i="1"/>
  <c r="T44028" i="1"/>
  <c r="T44029" i="1"/>
  <c r="T44030" i="1"/>
  <c r="T44031" i="1"/>
  <c r="T44032" i="1"/>
  <c r="T44033" i="1"/>
  <c r="T44034" i="1"/>
  <c r="T44035" i="1"/>
  <c r="T44036" i="1"/>
  <c r="T44037" i="1"/>
  <c r="T44038" i="1"/>
  <c r="T44039" i="1"/>
  <c r="T44040" i="1"/>
  <c r="T44041" i="1"/>
  <c r="T44042" i="1"/>
  <c r="T44043" i="1"/>
  <c r="T44044" i="1"/>
  <c r="T44045" i="1"/>
  <c r="T44046" i="1"/>
  <c r="T44047" i="1"/>
  <c r="T44048" i="1"/>
  <c r="T44049" i="1"/>
  <c r="T44050" i="1"/>
  <c r="T44051" i="1"/>
  <c r="T44052" i="1"/>
  <c r="T44053" i="1"/>
  <c r="T44054" i="1"/>
  <c r="T44055" i="1"/>
  <c r="T44056" i="1"/>
  <c r="T44057" i="1"/>
  <c r="T44058" i="1"/>
  <c r="T44059" i="1"/>
  <c r="T44060" i="1"/>
  <c r="T44061" i="1"/>
  <c r="T44062" i="1"/>
  <c r="T44063" i="1"/>
  <c r="T44064" i="1"/>
  <c r="T44065" i="1"/>
  <c r="T44066" i="1"/>
  <c r="T44067" i="1"/>
  <c r="T44068" i="1"/>
  <c r="T44069" i="1"/>
  <c r="T44070" i="1"/>
  <c r="T44071" i="1"/>
  <c r="T44072" i="1"/>
  <c r="T44073" i="1"/>
  <c r="T44074" i="1"/>
  <c r="T44075" i="1"/>
  <c r="T44076" i="1"/>
  <c r="T44077" i="1"/>
  <c r="T44078" i="1"/>
  <c r="T44079" i="1"/>
  <c r="T44080" i="1"/>
  <c r="T44081" i="1"/>
  <c r="T44082" i="1"/>
  <c r="T44083" i="1"/>
  <c r="T44084" i="1"/>
  <c r="T44085" i="1"/>
  <c r="T44086" i="1"/>
  <c r="T44087" i="1"/>
  <c r="T44088" i="1"/>
  <c r="T44089" i="1"/>
  <c r="T44090" i="1"/>
  <c r="T44091" i="1"/>
  <c r="T44092" i="1"/>
  <c r="T44093" i="1"/>
  <c r="T44094" i="1"/>
  <c r="T44095" i="1"/>
  <c r="T44096" i="1"/>
  <c r="T44097" i="1"/>
  <c r="T44098" i="1"/>
  <c r="T44099" i="1"/>
  <c r="T44100" i="1"/>
  <c r="T44101" i="1"/>
  <c r="T44102" i="1"/>
  <c r="T44103" i="1"/>
  <c r="T44104" i="1"/>
  <c r="T44105" i="1"/>
  <c r="T44106" i="1"/>
  <c r="T44107" i="1"/>
  <c r="T44108" i="1"/>
  <c r="T44109" i="1"/>
  <c r="T44110" i="1"/>
  <c r="T44111" i="1"/>
  <c r="T44112" i="1"/>
  <c r="T44113" i="1"/>
  <c r="T44114" i="1"/>
  <c r="T44115" i="1"/>
  <c r="T44116" i="1"/>
  <c r="T44117" i="1"/>
  <c r="T44118" i="1"/>
  <c r="T44119" i="1"/>
  <c r="T44120" i="1"/>
  <c r="T44121" i="1"/>
  <c r="T44122" i="1"/>
  <c r="T44123" i="1"/>
  <c r="T44124" i="1"/>
  <c r="T44125" i="1"/>
  <c r="T44126" i="1"/>
  <c r="T44127" i="1"/>
  <c r="T44128" i="1"/>
  <c r="T44129" i="1"/>
  <c r="T44130" i="1"/>
  <c r="T44131" i="1"/>
  <c r="T44132" i="1"/>
  <c r="T44133" i="1"/>
  <c r="T44134" i="1"/>
  <c r="T44135" i="1"/>
  <c r="T44136" i="1"/>
  <c r="T44137" i="1"/>
  <c r="T44138" i="1"/>
  <c r="T44139" i="1"/>
  <c r="T44140" i="1"/>
  <c r="T44141" i="1"/>
  <c r="T44142" i="1"/>
  <c r="T44143" i="1"/>
  <c r="T44144" i="1"/>
  <c r="T44145" i="1"/>
  <c r="T44146" i="1"/>
  <c r="T44147" i="1"/>
  <c r="T44148" i="1"/>
  <c r="T44149" i="1"/>
  <c r="T44150" i="1"/>
  <c r="T44151" i="1"/>
  <c r="T44152" i="1"/>
  <c r="T44153" i="1"/>
  <c r="T44154" i="1"/>
  <c r="T44155" i="1"/>
  <c r="T44156" i="1"/>
  <c r="T44157" i="1"/>
  <c r="T44158" i="1"/>
  <c r="T44159" i="1"/>
  <c r="T44160" i="1"/>
  <c r="T44161" i="1"/>
  <c r="T44162" i="1"/>
  <c r="T44163" i="1"/>
  <c r="T44164" i="1"/>
  <c r="T44165" i="1"/>
  <c r="T44166" i="1"/>
  <c r="T44167" i="1"/>
  <c r="T44168" i="1"/>
  <c r="T44169" i="1"/>
  <c r="T44170" i="1"/>
  <c r="T44171" i="1"/>
  <c r="T44172" i="1"/>
  <c r="T44173" i="1"/>
  <c r="T44174" i="1"/>
  <c r="T44175" i="1"/>
  <c r="T44176" i="1"/>
  <c r="T44177" i="1"/>
  <c r="T44178" i="1"/>
  <c r="T44179" i="1"/>
  <c r="T44180" i="1"/>
  <c r="T44181" i="1"/>
  <c r="T44182" i="1"/>
  <c r="T44183" i="1"/>
  <c r="T44184" i="1"/>
  <c r="T44185" i="1"/>
  <c r="T44186" i="1"/>
  <c r="T44187" i="1"/>
  <c r="T44188" i="1"/>
  <c r="T44189" i="1"/>
  <c r="T44190" i="1"/>
  <c r="T44191" i="1"/>
  <c r="T44192" i="1"/>
  <c r="T44193" i="1"/>
  <c r="T44194" i="1"/>
  <c r="T44195" i="1"/>
  <c r="T44196" i="1"/>
  <c r="T44197" i="1"/>
  <c r="T44198" i="1"/>
  <c r="T44199" i="1"/>
  <c r="T44200" i="1"/>
  <c r="T44201" i="1"/>
  <c r="T44202" i="1"/>
  <c r="T44203" i="1"/>
  <c r="T44204" i="1"/>
  <c r="T44205" i="1"/>
  <c r="T44206" i="1"/>
  <c r="T44207" i="1"/>
  <c r="T44208" i="1"/>
  <c r="T44209" i="1"/>
  <c r="T44210" i="1"/>
  <c r="T44211" i="1"/>
  <c r="T44212" i="1"/>
  <c r="T44213" i="1"/>
  <c r="T44214" i="1"/>
  <c r="T44215" i="1"/>
  <c r="T44216" i="1"/>
  <c r="T44217" i="1"/>
  <c r="T44218" i="1"/>
  <c r="T44219" i="1"/>
  <c r="T44220" i="1"/>
  <c r="T44221" i="1"/>
  <c r="T44222" i="1"/>
  <c r="T44223" i="1"/>
  <c r="T44224" i="1"/>
  <c r="T44225" i="1"/>
  <c r="T44226" i="1"/>
  <c r="T44227" i="1"/>
  <c r="T44228" i="1"/>
  <c r="T44229" i="1"/>
  <c r="T44230" i="1"/>
  <c r="T44231" i="1"/>
  <c r="T44232" i="1"/>
  <c r="T44233" i="1"/>
  <c r="T44234" i="1"/>
  <c r="T44235" i="1"/>
  <c r="T44236" i="1"/>
  <c r="T44237" i="1"/>
  <c r="T44238" i="1"/>
  <c r="T44239" i="1"/>
  <c r="T44240" i="1"/>
  <c r="T44241" i="1"/>
  <c r="T44242" i="1"/>
  <c r="T44243" i="1"/>
  <c r="T44244" i="1"/>
  <c r="T44245" i="1"/>
  <c r="T44246" i="1"/>
  <c r="T44247" i="1"/>
  <c r="T44248" i="1"/>
  <c r="T44249" i="1"/>
  <c r="T44250" i="1"/>
  <c r="T44251" i="1"/>
  <c r="T44252" i="1"/>
  <c r="T44253" i="1"/>
  <c r="T44254" i="1"/>
  <c r="T44255" i="1"/>
  <c r="T44256" i="1"/>
  <c r="T44257" i="1"/>
  <c r="T44258" i="1"/>
  <c r="T44259" i="1"/>
  <c r="T44260" i="1"/>
  <c r="T44261" i="1"/>
  <c r="T44262" i="1"/>
  <c r="T44263" i="1"/>
  <c r="T44264" i="1"/>
  <c r="T44265" i="1"/>
  <c r="T44266" i="1"/>
  <c r="T44267" i="1"/>
  <c r="T44268" i="1"/>
  <c r="T44269" i="1"/>
  <c r="T44270" i="1"/>
  <c r="T44271" i="1"/>
  <c r="T44272" i="1"/>
  <c r="T44273" i="1"/>
  <c r="T44274" i="1"/>
  <c r="T44275" i="1"/>
  <c r="T44276" i="1"/>
  <c r="T44277" i="1"/>
  <c r="T44278" i="1"/>
  <c r="T44279" i="1"/>
  <c r="T44280" i="1"/>
  <c r="T44281" i="1"/>
  <c r="T44282" i="1"/>
  <c r="T44283" i="1"/>
  <c r="T44284" i="1"/>
  <c r="T44285" i="1"/>
  <c r="T44286" i="1"/>
  <c r="T44287" i="1"/>
  <c r="T44288" i="1"/>
  <c r="T44289" i="1"/>
  <c r="T44290" i="1"/>
  <c r="T44291" i="1"/>
  <c r="T44292" i="1"/>
  <c r="T44293" i="1"/>
  <c r="T44294" i="1"/>
  <c r="T44295" i="1"/>
  <c r="T44296" i="1"/>
  <c r="T44297" i="1"/>
  <c r="T44298" i="1"/>
  <c r="T44299" i="1"/>
  <c r="T44300" i="1"/>
  <c r="T44301" i="1"/>
  <c r="T44302" i="1"/>
  <c r="T44303" i="1"/>
  <c r="T44304" i="1"/>
  <c r="T44305" i="1"/>
  <c r="T44306" i="1"/>
  <c r="T44307" i="1"/>
  <c r="T44308" i="1"/>
  <c r="T44309" i="1"/>
  <c r="T44310" i="1"/>
  <c r="T44311" i="1"/>
  <c r="T44312" i="1"/>
  <c r="T44313" i="1"/>
  <c r="T44314" i="1"/>
  <c r="T44315" i="1"/>
  <c r="T44316" i="1"/>
  <c r="T44317" i="1"/>
  <c r="T44318" i="1"/>
  <c r="T44319" i="1"/>
  <c r="T44320" i="1"/>
  <c r="T44321" i="1"/>
  <c r="T44322" i="1"/>
  <c r="T44323" i="1"/>
  <c r="T44324" i="1"/>
  <c r="T44325" i="1"/>
  <c r="T44326" i="1"/>
  <c r="T44327" i="1"/>
  <c r="T44328" i="1"/>
  <c r="T44329" i="1"/>
  <c r="T44330" i="1"/>
  <c r="T44331" i="1"/>
  <c r="T44332" i="1"/>
  <c r="T44333" i="1"/>
  <c r="T44334" i="1"/>
  <c r="T44335" i="1"/>
  <c r="T44336" i="1"/>
  <c r="T44337" i="1"/>
  <c r="T44338" i="1"/>
  <c r="T44339" i="1"/>
  <c r="T44340" i="1"/>
  <c r="T44341" i="1"/>
  <c r="T44342" i="1"/>
  <c r="T44343" i="1"/>
  <c r="T44344" i="1"/>
  <c r="T44345" i="1"/>
  <c r="T44346" i="1"/>
  <c r="T44347" i="1"/>
  <c r="T44348" i="1"/>
  <c r="T44349" i="1"/>
  <c r="T44350" i="1"/>
  <c r="T44351" i="1"/>
  <c r="T44352" i="1"/>
  <c r="T44353" i="1"/>
  <c r="T44354" i="1"/>
  <c r="T44355" i="1"/>
  <c r="T44356" i="1"/>
  <c r="T44357" i="1"/>
  <c r="T44358" i="1"/>
  <c r="T44359" i="1"/>
  <c r="T44360" i="1"/>
  <c r="T44361" i="1"/>
  <c r="T44362" i="1"/>
  <c r="T44363" i="1"/>
  <c r="T44364" i="1"/>
  <c r="T44365" i="1"/>
  <c r="T44366" i="1"/>
  <c r="T44367" i="1"/>
  <c r="T44368" i="1"/>
  <c r="T44369" i="1"/>
  <c r="T44370" i="1"/>
  <c r="T44371" i="1"/>
  <c r="T44372" i="1"/>
  <c r="T44373" i="1"/>
  <c r="T44374" i="1"/>
  <c r="T44375" i="1"/>
  <c r="T44376" i="1"/>
  <c r="T44377" i="1"/>
  <c r="T44378" i="1"/>
  <c r="T44379" i="1"/>
  <c r="T44380" i="1"/>
  <c r="T44381" i="1"/>
  <c r="T44382" i="1"/>
  <c r="T44383" i="1"/>
  <c r="T44384" i="1"/>
  <c r="T44385" i="1"/>
  <c r="T44386" i="1"/>
  <c r="T44387" i="1"/>
  <c r="T44388" i="1"/>
  <c r="T44389" i="1"/>
  <c r="T44390" i="1"/>
  <c r="T44391" i="1"/>
  <c r="T44392" i="1"/>
  <c r="T44393" i="1"/>
  <c r="T44394" i="1"/>
  <c r="T44395" i="1"/>
  <c r="T44396" i="1"/>
  <c r="T44397" i="1"/>
  <c r="T44398" i="1"/>
  <c r="T44399" i="1"/>
  <c r="T44400" i="1"/>
  <c r="T44401" i="1"/>
  <c r="T44402" i="1"/>
  <c r="T44403" i="1"/>
  <c r="T44404" i="1"/>
  <c r="T44405" i="1"/>
  <c r="T44406" i="1"/>
  <c r="T44407" i="1"/>
  <c r="T44408" i="1"/>
  <c r="T44409" i="1"/>
  <c r="T44410" i="1"/>
  <c r="T44411" i="1"/>
  <c r="T44412" i="1"/>
  <c r="T44413" i="1"/>
  <c r="T44414" i="1"/>
  <c r="T44415" i="1"/>
  <c r="T44416" i="1"/>
  <c r="T44417" i="1"/>
  <c r="T44418" i="1"/>
  <c r="T44419" i="1"/>
  <c r="T44420" i="1"/>
  <c r="T44421" i="1"/>
  <c r="T44422" i="1"/>
  <c r="T44423" i="1"/>
  <c r="T44424" i="1"/>
  <c r="T44425" i="1"/>
  <c r="T44426" i="1"/>
  <c r="T44427" i="1"/>
  <c r="T44428" i="1"/>
  <c r="T44429" i="1"/>
  <c r="T44430" i="1"/>
  <c r="T44431" i="1"/>
  <c r="T44432" i="1"/>
  <c r="T44433" i="1"/>
  <c r="T44434" i="1"/>
  <c r="T44435" i="1"/>
  <c r="T44436" i="1"/>
  <c r="T44437" i="1"/>
  <c r="T44438" i="1"/>
  <c r="T44439" i="1"/>
  <c r="T44440" i="1"/>
  <c r="T44441" i="1"/>
  <c r="T44442" i="1"/>
  <c r="T44443" i="1"/>
  <c r="T44444" i="1"/>
  <c r="T44445" i="1"/>
  <c r="T44446" i="1"/>
  <c r="T44447" i="1"/>
  <c r="T44448" i="1"/>
  <c r="T44449" i="1"/>
  <c r="T44450" i="1"/>
  <c r="T44451" i="1"/>
  <c r="T44452" i="1"/>
  <c r="T44453" i="1"/>
  <c r="T44454" i="1"/>
  <c r="T44455" i="1"/>
  <c r="T44456" i="1"/>
  <c r="T44457" i="1"/>
  <c r="T44458" i="1"/>
  <c r="T44459" i="1"/>
  <c r="T44460" i="1"/>
  <c r="T44461" i="1"/>
  <c r="T44462" i="1"/>
  <c r="T44463" i="1"/>
  <c r="T44464" i="1"/>
  <c r="T44465" i="1"/>
  <c r="T44466" i="1"/>
  <c r="T44467" i="1"/>
  <c r="T44468" i="1"/>
  <c r="T44469" i="1"/>
  <c r="T44470" i="1"/>
  <c r="T44471" i="1"/>
  <c r="T44472" i="1"/>
  <c r="T44473" i="1"/>
  <c r="T44474" i="1"/>
  <c r="T44475" i="1"/>
  <c r="T44476" i="1"/>
  <c r="T44477" i="1"/>
  <c r="T44478" i="1"/>
  <c r="T44479" i="1"/>
  <c r="T44480" i="1"/>
  <c r="T44481" i="1"/>
  <c r="T44482" i="1"/>
  <c r="T44483" i="1"/>
  <c r="T44484" i="1"/>
  <c r="T44485" i="1"/>
  <c r="T44486" i="1"/>
  <c r="T44487" i="1"/>
  <c r="T44488" i="1"/>
  <c r="T44489" i="1"/>
  <c r="T44490" i="1"/>
  <c r="T44491" i="1"/>
  <c r="T44492" i="1"/>
  <c r="T44493" i="1"/>
  <c r="T44494" i="1"/>
  <c r="T44495" i="1"/>
  <c r="T44496" i="1"/>
  <c r="T44497" i="1"/>
  <c r="T44498" i="1"/>
  <c r="T44499" i="1"/>
  <c r="T44500" i="1"/>
  <c r="T44501" i="1"/>
  <c r="T44502" i="1"/>
  <c r="T44503" i="1"/>
  <c r="T44504" i="1"/>
  <c r="T44505" i="1"/>
  <c r="T44506" i="1"/>
  <c r="T44507" i="1"/>
  <c r="T44508" i="1"/>
  <c r="T44509" i="1"/>
  <c r="T44510" i="1"/>
  <c r="T44511" i="1"/>
  <c r="T44512" i="1"/>
  <c r="T44513" i="1"/>
  <c r="T44514" i="1"/>
  <c r="T44515" i="1"/>
  <c r="T44516" i="1"/>
  <c r="T44517" i="1"/>
  <c r="T44518" i="1"/>
  <c r="T44519" i="1"/>
  <c r="T44520" i="1"/>
  <c r="T44521" i="1"/>
  <c r="T44522" i="1"/>
  <c r="T44523" i="1"/>
  <c r="T44524" i="1"/>
  <c r="T44525" i="1"/>
  <c r="T44526" i="1"/>
  <c r="T44527" i="1"/>
  <c r="T44528" i="1"/>
  <c r="T44529" i="1"/>
  <c r="T44530" i="1"/>
  <c r="T44531" i="1"/>
  <c r="T44532" i="1"/>
  <c r="T44533" i="1"/>
  <c r="T44534" i="1"/>
  <c r="T44535" i="1"/>
  <c r="T44536" i="1"/>
  <c r="T44537" i="1"/>
  <c r="T44538" i="1"/>
  <c r="T44539" i="1"/>
  <c r="T44540" i="1"/>
  <c r="T44541" i="1"/>
  <c r="T44542" i="1"/>
  <c r="T44543" i="1"/>
  <c r="T44544" i="1"/>
  <c r="T44545" i="1"/>
  <c r="T44546" i="1"/>
  <c r="T44547" i="1"/>
  <c r="T44548" i="1"/>
  <c r="T44549" i="1"/>
  <c r="T44550" i="1"/>
  <c r="T44551" i="1"/>
  <c r="T44552" i="1"/>
  <c r="T44553" i="1"/>
  <c r="T44554" i="1"/>
  <c r="T44555" i="1"/>
  <c r="T44556" i="1"/>
  <c r="T44557" i="1"/>
  <c r="T44558" i="1"/>
  <c r="T44559" i="1"/>
  <c r="T44560" i="1"/>
  <c r="T44561" i="1"/>
  <c r="T44562" i="1"/>
  <c r="T44563" i="1"/>
  <c r="T44564" i="1"/>
  <c r="T44565" i="1"/>
  <c r="T44566" i="1"/>
  <c r="T44567" i="1"/>
  <c r="T44568" i="1"/>
  <c r="T44569" i="1"/>
  <c r="T44570" i="1"/>
  <c r="T44571" i="1"/>
  <c r="T44572" i="1"/>
  <c r="T44573" i="1"/>
  <c r="T44574" i="1"/>
  <c r="T44575" i="1"/>
  <c r="T44576" i="1"/>
  <c r="T44577" i="1"/>
  <c r="T44578" i="1"/>
  <c r="T44579" i="1"/>
  <c r="T44580" i="1"/>
  <c r="T44581" i="1"/>
  <c r="T44582" i="1"/>
  <c r="T44583" i="1"/>
  <c r="T44584" i="1"/>
  <c r="T44585" i="1"/>
  <c r="T44586" i="1"/>
  <c r="T44587" i="1"/>
  <c r="T44588" i="1"/>
  <c r="T44589" i="1"/>
  <c r="T44590" i="1"/>
  <c r="T44591" i="1"/>
  <c r="T44592" i="1"/>
  <c r="T44593" i="1"/>
  <c r="T44594" i="1"/>
  <c r="T44595" i="1"/>
  <c r="T44596" i="1"/>
  <c r="T44597" i="1"/>
  <c r="T44598" i="1"/>
  <c r="T44599" i="1"/>
  <c r="T44600" i="1"/>
  <c r="T44601" i="1"/>
  <c r="T44602" i="1"/>
  <c r="T44603" i="1"/>
  <c r="T44604" i="1"/>
  <c r="T44605" i="1"/>
  <c r="T44606" i="1"/>
  <c r="T44607" i="1"/>
  <c r="T44608" i="1"/>
  <c r="T44609" i="1"/>
  <c r="T44610" i="1"/>
  <c r="T44611" i="1"/>
  <c r="T44612" i="1"/>
  <c r="T44613" i="1"/>
  <c r="T44614" i="1"/>
  <c r="T44615" i="1"/>
  <c r="T44616" i="1"/>
  <c r="T44617" i="1"/>
  <c r="T44618" i="1"/>
  <c r="T44619" i="1"/>
  <c r="T44620" i="1"/>
  <c r="T44621" i="1"/>
  <c r="T44622" i="1"/>
  <c r="T44623" i="1"/>
  <c r="T44624" i="1"/>
  <c r="T44625" i="1"/>
  <c r="T44626" i="1"/>
  <c r="T44627" i="1"/>
  <c r="T44628" i="1"/>
  <c r="T44629" i="1"/>
  <c r="T44630" i="1"/>
  <c r="T44631" i="1"/>
  <c r="T44632" i="1"/>
  <c r="T44633" i="1"/>
  <c r="T44634" i="1"/>
  <c r="T44635" i="1"/>
  <c r="T44636" i="1"/>
  <c r="T44637" i="1"/>
  <c r="T44638" i="1"/>
  <c r="T44639" i="1"/>
  <c r="T44640" i="1"/>
  <c r="T44641" i="1"/>
  <c r="T44642" i="1"/>
  <c r="T44643" i="1"/>
  <c r="T44644" i="1"/>
  <c r="T44645" i="1"/>
  <c r="T44646" i="1"/>
  <c r="T44647" i="1"/>
  <c r="T44648" i="1"/>
  <c r="T44649" i="1"/>
  <c r="T44650" i="1"/>
  <c r="T44651" i="1"/>
  <c r="T44652" i="1"/>
  <c r="T44653" i="1"/>
  <c r="T44654" i="1"/>
  <c r="T44655" i="1"/>
  <c r="T44656" i="1"/>
  <c r="T44657" i="1"/>
  <c r="T44658" i="1"/>
  <c r="T44659" i="1"/>
  <c r="T44660" i="1"/>
  <c r="T44661" i="1"/>
  <c r="T44662" i="1"/>
  <c r="T44663" i="1"/>
  <c r="T44664" i="1"/>
  <c r="T44665" i="1"/>
  <c r="T44666" i="1"/>
  <c r="T44667" i="1"/>
  <c r="T44668" i="1"/>
  <c r="T44669" i="1"/>
  <c r="T44670" i="1"/>
  <c r="T44671" i="1"/>
  <c r="T44672" i="1"/>
  <c r="T44673" i="1"/>
  <c r="T44674" i="1"/>
  <c r="T44675" i="1"/>
  <c r="T44676" i="1"/>
  <c r="T44677" i="1"/>
  <c r="T44678" i="1"/>
  <c r="T44679" i="1"/>
  <c r="T44680" i="1"/>
  <c r="T44681" i="1"/>
  <c r="T44682" i="1"/>
  <c r="T44683" i="1"/>
  <c r="T44684" i="1"/>
  <c r="T44685" i="1"/>
  <c r="T44686" i="1"/>
  <c r="T44687" i="1"/>
  <c r="T44688" i="1"/>
  <c r="T44689" i="1"/>
  <c r="T44690" i="1"/>
  <c r="T44691" i="1"/>
  <c r="T44692" i="1"/>
  <c r="T44693" i="1"/>
  <c r="T44694" i="1"/>
  <c r="T44695" i="1"/>
  <c r="T44696" i="1"/>
  <c r="T44697" i="1"/>
  <c r="T44698" i="1"/>
  <c r="T44699" i="1"/>
  <c r="T44700" i="1"/>
  <c r="T44701" i="1"/>
  <c r="T44702" i="1"/>
  <c r="T44703" i="1"/>
  <c r="T44704" i="1"/>
  <c r="T44705" i="1"/>
  <c r="T44706" i="1"/>
  <c r="T44707" i="1"/>
  <c r="T44708" i="1"/>
  <c r="T44709" i="1"/>
  <c r="T44710" i="1"/>
  <c r="T44711" i="1"/>
  <c r="T44712" i="1"/>
  <c r="T44713" i="1"/>
  <c r="T44714" i="1"/>
  <c r="T44715" i="1"/>
  <c r="T44716" i="1"/>
  <c r="T44717" i="1"/>
  <c r="T44718" i="1"/>
  <c r="T44719" i="1"/>
  <c r="T44720" i="1"/>
  <c r="T44721" i="1"/>
  <c r="T44722" i="1"/>
  <c r="T44723" i="1"/>
  <c r="T44724" i="1"/>
  <c r="T44725" i="1"/>
  <c r="T44726" i="1"/>
  <c r="T44727" i="1"/>
  <c r="T44728" i="1"/>
  <c r="T44729" i="1"/>
  <c r="T44730" i="1"/>
  <c r="T44731" i="1"/>
  <c r="T44732" i="1"/>
  <c r="T44733" i="1"/>
  <c r="T44734" i="1"/>
  <c r="T44735" i="1"/>
  <c r="T44736" i="1"/>
  <c r="T44737" i="1"/>
  <c r="T44738" i="1"/>
  <c r="T44739" i="1"/>
  <c r="T44740" i="1"/>
  <c r="T44741" i="1"/>
  <c r="T44742" i="1"/>
  <c r="T44743" i="1"/>
  <c r="T44744" i="1"/>
  <c r="T44745" i="1"/>
  <c r="T44746" i="1"/>
  <c r="T44747" i="1"/>
  <c r="T44748" i="1"/>
  <c r="T44749" i="1"/>
  <c r="T44750" i="1"/>
  <c r="T44751" i="1"/>
  <c r="T44752" i="1"/>
  <c r="T44753" i="1"/>
  <c r="T44754" i="1"/>
  <c r="T44755" i="1"/>
  <c r="T44756" i="1"/>
  <c r="T44757" i="1"/>
  <c r="T44758" i="1"/>
  <c r="T44759" i="1"/>
  <c r="T44760" i="1"/>
  <c r="T44761" i="1"/>
  <c r="T44762" i="1"/>
  <c r="T44763" i="1"/>
  <c r="T44764" i="1"/>
  <c r="T44765" i="1"/>
  <c r="T44766" i="1"/>
  <c r="T44767" i="1"/>
  <c r="T44768" i="1"/>
  <c r="T44769" i="1"/>
  <c r="T44770" i="1"/>
  <c r="T44771" i="1"/>
  <c r="T44772" i="1"/>
  <c r="T44773" i="1"/>
  <c r="T44774" i="1"/>
  <c r="T44775" i="1"/>
  <c r="T44776" i="1"/>
  <c r="T44777" i="1"/>
  <c r="T44778" i="1"/>
  <c r="T44779" i="1"/>
  <c r="T44780" i="1"/>
  <c r="T44781" i="1"/>
  <c r="T44782" i="1"/>
  <c r="T44783" i="1"/>
  <c r="T44784" i="1"/>
  <c r="T44785" i="1"/>
  <c r="T44786" i="1"/>
  <c r="T44787" i="1"/>
  <c r="T44788" i="1"/>
  <c r="T44789" i="1"/>
  <c r="T44790" i="1"/>
  <c r="T44791" i="1"/>
  <c r="T44792" i="1"/>
  <c r="T44793" i="1"/>
  <c r="T44794" i="1"/>
  <c r="T44795" i="1"/>
  <c r="T44796" i="1"/>
  <c r="T44797" i="1"/>
  <c r="T44798" i="1"/>
  <c r="T44799" i="1"/>
  <c r="T44800" i="1"/>
  <c r="T44801" i="1"/>
  <c r="T44802" i="1"/>
  <c r="T44803" i="1"/>
  <c r="T44804" i="1"/>
  <c r="T44805" i="1"/>
  <c r="T44806" i="1"/>
  <c r="T44807" i="1"/>
  <c r="T44808" i="1"/>
  <c r="T44809" i="1"/>
  <c r="T44810" i="1"/>
  <c r="T44811" i="1"/>
  <c r="T44812" i="1"/>
  <c r="T44813" i="1"/>
  <c r="T44814" i="1"/>
  <c r="T44815" i="1"/>
  <c r="T44816" i="1"/>
  <c r="T44817" i="1"/>
  <c r="T44818" i="1"/>
  <c r="T44819" i="1"/>
  <c r="T44820" i="1"/>
  <c r="T44821" i="1"/>
  <c r="T44822" i="1"/>
  <c r="T44823" i="1"/>
  <c r="T44824" i="1"/>
  <c r="T44825" i="1"/>
  <c r="T44826" i="1"/>
  <c r="T44827" i="1"/>
  <c r="T44828" i="1"/>
  <c r="T44829" i="1"/>
  <c r="T44830" i="1"/>
  <c r="T44831" i="1"/>
  <c r="T44832" i="1"/>
  <c r="T44833" i="1"/>
  <c r="T44834" i="1"/>
  <c r="T44835" i="1"/>
  <c r="T44836" i="1"/>
  <c r="T44837" i="1"/>
  <c r="T44838" i="1"/>
  <c r="T44839" i="1"/>
  <c r="T44840" i="1"/>
  <c r="T44841" i="1"/>
  <c r="T44842" i="1"/>
  <c r="T44843" i="1"/>
  <c r="T44844" i="1"/>
  <c r="T44845" i="1"/>
  <c r="T44846" i="1"/>
  <c r="T44847" i="1"/>
  <c r="T44848" i="1"/>
  <c r="T44849" i="1"/>
  <c r="T44850" i="1"/>
  <c r="T44851" i="1"/>
  <c r="T44852" i="1"/>
  <c r="T44853" i="1"/>
  <c r="T44854" i="1"/>
  <c r="T44855" i="1"/>
  <c r="T44856" i="1"/>
  <c r="T44857" i="1"/>
  <c r="T44858" i="1"/>
  <c r="T44859" i="1"/>
  <c r="T44860" i="1"/>
  <c r="T44861" i="1"/>
  <c r="T44862" i="1"/>
  <c r="T44863" i="1"/>
  <c r="T44864" i="1"/>
  <c r="T44865" i="1"/>
  <c r="T44866" i="1"/>
  <c r="T44867" i="1"/>
  <c r="T44868" i="1"/>
  <c r="T44869" i="1"/>
  <c r="T44870" i="1"/>
  <c r="T44871" i="1"/>
  <c r="T44872" i="1"/>
  <c r="T44873" i="1"/>
  <c r="T44874" i="1"/>
  <c r="T44875" i="1"/>
  <c r="T44876" i="1"/>
  <c r="T44877" i="1"/>
  <c r="T44878" i="1"/>
  <c r="T44879" i="1"/>
  <c r="T44880" i="1"/>
  <c r="T44881" i="1"/>
  <c r="T44882" i="1"/>
  <c r="T44883" i="1"/>
  <c r="T44884" i="1"/>
  <c r="T44885" i="1"/>
  <c r="T44886" i="1"/>
  <c r="T44887" i="1"/>
  <c r="T44888" i="1"/>
  <c r="T44889" i="1"/>
  <c r="T44890" i="1"/>
  <c r="T44891" i="1"/>
  <c r="T44892" i="1"/>
  <c r="T44893" i="1"/>
  <c r="T44894" i="1"/>
  <c r="T44895" i="1"/>
  <c r="T44896" i="1"/>
  <c r="T44897" i="1"/>
  <c r="T44898" i="1"/>
  <c r="T44899" i="1"/>
  <c r="T44900" i="1"/>
  <c r="T44901" i="1"/>
  <c r="T44902" i="1"/>
  <c r="T44903" i="1"/>
  <c r="T44904" i="1"/>
  <c r="T44905" i="1"/>
  <c r="T44906" i="1"/>
  <c r="T44907" i="1"/>
  <c r="T44908" i="1"/>
  <c r="T44909" i="1"/>
  <c r="T44910" i="1"/>
  <c r="T44911" i="1"/>
  <c r="T44912" i="1"/>
  <c r="T44913" i="1"/>
  <c r="T44914" i="1"/>
  <c r="T44915" i="1"/>
  <c r="T44916" i="1"/>
  <c r="T44917" i="1"/>
  <c r="T44918" i="1"/>
  <c r="T44919" i="1"/>
  <c r="T44920" i="1"/>
  <c r="T44921" i="1"/>
  <c r="T44922" i="1"/>
  <c r="T44923" i="1"/>
  <c r="T44924" i="1"/>
  <c r="T44925" i="1"/>
  <c r="T44926" i="1"/>
  <c r="T44927" i="1"/>
  <c r="T44928" i="1"/>
  <c r="T44929" i="1"/>
  <c r="T44930" i="1"/>
  <c r="T44931" i="1"/>
  <c r="T44932" i="1"/>
  <c r="T44933" i="1"/>
  <c r="T44934" i="1"/>
  <c r="T44935" i="1"/>
  <c r="T44936" i="1"/>
  <c r="T44937" i="1"/>
  <c r="T44938" i="1"/>
  <c r="T44939" i="1"/>
  <c r="T44940" i="1"/>
  <c r="T44941" i="1"/>
  <c r="T44942" i="1"/>
  <c r="T44943" i="1"/>
  <c r="T44944" i="1"/>
  <c r="T44945" i="1"/>
  <c r="T44946" i="1"/>
  <c r="T44947" i="1"/>
  <c r="T44948" i="1"/>
  <c r="T44949" i="1"/>
  <c r="T44950" i="1"/>
  <c r="T44951" i="1"/>
  <c r="T44952" i="1"/>
  <c r="T44953" i="1"/>
  <c r="T44954" i="1"/>
  <c r="T44955" i="1"/>
  <c r="T44956" i="1"/>
  <c r="T44957" i="1"/>
  <c r="T44958" i="1"/>
  <c r="T44959" i="1"/>
  <c r="T44960" i="1"/>
  <c r="T44961" i="1"/>
  <c r="T44962" i="1"/>
  <c r="T44963" i="1"/>
  <c r="T44964" i="1"/>
  <c r="T44965" i="1"/>
  <c r="T44966" i="1"/>
  <c r="T44967" i="1"/>
  <c r="T44968" i="1"/>
  <c r="T44969" i="1"/>
  <c r="T44970" i="1"/>
  <c r="T44971" i="1"/>
  <c r="T44972" i="1"/>
  <c r="T44973" i="1"/>
  <c r="T44974" i="1"/>
  <c r="T44975" i="1"/>
  <c r="T44976" i="1"/>
  <c r="T44977" i="1"/>
  <c r="T44978" i="1"/>
  <c r="T44979" i="1"/>
  <c r="T44980" i="1"/>
  <c r="T44981" i="1"/>
  <c r="T44982" i="1"/>
  <c r="T44983" i="1"/>
  <c r="T44984" i="1"/>
  <c r="T44985" i="1"/>
  <c r="T44986" i="1"/>
  <c r="T44987" i="1"/>
  <c r="T44988" i="1"/>
  <c r="T44989" i="1"/>
  <c r="T44990" i="1"/>
  <c r="T44991" i="1"/>
  <c r="T44992" i="1"/>
  <c r="T44993" i="1"/>
  <c r="T44994" i="1"/>
  <c r="T44995" i="1"/>
  <c r="T44996" i="1"/>
  <c r="T44997" i="1"/>
  <c r="T44998" i="1"/>
  <c r="T44999" i="1"/>
  <c r="T45000" i="1"/>
  <c r="T45001" i="1"/>
  <c r="T45002" i="1"/>
  <c r="T45003" i="1"/>
  <c r="T45004" i="1"/>
  <c r="T45005" i="1"/>
  <c r="T45006" i="1"/>
  <c r="T45007" i="1"/>
  <c r="T45008" i="1"/>
  <c r="T45009" i="1"/>
  <c r="T45010" i="1"/>
  <c r="T45011" i="1"/>
  <c r="T45012" i="1"/>
  <c r="T45013" i="1"/>
  <c r="T45014" i="1"/>
  <c r="T45015" i="1"/>
  <c r="T45016" i="1"/>
  <c r="T45017" i="1"/>
  <c r="T45018" i="1"/>
  <c r="T45019" i="1"/>
  <c r="T45020" i="1"/>
  <c r="T45021" i="1"/>
  <c r="T45022" i="1"/>
  <c r="T45023" i="1"/>
  <c r="T45024" i="1"/>
  <c r="T45025" i="1"/>
  <c r="T45026" i="1"/>
  <c r="T45027" i="1"/>
  <c r="T45028" i="1"/>
  <c r="T45029" i="1"/>
  <c r="T45030" i="1"/>
  <c r="T45031" i="1"/>
  <c r="T45032" i="1"/>
  <c r="T45033" i="1"/>
  <c r="T45034" i="1"/>
  <c r="T45035" i="1"/>
  <c r="T45036" i="1"/>
  <c r="T45037" i="1"/>
  <c r="T45038" i="1"/>
  <c r="T45039" i="1"/>
  <c r="T45040" i="1"/>
  <c r="T45041" i="1"/>
  <c r="T45042" i="1"/>
  <c r="T45043" i="1"/>
  <c r="T45044" i="1"/>
  <c r="T45045" i="1"/>
  <c r="T45046" i="1"/>
  <c r="T45047" i="1"/>
  <c r="T45048" i="1"/>
  <c r="T45049" i="1"/>
  <c r="T45050" i="1"/>
  <c r="T45051" i="1"/>
  <c r="T45052" i="1"/>
  <c r="T45053" i="1"/>
  <c r="T45054" i="1"/>
  <c r="T45055" i="1"/>
  <c r="T45056" i="1"/>
  <c r="T45057" i="1"/>
  <c r="T45058" i="1"/>
  <c r="T45059" i="1"/>
  <c r="T45060" i="1"/>
  <c r="T45061" i="1"/>
  <c r="T45062" i="1"/>
  <c r="T45063" i="1"/>
  <c r="T45064" i="1"/>
  <c r="T45065" i="1"/>
  <c r="T45066" i="1"/>
  <c r="T45067" i="1"/>
  <c r="T45068" i="1"/>
  <c r="T45069" i="1"/>
  <c r="T45070" i="1"/>
  <c r="T45071" i="1"/>
  <c r="T45072" i="1"/>
  <c r="T45073" i="1"/>
  <c r="T45074" i="1"/>
  <c r="T45075" i="1"/>
  <c r="T45076" i="1"/>
  <c r="T45077" i="1"/>
  <c r="T45078" i="1"/>
  <c r="T45079" i="1"/>
  <c r="T45080" i="1"/>
  <c r="T45081" i="1"/>
  <c r="T45082" i="1"/>
  <c r="T45083" i="1"/>
  <c r="T45084" i="1"/>
  <c r="T45085" i="1"/>
  <c r="T45086" i="1"/>
  <c r="T45087" i="1"/>
  <c r="T45088" i="1"/>
  <c r="T45089" i="1"/>
  <c r="T45090" i="1"/>
  <c r="T45091" i="1"/>
  <c r="T45092" i="1"/>
  <c r="T45093" i="1"/>
  <c r="T45094" i="1"/>
  <c r="T45095" i="1"/>
  <c r="T45096" i="1"/>
  <c r="T45097" i="1"/>
  <c r="T45098" i="1"/>
  <c r="T45099" i="1"/>
  <c r="T45100" i="1"/>
  <c r="T45101" i="1"/>
  <c r="T45102" i="1"/>
  <c r="T45103" i="1"/>
  <c r="T45104" i="1"/>
  <c r="T45105" i="1"/>
  <c r="T45106" i="1"/>
  <c r="T45107" i="1"/>
  <c r="T45108" i="1"/>
  <c r="T45109" i="1"/>
  <c r="T45110" i="1"/>
  <c r="T45111" i="1"/>
  <c r="T45112" i="1"/>
  <c r="T45113" i="1"/>
  <c r="T45114" i="1"/>
  <c r="T45115" i="1"/>
  <c r="T45116" i="1"/>
  <c r="T45117" i="1"/>
  <c r="T45118" i="1"/>
  <c r="T45119" i="1"/>
  <c r="T45120" i="1"/>
  <c r="T45121" i="1"/>
  <c r="T45122" i="1"/>
  <c r="T45123" i="1"/>
  <c r="T45124" i="1"/>
  <c r="T45125" i="1"/>
  <c r="T45126" i="1"/>
  <c r="T45127" i="1"/>
  <c r="T45128" i="1"/>
  <c r="T45129" i="1"/>
  <c r="T45130" i="1"/>
  <c r="T45131" i="1"/>
  <c r="T45132" i="1"/>
  <c r="T45133" i="1"/>
  <c r="T45134" i="1"/>
  <c r="T45135" i="1"/>
  <c r="T45136" i="1"/>
  <c r="T45137" i="1"/>
  <c r="T45138" i="1"/>
  <c r="T45139" i="1"/>
  <c r="T45140" i="1"/>
  <c r="T45141" i="1"/>
  <c r="T45142" i="1"/>
  <c r="T45143" i="1"/>
  <c r="T45144" i="1"/>
  <c r="T45145" i="1"/>
  <c r="T45146" i="1"/>
  <c r="T45147" i="1"/>
  <c r="T45148" i="1"/>
  <c r="T45149" i="1"/>
  <c r="T45150" i="1"/>
  <c r="T45151" i="1"/>
  <c r="T45152" i="1"/>
  <c r="T45153" i="1"/>
  <c r="T45154" i="1"/>
  <c r="T45155" i="1"/>
  <c r="T45156" i="1"/>
  <c r="T45157" i="1"/>
  <c r="T45158" i="1"/>
  <c r="T45159" i="1"/>
  <c r="T45160" i="1"/>
  <c r="T45161" i="1"/>
  <c r="T45162" i="1"/>
  <c r="T45163" i="1"/>
  <c r="T45164" i="1"/>
  <c r="T45165" i="1"/>
  <c r="T45166" i="1"/>
  <c r="T45167" i="1"/>
  <c r="T45168" i="1"/>
  <c r="T45169" i="1"/>
  <c r="T45170" i="1"/>
  <c r="T45171" i="1"/>
  <c r="T45172" i="1"/>
  <c r="T45173" i="1"/>
  <c r="T45174" i="1"/>
  <c r="T45175" i="1"/>
  <c r="T45176" i="1"/>
  <c r="T45177" i="1"/>
  <c r="T45178" i="1"/>
  <c r="T45179" i="1"/>
  <c r="T45180" i="1"/>
  <c r="T45181" i="1"/>
  <c r="T45182" i="1"/>
  <c r="T45183" i="1"/>
  <c r="T45184" i="1"/>
  <c r="T45185" i="1"/>
  <c r="T45186" i="1"/>
  <c r="T45187" i="1"/>
  <c r="T45188" i="1"/>
  <c r="T45189" i="1"/>
  <c r="T45190" i="1"/>
  <c r="T45191" i="1"/>
  <c r="T45192" i="1"/>
  <c r="T45193" i="1"/>
  <c r="T45194" i="1"/>
  <c r="T45195" i="1"/>
  <c r="T45196" i="1"/>
  <c r="T45197" i="1"/>
  <c r="T45198" i="1"/>
  <c r="T45199" i="1"/>
  <c r="T45200" i="1"/>
  <c r="T45201" i="1"/>
  <c r="T45202" i="1"/>
  <c r="T45203" i="1"/>
  <c r="T45204" i="1"/>
  <c r="T45205" i="1"/>
  <c r="T45206" i="1"/>
  <c r="T45207" i="1"/>
  <c r="T45208" i="1"/>
  <c r="T45209" i="1"/>
  <c r="T45210" i="1"/>
  <c r="T45211" i="1"/>
  <c r="T45212" i="1"/>
  <c r="T45213" i="1"/>
  <c r="T45214" i="1"/>
  <c r="T45215" i="1"/>
  <c r="T45216" i="1"/>
  <c r="T45217" i="1"/>
  <c r="T45218" i="1"/>
  <c r="T45219" i="1"/>
  <c r="T45220" i="1"/>
  <c r="T45221" i="1"/>
  <c r="T45222" i="1"/>
  <c r="T45223" i="1"/>
  <c r="T45224" i="1"/>
  <c r="T45225" i="1"/>
  <c r="T45226" i="1"/>
  <c r="T45227" i="1"/>
  <c r="T45228" i="1"/>
  <c r="T45229" i="1"/>
  <c r="T45230" i="1"/>
  <c r="T45231" i="1"/>
  <c r="T45232" i="1"/>
  <c r="T45233" i="1"/>
  <c r="T45234" i="1"/>
  <c r="T45235" i="1"/>
  <c r="T45236" i="1"/>
  <c r="T45237" i="1"/>
  <c r="T45238" i="1"/>
  <c r="T45239" i="1"/>
  <c r="T45240" i="1"/>
  <c r="T45241" i="1"/>
  <c r="T45242" i="1"/>
  <c r="T45243" i="1"/>
  <c r="T45244" i="1"/>
  <c r="T45245" i="1"/>
  <c r="T45246" i="1"/>
  <c r="T45247" i="1"/>
  <c r="T45248" i="1"/>
  <c r="T45249" i="1"/>
  <c r="T45250" i="1"/>
  <c r="T45251" i="1"/>
  <c r="T45252" i="1"/>
  <c r="T45253" i="1"/>
  <c r="T45254" i="1"/>
  <c r="T45255" i="1"/>
  <c r="T45256" i="1"/>
  <c r="T45257" i="1"/>
  <c r="T45258" i="1"/>
  <c r="T45259" i="1"/>
  <c r="T45260" i="1"/>
  <c r="T45261" i="1"/>
  <c r="T45262" i="1"/>
  <c r="T45263" i="1"/>
  <c r="T45264" i="1"/>
  <c r="T45265" i="1"/>
  <c r="T45266" i="1"/>
  <c r="T45267" i="1"/>
  <c r="T45268" i="1"/>
  <c r="T45269" i="1"/>
  <c r="T45270" i="1"/>
  <c r="T45271" i="1"/>
  <c r="T45272" i="1"/>
  <c r="T45273" i="1"/>
  <c r="T45274" i="1"/>
  <c r="T45275" i="1"/>
  <c r="T45276" i="1"/>
  <c r="T45277" i="1"/>
  <c r="T45278" i="1"/>
  <c r="T45279" i="1"/>
  <c r="T45280" i="1"/>
  <c r="T45281" i="1"/>
  <c r="T45282" i="1"/>
  <c r="T45283" i="1"/>
  <c r="T45284" i="1"/>
  <c r="T45285" i="1"/>
  <c r="T45286" i="1"/>
  <c r="T45287" i="1"/>
  <c r="T45288" i="1"/>
  <c r="T45289" i="1"/>
  <c r="T45290" i="1"/>
  <c r="T45291" i="1"/>
  <c r="T45292" i="1"/>
  <c r="T45293" i="1"/>
  <c r="T45294" i="1"/>
  <c r="T45295" i="1"/>
  <c r="T45296" i="1"/>
  <c r="T45297" i="1"/>
  <c r="T45298" i="1"/>
  <c r="T45299" i="1"/>
  <c r="T45300" i="1"/>
  <c r="T45301" i="1"/>
  <c r="T45302" i="1"/>
  <c r="T45303" i="1"/>
  <c r="T45304" i="1"/>
  <c r="T45305" i="1"/>
  <c r="T45306" i="1"/>
  <c r="T45307" i="1"/>
  <c r="T45308" i="1"/>
  <c r="T45309" i="1"/>
  <c r="T45310" i="1"/>
  <c r="T45311" i="1"/>
  <c r="T45312" i="1"/>
  <c r="T45313" i="1"/>
  <c r="T45314" i="1"/>
  <c r="T45315" i="1"/>
  <c r="T45316" i="1"/>
  <c r="T45317" i="1"/>
  <c r="T45318" i="1"/>
  <c r="T45319" i="1"/>
  <c r="T45320" i="1"/>
  <c r="T45321" i="1"/>
  <c r="T45322" i="1"/>
  <c r="T45323" i="1"/>
  <c r="T45324" i="1"/>
  <c r="T45325" i="1"/>
  <c r="T45326" i="1"/>
  <c r="T45327" i="1"/>
  <c r="T45328" i="1"/>
  <c r="T45329" i="1"/>
  <c r="T45330" i="1"/>
  <c r="T45331" i="1"/>
  <c r="T45332" i="1"/>
  <c r="T45333" i="1"/>
  <c r="T45334" i="1"/>
  <c r="T45335" i="1"/>
  <c r="T45336" i="1"/>
  <c r="T45337" i="1"/>
  <c r="T45338" i="1"/>
  <c r="T45339" i="1"/>
  <c r="T45340" i="1"/>
  <c r="T45341" i="1"/>
  <c r="T45342" i="1"/>
  <c r="T45343" i="1"/>
  <c r="T45344" i="1"/>
  <c r="T45345" i="1"/>
  <c r="T45346" i="1"/>
  <c r="T45347" i="1"/>
  <c r="T45348" i="1"/>
  <c r="T45349" i="1"/>
  <c r="T45350" i="1"/>
  <c r="T45351" i="1"/>
  <c r="T45352" i="1"/>
  <c r="T45353" i="1"/>
  <c r="T45354" i="1"/>
  <c r="T45355" i="1"/>
  <c r="T45356" i="1"/>
  <c r="T45357" i="1"/>
  <c r="T45358" i="1"/>
  <c r="T45359" i="1"/>
  <c r="T45360" i="1"/>
  <c r="T45361" i="1"/>
  <c r="T45362" i="1"/>
  <c r="T45363" i="1"/>
  <c r="T45364" i="1"/>
  <c r="T45365" i="1"/>
  <c r="T45366" i="1"/>
  <c r="T45367" i="1"/>
  <c r="T45368" i="1"/>
  <c r="T45369" i="1"/>
  <c r="T45370" i="1"/>
  <c r="T45371" i="1"/>
  <c r="T45372" i="1"/>
  <c r="T45373" i="1"/>
  <c r="T45374" i="1"/>
  <c r="T45375" i="1"/>
  <c r="T45376" i="1"/>
  <c r="T45377" i="1"/>
  <c r="T45378" i="1"/>
  <c r="T45379" i="1"/>
  <c r="T45380" i="1"/>
  <c r="T45381" i="1"/>
  <c r="T45382" i="1"/>
  <c r="T45383" i="1"/>
  <c r="T45384" i="1"/>
  <c r="T45385" i="1"/>
  <c r="T45386" i="1"/>
  <c r="T45387" i="1"/>
  <c r="T45388" i="1"/>
  <c r="T45389" i="1"/>
  <c r="T45390" i="1"/>
  <c r="T45391" i="1"/>
  <c r="T45392" i="1"/>
  <c r="T45393" i="1"/>
  <c r="T45394" i="1"/>
  <c r="T45395" i="1"/>
  <c r="T45396" i="1"/>
  <c r="T45397" i="1"/>
  <c r="T45398" i="1"/>
  <c r="T45399" i="1"/>
  <c r="T45400" i="1"/>
  <c r="T45401" i="1"/>
  <c r="T45402" i="1"/>
  <c r="T45403" i="1"/>
  <c r="T45404" i="1"/>
  <c r="T45405" i="1"/>
  <c r="T45406" i="1"/>
  <c r="T45407" i="1"/>
  <c r="T45408" i="1"/>
  <c r="T45409" i="1"/>
  <c r="T45410" i="1"/>
  <c r="T45411" i="1"/>
  <c r="T45412" i="1"/>
  <c r="T45413" i="1"/>
  <c r="T45414" i="1"/>
  <c r="T45415" i="1"/>
  <c r="T45416" i="1"/>
  <c r="T45417" i="1"/>
  <c r="T45418" i="1"/>
  <c r="T45419" i="1"/>
  <c r="T45420" i="1"/>
  <c r="T45421" i="1"/>
  <c r="T45422" i="1"/>
  <c r="T45423" i="1"/>
  <c r="T45424" i="1"/>
  <c r="T45425" i="1"/>
  <c r="T45426" i="1"/>
  <c r="T45427" i="1"/>
  <c r="T45428" i="1"/>
  <c r="T45429" i="1"/>
  <c r="T45430" i="1"/>
  <c r="T45431" i="1"/>
  <c r="T45432" i="1"/>
  <c r="T45433" i="1"/>
  <c r="T45434" i="1"/>
  <c r="T45435" i="1"/>
  <c r="T45436" i="1"/>
  <c r="T45437" i="1"/>
  <c r="T45438" i="1"/>
  <c r="T45439" i="1"/>
  <c r="T45440" i="1"/>
  <c r="T45441" i="1"/>
  <c r="T45442" i="1"/>
  <c r="T45443" i="1"/>
  <c r="T45444" i="1"/>
  <c r="T45445" i="1"/>
  <c r="T45446" i="1"/>
  <c r="T45447" i="1"/>
  <c r="T45448" i="1"/>
  <c r="T45449" i="1"/>
  <c r="T45450" i="1"/>
  <c r="T45451" i="1"/>
  <c r="T45452" i="1"/>
  <c r="T45453" i="1"/>
  <c r="T45454" i="1"/>
  <c r="T45455" i="1"/>
  <c r="T45456" i="1"/>
  <c r="T45457" i="1"/>
  <c r="T45458" i="1"/>
  <c r="T45459" i="1"/>
  <c r="T45460" i="1"/>
  <c r="T45461" i="1"/>
  <c r="T45462" i="1"/>
  <c r="T45463" i="1"/>
  <c r="T45464" i="1"/>
  <c r="T45465" i="1"/>
  <c r="T45466" i="1"/>
  <c r="T45467" i="1"/>
  <c r="T45468" i="1"/>
  <c r="T45469" i="1"/>
  <c r="T45470" i="1"/>
  <c r="T45471" i="1"/>
  <c r="T45472" i="1"/>
  <c r="T45473" i="1"/>
  <c r="T45474" i="1"/>
  <c r="T45475" i="1"/>
  <c r="T45476" i="1"/>
  <c r="T45477" i="1"/>
  <c r="T45478" i="1"/>
  <c r="T45479" i="1"/>
  <c r="T45480" i="1"/>
  <c r="T45481" i="1"/>
  <c r="T45482" i="1"/>
  <c r="T45483" i="1"/>
  <c r="T45484" i="1"/>
  <c r="T45485" i="1"/>
  <c r="T45486" i="1"/>
  <c r="T45487" i="1"/>
  <c r="T45488" i="1"/>
  <c r="T45489" i="1"/>
  <c r="T45490" i="1"/>
  <c r="T45491" i="1"/>
  <c r="T45492" i="1"/>
  <c r="T45493" i="1"/>
  <c r="T45494" i="1"/>
  <c r="T45495" i="1"/>
  <c r="T45496" i="1"/>
  <c r="T45497" i="1"/>
  <c r="T45498" i="1"/>
  <c r="T45499" i="1"/>
  <c r="T45500" i="1"/>
  <c r="T45501" i="1"/>
  <c r="T45502" i="1"/>
  <c r="T45503" i="1"/>
  <c r="T45504" i="1"/>
  <c r="T45505" i="1"/>
  <c r="T45506" i="1"/>
  <c r="T45507" i="1"/>
  <c r="T45508" i="1"/>
  <c r="T45509" i="1"/>
  <c r="T45510" i="1"/>
  <c r="T45511" i="1"/>
  <c r="T45512" i="1"/>
  <c r="T45513" i="1"/>
  <c r="T45514" i="1"/>
  <c r="T45515" i="1"/>
  <c r="T45516" i="1"/>
  <c r="T45517" i="1"/>
  <c r="T45518" i="1"/>
  <c r="T45519" i="1"/>
  <c r="T45520" i="1"/>
  <c r="T45521" i="1"/>
  <c r="T45522" i="1"/>
  <c r="T45523" i="1"/>
  <c r="T45524" i="1"/>
  <c r="T45525" i="1"/>
  <c r="T45526" i="1"/>
  <c r="T45527" i="1"/>
  <c r="T45528" i="1"/>
  <c r="T45529" i="1"/>
  <c r="T45530" i="1"/>
  <c r="T45531" i="1"/>
  <c r="T45532" i="1"/>
  <c r="T45533" i="1"/>
  <c r="T45534" i="1"/>
  <c r="T45535" i="1"/>
  <c r="T45536" i="1"/>
  <c r="T45537" i="1"/>
  <c r="T45538" i="1"/>
  <c r="T45539" i="1"/>
  <c r="T45540" i="1"/>
  <c r="T45541" i="1"/>
  <c r="T45542" i="1"/>
  <c r="T45543" i="1"/>
  <c r="T45544" i="1"/>
  <c r="T45545" i="1"/>
  <c r="T45546" i="1"/>
  <c r="T45547" i="1"/>
  <c r="T45548" i="1"/>
  <c r="T45549" i="1"/>
  <c r="T45550" i="1"/>
  <c r="T45551" i="1"/>
  <c r="T45552" i="1"/>
  <c r="T45553" i="1"/>
  <c r="T45554" i="1"/>
  <c r="T45555" i="1"/>
  <c r="T45556" i="1"/>
  <c r="T45557" i="1"/>
  <c r="T45558" i="1"/>
  <c r="T45559" i="1"/>
  <c r="T45560" i="1"/>
  <c r="T45561" i="1"/>
  <c r="T45562" i="1"/>
  <c r="T45563" i="1"/>
  <c r="T45564" i="1"/>
  <c r="T45565" i="1"/>
  <c r="T45566" i="1"/>
  <c r="T45567" i="1"/>
  <c r="T45568" i="1"/>
  <c r="T45569" i="1"/>
  <c r="T45570" i="1"/>
  <c r="T45571" i="1"/>
  <c r="T45572" i="1"/>
  <c r="T45573" i="1"/>
  <c r="T45574" i="1"/>
  <c r="T45575" i="1"/>
  <c r="T45576" i="1"/>
  <c r="T45577" i="1"/>
  <c r="T45578" i="1"/>
  <c r="T45579" i="1"/>
  <c r="T45580" i="1"/>
  <c r="T45581" i="1"/>
  <c r="T45582" i="1"/>
  <c r="T45583" i="1"/>
  <c r="T45584" i="1"/>
  <c r="T45585" i="1"/>
  <c r="T45586" i="1"/>
  <c r="T45587" i="1"/>
  <c r="T45588" i="1"/>
  <c r="T45589" i="1"/>
  <c r="T45590" i="1"/>
  <c r="T45591" i="1"/>
  <c r="T45592" i="1"/>
  <c r="T45593" i="1"/>
  <c r="T45594" i="1"/>
  <c r="T45595" i="1"/>
  <c r="T45596" i="1"/>
  <c r="T45597" i="1"/>
  <c r="T45598" i="1"/>
  <c r="T45599" i="1"/>
  <c r="T45600" i="1"/>
  <c r="T45601" i="1"/>
  <c r="T45602" i="1"/>
  <c r="T45603" i="1"/>
  <c r="T45604" i="1"/>
  <c r="T45605" i="1"/>
  <c r="T45606" i="1"/>
  <c r="T45607" i="1"/>
  <c r="T45608" i="1"/>
  <c r="T45609" i="1"/>
  <c r="T45610" i="1"/>
  <c r="T45611" i="1"/>
  <c r="T45612" i="1"/>
  <c r="T45613" i="1"/>
  <c r="T45614" i="1"/>
  <c r="T45615" i="1"/>
  <c r="T45616" i="1"/>
  <c r="T45617" i="1"/>
  <c r="T45618" i="1"/>
  <c r="T45619" i="1"/>
  <c r="T45620" i="1"/>
  <c r="T45621" i="1"/>
  <c r="T45622" i="1"/>
  <c r="T45623" i="1"/>
  <c r="T45624" i="1"/>
  <c r="T45625" i="1"/>
  <c r="T45626" i="1"/>
  <c r="T45627" i="1"/>
  <c r="T45628" i="1"/>
  <c r="T45629" i="1"/>
  <c r="T45630" i="1"/>
  <c r="T45631" i="1"/>
  <c r="T45632" i="1"/>
  <c r="T45633" i="1"/>
  <c r="T45634" i="1"/>
  <c r="T45635" i="1"/>
  <c r="T45636" i="1"/>
  <c r="T45637" i="1"/>
  <c r="T45638" i="1"/>
  <c r="T45639" i="1"/>
  <c r="T45640" i="1"/>
  <c r="T45641" i="1"/>
  <c r="T45642" i="1"/>
  <c r="T45643" i="1"/>
  <c r="T45644" i="1"/>
  <c r="T45645" i="1"/>
  <c r="T45646" i="1"/>
  <c r="T45647" i="1"/>
  <c r="T45648" i="1"/>
  <c r="T45649" i="1"/>
  <c r="T45650" i="1"/>
  <c r="T45651" i="1"/>
  <c r="T45652" i="1"/>
  <c r="T45653" i="1"/>
  <c r="T45654" i="1"/>
  <c r="T45655" i="1"/>
  <c r="T45656" i="1"/>
  <c r="T45657" i="1"/>
  <c r="T45658" i="1"/>
  <c r="T45659" i="1"/>
  <c r="T45660" i="1"/>
  <c r="T45661" i="1"/>
  <c r="T45662" i="1"/>
  <c r="T45663" i="1"/>
  <c r="T45664" i="1"/>
  <c r="T45665" i="1"/>
  <c r="T45666" i="1"/>
  <c r="T45667" i="1"/>
  <c r="T45668" i="1"/>
  <c r="T45669" i="1"/>
  <c r="T45670" i="1"/>
  <c r="T45671" i="1"/>
  <c r="T45672" i="1"/>
  <c r="T45673" i="1"/>
  <c r="T45674" i="1"/>
  <c r="T45675" i="1"/>
  <c r="T45676" i="1"/>
  <c r="T45677" i="1"/>
  <c r="T45678" i="1"/>
  <c r="T45679" i="1"/>
  <c r="T45680" i="1"/>
  <c r="T45681" i="1"/>
  <c r="T45682" i="1"/>
  <c r="T45683" i="1"/>
  <c r="T45684" i="1"/>
  <c r="T45685" i="1"/>
  <c r="T45686" i="1"/>
  <c r="T45687" i="1"/>
  <c r="T45688" i="1"/>
  <c r="T45689" i="1"/>
  <c r="T45690" i="1"/>
  <c r="T45691" i="1"/>
  <c r="T45692" i="1"/>
  <c r="T45693" i="1"/>
  <c r="T45694" i="1"/>
  <c r="T45695" i="1"/>
  <c r="T45696" i="1"/>
  <c r="T45697" i="1"/>
  <c r="T45698" i="1"/>
  <c r="T45699" i="1"/>
  <c r="T45700" i="1"/>
  <c r="T45701" i="1"/>
  <c r="T45702" i="1"/>
  <c r="T45703" i="1"/>
  <c r="T45704" i="1"/>
  <c r="T45705" i="1"/>
  <c r="T45706" i="1"/>
  <c r="T45707" i="1"/>
  <c r="T45708" i="1"/>
  <c r="T45709" i="1"/>
  <c r="T45710" i="1"/>
  <c r="T45711" i="1"/>
  <c r="T45712" i="1"/>
  <c r="T45713" i="1"/>
  <c r="T45714" i="1"/>
  <c r="T45715" i="1"/>
  <c r="T45716" i="1"/>
  <c r="T45717" i="1"/>
  <c r="T45718" i="1"/>
  <c r="T45719" i="1"/>
  <c r="T45720" i="1"/>
  <c r="T45721" i="1"/>
  <c r="T45722" i="1"/>
  <c r="T45723" i="1"/>
  <c r="T45724" i="1"/>
  <c r="T45725" i="1"/>
  <c r="T45726" i="1"/>
  <c r="T45727" i="1"/>
  <c r="T45728" i="1"/>
  <c r="T45729" i="1"/>
  <c r="T45730" i="1"/>
  <c r="T45731" i="1"/>
  <c r="T45732" i="1"/>
  <c r="T45733" i="1"/>
  <c r="T45734" i="1"/>
  <c r="T45735" i="1"/>
  <c r="T45736" i="1"/>
  <c r="T45737" i="1"/>
  <c r="T45738" i="1"/>
  <c r="T45739" i="1"/>
  <c r="T45740" i="1"/>
  <c r="T45741" i="1"/>
  <c r="T45742" i="1"/>
  <c r="T45743" i="1"/>
  <c r="T45744" i="1"/>
  <c r="T45745" i="1"/>
  <c r="T45746" i="1"/>
  <c r="T45747" i="1"/>
  <c r="T45748" i="1"/>
  <c r="T45749" i="1"/>
  <c r="T45750" i="1"/>
  <c r="T45751" i="1"/>
  <c r="T45752" i="1"/>
  <c r="T45753" i="1"/>
  <c r="T45754" i="1"/>
  <c r="T45755" i="1"/>
  <c r="T45756" i="1"/>
  <c r="T45757" i="1"/>
  <c r="T45758" i="1"/>
  <c r="T45759" i="1"/>
  <c r="T45760" i="1"/>
  <c r="T45761" i="1"/>
  <c r="T45762" i="1"/>
  <c r="T45763" i="1"/>
  <c r="T45764" i="1"/>
  <c r="T45765" i="1"/>
  <c r="T45766" i="1"/>
  <c r="T45767" i="1"/>
  <c r="T45768" i="1"/>
  <c r="T45769" i="1"/>
  <c r="T45770" i="1"/>
  <c r="T45771" i="1"/>
  <c r="T45772" i="1"/>
  <c r="T45773" i="1"/>
  <c r="T45774" i="1"/>
  <c r="T45775" i="1"/>
  <c r="T45776" i="1"/>
  <c r="T45777" i="1"/>
  <c r="T45778" i="1"/>
  <c r="T45779" i="1"/>
  <c r="T45780" i="1"/>
  <c r="T45781" i="1"/>
  <c r="T45782" i="1"/>
  <c r="T45783" i="1"/>
  <c r="T45784" i="1"/>
  <c r="T45785" i="1"/>
  <c r="T45786" i="1"/>
  <c r="T45787" i="1"/>
  <c r="T45788" i="1"/>
  <c r="T45789" i="1"/>
  <c r="T45790" i="1"/>
  <c r="T45791" i="1"/>
  <c r="T45792" i="1"/>
  <c r="T45793" i="1"/>
  <c r="T45794" i="1"/>
  <c r="T45795" i="1"/>
  <c r="T45796" i="1"/>
  <c r="T45797" i="1"/>
  <c r="T45798" i="1"/>
  <c r="T45799" i="1"/>
  <c r="T45800" i="1"/>
  <c r="T45801" i="1"/>
  <c r="T45802" i="1"/>
  <c r="T45803" i="1"/>
  <c r="T45804" i="1"/>
  <c r="T45805" i="1"/>
  <c r="T45806" i="1"/>
  <c r="T45807" i="1"/>
  <c r="T45808" i="1"/>
  <c r="T45809" i="1"/>
  <c r="T45810" i="1"/>
  <c r="T45811" i="1"/>
  <c r="T45812" i="1"/>
  <c r="T45813" i="1"/>
  <c r="T45814" i="1"/>
  <c r="T45815" i="1"/>
  <c r="T45816" i="1"/>
  <c r="T45817" i="1"/>
  <c r="T45818" i="1"/>
  <c r="T45819" i="1"/>
  <c r="T45820" i="1"/>
  <c r="T45821" i="1"/>
  <c r="T45822" i="1"/>
  <c r="T45823" i="1"/>
  <c r="T45824" i="1"/>
  <c r="T45825" i="1"/>
  <c r="T45826" i="1"/>
  <c r="T45827" i="1"/>
  <c r="T45828" i="1"/>
  <c r="T45829" i="1"/>
  <c r="T45830" i="1"/>
  <c r="T45831" i="1"/>
  <c r="T45832" i="1"/>
  <c r="T45833" i="1"/>
  <c r="T45834" i="1"/>
  <c r="T45835" i="1"/>
  <c r="T45836" i="1"/>
  <c r="T45837" i="1"/>
  <c r="T45838" i="1"/>
  <c r="T45839" i="1"/>
  <c r="T45840" i="1"/>
  <c r="T45841" i="1"/>
  <c r="T45842" i="1"/>
  <c r="T45843" i="1"/>
  <c r="T45844" i="1"/>
  <c r="T45845" i="1"/>
  <c r="T45846" i="1"/>
  <c r="T45847" i="1"/>
  <c r="T45848" i="1"/>
  <c r="T45849" i="1"/>
  <c r="T45850" i="1"/>
  <c r="T45851" i="1"/>
  <c r="T45852" i="1"/>
  <c r="T45853" i="1"/>
  <c r="T45854" i="1"/>
  <c r="T45855" i="1"/>
  <c r="T45856" i="1"/>
  <c r="T45857" i="1"/>
  <c r="T45858" i="1"/>
  <c r="T45859" i="1"/>
  <c r="T45860" i="1"/>
  <c r="T45861" i="1"/>
  <c r="T45862" i="1"/>
  <c r="T45863" i="1"/>
  <c r="T45864" i="1"/>
  <c r="T45865" i="1"/>
  <c r="T45866" i="1"/>
  <c r="T45867" i="1"/>
  <c r="T45868" i="1"/>
  <c r="T45869" i="1"/>
  <c r="T45870" i="1"/>
  <c r="T45871" i="1"/>
  <c r="T45872" i="1"/>
  <c r="T45873" i="1"/>
  <c r="T45874" i="1"/>
  <c r="T45875" i="1"/>
  <c r="T45876" i="1"/>
  <c r="T45877" i="1"/>
  <c r="T45878" i="1"/>
  <c r="T45879" i="1"/>
  <c r="T45880" i="1"/>
  <c r="T45881" i="1"/>
  <c r="T45882" i="1"/>
  <c r="T45883" i="1"/>
  <c r="T45884" i="1"/>
  <c r="T45885" i="1"/>
  <c r="T45886" i="1"/>
  <c r="T45887" i="1"/>
  <c r="T45888" i="1"/>
  <c r="T45889" i="1"/>
  <c r="T45890" i="1"/>
  <c r="T45891" i="1"/>
  <c r="T45892" i="1"/>
  <c r="T45893" i="1"/>
  <c r="T45894" i="1"/>
  <c r="T45895" i="1"/>
  <c r="T45896" i="1"/>
  <c r="T45897" i="1"/>
  <c r="T45898" i="1"/>
  <c r="T45899" i="1"/>
  <c r="T45900" i="1"/>
  <c r="T45901" i="1"/>
  <c r="T45902" i="1"/>
  <c r="T45903" i="1"/>
  <c r="T45904" i="1"/>
  <c r="T45905" i="1"/>
  <c r="T45906" i="1"/>
  <c r="T45907" i="1"/>
  <c r="T45908" i="1"/>
  <c r="T45909" i="1"/>
  <c r="T45910" i="1"/>
  <c r="T45911" i="1"/>
  <c r="T45912" i="1"/>
  <c r="T45913" i="1"/>
  <c r="T45914" i="1"/>
  <c r="T45915" i="1"/>
  <c r="T45916" i="1"/>
  <c r="T45917" i="1"/>
  <c r="T45918" i="1"/>
  <c r="T45919" i="1"/>
  <c r="T45920" i="1"/>
  <c r="T45921" i="1"/>
  <c r="T45922" i="1"/>
  <c r="T45923" i="1"/>
  <c r="T45924" i="1"/>
  <c r="T45925" i="1"/>
  <c r="T45926" i="1"/>
  <c r="T45927" i="1"/>
  <c r="T45928" i="1"/>
  <c r="T45929" i="1"/>
  <c r="T45930" i="1"/>
  <c r="T45931" i="1"/>
  <c r="T45932" i="1"/>
  <c r="T45933" i="1"/>
  <c r="T45934" i="1"/>
  <c r="T45935" i="1"/>
  <c r="T45936" i="1"/>
  <c r="T45937" i="1"/>
  <c r="T45938" i="1"/>
  <c r="T45939" i="1"/>
  <c r="T45940" i="1"/>
  <c r="T45941" i="1"/>
  <c r="T45942" i="1"/>
  <c r="T45943" i="1"/>
  <c r="T45944" i="1"/>
  <c r="T45945" i="1"/>
  <c r="T45946" i="1"/>
  <c r="T45947" i="1"/>
  <c r="T45948" i="1"/>
  <c r="T45949" i="1"/>
  <c r="T45950" i="1"/>
  <c r="T45951" i="1"/>
  <c r="T45952" i="1"/>
  <c r="T45953" i="1"/>
  <c r="T45954" i="1"/>
  <c r="T45955" i="1"/>
  <c r="T45956" i="1"/>
  <c r="T45957" i="1"/>
  <c r="T45958" i="1"/>
  <c r="T45959" i="1"/>
  <c r="T45960" i="1"/>
  <c r="T45961" i="1"/>
  <c r="T45962" i="1"/>
  <c r="T45963" i="1"/>
  <c r="T45964" i="1"/>
  <c r="T45965" i="1"/>
  <c r="T45966" i="1"/>
  <c r="T45967" i="1"/>
  <c r="T45968" i="1"/>
  <c r="T45969" i="1"/>
  <c r="T45970" i="1"/>
  <c r="T45971" i="1"/>
  <c r="T45972" i="1"/>
  <c r="T45973" i="1"/>
  <c r="T45974" i="1"/>
  <c r="T45975" i="1"/>
  <c r="T45976" i="1"/>
  <c r="T45977" i="1"/>
  <c r="T45978" i="1"/>
  <c r="T45979" i="1"/>
  <c r="T45980" i="1"/>
  <c r="T45981" i="1"/>
  <c r="T45982" i="1"/>
  <c r="T45983" i="1"/>
  <c r="T45984" i="1"/>
  <c r="T45985" i="1"/>
  <c r="T45986" i="1"/>
  <c r="T45987" i="1"/>
  <c r="T45988" i="1"/>
  <c r="T45989" i="1"/>
  <c r="T45990" i="1"/>
  <c r="T45991" i="1"/>
  <c r="T45992" i="1"/>
  <c r="T45993" i="1"/>
  <c r="T45994" i="1"/>
  <c r="T45995" i="1"/>
  <c r="T45996" i="1"/>
  <c r="T45997" i="1"/>
  <c r="T45998" i="1"/>
  <c r="T45999" i="1"/>
  <c r="T46000" i="1"/>
  <c r="T46001" i="1"/>
  <c r="T46002" i="1"/>
  <c r="T46003" i="1"/>
  <c r="T46004" i="1"/>
  <c r="T46005" i="1"/>
  <c r="T46006" i="1"/>
  <c r="T46007" i="1"/>
  <c r="T46008" i="1"/>
  <c r="T46009" i="1"/>
  <c r="T46010" i="1"/>
  <c r="T46011" i="1"/>
  <c r="T46012" i="1"/>
  <c r="T46013" i="1"/>
  <c r="T46014" i="1"/>
  <c r="T46015" i="1"/>
  <c r="T46016" i="1"/>
  <c r="T46017" i="1"/>
  <c r="T46018" i="1"/>
  <c r="T46019" i="1"/>
  <c r="T46020" i="1"/>
  <c r="T46021" i="1"/>
  <c r="T46022" i="1"/>
  <c r="T46023" i="1"/>
  <c r="T46024" i="1"/>
  <c r="T46025" i="1"/>
  <c r="T46026" i="1"/>
  <c r="T46027" i="1"/>
  <c r="T46028" i="1"/>
  <c r="T46029" i="1"/>
  <c r="T46030" i="1"/>
  <c r="T46031" i="1"/>
  <c r="T46032" i="1"/>
  <c r="T46033" i="1"/>
  <c r="T46034" i="1"/>
  <c r="T46035" i="1"/>
  <c r="T46036" i="1"/>
  <c r="T46037" i="1"/>
  <c r="T46038" i="1"/>
  <c r="T46039" i="1"/>
  <c r="T46040" i="1"/>
  <c r="T46041" i="1"/>
  <c r="T46042" i="1"/>
  <c r="T46043" i="1"/>
  <c r="T46044" i="1"/>
  <c r="T46045" i="1"/>
  <c r="T46046" i="1"/>
  <c r="T46047" i="1"/>
  <c r="T46048" i="1"/>
  <c r="T46049" i="1"/>
  <c r="T46050" i="1"/>
  <c r="T46051" i="1"/>
  <c r="T46052" i="1"/>
  <c r="T46053" i="1"/>
  <c r="T46054" i="1"/>
  <c r="T46055" i="1"/>
  <c r="T46056" i="1"/>
  <c r="T46057" i="1"/>
  <c r="T46058" i="1"/>
  <c r="T46059" i="1"/>
  <c r="T46060" i="1"/>
  <c r="T46061" i="1"/>
  <c r="T46062" i="1"/>
  <c r="T46063" i="1"/>
  <c r="T46064" i="1"/>
  <c r="T46065" i="1"/>
  <c r="T46066" i="1"/>
  <c r="T46067" i="1"/>
  <c r="T46068" i="1"/>
  <c r="T46069" i="1"/>
  <c r="T46070" i="1"/>
  <c r="T46071" i="1"/>
  <c r="T46072" i="1"/>
  <c r="T46073" i="1"/>
  <c r="T46074" i="1"/>
  <c r="T46075" i="1"/>
  <c r="T46076" i="1"/>
  <c r="T46077" i="1"/>
  <c r="T46078" i="1"/>
  <c r="T46079" i="1"/>
  <c r="T46080" i="1"/>
  <c r="T46081" i="1"/>
  <c r="T46082" i="1"/>
  <c r="T46083" i="1"/>
  <c r="T46084" i="1"/>
  <c r="T46085" i="1"/>
  <c r="T46086" i="1"/>
  <c r="T46087" i="1"/>
  <c r="T46088" i="1"/>
  <c r="T46089" i="1"/>
  <c r="T46090" i="1"/>
  <c r="T46091" i="1"/>
  <c r="T46092" i="1"/>
  <c r="T46093" i="1"/>
  <c r="T46094" i="1"/>
  <c r="T46095" i="1"/>
  <c r="T46096" i="1"/>
  <c r="T46097" i="1"/>
  <c r="T46098" i="1"/>
  <c r="T46099" i="1"/>
  <c r="T46100" i="1"/>
  <c r="T46101" i="1"/>
  <c r="T46102" i="1"/>
  <c r="T46103" i="1"/>
  <c r="T46104" i="1"/>
  <c r="T46105" i="1"/>
  <c r="T46106" i="1"/>
  <c r="T46107" i="1"/>
  <c r="T46108" i="1"/>
  <c r="T46109" i="1"/>
  <c r="T46110" i="1"/>
  <c r="T46111" i="1"/>
  <c r="T46112" i="1"/>
  <c r="T46113" i="1"/>
  <c r="T46114" i="1"/>
  <c r="T46115" i="1"/>
  <c r="T46116" i="1"/>
  <c r="T46117" i="1"/>
  <c r="T46118" i="1"/>
  <c r="T46119" i="1"/>
  <c r="T46120" i="1"/>
  <c r="T46121" i="1"/>
  <c r="T46122" i="1"/>
  <c r="T46123" i="1"/>
  <c r="T46124" i="1"/>
  <c r="T46125" i="1"/>
  <c r="T46126" i="1"/>
  <c r="T46127" i="1"/>
  <c r="T46128" i="1"/>
  <c r="T46129" i="1"/>
  <c r="T46130" i="1"/>
  <c r="T46131" i="1"/>
  <c r="T46132" i="1"/>
  <c r="T46133" i="1"/>
  <c r="T46134" i="1"/>
  <c r="T46135" i="1"/>
  <c r="T46136" i="1"/>
  <c r="T46137" i="1"/>
  <c r="T46138" i="1"/>
  <c r="T46139" i="1"/>
  <c r="T46140" i="1"/>
  <c r="T46141" i="1"/>
  <c r="T46142" i="1"/>
  <c r="T46143" i="1"/>
  <c r="T46144" i="1"/>
  <c r="T46145" i="1"/>
  <c r="T46146" i="1"/>
  <c r="T46147" i="1"/>
  <c r="T46148" i="1"/>
  <c r="T46149" i="1"/>
  <c r="T46150" i="1"/>
  <c r="T46151" i="1"/>
  <c r="T46152" i="1"/>
  <c r="T46153" i="1"/>
  <c r="T46154" i="1"/>
  <c r="T46155" i="1"/>
  <c r="T46156" i="1"/>
  <c r="T46157" i="1"/>
  <c r="T46158" i="1"/>
  <c r="T46159" i="1"/>
  <c r="T46160" i="1"/>
  <c r="T46161" i="1"/>
  <c r="T46162" i="1"/>
  <c r="T46163" i="1"/>
  <c r="T46164" i="1"/>
  <c r="T46165" i="1"/>
  <c r="T46166" i="1"/>
  <c r="T46167" i="1"/>
  <c r="T46168" i="1"/>
  <c r="T46169" i="1"/>
  <c r="T46170" i="1"/>
  <c r="T46171" i="1"/>
  <c r="T46172" i="1"/>
  <c r="T46173" i="1"/>
  <c r="T46174" i="1"/>
  <c r="T46175" i="1"/>
  <c r="T46176" i="1"/>
  <c r="T46177" i="1"/>
  <c r="T46178" i="1"/>
  <c r="T46179" i="1"/>
  <c r="T46180" i="1"/>
  <c r="T46181" i="1"/>
  <c r="T46182" i="1"/>
  <c r="T46183" i="1"/>
  <c r="T46184" i="1"/>
  <c r="T46185" i="1"/>
  <c r="T46186" i="1"/>
  <c r="T46187" i="1"/>
  <c r="T46188" i="1"/>
  <c r="T46189" i="1"/>
  <c r="T46190" i="1"/>
  <c r="T46191" i="1"/>
  <c r="T46192" i="1"/>
  <c r="T46193" i="1"/>
  <c r="T46194" i="1"/>
  <c r="T46195" i="1"/>
  <c r="T46196" i="1"/>
  <c r="T46197" i="1"/>
  <c r="T46198" i="1"/>
  <c r="T46199" i="1"/>
  <c r="T46200" i="1"/>
  <c r="T46201" i="1"/>
  <c r="T46202" i="1"/>
  <c r="T46203" i="1"/>
  <c r="T46204" i="1"/>
  <c r="T46205" i="1"/>
  <c r="T46206" i="1"/>
  <c r="T46207" i="1"/>
  <c r="T46208" i="1"/>
  <c r="T46209" i="1"/>
  <c r="T46210" i="1"/>
  <c r="T46211" i="1"/>
  <c r="T46212" i="1"/>
  <c r="T46213" i="1"/>
  <c r="T46214" i="1"/>
  <c r="T46215" i="1"/>
  <c r="T46216" i="1"/>
  <c r="T46217" i="1"/>
  <c r="T46218" i="1"/>
  <c r="T46219" i="1"/>
  <c r="T46220" i="1"/>
  <c r="T46221" i="1"/>
  <c r="T46222" i="1"/>
  <c r="T46223" i="1"/>
  <c r="T46224" i="1"/>
  <c r="T46225" i="1"/>
  <c r="T46226" i="1"/>
  <c r="T46227" i="1"/>
  <c r="T46228" i="1"/>
  <c r="T46229" i="1"/>
  <c r="T46230" i="1"/>
  <c r="T46231" i="1"/>
  <c r="T46232" i="1"/>
  <c r="T46233" i="1"/>
  <c r="T46234" i="1"/>
  <c r="T46235" i="1"/>
  <c r="T46236" i="1"/>
  <c r="T46237" i="1"/>
  <c r="T46238" i="1"/>
  <c r="T46239" i="1"/>
  <c r="T46240" i="1"/>
  <c r="T46241" i="1"/>
  <c r="T46242" i="1"/>
  <c r="T46243" i="1"/>
  <c r="T46244" i="1"/>
  <c r="T46245" i="1"/>
  <c r="T46246" i="1"/>
  <c r="T46247" i="1"/>
  <c r="T46248" i="1"/>
  <c r="T46249" i="1"/>
  <c r="T46250" i="1"/>
  <c r="T46251" i="1"/>
  <c r="T46252" i="1"/>
  <c r="T46253" i="1"/>
  <c r="T46254" i="1"/>
  <c r="T46255" i="1"/>
  <c r="T46256" i="1"/>
  <c r="T46257" i="1"/>
  <c r="T46258" i="1"/>
  <c r="T46259" i="1"/>
  <c r="T46260" i="1"/>
  <c r="T46261" i="1"/>
  <c r="T46262" i="1"/>
  <c r="T46263" i="1"/>
  <c r="T46264" i="1"/>
  <c r="T46265" i="1"/>
  <c r="T46266" i="1"/>
  <c r="T46267" i="1"/>
  <c r="T46268" i="1"/>
  <c r="T46269" i="1"/>
  <c r="T46270" i="1"/>
  <c r="T46271" i="1"/>
  <c r="T46272" i="1"/>
  <c r="T46273" i="1"/>
  <c r="T46274" i="1"/>
  <c r="T46275" i="1"/>
  <c r="T46276" i="1"/>
  <c r="T46277" i="1"/>
  <c r="T46278" i="1"/>
  <c r="T46279" i="1"/>
  <c r="T46280" i="1"/>
  <c r="T46281" i="1"/>
  <c r="T46282" i="1"/>
  <c r="T46283" i="1"/>
  <c r="T46284" i="1"/>
  <c r="T46285" i="1"/>
  <c r="T46286" i="1"/>
  <c r="T46287" i="1"/>
  <c r="T46288" i="1"/>
  <c r="T46289" i="1"/>
  <c r="T46290" i="1"/>
  <c r="T46291" i="1"/>
  <c r="T46292" i="1"/>
  <c r="T46293" i="1"/>
  <c r="T46294" i="1"/>
  <c r="T46295" i="1"/>
  <c r="T46296" i="1"/>
  <c r="T46297" i="1"/>
  <c r="T46298" i="1"/>
  <c r="T46299" i="1"/>
  <c r="T46300" i="1"/>
  <c r="T46301" i="1"/>
  <c r="T46302" i="1"/>
  <c r="T46303" i="1"/>
  <c r="T46304" i="1"/>
  <c r="T46305" i="1"/>
  <c r="T46306" i="1"/>
  <c r="T46307" i="1"/>
  <c r="T46308" i="1"/>
  <c r="T46309" i="1"/>
  <c r="T46310" i="1"/>
  <c r="T46311" i="1"/>
  <c r="T46312" i="1"/>
  <c r="T46313" i="1"/>
  <c r="T46314" i="1"/>
  <c r="T46315" i="1"/>
  <c r="T46316" i="1"/>
  <c r="T46317" i="1"/>
  <c r="T46318" i="1"/>
  <c r="T46319" i="1"/>
  <c r="T46320" i="1"/>
  <c r="T46321" i="1"/>
  <c r="T46322" i="1"/>
  <c r="T46323" i="1"/>
  <c r="T46324" i="1"/>
  <c r="T46325" i="1"/>
  <c r="T46326" i="1"/>
  <c r="T46327" i="1"/>
  <c r="T46328" i="1"/>
  <c r="T46329" i="1"/>
  <c r="T46330" i="1"/>
  <c r="T46331" i="1"/>
  <c r="T46332" i="1"/>
  <c r="T46333" i="1"/>
  <c r="T46334" i="1"/>
  <c r="T46335" i="1"/>
  <c r="T46336" i="1"/>
  <c r="T46337" i="1"/>
  <c r="T46338" i="1"/>
  <c r="T46339" i="1"/>
  <c r="T46340" i="1"/>
  <c r="T46341" i="1"/>
  <c r="T46342" i="1"/>
  <c r="T46343" i="1"/>
  <c r="T46344" i="1"/>
  <c r="T46345" i="1"/>
  <c r="T46346" i="1"/>
  <c r="T46347" i="1"/>
  <c r="T46348" i="1"/>
  <c r="T46349" i="1"/>
  <c r="T46350" i="1"/>
  <c r="T46351" i="1"/>
  <c r="T46352" i="1"/>
  <c r="T46353" i="1"/>
  <c r="T46354" i="1"/>
  <c r="T46355" i="1"/>
  <c r="T46356" i="1"/>
  <c r="T46357" i="1"/>
  <c r="T46358" i="1"/>
  <c r="T46359" i="1"/>
  <c r="T46360" i="1"/>
  <c r="T46361" i="1"/>
  <c r="T46362" i="1"/>
  <c r="T46363" i="1"/>
  <c r="T46364" i="1"/>
  <c r="T46365" i="1"/>
  <c r="T46366" i="1"/>
  <c r="T46367" i="1"/>
  <c r="T46368" i="1"/>
  <c r="T46369" i="1"/>
  <c r="T46370" i="1"/>
  <c r="T46371" i="1"/>
  <c r="T46372" i="1"/>
  <c r="T46373" i="1"/>
  <c r="T46374" i="1"/>
  <c r="T46375" i="1"/>
  <c r="T46376" i="1"/>
  <c r="T46377" i="1"/>
  <c r="T46378" i="1"/>
  <c r="T46379" i="1"/>
  <c r="T46380" i="1"/>
  <c r="T46381" i="1"/>
  <c r="T46382" i="1"/>
  <c r="T46383" i="1"/>
  <c r="T46384" i="1"/>
  <c r="T46385" i="1"/>
  <c r="T46386" i="1"/>
  <c r="T46387" i="1"/>
  <c r="T46388" i="1"/>
  <c r="T46389" i="1"/>
  <c r="T46390" i="1"/>
  <c r="T46391" i="1"/>
  <c r="T46392" i="1"/>
  <c r="T46393" i="1"/>
  <c r="T46394" i="1"/>
  <c r="T46395" i="1"/>
  <c r="T46396" i="1"/>
  <c r="T46397" i="1"/>
  <c r="T46398" i="1"/>
  <c r="T46399" i="1"/>
  <c r="T46400" i="1"/>
  <c r="T46401" i="1"/>
  <c r="T46402" i="1"/>
  <c r="T46403" i="1"/>
  <c r="T46404" i="1"/>
  <c r="T46405" i="1"/>
  <c r="T46406" i="1"/>
  <c r="T46407" i="1"/>
  <c r="T46408" i="1"/>
  <c r="T46409" i="1"/>
  <c r="T46410" i="1"/>
  <c r="T46411" i="1"/>
  <c r="T46412" i="1"/>
  <c r="T46413" i="1"/>
  <c r="T46414" i="1"/>
  <c r="T46415" i="1"/>
  <c r="T46416" i="1"/>
  <c r="T46417" i="1"/>
  <c r="T46418" i="1"/>
  <c r="T46419" i="1"/>
  <c r="T46420" i="1"/>
  <c r="T46421" i="1"/>
  <c r="T46422" i="1"/>
  <c r="T46423" i="1"/>
  <c r="T46424" i="1"/>
  <c r="T46425" i="1"/>
  <c r="T46426" i="1"/>
  <c r="T46427" i="1"/>
  <c r="T46428" i="1"/>
  <c r="T46429" i="1"/>
  <c r="T46430" i="1"/>
  <c r="T46431" i="1"/>
  <c r="T46432" i="1"/>
  <c r="T46433" i="1"/>
  <c r="T46434" i="1"/>
  <c r="T46435" i="1"/>
  <c r="T46436" i="1"/>
  <c r="T46437" i="1"/>
  <c r="T46438" i="1"/>
  <c r="T46439" i="1"/>
  <c r="T46440" i="1"/>
  <c r="T46441" i="1"/>
  <c r="T46442" i="1"/>
  <c r="T46443" i="1"/>
  <c r="T46444" i="1"/>
  <c r="T46445" i="1"/>
  <c r="T46446" i="1"/>
  <c r="T46447" i="1"/>
  <c r="T46448" i="1"/>
  <c r="T46449" i="1"/>
  <c r="T46450" i="1"/>
  <c r="T46451" i="1"/>
  <c r="T46452" i="1"/>
  <c r="T46453" i="1"/>
  <c r="T46454" i="1"/>
  <c r="T46455" i="1"/>
  <c r="T46456" i="1"/>
  <c r="T46457" i="1"/>
  <c r="T46458" i="1"/>
  <c r="T46459" i="1"/>
  <c r="T46460" i="1"/>
  <c r="T46461" i="1"/>
  <c r="T46462" i="1"/>
  <c r="T46463" i="1"/>
  <c r="T46464" i="1"/>
  <c r="T46465" i="1"/>
  <c r="T46466" i="1"/>
  <c r="T46467" i="1"/>
  <c r="T46468" i="1"/>
  <c r="T46469" i="1"/>
  <c r="T46470" i="1"/>
  <c r="T46471" i="1"/>
  <c r="T46472" i="1"/>
  <c r="T46473" i="1"/>
  <c r="T46474" i="1"/>
  <c r="T46475" i="1"/>
  <c r="T46476" i="1"/>
  <c r="T46477" i="1"/>
  <c r="T46478" i="1"/>
  <c r="T46479" i="1"/>
  <c r="T46480" i="1"/>
  <c r="T46481" i="1"/>
  <c r="T46482" i="1"/>
  <c r="T46483" i="1"/>
  <c r="T46484" i="1"/>
  <c r="T46485" i="1"/>
  <c r="T46486" i="1"/>
  <c r="T46487" i="1"/>
  <c r="T46488" i="1"/>
  <c r="T46489" i="1"/>
  <c r="T46490" i="1"/>
  <c r="T46491" i="1"/>
  <c r="T46492" i="1"/>
  <c r="T46493" i="1"/>
  <c r="T46494" i="1"/>
  <c r="T46495" i="1"/>
  <c r="T46496" i="1"/>
  <c r="T46497" i="1"/>
  <c r="T46498" i="1"/>
  <c r="T46499" i="1"/>
  <c r="T46500" i="1"/>
  <c r="T46501" i="1"/>
  <c r="T46502" i="1"/>
  <c r="T46503" i="1"/>
  <c r="T46504" i="1"/>
  <c r="T46505" i="1"/>
  <c r="T46506" i="1"/>
  <c r="T46507" i="1"/>
  <c r="T46508" i="1"/>
  <c r="T46509" i="1"/>
  <c r="T46510" i="1"/>
  <c r="T46511" i="1"/>
  <c r="T46512" i="1"/>
  <c r="T46513" i="1"/>
  <c r="T46514" i="1"/>
  <c r="T46515" i="1"/>
  <c r="T46516" i="1"/>
  <c r="T46517" i="1"/>
  <c r="T46518" i="1"/>
  <c r="T46519" i="1"/>
  <c r="T46520" i="1"/>
  <c r="T46521" i="1"/>
  <c r="T46522" i="1"/>
  <c r="T46523" i="1"/>
  <c r="T46524" i="1"/>
  <c r="T46525" i="1"/>
  <c r="T46526" i="1"/>
  <c r="T46527" i="1"/>
  <c r="T46528" i="1"/>
  <c r="T46529" i="1"/>
  <c r="T46530" i="1"/>
  <c r="T46531" i="1"/>
  <c r="T46532" i="1"/>
  <c r="T46533" i="1"/>
  <c r="T46534" i="1"/>
  <c r="T46535" i="1"/>
  <c r="T46536" i="1"/>
  <c r="T46537" i="1"/>
  <c r="T46538" i="1"/>
  <c r="T46539" i="1"/>
  <c r="T46540" i="1"/>
  <c r="T46541" i="1"/>
  <c r="T46542" i="1"/>
  <c r="T46543" i="1"/>
  <c r="T46544" i="1"/>
  <c r="T46545" i="1"/>
  <c r="T46546" i="1"/>
  <c r="T46547" i="1"/>
  <c r="T46548" i="1"/>
  <c r="T46549" i="1"/>
  <c r="T46550" i="1"/>
  <c r="T46551" i="1"/>
  <c r="T46552" i="1"/>
  <c r="T46553" i="1"/>
  <c r="T46554" i="1"/>
  <c r="T46555" i="1"/>
  <c r="T46556" i="1"/>
  <c r="T46557" i="1"/>
  <c r="T46558" i="1"/>
  <c r="T46559" i="1"/>
  <c r="T46560" i="1"/>
  <c r="T46561" i="1"/>
  <c r="T46562" i="1"/>
  <c r="T46563" i="1"/>
  <c r="T46564" i="1"/>
  <c r="T46565" i="1"/>
  <c r="T46566" i="1"/>
  <c r="T46567" i="1"/>
  <c r="T46568" i="1"/>
  <c r="T46569" i="1"/>
  <c r="T46570" i="1"/>
  <c r="T46571" i="1"/>
  <c r="T46572" i="1"/>
  <c r="T46573" i="1"/>
  <c r="T46574" i="1"/>
  <c r="T46575" i="1"/>
  <c r="T46576" i="1"/>
  <c r="T46577" i="1"/>
  <c r="T46578" i="1"/>
  <c r="T46579" i="1"/>
  <c r="T46580" i="1"/>
  <c r="T46581" i="1"/>
  <c r="T46582" i="1"/>
  <c r="T46583" i="1"/>
  <c r="T46584" i="1"/>
  <c r="T46585" i="1"/>
  <c r="T46586" i="1"/>
  <c r="T46587" i="1"/>
  <c r="T46588" i="1"/>
  <c r="T46589" i="1"/>
  <c r="T46590" i="1"/>
  <c r="T46591" i="1"/>
  <c r="T46592" i="1"/>
  <c r="T46593" i="1"/>
  <c r="T46594" i="1"/>
  <c r="T46595" i="1"/>
  <c r="T46596" i="1"/>
  <c r="T46597" i="1"/>
  <c r="T46598" i="1"/>
  <c r="T46599" i="1"/>
  <c r="T46600" i="1"/>
  <c r="T46601" i="1"/>
  <c r="T46602" i="1"/>
  <c r="T46603" i="1"/>
  <c r="T46604" i="1"/>
  <c r="T46605" i="1"/>
  <c r="T46606" i="1"/>
  <c r="T46607" i="1"/>
  <c r="T46608" i="1"/>
  <c r="T46609" i="1"/>
  <c r="T46610" i="1"/>
  <c r="T46611" i="1"/>
  <c r="T46612" i="1"/>
  <c r="T46613" i="1"/>
  <c r="T46614" i="1"/>
  <c r="T46615" i="1"/>
  <c r="T46616" i="1"/>
  <c r="T46617" i="1"/>
  <c r="T46618" i="1"/>
  <c r="T46619" i="1"/>
  <c r="T46620" i="1"/>
  <c r="T46621" i="1"/>
  <c r="T46622" i="1"/>
  <c r="T46623" i="1"/>
  <c r="T46624" i="1"/>
  <c r="T46625" i="1"/>
  <c r="T46626" i="1"/>
  <c r="T46627" i="1"/>
  <c r="T46628" i="1"/>
  <c r="T46629" i="1"/>
  <c r="T46630" i="1"/>
  <c r="T46631" i="1"/>
  <c r="T46632" i="1"/>
  <c r="T46633" i="1"/>
  <c r="T46634" i="1"/>
  <c r="T46635" i="1"/>
  <c r="T46636" i="1"/>
  <c r="T46637" i="1"/>
  <c r="T46638" i="1"/>
  <c r="T46639" i="1"/>
  <c r="T46640" i="1"/>
  <c r="T46641" i="1"/>
  <c r="T46642" i="1"/>
  <c r="T46643" i="1"/>
  <c r="T46644" i="1"/>
  <c r="T46645" i="1"/>
  <c r="T46646" i="1"/>
  <c r="T46647" i="1"/>
  <c r="T46648" i="1"/>
  <c r="T46649" i="1"/>
  <c r="T46650" i="1"/>
  <c r="T46651" i="1"/>
  <c r="T46652" i="1"/>
  <c r="T46653" i="1"/>
  <c r="T46654" i="1"/>
  <c r="T46655" i="1"/>
  <c r="T46656" i="1"/>
  <c r="T46657" i="1"/>
  <c r="T46658" i="1"/>
  <c r="T46659" i="1"/>
  <c r="T46660" i="1"/>
  <c r="T46661" i="1"/>
  <c r="T46662" i="1"/>
  <c r="T46663" i="1"/>
  <c r="T46664" i="1"/>
  <c r="T46665" i="1"/>
  <c r="T46666" i="1"/>
  <c r="T46667" i="1"/>
  <c r="T46668" i="1"/>
  <c r="T46669" i="1"/>
  <c r="T46670" i="1"/>
  <c r="T46671" i="1"/>
  <c r="T46672" i="1"/>
  <c r="T46673" i="1"/>
  <c r="T46674" i="1"/>
  <c r="T46675" i="1"/>
  <c r="T46676" i="1"/>
  <c r="T46677" i="1"/>
  <c r="T46678" i="1"/>
  <c r="T46679" i="1"/>
  <c r="T46680" i="1"/>
  <c r="T46681" i="1"/>
  <c r="T46682" i="1"/>
  <c r="T46683" i="1"/>
  <c r="T46684" i="1"/>
  <c r="T46685" i="1"/>
  <c r="T46686" i="1"/>
  <c r="T46687" i="1"/>
  <c r="T46688" i="1"/>
  <c r="T46689" i="1"/>
  <c r="T46690" i="1"/>
  <c r="T46691" i="1"/>
  <c r="T46692" i="1"/>
  <c r="T46693" i="1"/>
  <c r="T46694" i="1"/>
  <c r="T46695" i="1"/>
  <c r="T46696" i="1"/>
  <c r="T46697" i="1"/>
  <c r="T46698" i="1"/>
  <c r="T46699" i="1"/>
  <c r="T46700" i="1"/>
  <c r="T46701" i="1"/>
  <c r="T46702" i="1"/>
  <c r="T46703" i="1"/>
  <c r="T46704" i="1"/>
  <c r="T46705" i="1"/>
  <c r="T46706" i="1"/>
  <c r="T46707" i="1"/>
  <c r="T46708" i="1"/>
  <c r="T46709" i="1"/>
  <c r="T46710" i="1"/>
  <c r="T46711" i="1"/>
  <c r="T46712" i="1"/>
  <c r="T46713" i="1"/>
  <c r="T46714" i="1"/>
  <c r="T46715" i="1"/>
  <c r="T46716" i="1"/>
  <c r="T46717" i="1"/>
  <c r="T46718" i="1"/>
  <c r="T46719" i="1"/>
  <c r="T46720" i="1"/>
  <c r="T46721" i="1"/>
  <c r="T46722" i="1"/>
  <c r="T46723" i="1"/>
  <c r="T46724" i="1"/>
  <c r="T46725" i="1"/>
  <c r="T46726" i="1"/>
  <c r="T46727" i="1"/>
  <c r="T46728" i="1"/>
  <c r="T46729" i="1"/>
  <c r="T46730" i="1"/>
  <c r="T46731" i="1"/>
  <c r="T46732" i="1"/>
  <c r="T46733" i="1"/>
  <c r="T46734" i="1"/>
  <c r="T46735" i="1"/>
  <c r="T46736" i="1"/>
  <c r="T46737" i="1"/>
  <c r="T46738" i="1"/>
  <c r="T46739" i="1"/>
  <c r="T46740" i="1"/>
  <c r="T46741" i="1"/>
  <c r="T46742" i="1"/>
  <c r="T46743" i="1"/>
  <c r="T46744" i="1"/>
  <c r="T46745" i="1"/>
  <c r="T46746" i="1"/>
  <c r="T46747" i="1"/>
  <c r="T46748" i="1"/>
  <c r="T46749" i="1"/>
  <c r="T46750" i="1"/>
  <c r="T46751" i="1"/>
  <c r="T46752" i="1"/>
  <c r="T46753" i="1"/>
  <c r="T46754" i="1"/>
  <c r="T46755" i="1"/>
  <c r="T46756" i="1"/>
  <c r="T46757" i="1"/>
  <c r="T46758" i="1"/>
  <c r="T46759" i="1"/>
  <c r="T46760" i="1"/>
  <c r="T46761" i="1"/>
  <c r="T46762" i="1"/>
  <c r="T46763" i="1"/>
  <c r="T46764" i="1"/>
  <c r="T46765" i="1"/>
  <c r="T46766" i="1"/>
  <c r="T46767" i="1"/>
  <c r="T46768" i="1"/>
  <c r="T46769" i="1"/>
  <c r="T46770" i="1"/>
  <c r="T46771" i="1"/>
  <c r="T46772" i="1"/>
  <c r="T46773" i="1"/>
  <c r="T46774" i="1"/>
  <c r="T46775" i="1"/>
  <c r="T46776" i="1"/>
  <c r="T46777" i="1"/>
  <c r="T46778" i="1"/>
  <c r="T46779" i="1"/>
  <c r="T46780" i="1"/>
  <c r="T46781" i="1"/>
  <c r="T46782" i="1"/>
  <c r="T46783" i="1"/>
  <c r="T46784" i="1"/>
  <c r="T46785" i="1"/>
  <c r="T46786" i="1"/>
  <c r="T46787" i="1"/>
  <c r="T46788" i="1"/>
  <c r="T46789" i="1"/>
  <c r="T46790" i="1"/>
  <c r="T46791" i="1"/>
  <c r="T46792" i="1"/>
  <c r="T46793" i="1"/>
  <c r="T46794" i="1"/>
  <c r="T46795" i="1"/>
  <c r="T46796" i="1"/>
  <c r="T46797" i="1"/>
  <c r="T46798" i="1"/>
  <c r="T46799" i="1"/>
  <c r="T46800" i="1"/>
  <c r="T46801" i="1"/>
  <c r="T46802" i="1"/>
  <c r="T46803" i="1"/>
  <c r="T46804" i="1"/>
  <c r="T46805" i="1"/>
  <c r="T46806" i="1"/>
  <c r="T46807" i="1"/>
  <c r="T46808" i="1"/>
  <c r="T46809" i="1"/>
  <c r="T46810" i="1"/>
  <c r="T46811" i="1"/>
  <c r="T46812" i="1"/>
  <c r="T46813" i="1"/>
  <c r="T46814" i="1"/>
  <c r="T46815" i="1"/>
  <c r="T46816" i="1"/>
  <c r="T46817" i="1"/>
  <c r="T46818" i="1"/>
  <c r="T46819" i="1"/>
  <c r="T46820" i="1"/>
  <c r="T46821" i="1"/>
  <c r="T46822" i="1"/>
  <c r="T46823" i="1"/>
  <c r="T46824" i="1"/>
  <c r="T46825" i="1"/>
  <c r="T46826" i="1"/>
  <c r="T46827" i="1"/>
  <c r="T46828" i="1"/>
  <c r="T46829" i="1"/>
  <c r="T46830" i="1"/>
  <c r="T46831" i="1"/>
  <c r="T46832" i="1"/>
  <c r="T46833" i="1"/>
  <c r="T46834" i="1"/>
  <c r="T46835" i="1"/>
  <c r="T46836" i="1"/>
  <c r="T46837" i="1"/>
  <c r="T46838" i="1"/>
  <c r="T46839" i="1"/>
  <c r="T46840" i="1"/>
  <c r="T46841" i="1"/>
  <c r="T46842" i="1"/>
  <c r="T46843" i="1"/>
  <c r="T46844" i="1"/>
  <c r="T46845" i="1"/>
  <c r="T46846" i="1"/>
  <c r="T46847" i="1"/>
  <c r="T46848" i="1"/>
  <c r="T46849" i="1"/>
  <c r="T46850" i="1"/>
  <c r="T46851" i="1"/>
  <c r="T46852" i="1"/>
  <c r="T46853" i="1"/>
  <c r="T46854" i="1"/>
  <c r="T46855" i="1"/>
  <c r="T46856" i="1"/>
  <c r="T46857" i="1"/>
  <c r="T46858" i="1"/>
  <c r="T46859" i="1"/>
  <c r="T46860" i="1"/>
  <c r="T46861" i="1"/>
  <c r="T46862" i="1"/>
  <c r="T46863" i="1"/>
  <c r="T46864" i="1"/>
  <c r="T46865" i="1"/>
  <c r="T46866" i="1"/>
  <c r="T46867" i="1"/>
  <c r="T46868" i="1"/>
  <c r="T46869" i="1"/>
  <c r="T46870" i="1"/>
  <c r="T46871" i="1"/>
  <c r="T46872" i="1"/>
  <c r="T46873" i="1"/>
  <c r="T46874" i="1"/>
  <c r="T46875" i="1"/>
  <c r="T46876" i="1"/>
  <c r="T46877" i="1"/>
  <c r="T46878" i="1"/>
  <c r="T46879" i="1"/>
  <c r="T46880" i="1"/>
  <c r="T46881" i="1"/>
  <c r="T46882" i="1"/>
  <c r="T46883" i="1"/>
  <c r="T46884" i="1"/>
  <c r="T46885" i="1"/>
  <c r="T46886" i="1"/>
  <c r="T46887" i="1"/>
  <c r="T46888" i="1"/>
  <c r="T46889" i="1"/>
  <c r="T46890" i="1"/>
  <c r="T46891" i="1"/>
  <c r="T46892" i="1"/>
  <c r="T46893" i="1"/>
  <c r="T46894" i="1"/>
  <c r="T46895" i="1"/>
  <c r="T46896" i="1"/>
  <c r="T46897" i="1"/>
  <c r="T46898" i="1"/>
  <c r="T46899" i="1"/>
  <c r="T46900" i="1"/>
  <c r="T46901" i="1"/>
  <c r="T46902" i="1"/>
  <c r="T46903" i="1"/>
  <c r="T46904" i="1"/>
  <c r="T46905" i="1"/>
  <c r="T46906" i="1"/>
  <c r="T46907" i="1"/>
  <c r="T46908" i="1"/>
  <c r="T46909" i="1"/>
  <c r="T46910" i="1"/>
  <c r="T46911" i="1"/>
  <c r="T46912" i="1"/>
  <c r="T46913" i="1"/>
  <c r="T46914" i="1"/>
  <c r="T46915" i="1"/>
  <c r="T46916" i="1"/>
  <c r="T46917" i="1"/>
  <c r="T46918" i="1"/>
  <c r="T46919" i="1"/>
  <c r="T46920" i="1"/>
  <c r="T46921" i="1"/>
  <c r="T46922" i="1"/>
  <c r="T46923" i="1"/>
  <c r="T46924" i="1"/>
  <c r="T46925" i="1"/>
  <c r="T46926" i="1"/>
  <c r="T46927" i="1"/>
  <c r="T46928" i="1"/>
  <c r="T46929" i="1"/>
  <c r="T46930" i="1"/>
  <c r="T46931" i="1"/>
  <c r="T46932" i="1"/>
  <c r="T46933" i="1"/>
  <c r="T46934" i="1"/>
  <c r="T46935" i="1"/>
  <c r="T46936" i="1"/>
  <c r="T46937" i="1"/>
  <c r="T46938" i="1"/>
  <c r="T46939" i="1"/>
  <c r="T46940" i="1"/>
  <c r="T46941" i="1"/>
  <c r="T46942" i="1"/>
  <c r="T46943" i="1"/>
  <c r="T46944" i="1"/>
  <c r="T46945" i="1"/>
  <c r="T46946" i="1"/>
  <c r="T46947" i="1"/>
  <c r="T46948" i="1"/>
  <c r="T46949" i="1"/>
  <c r="T46950" i="1"/>
  <c r="T46951" i="1"/>
  <c r="T46952" i="1"/>
  <c r="T46953" i="1"/>
  <c r="T46954" i="1"/>
  <c r="T46955" i="1"/>
  <c r="T46956" i="1"/>
  <c r="T46957" i="1"/>
  <c r="T46958" i="1"/>
  <c r="T46959" i="1"/>
  <c r="T46960" i="1"/>
  <c r="T46961" i="1"/>
  <c r="T46962" i="1"/>
  <c r="T46963" i="1"/>
  <c r="T46964" i="1"/>
  <c r="T46965" i="1"/>
  <c r="T46966" i="1"/>
  <c r="T46967" i="1"/>
  <c r="T46968" i="1"/>
  <c r="T46969" i="1"/>
  <c r="T46970" i="1"/>
  <c r="T46971" i="1"/>
  <c r="T46972" i="1"/>
  <c r="T46973" i="1"/>
  <c r="T46974" i="1"/>
  <c r="T46975" i="1"/>
  <c r="T46976" i="1"/>
  <c r="T46977" i="1"/>
  <c r="T46978" i="1"/>
  <c r="T46979" i="1"/>
  <c r="T46980" i="1"/>
  <c r="T46981" i="1"/>
  <c r="T46982" i="1"/>
  <c r="T46983" i="1"/>
  <c r="T46984" i="1"/>
  <c r="T46985" i="1"/>
  <c r="T46986" i="1"/>
  <c r="T46987" i="1"/>
  <c r="T46988" i="1"/>
  <c r="T46989" i="1"/>
  <c r="T46990" i="1"/>
  <c r="T46991" i="1"/>
  <c r="T46992" i="1"/>
  <c r="T46993" i="1"/>
  <c r="T46994" i="1"/>
  <c r="T46995" i="1"/>
  <c r="T46996" i="1"/>
  <c r="T46997" i="1"/>
  <c r="T46998" i="1"/>
  <c r="T46999" i="1"/>
  <c r="T47000" i="1"/>
  <c r="T47001" i="1"/>
  <c r="T47002" i="1"/>
  <c r="T47003" i="1"/>
  <c r="T47004" i="1"/>
  <c r="T47005" i="1"/>
  <c r="T47006" i="1"/>
  <c r="T47007" i="1"/>
  <c r="T47008" i="1"/>
  <c r="T47009" i="1"/>
  <c r="T47010" i="1"/>
  <c r="T47011" i="1"/>
  <c r="T47012" i="1"/>
  <c r="T47013" i="1"/>
  <c r="T47014" i="1"/>
  <c r="T47015" i="1"/>
  <c r="T47016" i="1"/>
  <c r="T47017" i="1"/>
  <c r="T47018" i="1"/>
  <c r="T47019" i="1"/>
  <c r="T47020" i="1"/>
  <c r="T47021" i="1"/>
  <c r="T47022" i="1"/>
  <c r="T47023" i="1"/>
  <c r="T47024" i="1"/>
  <c r="T47025" i="1"/>
  <c r="T47026" i="1"/>
  <c r="T47027" i="1"/>
  <c r="T47028" i="1"/>
  <c r="T47029" i="1"/>
  <c r="T47030" i="1"/>
  <c r="T47031" i="1"/>
  <c r="T47032" i="1"/>
  <c r="T47033" i="1"/>
  <c r="T47034" i="1"/>
  <c r="T47035" i="1"/>
  <c r="T47036" i="1"/>
  <c r="T47037" i="1"/>
  <c r="T47038" i="1"/>
  <c r="T47039" i="1"/>
  <c r="T47040" i="1"/>
  <c r="T47041" i="1"/>
  <c r="T47042" i="1"/>
  <c r="T47043" i="1"/>
  <c r="T47044" i="1"/>
  <c r="T47045" i="1"/>
  <c r="T47046" i="1"/>
  <c r="T47047" i="1"/>
  <c r="T47048" i="1"/>
  <c r="T47049" i="1"/>
  <c r="T47050" i="1"/>
  <c r="T47051" i="1"/>
  <c r="T47052" i="1"/>
  <c r="T47053" i="1"/>
  <c r="T47054" i="1"/>
  <c r="T47055" i="1"/>
  <c r="T47056" i="1"/>
  <c r="T47057" i="1"/>
  <c r="T47058" i="1"/>
  <c r="T47059" i="1"/>
  <c r="T47060" i="1"/>
  <c r="T47061" i="1"/>
  <c r="T47062" i="1"/>
  <c r="T47063" i="1"/>
  <c r="T47064" i="1"/>
  <c r="T47065" i="1"/>
  <c r="T47066" i="1"/>
  <c r="T47067" i="1"/>
  <c r="T47068" i="1"/>
  <c r="T47069" i="1"/>
  <c r="T47070" i="1"/>
  <c r="T47071" i="1"/>
  <c r="T47072" i="1"/>
  <c r="T47073" i="1"/>
  <c r="T47074" i="1"/>
  <c r="T47075" i="1"/>
  <c r="T47076" i="1"/>
  <c r="T47077" i="1"/>
  <c r="T47078" i="1"/>
  <c r="T47079" i="1"/>
  <c r="T47080" i="1"/>
  <c r="T47081" i="1"/>
  <c r="T47082" i="1"/>
  <c r="T47083" i="1"/>
  <c r="T47084" i="1"/>
  <c r="T47085" i="1"/>
  <c r="T47086" i="1"/>
  <c r="T47087" i="1"/>
  <c r="T47088" i="1"/>
  <c r="T47089" i="1"/>
  <c r="T47090" i="1"/>
  <c r="T47091" i="1"/>
  <c r="T47092" i="1"/>
  <c r="T47093" i="1"/>
  <c r="T47094" i="1"/>
  <c r="T47095" i="1"/>
  <c r="T47096" i="1"/>
  <c r="T47097" i="1"/>
  <c r="T47098" i="1"/>
  <c r="T47099" i="1"/>
  <c r="T47100" i="1"/>
  <c r="T47101" i="1"/>
  <c r="T47102" i="1"/>
  <c r="T47103" i="1"/>
  <c r="T47104" i="1"/>
  <c r="T47105" i="1"/>
  <c r="T47106" i="1"/>
  <c r="T47107" i="1"/>
  <c r="T47108" i="1"/>
  <c r="T47109" i="1"/>
  <c r="T47110" i="1"/>
  <c r="T47111" i="1"/>
  <c r="T47112" i="1"/>
  <c r="T47113" i="1"/>
  <c r="T47114" i="1"/>
  <c r="T47115" i="1"/>
  <c r="T47116" i="1"/>
  <c r="T47117" i="1"/>
  <c r="T47118" i="1"/>
  <c r="T47119" i="1"/>
  <c r="T47120" i="1"/>
  <c r="T47121" i="1"/>
  <c r="T47122" i="1"/>
  <c r="T47123" i="1"/>
  <c r="T47124" i="1"/>
  <c r="T47125" i="1"/>
  <c r="T47126" i="1"/>
  <c r="T47127" i="1"/>
  <c r="T47128" i="1"/>
  <c r="T47129" i="1"/>
  <c r="T47130" i="1"/>
  <c r="T47131" i="1"/>
  <c r="T47132" i="1"/>
  <c r="T47133" i="1"/>
  <c r="T47134" i="1"/>
  <c r="T47135" i="1"/>
  <c r="T47136" i="1"/>
  <c r="T47137" i="1"/>
  <c r="T47138" i="1"/>
  <c r="T47139" i="1"/>
  <c r="T47140" i="1"/>
  <c r="T47141" i="1"/>
  <c r="T47142" i="1"/>
  <c r="T47143" i="1"/>
  <c r="T47144" i="1"/>
  <c r="T47145" i="1"/>
  <c r="T47146" i="1"/>
  <c r="T47147" i="1"/>
  <c r="T47148" i="1"/>
  <c r="T47149" i="1"/>
  <c r="T47150" i="1"/>
  <c r="T47151" i="1"/>
  <c r="T47152" i="1"/>
  <c r="T47153" i="1"/>
  <c r="T47154" i="1"/>
  <c r="T47155" i="1"/>
  <c r="T47156" i="1"/>
  <c r="T47157" i="1"/>
  <c r="T47158" i="1"/>
  <c r="T47159" i="1"/>
  <c r="T47160" i="1"/>
  <c r="T47161" i="1"/>
  <c r="T47162" i="1"/>
  <c r="T47163" i="1"/>
  <c r="T47164" i="1"/>
  <c r="T47165" i="1"/>
  <c r="T47166" i="1"/>
  <c r="T47167" i="1"/>
  <c r="T47168" i="1"/>
  <c r="T47169" i="1"/>
  <c r="T47170" i="1"/>
  <c r="T47171" i="1"/>
  <c r="T47172" i="1"/>
  <c r="T47173" i="1"/>
  <c r="T47174" i="1"/>
  <c r="T47175" i="1"/>
  <c r="T47176" i="1"/>
  <c r="T47177" i="1"/>
  <c r="T47178" i="1"/>
  <c r="T47179" i="1"/>
  <c r="T47180" i="1"/>
  <c r="T47181" i="1"/>
  <c r="T47182" i="1"/>
  <c r="T47183" i="1"/>
  <c r="T47184" i="1"/>
  <c r="T47185" i="1"/>
  <c r="T47186" i="1"/>
  <c r="T47187" i="1"/>
  <c r="T47188" i="1"/>
  <c r="T47189" i="1"/>
  <c r="T47190" i="1"/>
  <c r="T47191" i="1"/>
  <c r="T47192" i="1"/>
  <c r="T47193" i="1"/>
  <c r="T47194" i="1"/>
  <c r="T47195" i="1"/>
  <c r="T47196" i="1"/>
  <c r="T47197" i="1"/>
  <c r="T47198" i="1"/>
  <c r="T47199" i="1"/>
  <c r="T47200" i="1"/>
  <c r="T47201" i="1"/>
  <c r="T47202" i="1"/>
  <c r="T47203" i="1"/>
  <c r="T47204" i="1"/>
  <c r="T47205" i="1"/>
  <c r="T47206" i="1"/>
  <c r="T47207" i="1"/>
  <c r="T47208" i="1"/>
  <c r="T47209" i="1"/>
  <c r="T47210" i="1"/>
  <c r="T47211" i="1"/>
  <c r="T47212" i="1"/>
  <c r="T47213" i="1"/>
  <c r="T47214" i="1"/>
  <c r="T47215" i="1"/>
  <c r="T47216" i="1"/>
  <c r="T47217" i="1"/>
  <c r="T47218" i="1"/>
  <c r="T47219" i="1"/>
  <c r="T47220" i="1"/>
  <c r="T47221" i="1"/>
  <c r="T47222" i="1"/>
  <c r="T47223" i="1"/>
  <c r="T47224" i="1"/>
  <c r="T47225" i="1"/>
  <c r="T47226" i="1"/>
  <c r="T47227" i="1"/>
  <c r="T47228" i="1"/>
  <c r="T47229" i="1"/>
  <c r="T47230" i="1"/>
  <c r="T47231" i="1"/>
  <c r="T47232" i="1"/>
  <c r="T47233" i="1"/>
  <c r="T47234" i="1"/>
  <c r="T47235" i="1"/>
  <c r="T47236" i="1"/>
  <c r="T47237" i="1"/>
  <c r="T47238" i="1"/>
  <c r="T47239" i="1"/>
  <c r="T47240" i="1"/>
  <c r="T47241" i="1"/>
  <c r="T47242" i="1"/>
  <c r="T47243" i="1"/>
  <c r="T47244" i="1"/>
  <c r="T47245" i="1"/>
  <c r="T47246" i="1"/>
  <c r="T47247" i="1"/>
  <c r="T47248" i="1"/>
  <c r="T47249" i="1"/>
  <c r="T47250" i="1"/>
  <c r="T47251" i="1"/>
  <c r="T47252" i="1"/>
  <c r="T47253" i="1"/>
  <c r="T47254" i="1"/>
  <c r="T47255" i="1"/>
  <c r="T47256" i="1"/>
  <c r="T47257" i="1"/>
  <c r="T47258" i="1"/>
  <c r="T47259" i="1"/>
  <c r="T47260" i="1"/>
  <c r="T47261" i="1"/>
  <c r="T47262" i="1"/>
  <c r="T47263" i="1"/>
  <c r="T47264" i="1"/>
  <c r="T47265" i="1"/>
  <c r="T47266" i="1"/>
  <c r="T47267" i="1"/>
  <c r="T47268" i="1"/>
  <c r="T47269" i="1"/>
  <c r="T47270" i="1"/>
  <c r="T47271" i="1"/>
  <c r="T47272" i="1"/>
  <c r="T47273" i="1"/>
  <c r="T47274" i="1"/>
  <c r="T47275" i="1"/>
  <c r="T47276" i="1"/>
  <c r="T47277" i="1"/>
  <c r="T47278" i="1"/>
  <c r="T47279" i="1"/>
  <c r="T47280" i="1"/>
  <c r="T47281" i="1"/>
  <c r="T47282" i="1"/>
  <c r="T47283" i="1"/>
  <c r="T47284" i="1"/>
  <c r="T47285" i="1"/>
  <c r="T47286" i="1"/>
  <c r="T47287" i="1"/>
  <c r="T47288" i="1"/>
  <c r="T47289" i="1"/>
  <c r="T47290" i="1"/>
  <c r="T47291" i="1"/>
  <c r="T47292" i="1"/>
  <c r="T47293" i="1"/>
  <c r="T47294" i="1"/>
  <c r="T47295" i="1"/>
  <c r="T47296" i="1"/>
  <c r="T47297" i="1"/>
  <c r="T47298" i="1"/>
  <c r="T47299" i="1"/>
  <c r="T47300" i="1"/>
  <c r="T47301" i="1"/>
  <c r="T47302" i="1"/>
  <c r="T47303" i="1"/>
  <c r="T47304" i="1"/>
  <c r="T47305" i="1"/>
  <c r="T47306" i="1"/>
  <c r="T47307" i="1"/>
  <c r="T47308" i="1"/>
  <c r="T47309" i="1"/>
  <c r="T47310" i="1"/>
  <c r="T47311" i="1"/>
  <c r="T47312" i="1"/>
  <c r="T47313" i="1"/>
  <c r="T47314" i="1"/>
  <c r="T47315" i="1"/>
  <c r="T47316" i="1"/>
  <c r="T47317" i="1"/>
  <c r="T47318" i="1"/>
  <c r="T47319" i="1"/>
  <c r="T47320" i="1"/>
  <c r="T47321" i="1"/>
  <c r="T47322" i="1"/>
  <c r="T47323" i="1"/>
  <c r="T47324" i="1"/>
  <c r="T47325" i="1"/>
  <c r="T47326" i="1"/>
  <c r="T47327" i="1"/>
  <c r="T47328" i="1"/>
  <c r="T47329" i="1"/>
  <c r="T47330" i="1"/>
  <c r="T47331" i="1"/>
  <c r="T47332" i="1"/>
  <c r="T47333" i="1"/>
  <c r="T47334" i="1"/>
  <c r="T47335" i="1"/>
  <c r="T47336" i="1"/>
  <c r="T47337" i="1"/>
  <c r="T47338" i="1"/>
  <c r="T47339" i="1"/>
  <c r="T47340" i="1"/>
  <c r="T47341" i="1"/>
  <c r="T47342" i="1"/>
  <c r="T47343" i="1"/>
  <c r="T47344" i="1"/>
  <c r="T47345" i="1"/>
  <c r="T47346" i="1"/>
  <c r="T47347" i="1"/>
  <c r="T47348" i="1"/>
  <c r="T47349" i="1"/>
  <c r="T47350" i="1"/>
  <c r="T47351" i="1"/>
  <c r="T47352" i="1"/>
  <c r="T47353" i="1"/>
  <c r="T47354" i="1"/>
  <c r="T47355" i="1"/>
  <c r="T47356" i="1"/>
  <c r="T47357" i="1"/>
  <c r="T47358" i="1"/>
  <c r="T47359" i="1"/>
  <c r="T47360" i="1"/>
  <c r="T47361" i="1"/>
  <c r="T47362" i="1"/>
  <c r="T47363" i="1"/>
  <c r="T47364" i="1"/>
  <c r="T47365" i="1"/>
  <c r="T47366" i="1"/>
  <c r="T47367" i="1"/>
  <c r="T47368" i="1"/>
  <c r="T47369" i="1"/>
  <c r="T47370" i="1"/>
  <c r="T47371" i="1"/>
  <c r="T47372" i="1"/>
  <c r="T47373" i="1"/>
  <c r="T47374" i="1"/>
  <c r="T47375" i="1"/>
  <c r="T47376" i="1"/>
  <c r="T47377" i="1"/>
  <c r="T47378" i="1"/>
  <c r="T47379" i="1"/>
  <c r="T47380" i="1"/>
  <c r="T47381" i="1"/>
  <c r="T47382" i="1"/>
  <c r="T47383" i="1"/>
  <c r="T47384" i="1"/>
  <c r="T47385" i="1"/>
  <c r="T47386" i="1"/>
  <c r="T47387" i="1"/>
  <c r="T47388" i="1"/>
  <c r="T47389" i="1"/>
  <c r="T47390" i="1"/>
  <c r="T47391" i="1"/>
  <c r="T47392" i="1"/>
  <c r="T47393" i="1"/>
  <c r="T47394" i="1"/>
  <c r="T47395" i="1"/>
  <c r="T47396" i="1"/>
  <c r="T47397" i="1"/>
  <c r="T47398" i="1"/>
  <c r="T47399" i="1"/>
  <c r="T47400" i="1"/>
  <c r="T47401" i="1"/>
  <c r="T47402" i="1"/>
  <c r="T47403" i="1"/>
  <c r="T47404" i="1"/>
  <c r="T47405" i="1"/>
  <c r="T47406" i="1"/>
  <c r="T47407" i="1"/>
  <c r="T47408" i="1"/>
  <c r="T47409" i="1"/>
  <c r="T47410" i="1"/>
  <c r="T47411" i="1"/>
  <c r="T47412" i="1"/>
  <c r="T47413" i="1"/>
  <c r="T47414" i="1"/>
  <c r="T47415" i="1"/>
  <c r="T47416" i="1"/>
  <c r="T47417" i="1"/>
  <c r="T47418" i="1"/>
  <c r="T47419" i="1"/>
  <c r="T47420" i="1"/>
  <c r="T47421" i="1"/>
  <c r="T47422" i="1"/>
  <c r="T47423" i="1"/>
  <c r="T47424" i="1"/>
  <c r="T47425" i="1"/>
  <c r="T47426" i="1"/>
  <c r="T47427" i="1"/>
  <c r="T47428" i="1"/>
  <c r="T47429" i="1"/>
  <c r="T47430" i="1"/>
  <c r="T47431" i="1"/>
  <c r="T47432" i="1"/>
  <c r="T47433" i="1"/>
  <c r="T47434" i="1"/>
  <c r="T47435" i="1"/>
  <c r="T47436" i="1"/>
  <c r="T47437" i="1"/>
  <c r="T47438" i="1"/>
  <c r="T47439" i="1"/>
  <c r="T47440" i="1"/>
  <c r="T47441" i="1"/>
  <c r="T47442" i="1"/>
  <c r="T47443" i="1"/>
  <c r="T47444" i="1"/>
  <c r="T47445" i="1"/>
  <c r="T47446" i="1"/>
  <c r="T47447" i="1"/>
  <c r="T47448" i="1"/>
  <c r="T47449" i="1"/>
  <c r="T47450" i="1"/>
  <c r="T47451" i="1"/>
  <c r="T47452" i="1"/>
  <c r="T47453" i="1"/>
  <c r="T47454" i="1"/>
  <c r="T47455" i="1"/>
  <c r="T47456" i="1"/>
  <c r="T47457" i="1"/>
  <c r="T47458" i="1"/>
  <c r="T47459" i="1"/>
  <c r="T47460" i="1"/>
  <c r="T47461" i="1"/>
  <c r="T47462" i="1"/>
  <c r="T47463" i="1"/>
  <c r="T47464" i="1"/>
  <c r="T47465" i="1"/>
  <c r="T47466" i="1"/>
  <c r="T47467" i="1"/>
  <c r="T47468" i="1"/>
  <c r="T47469" i="1"/>
  <c r="T47470" i="1"/>
  <c r="T47471" i="1"/>
  <c r="T47472" i="1"/>
  <c r="T47473" i="1"/>
  <c r="T47474" i="1"/>
  <c r="T47475" i="1"/>
  <c r="T47476" i="1"/>
  <c r="T47477" i="1"/>
  <c r="T47478" i="1"/>
  <c r="T47479" i="1"/>
  <c r="T47480" i="1"/>
  <c r="T47481" i="1"/>
  <c r="T47482" i="1"/>
  <c r="T47483" i="1"/>
  <c r="T47484" i="1"/>
  <c r="T47485" i="1"/>
  <c r="T47486" i="1"/>
  <c r="T47487" i="1"/>
  <c r="T47488" i="1"/>
  <c r="T47489" i="1"/>
  <c r="T47490" i="1"/>
  <c r="T47491" i="1"/>
  <c r="T47492" i="1"/>
  <c r="T47493" i="1"/>
  <c r="T47494" i="1"/>
  <c r="T47495" i="1"/>
  <c r="T47496" i="1"/>
  <c r="T47497" i="1"/>
  <c r="T47498" i="1"/>
  <c r="T47499" i="1"/>
  <c r="T47500" i="1"/>
  <c r="T47501" i="1"/>
  <c r="T47502" i="1"/>
  <c r="T47503" i="1"/>
  <c r="T47504" i="1"/>
  <c r="T47505" i="1"/>
  <c r="T47506" i="1"/>
  <c r="T47507" i="1"/>
  <c r="T47508" i="1"/>
  <c r="T47509" i="1"/>
  <c r="T47510" i="1"/>
  <c r="T47511" i="1"/>
  <c r="T47512" i="1"/>
  <c r="T47513" i="1"/>
  <c r="T47514" i="1"/>
  <c r="T47515" i="1"/>
  <c r="T47516" i="1"/>
  <c r="T47517" i="1"/>
  <c r="T47518" i="1"/>
  <c r="T47519" i="1"/>
  <c r="T47520" i="1"/>
  <c r="T47521" i="1"/>
  <c r="T47522" i="1"/>
  <c r="T47523" i="1"/>
  <c r="T47524" i="1"/>
  <c r="T47525" i="1"/>
  <c r="T47526" i="1"/>
  <c r="T47527" i="1"/>
  <c r="T47528" i="1"/>
  <c r="T47529" i="1"/>
  <c r="T47530" i="1"/>
  <c r="T47531" i="1"/>
  <c r="T47532" i="1"/>
  <c r="T47533" i="1"/>
  <c r="T47534" i="1"/>
  <c r="T47535" i="1"/>
  <c r="T47536" i="1"/>
  <c r="T47537" i="1"/>
  <c r="T47538" i="1"/>
  <c r="T47539" i="1"/>
  <c r="T47540" i="1"/>
  <c r="T47541" i="1"/>
  <c r="T47542" i="1"/>
  <c r="T47543" i="1"/>
  <c r="T47544" i="1"/>
  <c r="T47545" i="1"/>
  <c r="T47546" i="1"/>
  <c r="T47547" i="1"/>
  <c r="T47548" i="1"/>
  <c r="T47549" i="1"/>
  <c r="T47550" i="1"/>
  <c r="T47551" i="1"/>
  <c r="T47552" i="1"/>
  <c r="T47553" i="1"/>
  <c r="T47554" i="1"/>
  <c r="T47555" i="1"/>
  <c r="T47556" i="1"/>
  <c r="T47557" i="1"/>
  <c r="T47558" i="1"/>
  <c r="T47559" i="1"/>
  <c r="T47560" i="1"/>
  <c r="T47561" i="1"/>
  <c r="T47562" i="1"/>
  <c r="T47563" i="1"/>
  <c r="T47564" i="1"/>
  <c r="T47565" i="1"/>
  <c r="T47566" i="1"/>
  <c r="T47567" i="1"/>
  <c r="T47568" i="1"/>
  <c r="T47569" i="1"/>
  <c r="T47570" i="1"/>
  <c r="T47571" i="1"/>
  <c r="T47572" i="1"/>
  <c r="T47573" i="1"/>
  <c r="T47574" i="1"/>
  <c r="T47575" i="1"/>
  <c r="T47576" i="1"/>
  <c r="T47577" i="1"/>
  <c r="T47578" i="1"/>
  <c r="T47579" i="1"/>
  <c r="T47580" i="1"/>
  <c r="T47581" i="1"/>
  <c r="T47582" i="1"/>
  <c r="T47583" i="1"/>
  <c r="T47584" i="1"/>
  <c r="T47585" i="1"/>
  <c r="T47586" i="1"/>
  <c r="T47587" i="1"/>
  <c r="T47588" i="1"/>
  <c r="T47589" i="1"/>
  <c r="T47590" i="1"/>
  <c r="T47591" i="1"/>
  <c r="T47592" i="1"/>
  <c r="T47593" i="1"/>
  <c r="T47594" i="1"/>
  <c r="T47595" i="1"/>
  <c r="T47596" i="1"/>
  <c r="T47597" i="1"/>
  <c r="T47598" i="1"/>
  <c r="T47599" i="1"/>
  <c r="T47600" i="1"/>
  <c r="T47601" i="1"/>
  <c r="T47602" i="1"/>
  <c r="T47603" i="1"/>
  <c r="T47604" i="1"/>
  <c r="T47605" i="1"/>
  <c r="T47606" i="1"/>
  <c r="T47607" i="1"/>
  <c r="T47608" i="1"/>
  <c r="T47609" i="1"/>
  <c r="T47610" i="1"/>
  <c r="T47611" i="1"/>
  <c r="T47612" i="1"/>
  <c r="T47613" i="1"/>
  <c r="T47614" i="1"/>
  <c r="T47615" i="1"/>
  <c r="T47616" i="1"/>
  <c r="T47617" i="1"/>
  <c r="T47618" i="1"/>
  <c r="T47619" i="1"/>
  <c r="T47620" i="1"/>
  <c r="T47621" i="1"/>
  <c r="T47622" i="1"/>
  <c r="T47623" i="1"/>
  <c r="T47624" i="1"/>
  <c r="T47625" i="1"/>
  <c r="T47626" i="1"/>
  <c r="T47627" i="1"/>
  <c r="T47628" i="1"/>
  <c r="T47629" i="1"/>
  <c r="T47630" i="1"/>
  <c r="T47631" i="1"/>
  <c r="T47632" i="1"/>
  <c r="T47633" i="1"/>
  <c r="T47634" i="1"/>
  <c r="T47635" i="1"/>
  <c r="T47636" i="1"/>
  <c r="T47637" i="1"/>
  <c r="T47638" i="1"/>
  <c r="T47639" i="1"/>
  <c r="T47640" i="1"/>
  <c r="T47641" i="1"/>
  <c r="T47642" i="1"/>
  <c r="T47643" i="1"/>
  <c r="T47644" i="1"/>
  <c r="T47645" i="1"/>
  <c r="T47646" i="1"/>
  <c r="T47647" i="1"/>
  <c r="T47648" i="1"/>
  <c r="T47649" i="1"/>
  <c r="T47650" i="1"/>
  <c r="T47651" i="1"/>
  <c r="T47652" i="1"/>
  <c r="T47653" i="1"/>
  <c r="T47654" i="1"/>
  <c r="T47655" i="1"/>
  <c r="T47656" i="1"/>
  <c r="T47657" i="1"/>
  <c r="T47658" i="1"/>
  <c r="T47659" i="1"/>
  <c r="T47660" i="1"/>
  <c r="T47661" i="1"/>
  <c r="T47662" i="1"/>
  <c r="T47663" i="1"/>
  <c r="T47664" i="1"/>
  <c r="T47665" i="1"/>
  <c r="T47666" i="1"/>
  <c r="T47667" i="1"/>
  <c r="T47668" i="1"/>
  <c r="T47669" i="1"/>
  <c r="T47670" i="1"/>
  <c r="T47671" i="1"/>
  <c r="T47672" i="1"/>
  <c r="T47673" i="1"/>
  <c r="T47674" i="1"/>
  <c r="T47675" i="1"/>
  <c r="T47676" i="1"/>
  <c r="T47677" i="1"/>
  <c r="T47678" i="1"/>
  <c r="T47679" i="1"/>
  <c r="T47680" i="1"/>
  <c r="T47681" i="1"/>
  <c r="T47682" i="1"/>
  <c r="T47683" i="1"/>
  <c r="T47684" i="1"/>
  <c r="T47685" i="1"/>
  <c r="T47686" i="1"/>
  <c r="T47687" i="1"/>
  <c r="T47688" i="1"/>
  <c r="T47689" i="1"/>
  <c r="T47690" i="1"/>
  <c r="T47691" i="1"/>
  <c r="T47692" i="1"/>
  <c r="T47693" i="1"/>
  <c r="T47694" i="1"/>
  <c r="T47695" i="1"/>
  <c r="T47696" i="1"/>
  <c r="T47697" i="1"/>
  <c r="T47698" i="1"/>
  <c r="T47699" i="1"/>
  <c r="T47700" i="1"/>
  <c r="T47701" i="1"/>
  <c r="T47702" i="1"/>
  <c r="T47703" i="1"/>
  <c r="T47704" i="1"/>
  <c r="T47705" i="1"/>
  <c r="T47706" i="1"/>
  <c r="T47707" i="1"/>
  <c r="T47708" i="1"/>
  <c r="T47709" i="1"/>
  <c r="T47710" i="1"/>
  <c r="T47711" i="1"/>
  <c r="T47712" i="1"/>
  <c r="T47713" i="1"/>
  <c r="T47714" i="1"/>
  <c r="T47715" i="1"/>
  <c r="T47716" i="1"/>
  <c r="T47717" i="1"/>
  <c r="T47718" i="1"/>
  <c r="T47719" i="1"/>
  <c r="T47720" i="1"/>
  <c r="T47721" i="1"/>
  <c r="T47722" i="1"/>
  <c r="T47723" i="1"/>
  <c r="T47724" i="1"/>
  <c r="T47725" i="1"/>
  <c r="T47726" i="1"/>
  <c r="T47727" i="1"/>
  <c r="T47728" i="1"/>
  <c r="T47729" i="1"/>
  <c r="T47730" i="1"/>
  <c r="T47731" i="1"/>
  <c r="T47732" i="1"/>
  <c r="T47733" i="1"/>
  <c r="T47734" i="1"/>
  <c r="T47735" i="1"/>
  <c r="T47736" i="1"/>
  <c r="T47737" i="1"/>
  <c r="T47738" i="1"/>
  <c r="T47739" i="1"/>
  <c r="T47740" i="1"/>
  <c r="T47741" i="1"/>
  <c r="T47742" i="1"/>
  <c r="T47743" i="1"/>
  <c r="T47744" i="1"/>
  <c r="T47745" i="1"/>
  <c r="T47746" i="1"/>
  <c r="T47747" i="1"/>
  <c r="T47748" i="1"/>
  <c r="T47749" i="1"/>
  <c r="T47750" i="1"/>
  <c r="T47751" i="1"/>
  <c r="T47752" i="1"/>
  <c r="T47753" i="1"/>
  <c r="T47754" i="1"/>
  <c r="T47755" i="1"/>
  <c r="T47756" i="1"/>
  <c r="T47757" i="1"/>
  <c r="T47758" i="1"/>
  <c r="T47759" i="1"/>
  <c r="T47760" i="1"/>
  <c r="T47761" i="1"/>
  <c r="T47762" i="1"/>
  <c r="T47763" i="1"/>
  <c r="T47764" i="1"/>
  <c r="T47765" i="1"/>
  <c r="T47766" i="1"/>
  <c r="T47767" i="1"/>
  <c r="T47768" i="1"/>
  <c r="T47769" i="1"/>
  <c r="T47770" i="1"/>
  <c r="T47771" i="1"/>
  <c r="T47772" i="1"/>
  <c r="T47773" i="1"/>
  <c r="T47774" i="1"/>
  <c r="T47775" i="1"/>
  <c r="T47776" i="1"/>
  <c r="T47777" i="1"/>
  <c r="T47778" i="1"/>
  <c r="T47779" i="1"/>
  <c r="T47780" i="1"/>
  <c r="T47781" i="1"/>
  <c r="T47782" i="1"/>
  <c r="T47783" i="1"/>
  <c r="T47784" i="1"/>
  <c r="T47785" i="1"/>
  <c r="T47786" i="1"/>
  <c r="T47787" i="1"/>
  <c r="T47788" i="1"/>
  <c r="T47789" i="1"/>
  <c r="T47790" i="1"/>
  <c r="T47791" i="1"/>
  <c r="T47792" i="1"/>
  <c r="T47793" i="1"/>
  <c r="T47794" i="1"/>
  <c r="T47795" i="1"/>
  <c r="T47796" i="1"/>
  <c r="T47797" i="1"/>
  <c r="T47798" i="1"/>
  <c r="T47799" i="1"/>
  <c r="T47800" i="1"/>
  <c r="T47801" i="1"/>
  <c r="T47802" i="1"/>
  <c r="T47803" i="1"/>
  <c r="T47804" i="1"/>
  <c r="T47805" i="1"/>
  <c r="T47806" i="1"/>
  <c r="T47807" i="1"/>
  <c r="T47808" i="1"/>
  <c r="T47809" i="1"/>
  <c r="T47810" i="1"/>
  <c r="T47811" i="1"/>
  <c r="T47812" i="1"/>
  <c r="T47813" i="1"/>
  <c r="T47814" i="1"/>
  <c r="T47815" i="1"/>
  <c r="T47816" i="1"/>
  <c r="T47817" i="1"/>
  <c r="T47818" i="1"/>
  <c r="T47819" i="1"/>
  <c r="T47820" i="1"/>
  <c r="T47821" i="1"/>
  <c r="T47822" i="1"/>
  <c r="T47823" i="1"/>
  <c r="T47824" i="1"/>
  <c r="T47825" i="1"/>
  <c r="T47826" i="1"/>
  <c r="T47827" i="1"/>
  <c r="T47828" i="1"/>
  <c r="T47829" i="1"/>
  <c r="T47830" i="1"/>
  <c r="T47831" i="1"/>
  <c r="T47832" i="1"/>
  <c r="T47833" i="1"/>
  <c r="T47834" i="1"/>
  <c r="T47835" i="1"/>
  <c r="T47836" i="1"/>
  <c r="T47837" i="1"/>
  <c r="T47838" i="1"/>
  <c r="T47839" i="1"/>
  <c r="T47840" i="1"/>
  <c r="T47841" i="1"/>
  <c r="T47842" i="1"/>
  <c r="T47843" i="1"/>
  <c r="T47844" i="1"/>
  <c r="T47845" i="1"/>
  <c r="T47846" i="1"/>
  <c r="T47847" i="1"/>
  <c r="T47848" i="1"/>
  <c r="T47849" i="1"/>
  <c r="T47850" i="1"/>
  <c r="T47851" i="1"/>
  <c r="T47852" i="1"/>
  <c r="T47853" i="1"/>
  <c r="T47854" i="1"/>
  <c r="T47855" i="1"/>
  <c r="T47856" i="1"/>
  <c r="T47857" i="1"/>
  <c r="T47858" i="1"/>
  <c r="T47859" i="1"/>
  <c r="T47860" i="1"/>
  <c r="T47861" i="1"/>
  <c r="T47862" i="1"/>
  <c r="T47863" i="1"/>
  <c r="T47864" i="1"/>
  <c r="T47865" i="1"/>
  <c r="T47866" i="1"/>
  <c r="T47867" i="1"/>
  <c r="T47868" i="1"/>
  <c r="T47869" i="1"/>
  <c r="T47870" i="1"/>
  <c r="T47871" i="1"/>
  <c r="T47872" i="1"/>
  <c r="T47873" i="1"/>
  <c r="T47874" i="1"/>
  <c r="T47875" i="1"/>
  <c r="T47876" i="1"/>
  <c r="T47877" i="1"/>
  <c r="T47878" i="1"/>
  <c r="T47879" i="1"/>
  <c r="T47880" i="1"/>
  <c r="T47881" i="1"/>
  <c r="T47882" i="1"/>
  <c r="T47883" i="1"/>
  <c r="T47884" i="1"/>
  <c r="T47885" i="1"/>
  <c r="T47886" i="1"/>
  <c r="T47887" i="1"/>
  <c r="T47888" i="1"/>
  <c r="T47889" i="1"/>
  <c r="T47890" i="1"/>
  <c r="T47891" i="1"/>
  <c r="T47892" i="1"/>
  <c r="T47893" i="1"/>
  <c r="T47894" i="1"/>
  <c r="T47895" i="1"/>
  <c r="T47896" i="1"/>
  <c r="T47897" i="1"/>
  <c r="T47898" i="1"/>
  <c r="T47899" i="1"/>
  <c r="T47900" i="1"/>
  <c r="T47901" i="1"/>
  <c r="T47902" i="1"/>
  <c r="T47903" i="1"/>
  <c r="T47904" i="1"/>
  <c r="T47905" i="1"/>
  <c r="T47906" i="1"/>
  <c r="T47907" i="1"/>
  <c r="T47908" i="1"/>
  <c r="T47909" i="1"/>
  <c r="T47910" i="1"/>
  <c r="T47911" i="1"/>
  <c r="T47912" i="1"/>
  <c r="T47913" i="1"/>
  <c r="T47914" i="1"/>
  <c r="T47915" i="1"/>
  <c r="T47916" i="1"/>
  <c r="T47917" i="1"/>
  <c r="T47918" i="1"/>
  <c r="T47919" i="1"/>
  <c r="T47920" i="1"/>
  <c r="T47921" i="1"/>
  <c r="T47922" i="1"/>
  <c r="T47923" i="1"/>
  <c r="T47924" i="1"/>
  <c r="T47925" i="1"/>
  <c r="T47926" i="1"/>
  <c r="T47927" i="1"/>
  <c r="T47928" i="1"/>
  <c r="T47929" i="1"/>
  <c r="T47930" i="1"/>
  <c r="T47931" i="1"/>
  <c r="T47932" i="1"/>
  <c r="T47933" i="1"/>
  <c r="T47934" i="1"/>
  <c r="T47935" i="1"/>
  <c r="T47936" i="1"/>
  <c r="T47937" i="1"/>
  <c r="T47938" i="1"/>
  <c r="T47939" i="1"/>
  <c r="T47940" i="1"/>
  <c r="T47941" i="1"/>
  <c r="T47942" i="1"/>
  <c r="T47943" i="1"/>
  <c r="T47944" i="1"/>
  <c r="T47945" i="1"/>
  <c r="T47946" i="1"/>
  <c r="T47947" i="1"/>
  <c r="T47948" i="1"/>
  <c r="T47949" i="1"/>
  <c r="T47950" i="1"/>
  <c r="T47951" i="1"/>
  <c r="T47952" i="1"/>
  <c r="T47953" i="1"/>
  <c r="T47954" i="1"/>
  <c r="T47955" i="1"/>
  <c r="T47956" i="1"/>
  <c r="T47957" i="1"/>
  <c r="T47958" i="1"/>
  <c r="T47959" i="1"/>
  <c r="T47960" i="1"/>
  <c r="T47961" i="1"/>
  <c r="T47962" i="1"/>
  <c r="T47963" i="1"/>
  <c r="T47964" i="1"/>
  <c r="T47965" i="1"/>
  <c r="T47966" i="1"/>
  <c r="T47967" i="1"/>
  <c r="T47968" i="1"/>
  <c r="T47969" i="1"/>
  <c r="T47970" i="1"/>
  <c r="T47971" i="1"/>
  <c r="T47972" i="1"/>
  <c r="T47973" i="1"/>
  <c r="T47974" i="1"/>
  <c r="T47975" i="1"/>
  <c r="T47976" i="1"/>
  <c r="T47977" i="1"/>
  <c r="T47978" i="1"/>
  <c r="T47979" i="1"/>
  <c r="T47980" i="1"/>
  <c r="T47981" i="1"/>
  <c r="T47982" i="1"/>
  <c r="T47983" i="1"/>
  <c r="T47984" i="1"/>
  <c r="T47985" i="1"/>
  <c r="T47986" i="1"/>
  <c r="T47987" i="1"/>
  <c r="T47988" i="1"/>
  <c r="T47989" i="1"/>
  <c r="T47990" i="1"/>
  <c r="T47991" i="1"/>
  <c r="T47992" i="1"/>
  <c r="T47993" i="1"/>
  <c r="T47994" i="1"/>
  <c r="T47995" i="1"/>
  <c r="T47996" i="1"/>
  <c r="T47997" i="1"/>
  <c r="T47998" i="1"/>
  <c r="T47999" i="1"/>
  <c r="T48000" i="1"/>
  <c r="T48001" i="1"/>
  <c r="T48002" i="1"/>
  <c r="T48003" i="1"/>
  <c r="T48004" i="1"/>
  <c r="T48005" i="1"/>
  <c r="T48006" i="1"/>
  <c r="T48007" i="1"/>
  <c r="T48008" i="1"/>
  <c r="T48009" i="1"/>
  <c r="T48010" i="1"/>
  <c r="T48011" i="1"/>
  <c r="T48012" i="1"/>
  <c r="T48013" i="1"/>
  <c r="T48014" i="1"/>
  <c r="T48015" i="1"/>
  <c r="T48016" i="1"/>
  <c r="T48017" i="1"/>
  <c r="T48018" i="1"/>
  <c r="T48019" i="1"/>
  <c r="T48020" i="1"/>
  <c r="T48021" i="1"/>
  <c r="T48022" i="1"/>
  <c r="T48023" i="1"/>
  <c r="T48024" i="1"/>
  <c r="T48025" i="1"/>
  <c r="T48026" i="1"/>
  <c r="T48027" i="1"/>
  <c r="T48028" i="1"/>
  <c r="T48029" i="1"/>
  <c r="T48030" i="1"/>
  <c r="T48031" i="1"/>
  <c r="T48032" i="1"/>
  <c r="T48033" i="1"/>
  <c r="T48034" i="1"/>
  <c r="T48035" i="1"/>
  <c r="T48036" i="1"/>
  <c r="T48037" i="1"/>
  <c r="T48038" i="1"/>
  <c r="T48039" i="1"/>
  <c r="T48040" i="1"/>
  <c r="T48041" i="1"/>
  <c r="T48042" i="1"/>
  <c r="T48043" i="1"/>
  <c r="T48044" i="1"/>
  <c r="T48045" i="1"/>
  <c r="T48046" i="1"/>
  <c r="T48047" i="1"/>
  <c r="T48048" i="1"/>
  <c r="T48049" i="1"/>
  <c r="T48050" i="1"/>
  <c r="T48051" i="1"/>
  <c r="T48052" i="1"/>
  <c r="T48053" i="1"/>
  <c r="T48054" i="1"/>
  <c r="T48055" i="1"/>
  <c r="T48056" i="1"/>
  <c r="T48057" i="1"/>
  <c r="T48058" i="1"/>
  <c r="T48059" i="1"/>
  <c r="T48060" i="1"/>
  <c r="T48061" i="1"/>
  <c r="T48062" i="1"/>
  <c r="T48063" i="1"/>
  <c r="T48064" i="1"/>
  <c r="T48065" i="1"/>
  <c r="T48066" i="1"/>
  <c r="T48067" i="1"/>
  <c r="T48068" i="1"/>
  <c r="T48069" i="1"/>
  <c r="T48070" i="1"/>
  <c r="T48071" i="1"/>
  <c r="T48072" i="1"/>
  <c r="T48073" i="1"/>
  <c r="T48074" i="1"/>
  <c r="T48075" i="1"/>
  <c r="T48076" i="1"/>
  <c r="T48077" i="1"/>
  <c r="T48078" i="1"/>
  <c r="T48079" i="1"/>
  <c r="T48080" i="1"/>
  <c r="T48081" i="1"/>
  <c r="T48082" i="1"/>
  <c r="T48083" i="1"/>
  <c r="T48084" i="1"/>
  <c r="T48085" i="1"/>
  <c r="T48086" i="1"/>
  <c r="T48087" i="1"/>
  <c r="T48088" i="1"/>
  <c r="T48089" i="1"/>
  <c r="T48090" i="1"/>
  <c r="T48091" i="1"/>
  <c r="T48092" i="1"/>
  <c r="T48093" i="1"/>
  <c r="T48094" i="1"/>
  <c r="T48095" i="1"/>
  <c r="T48096" i="1"/>
  <c r="T48097" i="1"/>
  <c r="T48098" i="1"/>
  <c r="T48099" i="1"/>
  <c r="T48100" i="1"/>
  <c r="T48101" i="1"/>
  <c r="T48102" i="1"/>
  <c r="T48103" i="1"/>
  <c r="T48104" i="1"/>
  <c r="T48105" i="1"/>
  <c r="T48106" i="1"/>
  <c r="T48107" i="1"/>
  <c r="T48108" i="1"/>
  <c r="T48109" i="1"/>
  <c r="T48110" i="1"/>
  <c r="T48111" i="1"/>
  <c r="T48112" i="1"/>
  <c r="T48113" i="1"/>
  <c r="T48114" i="1"/>
  <c r="T48115" i="1"/>
  <c r="T48116" i="1"/>
  <c r="T48117" i="1"/>
  <c r="T48118" i="1"/>
  <c r="T48119" i="1"/>
  <c r="T48120" i="1"/>
  <c r="T48121" i="1"/>
  <c r="T48122" i="1"/>
  <c r="T48123" i="1"/>
  <c r="T48124" i="1"/>
  <c r="T48125" i="1"/>
  <c r="T48126" i="1"/>
  <c r="T48127" i="1"/>
  <c r="T48128" i="1"/>
  <c r="T48129" i="1"/>
  <c r="T48130" i="1"/>
  <c r="T48131" i="1"/>
  <c r="T48132" i="1"/>
  <c r="T48133" i="1"/>
  <c r="T48134" i="1"/>
  <c r="T48135" i="1"/>
  <c r="T48136" i="1"/>
  <c r="T48137" i="1"/>
  <c r="T48138" i="1"/>
  <c r="T48139" i="1"/>
  <c r="T48140" i="1"/>
  <c r="T48141" i="1"/>
  <c r="T48142" i="1"/>
  <c r="T48143" i="1"/>
  <c r="T48144" i="1"/>
  <c r="T48145" i="1"/>
  <c r="T48146" i="1"/>
  <c r="T48147" i="1"/>
  <c r="T48148" i="1"/>
  <c r="T48149" i="1"/>
  <c r="T48150" i="1"/>
  <c r="T48151" i="1"/>
  <c r="T48152" i="1"/>
  <c r="T48153" i="1"/>
  <c r="T48154" i="1"/>
  <c r="T48155" i="1"/>
  <c r="T48156" i="1"/>
  <c r="T48157" i="1"/>
  <c r="T48158" i="1"/>
  <c r="T48159" i="1"/>
  <c r="T48160" i="1"/>
  <c r="T48161" i="1"/>
  <c r="T48162" i="1"/>
  <c r="T48163" i="1"/>
  <c r="T48164" i="1"/>
  <c r="T48165" i="1"/>
  <c r="T48166" i="1"/>
  <c r="T48167" i="1"/>
  <c r="T48168" i="1"/>
  <c r="T48169" i="1"/>
  <c r="T48170" i="1"/>
  <c r="T48171" i="1"/>
  <c r="T48172" i="1"/>
  <c r="T48173" i="1"/>
  <c r="T48174" i="1"/>
  <c r="T48175" i="1"/>
  <c r="T48176" i="1"/>
  <c r="T48177" i="1"/>
  <c r="T48178" i="1"/>
  <c r="T48179" i="1"/>
  <c r="T48180" i="1"/>
  <c r="T48181" i="1"/>
  <c r="T48182" i="1"/>
  <c r="T48183" i="1"/>
  <c r="T48184" i="1"/>
  <c r="T48185" i="1"/>
  <c r="T48186" i="1"/>
  <c r="T48187" i="1"/>
  <c r="T48188" i="1"/>
  <c r="T48189" i="1"/>
  <c r="T48190" i="1"/>
  <c r="T48191" i="1"/>
  <c r="T48192" i="1"/>
  <c r="T48193" i="1"/>
  <c r="T48194" i="1"/>
  <c r="T48195" i="1"/>
  <c r="T48196" i="1"/>
  <c r="T48197" i="1"/>
  <c r="T48198" i="1"/>
  <c r="T48199" i="1"/>
  <c r="T48200" i="1"/>
  <c r="T48201" i="1"/>
  <c r="T48202" i="1"/>
  <c r="T48203" i="1"/>
  <c r="T48204" i="1"/>
  <c r="T48205" i="1"/>
  <c r="T48206" i="1"/>
  <c r="T48207" i="1"/>
  <c r="T48208" i="1"/>
  <c r="T48209" i="1"/>
  <c r="T48210" i="1"/>
  <c r="T48211" i="1"/>
  <c r="T48212" i="1"/>
  <c r="T48213" i="1"/>
  <c r="T48214" i="1"/>
  <c r="T48215" i="1"/>
  <c r="T48216" i="1"/>
  <c r="T48217" i="1"/>
  <c r="T48218" i="1"/>
  <c r="T48219" i="1"/>
  <c r="T48220" i="1"/>
  <c r="T48221" i="1"/>
  <c r="T48222" i="1"/>
  <c r="T48223" i="1"/>
  <c r="T48224" i="1"/>
  <c r="T48225" i="1"/>
  <c r="T48226" i="1"/>
  <c r="T48227" i="1"/>
  <c r="T48228" i="1"/>
  <c r="T48229" i="1"/>
  <c r="T48230" i="1"/>
  <c r="T48231" i="1"/>
  <c r="T48232" i="1"/>
  <c r="T48233" i="1"/>
  <c r="T48234" i="1"/>
  <c r="T48235" i="1"/>
  <c r="T48236" i="1"/>
  <c r="T48237" i="1"/>
  <c r="T48238" i="1"/>
  <c r="T48239" i="1"/>
  <c r="T48240" i="1"/>
  <c r="T48241" i="1"/>
  <c r="T48242" i="1"/>
  <c r="T48243" i="1"/>
  <c r="T48244" i="1"/>
  <c r="T48245" i="1"/>
  <c r="T48246" i="1"/>
  <c r="T48247" i="1"/>
  <c r="T48248" i="1"/>
  <c r="T48249" i="1"/>
  <c r="T48250" i="1"/>
  <c r="T48251" i="1"/>
  <c r="T48252" i="1"/>
  <c r="T48253" i="1"/>
  <c r="T48254" i="1"/>
  <c r="T48255" i="1"/>
  <c r="T48256" i="1"/>
  <c r="T48257" i="1"/>
  <c r="T48258" i="1"/>
  <c r="T48259" i="1"/>
  <c r="T48260" i="1"/>
  <c r="T48261" i="1"/>
  <c r="T48262" i="1"/>
  <c r="T48263" i="1"/>
  <c r="T48264" i="1"/>
  <c r="T48265" i="1"/>
  <c r="T48266" i="1"/>
  <c r="T48267" i="1"/>
  <c r="T48268" i="1"/>
  <c r="T48269" i="1"/>
  <c r="T48270" i="1"/>
  <c r="T48271" i="1"/>
  <c r="T48272" i="1"/>
  <c r="T48273" i="1"/>
  <c r="T48274" i="1"/>
  <c r="T48275" i="1"/>
  <c r="T48276" i="1"/>
  <c r="T48277" i="1"/>
  <c r="T48278" i="1"/>
  <c r="T48279" i="1"/>
  <c r="T48280" i="1"/>
  <c r="T48281" i="1"/>
  <c r="T48282" i="1"/>
  <c r="T48283" i="1"/>
  <c r="T48284" i="1"/>
  <c r="T48285" i="1"/>
  <c r="T48286" i="1"/>
  <c r="T48287" i="1"/>
  <c r="T48288" i="1"/>
  <c r="T48289" i="1"/>
  <c r="T48290" i="1"/>
  <c r="T48291" i="1"/>
  <c r="T48292" i="1"/>
  <c r="T48293" i="1"/>
  <c r="T48294" i="1"/>
  <c r="T48295" i="1"/>
  <c r="T48296" i="1"/>
  <c r="T48297" i="1"/>
  <c r="T48298" i="1"/>
  <c r="T48299" i="1"/>
  <c r="T48300" i="1"/>
  <c r="T48301" i="1"/>
  <c r="T48302" i="1"/>
  <c r="T48303" i="1"/>
  <c r="T48304" i="1"/>
  <c r="T48305" i="1"/>
  <c r="T48306" i="1"/>
  <c r="T48307" i="1"/>
  <c r="T48308" i="1"/>
  <c r="T48309" i="1"/>
  <c r="T48310" i="1"/>
  <c r="T48311" i="1"/>
  <c r="T48312" i="1"/>
  <c r="T48313" i="1"/>
  <c r="T48314" i="1"/>
  <c r="T48315" i="1"/>
  <c r="T48316" i="1"/>
  <c r="T48317" i="1"/>
  <c r="T48318" i="1"/>
  <c r="T48319" i="1"/>
  <c r="T48320" i="1"/>
  <c r="T48321" i="1"/>
  <c r="T48322" i="1"/>
  <c r="T48323" i="1"/>
  <c r="T48324" i="1"/>
  <c r="T48325" i="1"/>
  <c r="T48326" i="1"/>
  <c r="T48327" i="1"/>
  <c r="T48328" i="1"/>
  <c r="T48329" i="1"/>
  <c r="T48330" i="1"/>
  <c r="T48331" i="1"/>
  <c r="T48332" i="1"/>
  <c r="T48333" i="1"/>
  <c r="T48334" i="1"/>
  <c r="T48335" i="1"/>
  <c r="T48336" i="1"/>
  <c r="T48337" i="1"/>
  <c r="T48338" i="1"/>
  <c r="T48339" i="1"/>
  <c r="T48340" i="1"/>
  <c r="T48341" i="1"/>
  <c r="T48342" i="1"/>
  <c r="T48343" i="1"/>
  <c r="T48344" i="1"/>
  <c r="T48345" i="1"/>
  <c r="T48346" i="1"/>
  <c r="T48347" i="1"/>
  <c r="T48348" i="1"/>
  <c r="T48349" i="1"/>
  <c r="T48350" i="1"/>
  <c r="T48351" i="1"/>
  <c r="T48352" i="1"/>
  <c r="T48353" i="1"/>
  <c r="T48354" i="1"/>
  <c r="T48355" i="1"/>
  <c r="T48356" i="1"/>
  <c r="T48357" i="1"/>
  <c r="T48358" i="1"/>
  <c r="T48359" i="1"/>
  <c r="T48360" i="1"/>
  <c r="T48361" i="1"/>
  <c r="T48362" i="1"/>
  <c r="T48363" i="1"/>
  <c r="T48364" i="1"/>
  <c r="T48365" i="1"/>
  <c r="T48366" i="1"/>
  <c r="T48367" i="1"/>
  <c r="T48368" i="1"/>
  <c r="T48369" i="1"/>
  <c r="T48370" i="1"/>
  <c r="T48371" i="1"/>
  <c r="T48372" i="1"/>
  <c r="T48373" i="1"/>
  <c r="T48374" i="1"/>
  <c r="T48375" i="1"/>
  <c r="T48376" i="1"/>
  <c r="T48377" i="1"/>
  <c r="T48378" i="1"/>
  <c r="T48379" i="1"/>
  <c r="T48380" i="1"/>
  <c r="T48381" i="1"/>
  <c r="T48382" i="1"/>
  <c r="T48383" i="1"/>
  <c r="T48384" i="1"/>
  <c r="T48385" i="1"/>
  <c r="T48386" i="1"/>
  <c r="T48387" i="1"/>
  <c r="T48388" i="1"/>
  <c r="T48389" i="1"/>
  <c r="T48390" i="1"/>
  <c r="T48391" i="1"/>
  <c r="T48392" i="1"/>
  <c r="T48393" i="1"/>
  <c r="T48394" i="1"/>
  <c r="T48395" i="1"/>
  <c r="T48396" i="1"/>
  <c r="T48397" i="1"/>
  <c r="T48398" i="1"/>
  <c r="T48399" i="1"/>
  <c r="T48400" i="1"/>
  <c r="T48401" i="1"/>
  <c r="T48402" i="1"/>
  <c r="T48403" i="1"/>
  <c r="T48404" i="1"/>
  <c r="T48405" i="1"/>
  <c r="T48406" i="1"/>
  <c r="T48407" i="1"/>
  <c r="T48408" i="1"/>
  <c r="T48409" i="1"/>
  <c r="T48410" i="1"/>
  <c r="T48411" i="1"/>
  <c r="T48412" i="1"/>
  <c r="T48413" i="1"/>
  <c r="T48414" i="1"/>
  <c r="T48415" i="1"/>
  <c r="T48416" i="1"/>
  <c r="T48417" i="1"/>
  <c r="T48418" i="1"/>
  <c r="T48419" i="1"/>
  <c r="T48420" i="1"/>
  <c r="T48421" i="1"/>
  <c r="T48422" i="1"/>
  <c r="T48423" i="1"/>
  <c r="T48424" i="1"/>
  <c r="T48425" i="1"/>
  <c r="T48426" i="1"/>
  <c r="T48427" i="1"/>
  <c r="T48428" i="1"/>
  <c r="T48429" i="1"/>
  <c r="T48430" i="1"/>
  <c r="T48431" i="1"/>
  <c r="T48432" i="1"/>
  <c r="T48433" i="1"/>
  <c r="T48434" i="1"/>
  <c r="T48435" i="1"/>
  <c r="T48436" i="1"/>
  <c r="T48437" i="1"/>
  <c r="T48438" i="1"/>
  <c r="T48439" i="1"/>
  <c r="T48440" i="1"/>
  <c r="T48441" i="1"/>
  <c r="T48442" i="1"/>
  <c r="T48443" i="1"/>
  <c r="T48444" i="1"/>
  <c r="T48445" i="1"/>
  <c r="T48446" i="1"/>
  <c r="T48447" i="1"/>
  <c r="T48448" i="1"/>
  <c r="T48449" i="1"/>
  <c r="T48450" i="1"/>
  <c r="T48451" i="1"/>
  <c r="T48452" i="1"/>
  <c r="T48453" i="1"/>
  <c r="T48454" i="1"/>
  <c r="T48455" i="1"/>
  <c r="T48456" i="1"/>
  <c r="T48457" i="1"/>
  <c r="T48458" i="1"/>
  <c r="T48459" i="1"/>
  <c r="T48460" i="1"/>
  <c r="T48461" i="1"/>
  <c r="T48462" i="1"/>
  <c r="T48463" i="1"/>
  <c r="T48464" i="1"/>
  <c r="T48465" i="1"/>
  <c r="T48466" i="1"/>
  <c r="T48467" i="1"/>
  <c r="T48468" i="1"/>
  <c r="T48469" i="1"/>
  <c r="T48470" i="1"/>
  <c r="T48471" i="1"/>
  <c r="T48472" i="1"/>
  <c r="T48473" i="1"/>
  <c r="T48474" i="1"/>
  <c r="T48475" i="1"/>
  <c r="T48476" i="1"/>
  <c r="T48477" i="1"/>
  <c r="T48478" i="1"/>
  <c r="T48479" i="1"/>
  <c r="T48480" i="1"/>
  <c r="T48481" i="1"/>
  <c r="T48482" i="1"/>
  <c r="T48483" i="1"/>
  <c r="T48484" i="1"/>
  <c r="T48485" i="1"/>
  <c r="T48486" i="1"/>
  <c r="T48487" i="1"/>
  <c r="T48488" i="1"/>
  <c r="T48489" i="1"/>
  <c r="T48490" i="1"/>
  <c r="T48491" i="1"/>
  <c r="T48492" i="1"/>
  <c r="T48493" i="1"/>
  <c r="T48494" i="1"/>
  <c r="T48495" i="1"/>
  <c r="T48496" i="1"/>
  <c r="T48497" i="1"/>
  <c r="T48498" i="1"/>
  <c r="T48499" i="1"/>
  <c r="T48500" i="1"/>
  <c r="T48501" i="1"/>
  <c r="T48502" i="1"/>
  <c r="T48503" i="1"/>
  <c r="T48504" i="1"/>
  <c r="T48505" i="1"/>
  <c r="T48506" i="1"/>
  <c r="T48507" i="1"/>
  <c r="T48508" i="1"/>
  <c r="T48509" i="1"/>
  <c r="T48510" i="1"/>
  <c r="T48511" i="1"/>
  <c r="T48512" i="1"/>
  <c r="T48513" i="1"/>
  <c r="T48514" i="1"/>
  <c r="T48515" i="1"/>
  <c r="T48516" i="1"/>
  <c r="T48517" i="1"/>
  <c r="T48518" i="1"/>
  <c r="T48519" i="1"/>
  <c r="T48520" i="1"/>
  <c r="T48521" i="1"/>
  <c r="T48522" i="1"/>
  <c r="T48523" i="1"/>
  <c r="T48524" i="1"/>
  <c r="T48525" i="1"/>
  <c r="T48526" i="1"/>
  <c r="T48527" i="1"/>
  <c r="T48528" i="1"/>
  <c r="T48529" i="1"/>
  <c r="T48530" i="1"/>
  <c r="T48531" i="1"/>
  <c r="T48532" i="1"/>
  <c r="T48533" i="1"/>
  <c r="T48534" i="1"/>
  <c r="T48535" i="1"/>
  <c r="T48536" i="1"/>
  <c r="T48537" i="1"/>
  <c r="T48538" i="1"/>
  <c r="T48539" i="1"/>
  <c r="T48540" i="1"/>
  <c r="T48541" i="1"/>
  <c r="T48542" i="1"/>
  <c r="T48543" i="1"/>
  <c r="T48544" i="1"/>
  <c r="T48545" i="1"/>
  <c r="T48546" i="1"/>
  <c r="T48547" i="1"/>
  <c r="T48548" i="1"/>
  <c r="T48549" i="1"/>
  <c r="T48550" i="1"/>
  <c r="T48551" i="1"/>
  <c r="T48552" i="1"/>
  <c r="T48553" i="1"/>
  <c r="T48554" i="1"/>
  <c r="T48555" i="1"/>
  <c r="T48556" i="1"/>
  <c r="T48557" i="1"/>
  <c r="T48558" i="1"/>
  <c r="T48559" i="1"/>
  <c r="T48560" i="1"/>
  <c r="T48561" i="1"/>
  <c r="T48562" i="1"/>
  <c r="T48563" i="1"/>
  <c r="T48564" i="1"/>
  <c r="T48565" i="1"/>
  <c r="T48566" i="1"/>
  <c r="T48567" i="1"/>
  <c r="T48568" i="1"/>
  <c r="T48569" i="1"/>
  <c r="T48570" i="1"/>
  <c r="T48571" i="1"/>
  <c r="T48572" i="1"/>
  <c r="T48573" i="1"/>
  <c r="T48574" i="1"/>
  <c r="T48575" i="1"/>
  <c r="T48576" i="1"/>
  <c r="T48577" i="1"/>
  <c r="T48578" i="1"/>
  <c r="T48579" i="1"/>
  <c r="T48580" i="1"/>
  <c r="T48581" i="1"/>
  <c r="T48582" i="1"/>
  <c r="T48583" i="1"/>
  <c r="T48584" i="1"/>
  <c r="T48585" i="1"/>
  <c r="T48586" i="1"/>
  <c r="T48587" i="1"/>
  <c r="T48588" i="1"/>
  <c r="T48589" i="1"/>
  <c r="T48590" i="1"/>
  <c r="T48591" i="1"/>
  <c r="T48592" i="1"/>
  <c r="T48593" i="1"/>
  <c r="T48594" i="1"/>
  <c r="T48595" i="1"/>
  <c r="T48596" i="1"/>
  <c r="T48597" i="1"/>
  <c r="T48598" i="1"/>
  <c r="T48599" i="1"/>
  <c r="T48600" i="1"/>
  <c r="T48601" i="1"/>
  <c r="T48602" i="1"/>
  <c r="T48603" i="1"/>
  <c r="T48604" i="1"/>
  <c r="T48605" i="1"/>
  <c r="T48606" i="1"/>
  <c r="T48607" i="1"/>
  <c r="T48608" i="1"/>
  <c r="T48609" i="1"/>
  <c r="T48610" i="1"/>
  <c r="T48611" i="1"/>
  <c r="T48612" i="1"/>
  <c r="T48613" i="1"/>
  <c r="T48614" i="1"/>
  <c r="T48615" i="1"/>
  <c r="T48616" i="1"/>
  <c r="T48617" i="1"/>
  <c r="T48618" i="1"/>
  <c r="T48619" i="1"/>
  <c r="T48620" i="1"/>
  <c r="T48621" i="1"/>
  <c r="T48622" i="1"/>
  <c r="T48623" i="1"/>
  <c r="T48624" i="1"/>
  <c r="T48625" i="1"/>
  <c r="T48626" i="1"/>
  <c r="T48627" i="1"/>
  <c r="T48628" i="1"/>
  <c r="T48629" i="1"/>
  <c r="T48630" i="1"/>
  <c r="T48631" i="1"/>
  <c r="T48632" i="1"/>
  <c r="T48633" i="1"/>
  <c r="T48634" i="1"/>
  <c r="T48635" i="1"/>
  <c r="T48636" i="1"/>
  <c r="T48637" i="1"/>
  <c r="T48638" i="1"/>
  <c r="T48639" i="1"/>
  <c r="T48640" i="1"/>
  <c r="T48641" i="1"/>
  <c r="T48642" i="1"/>
  <c r="T48643" i="1"/>
  <c r="T48644" i="1"/>
  <c r="T48645" i="1"/>
  <c r="T48646" i="1"/>
  <c r="T48647" i="1"/>
  <c r="T48648" i="1"/>
  <c r="T48649" i="1"/>
  <c r="T48650" i="1"/>
  <c r="T48651" i="1"/>
  <c r="T48652" i="1"/>
  <c r="T48653" i="1"/>
  <c r="T48654" i="1"/>
  <c r="T48655" i="1"/>
  <c r="T48656" i="1"/>
  <c r="T48657" i="1"/>
  <c r="T48658" i="1"/>
  <c r="T48659" i="1"/>
  <c r="T48660" i="1"/>
  <c r="T48661" i="1"/>
  <c r="T48662" i="1"/>
  <c r="T48663" i="1"/>
  <c r="T48664" i="1"/>
  <c r="T48665" i="1"/>
  <c r="T48666" i="1"/>
  <c r="T48667" i="1"/>
  <c r="T48668" i="1"/>
  <c r="T48669" i="1"/>
  <c r="T48670" i="1"/>
  <c r="T48671" i="1"/>
  <c r="T48672" i="1"/>
  <c r="T48673" i="1"/>
  <c r="T48674" i="1"/>
  <c r="T48675" i="1"/>
  <c r="T48676" i="1"/>
  <c r="T48677" i="1"/>
  <c r="T48678" i="1"/>
  <c r="T48679" i="1"/>
  <c r="T48680" i="1"/>
  <c r="T48681" i="1"/>
  <c r="T48682" i="1"/>
  <c r="T48683" i="1"/>
  <c r="T48684" i="1"/>
  <c r="T48685" i="1"/>
  <c r="T48686" i="1"/>
  <c r="T48687" i="1"/>
  <c r="T48688" i="1"/>
  <c r="T48689" i="1"/>
  <c r="T48690" i="1"/>
  <c r="T48691" i="1"/>
  <c r="T48692" i="1"/>
  <c r="T48693" i="1"/>
  <c r="T48694" i="1"/>
  <c r="T48695" i="1"/>
  <c r="T48696" i="1"/>
  <c r="T48697" i="1"/>
  <c r="T48698" i="1"/>
  <c r="T48699" i="1"/>
  <c r="T48700" i="1"/>
  <c r="T48701" i="1"/>
  <c r="T48702" i="1"/>
  <c r="T48703" i="1"/>
  <c r="T48704" i="1"/>
  <c r="T48705" i="1"/>
  <c r="T48706" i="1"/>
  <c r="T48707" i="1"/>
  <c r="T48708" i="1"/>
  <c r="T48709" i="1"/>
  <c r="T48710" i="1"/>
  <c r="T48711" i="1"/>
  <c r="T48712" i="1"/>
  <c r="T48713" i="1"/>
  <c r="T48714" i="1"/>
  <c r="T48715" i="1"/>
  <c r="T48716" i="1"/>
  <c r="T48717" i="1"/>
  <c r="T48718" i="1"/>
  <c r="T48719" i="1"/>
  <c r="T48720" i="1"/>
  <c r="T48721" i="1"/>
  <c r="T48722" i="1"/>
  <c r="T48723" i="1"/>
  <c r="T48724" i="1"/>
  <c r="T48725" i="1"/>
  <c r="T48726" i="1"/>
  <c r="T48727" i="1"/>
  <c r="T48728" i="1"/>
  <c r="T48729" i="1"/>
  <c r="T48730" i="1"/>
  <c r="T48731" i="1"/>
  <c r="T48732" i="1"/>
  <c r="T48733" i="1"/>
  <c r="T48734" i="1"/>
  <c r="T48735" i="1"/>
  <c r="T48736" i="1"/>
  <c r="T48737" i="1"/>
  <c r="T48738" i="1"/>
  <c r="T48739" i="1"/>
  <c r="T48740" i="1"/>
  <c r="T48741" i="1"/>
  <c r="T48742" i="1"/>
  <c r="T48743" i="1"/>
  <c r="T48744" i="1"/>
  <c r="T48745" i="1"/>
  <c r="T48746" i="1"/>
  <c r="T48747" i="1"/>
  <c r="T48748" i="1"/>
  <c r="T48749" i="1"/>
  <c r="T48750" i="1"/>
  <c r="T48751" i="1"/>
  <c r="T48752" i="1"/>
  <c r="T48753" i="1"/>
  <c r="T48754" i="1"/>
  <c r="T48755" i="1"/>
  <c r="T48756" i="1"/>
  <c r="T48757" i="1"/>
  <c r="T48758" i="1"/>
  <c r="T48759" i="1"/>
  <c r="T48760" i="1"/>
  <c r="T48761" i="1"/>
  <c r="T48762" i="1"/>
  <c r="T48763" i="1"/>
  <c r="T48764" i="1"/>
  <c r="T48765" i="1"/>
  <c r="T48766" i="1"/>
  <c r="T48767" i="1"/>
  <c r="T48768" i="1"/>
  <c r="T48769" i="1"/>
  <c r="T48770" i="1"/>
  <c r="T48771" i="1"/>
  <c r="T48772" i="1"/>
  <c r="T48773" i="1"/>
  <c r="T48774" i="1"/>
  <c r="T48775" i="1"/>
  <c r="T48776" i="1"/>
  <c r="T48777" i="1"/>
  <c r="T48778" i="1"/>
  <c r="T48779" i="1"/>
  <c r="T48780" i="1"/>
  <c r="T48781" i="1"/>
  <c r="T48782" i="1"/>
  <c r="T48783" i="1"/>
  <c r="T48784" i="1"/>
  <c r="T48785" i="1"/>
  <c r="T48786" i="1"/>
  <c r="T48787" i="1"/>
  <c r="T48788" i="1"/>
  <c r="T48789" i="1"/>
  <c r="T48790" i="1"/>
  <c r="T48791" i="1"/>
  <c r="T48792" i="1"/>
  <c r="T48793" i="1"/>
  <c r="T48794" i="1"/>
  <c r="T48795" i="1"/>
  <c r="T48796" i="1"/>
  <c r="T48797" i="1"/>
  <c r="T48798" i="1"/>
  <c r="T48799" i="1"/>
  <c r="T48800" i="1"/>
  <c r="T48801" i="1"/>
  <c r="T48802" i="1"/>
  <c r="T48803" i="1"/>
  <c r="T48804" i="1"/>
  <c r="T48805" i="1"/>
  <c r="T48806" i="1"/>
  <c r="T48807" i="1"/>
  <c r="T48808" i="1"/>
  <c r="T48809" i="1"/>
  <c r="T48810" i="1"/>
  <c r="T48811" i="1"/>
  <c r="T48812" i="1"/>
  <c r="T48813" i="1"/>
  <c r="T48814" i="1"/>
  <c r="T48815" i="1"/>
  <c r="T48816" i="1"/>
  <c r="T48817" i="1"/>
  <c r="T48818" i="1"/>
  <c r="T48819" i="1"/>
  <c r="T48820" i="1"/>
  <c r="T48821" i="1"/>
  <c r="T48822" i="1"/>
  <c r="T48823" i="1"/>
  <c r="T48824" i="1"/>
  <c r="T48825" i="1"/>
  <c r="T48826" i="1"/>
  <c r="T48827" i="1"/>
  <c r="T48828" i="1"/>
  <c r="T48829" i="1"/>
  <c r="T48830" i="1"/>
  <c r="T48831" i="1"/>
  <c r="T48832" i="1"/>
  <c r="T48833" i="1"/>
  <c r="T48834" i="1"/>
  <c r="T48835" i="1"/>
  <c r="T48836" i="1"/>
  <c r="T48837" i="1"/>
  <c r="T48838" i="1"/>
  <c r="T48839" i="1"/>
  <c r="T48840" i="1"/>
  <c r="T48841" i="1"/>
  <c r="T48842" i="1"/>
  <c r="T48843" i="1"/>
  <c r="T48844" i="1"/>
  <c r="T48845" i="1"/>
  <c r="T48846" i="1"/>
  <c r="T48847" i="1"/>
  <c r="T48848" i="1"/>
  <c r="T48849" i="1"/>
  <c r="T48850" i="1"/>
  <c r="T48851" i="1"/>
  <c r="T48852" i="1"/>
  <c r="T48853" i="1"/>
  <c r="T48854" i="1"/>
  <c r="T48855" i="1"/>
  <c r="T48856" i="1"/>
  <c r="T48857" i="1"/>
  <c r="T48858" i="1"/>
  <c r="T48859" i="1"/>
  <c r="T48860" i="1"/>
  <c r="T48861" i="1"/>
  <c r="T48862" i="1"/>
  <c r="T48863" i="1"/>
  <c r="T48864" i="1"/>
  <c r="T48865" i="1"/>
  <c r="T48866" i="1"/>
  <c r="T48867" i="1"/>
  <c r="T48868" i="1"/>
  <c r="T48869" i="1"/>
  <c r="T48870" i="1"/>
  <c r="T48871" i="1"/>
  <c r="T48872" i="1"/>
  <c r="T48873" i="1"/>
  <c r="T48874" i="1"/>
  <c r="T48875" i="1"/>
  <c r="T48876" i="1"/>
  <c r="T48877" i="1"/>
  <c r="T48878" i="1"/>
  <c r="T48879" i="1"/>
  <c r="T48880" i="1"/>
  <c r="T48881" i="1"/>
  <c r="T48882" i="1"/>
  <c r="T48883" i="1"/>
  <c r="T48884" i="1"/>
  <c r="T48885" i="1"/>
  <c r="T48886" i="1"/>
  <c r="T48887" i="1"/>
  <c r="T48888" i="1"/>
  <c r="T48889" i="1"/>
  <c r="T48890" i="1"/>
  <c r="T48891" i="1"/>
  <c r="T48892" i="1"/>
  <c r="T48893" i="1"/>
  <c r="T48894" i="1"/>
  <c r="T48895" i="1"/>
  <c r="T48896" i="1"/>
  <c r="T48897" i="1"/>
  <c r="T48898" i="1"/>
  <c r="T48899" i="1"/>
  <c r="T48900" i="1"/>
  <c r="T48901" i="1"/>
  <c r="T48902" i="1"/>
  <c r="T48903" i="1"/>
  <c r="T48904" i="1"/>
  <c r="T48905" i="1"/>
  <c r="T48906" i="1"/>
  <c r="T48907" i="1"/>
  <c r="T48908" i="1"/>
  <c r="T48909" i="1"/>
  <c r="T48910" i="1"/>
  <c r="T48911" i="1"/>
  <c r="T48912" i="1"/>
  <c r="T48913" i="1"/>
  <c r="T48914" i="1"/>
  <c r="T48915" i="1"/>
  <c r="T48916" i="1"/>
  <c r="T48917" i="1"/>
  <c r="T48918" i="1"/>
  <c r="T48919" i="1"/>
  <c r="T48920" i="1"/>
  <c r="T48921" i="1"/>
  <c r="T48922" i="1"/>
  <c r="T48923" i="1"/>
  <c r="T48924" i="1"/>
  <c r="T48925" i="1"/>
  <c r="T48926" i="1"/>
  <c r="T48927" i="1"/>
  <c r="T48928" i="1"/>
  <c r="T48929" i="1"/>
  <c r="T48930" i="1"/>
  <c r="T48931" i="1"/>
  <c r="T48932" i="1"/>
  <c r="T48933" i="1"/>
  <c r="T48934" i="1"/>
  <c r="T48935" i="1"/>
  <c r="T48936" i="1"/>
  <c r="T48937" i="1"/>
  <c r="T48938" i="1"/>
  <c r="T48939" i="1"/>
  <c r="T48940" i="1"/>
  <c r="T48941" i="1"/>
  <c r="T48942" i="1"/>
  <c r="T48943" i="1"/>
  <c r="T48944" i="1"/>
  <c r="T48945" i="1"/>
  <c r="T48946" i="1"/>
  <c r="T48947" i="1"/>
  <c r="T48948" i="1"/>
  <c r="T48949" i="1"/>
  <c r="T48950" i="1"/>
  <c r="T48951" i="1"/>
  <c r="T48952" i="1"/>
  <c r="T48953" i="1"/>
  <c r="T48954" i="1"/>
  <c r="T48955" i="1"/>
  <c r="T48956" i="1"/>
  <c r="T48957" i="1"/>
  <c r="T48958" i="1"/>
  <c r="T48959" i="1"/>
  <c r="T48960" i="1"/>
  <c r="T48961" i="1"/>
  <c r="T48962" i="1"/>
  <c r="T48963" i="1"/>
  <c r="T48964" i="1"/>
  <c r="T48965" i="1"/>
  <c r="T48966" i="1"/>
  <c r="T48967" i="1"/>
  <c r="T48968" i="1"/>
  <c r="T48969" i="1"/>
  <c r="T48970" i="1"/>
  <c r="T48971" i="1"/>
  <c r="T48972" i="1"/>
  <c r="T48973" i="1"/>
  <c r="T48974" i="1"/>
  <c r="T48975" i="1"/>
  <c r="T48976" i="1"/>
  <c r="T48977" i="1"/>
  <c r="T48978" i="1"/>
  <c r="T48979" i="1"/>
  <c r="T48980" i="1"/>
  <c r="T48981" i="1"/>
  <c r="T48982" i="1"/>
  <c r="T48983" i="1"/>
  <c r="T48984" i="1"/>
  <c r="T48985" i="1"/>
  <c r="T48986" i="1"/>
  <c r="T48987" i="1"/>
  <c r="T48988" i="1"/>
  <c r="T48989" i="1"/>
  <c r="T48990" i="1"/>
  <c r="T48991" i="1"/>
  <c r="T48992" i="1"/>
  <c r="T48993" i="1"/>
  <c r="T48994" i="1"/>
  <c r="T48995" i="1"/>
  <c r="T48996" i="1"/>
  <c r="T48997" i="1"/>
  <c r="T48998" i="1"/>
  <c r="T48999" i="1"/>
  <c r="T49000" i="1"/>
  <c r="T49001" i="1"/>
  <c r="T49002" i="1"/>
  <c r="T49003" i="1"/>
  <c r="T49004" i="1"/>
  <c r="T49005" i="1"/>
  <c r="T49006" i="1"/>
  <c r="T49007" i="1"/>
  <c r="T49008" i="1"/>
  <c r="T49009" i="1"/>
  <c r="T49010" i="1"/>
  <c r="T49011" i="1"/>
  <c r="T49012" i="1"/>
  <c r="T49013" i="1"/>
  <c r="T49014" i="1"/>
  <c r="T49015" i="1"/>
  <c r="T49016" i="1"/>
  <c r="T49017" i="1"/>
  <c r="T49018" i="1"/>
  <c r="T49019" i="1"/>
  <c r="T49020" i="1"/>
  <c r="T49021" i="1"/>
  <c r="T49022" i="1"/>
  <c r="T49023" i="1"/>
  <c r="T49024" i="1"/>
  <c r="T49025" i="1"/>
  <c r="T49026" i="1"/>
  <c r="T49027" i="1"/>
  <c r="T49028" i="1"/>
  <c r="T49029" i="1"/>
  <c r="T49030" i="1"/>
  <c r="T49031" i="1"/>
  <c r="T49032" i="1"/>
  <c r="T49033" i="1"/>
  <c r="T49034" i="1"/>
  <c r="T49035" i="1"/>
  <c r="T49036" i="1"/>
  <c r="T49037" i="1"/>
  <c r="T49038" i="1"/>
  <c r="T49039" i="1"/>
  <c r="T49040" i="1"/>
  <c r="T49041" i="1"/>
  <c r="T49042" i="1"/>
  <c r="T49043" i="1"/>
  <c r="T49044" i="1"/>
  <c r="T49045" i="1"/>
  <c r="T49046" i="1"/>
  <c r="T49047" i="1"/>
  <c r="T49048" i="1"/>
  <c r="T49049" i="1"/>
  <c r="T49050" i="1"/>
  <c r="T49051" i="1"/>
  <c r="T49052" i="1"/>
  <c r="T49053" i="1"/>
  <c r="T49054" i="1"/>
  <c r="T49055" i="1"/>
  <c r="T49056" i="1"/>
  <c r="T49057" i="1"/>
  <c r="T49058" i="1"/>
  <c r="T49059" i="1"/>
  <c r="T49060" i="1"/>
  <c r="T49061" i="1"/>
  <c r="T49062" i="1"/>
  <c r="T49063" i="1"/>
  <c r="T49064" i="1"/>
  <c r="T49065" i="1"/>
  <c r="T49066" i="1"/>
  <c r="T49067" i="1"/>
  <c r="T49068" i="1"/>
  <c r="T49069" i="1"/>
  <c r="T49070" i="1"/>
  <c r="T49071" i="1"/>
  <c r="T49072" i="1"/>
  <c r="T49073" i="1"/>
  <c r="T49074" i="1"/>
  <c r="T49075" i="1"/>
  <c r="T49076" i="1"/>
  <c r="T49077" i="1"/>
  <c r="T49078" i="1"/>
  <c r="T49079" i="1"/>
  <c r="T49080" i="1"/>
  <c r="T49081" i="1"/>
  <c r="T49082" i="1"/>
  <c r="T49083" i="1"/>
  <c r="T49084" i="1"/>
  <c r="T49085" i="1"/>
  <c r="T49086" i="1"/>
  <c r="T49087" i="1"/>
  <c r="T49088" i="1"/>
  <c r="T49089" i="1"/>
  <c r="T49090" i="1"/>
  <c r="T49091" i="1"/>
  <c r="T49092" i="1"/>
  <c r="T49093" i="1"/>
  <c r="T49094" i="1"/>
  <c r="T49095" i="1"/>
  <c r="T49096" i="1"/>
  <c r="T49097" i="1"/>
  <c r="T49098" i="1"/>
  <c r="T49099" i="1"/>
  <c r="T49100" i="1"/>
  <c r="T49101" i="1"/>
  <c r="T49102" i="1"/>
  <c r="T49103" i="1"/>
  <c r="T49104" i="1"/>
  <c r="T49105" i="1"/>
  <c r="T49106" i="1"/>
  <c r="T49107" i="1"/>
  <c r="T49108" i="1"/>
  <c r="T49109" i="1"/>
  <c r="T49110" i="1"/>
  <c r="T49111" i="1"/>
  <c r="T49112" i="1"/>
  <c r="T49113" i="1"/>
  <c r="T49114" i="1"/>
  <c r="T49115" i="1"/>
  <c r="T49116" i="1"/>
  <c r="T49117" i="1"/>
  <c r="T49118" i="1"/>
  <c r="T49119" i="1"/>
  <c r="T49120" i="1"/>
  <c r="T49121" i="1"/>
  <c r="T49122" i="1"/>
  <c r="T49123" i="1"/>
  <c r="T49124" i="1"/>
  <c r="T49125" i="1"/>
  <c r="T49126" i="1"/>
  <c r="T49127" i="1"/>
  <c r="T49128" i="1"/>
  <c r="T49129" i="1"/>
  <c r="T49130" i="1"/>
  <c r="T49131" i="1"/>
  <c r="T49132" i="1"/>
  <c r="T49133" i="1"/>
  <c r="T49134" i="1"/>
  <c r="T49135" i="1"/>
  <c r="T49136" i="1"/>
  <c r="T49137" i="1"/>
  <c r="T49138" i="1"/>
  <c r="T49139" i="1"/>
  <c r="T49140" i="1"/>
  <c r="T49141" i="1"/>
  <c r="T49142" i="1"/>
  <c r="T49143" i="1"/>
  <c r="T49144" i="1"/>
  <c r="T49145" i="1"/>
  <c r="T49146" i="1"/>
  <c r="T49147" i="1"/>
  <c r="T49148" i="1"/>
  <c r="T49149" i="1"/>
  <c r="T49150" i="1"/>
  <c r="T49151" i="1"/>
  <c r="T49152" i="1"/>
  <c r="T49153" i="1"/>
  <c r="T49154" i="1"/>
  <c r="T49155" i="1"/>
  <c r="T49156" i="1"/>
  <c r="T49157" i="1"/>
  <c r="T49158" i="1"/>
  <c r="T49159" i="1"/>
  <c r="T49160" i="1"/>
  <c r="T49161" i="1"/>
  <c r="T49162" i="1"/>
  <c r="T49163" i="1"/>
  <c r="T49164" i="1"/>
  <c r="T49165" i="1"/>
  <c r="T49166" i="1"/>
  <c r="T49167" i="1"/>
  <c r="T49168" i="1"/>
  <c r="T49169" i="1"/>
  <c r="T49170" i="1"/>
  <c r="T49171" i="1"/>
  <c r="T49172" i="1"/>
  <c r="T49173" i="1"/>
  <c r="T49174" i="1"/>
  <c r="T49175" i="1"/>
  <c r="T49176" i="1"/>
  <c r="T49177" i="1"/>
  <c r="T49178" i="1"/>
  <c r="T49179" i="1"/>
  <c r="T49180" i="1"/>
  <c r="T49181" i="1"/>
  <c r="T49182" i="1"/>
  <c r="T49183" i="1"/>
  <c r="T49184" i="1"/>
  <c r="T49185" i="1"/>
  <c r="T49186" i="1"/>
  <c r="T49187" i="1"/>
  <c r="T49188" i="1"/>
  <c r="T49189" i="1"/>
  <c r="T49190" i="1"/>
  <c r="T49191" i="1"/>
  <c r="T49192" i="1"/>
  <c r="T49193" i="1"/>
  <c r="T49194" i="1"/>
  <c r="T49195" i="1"/>
  <c r="T49196" i="1"/>
  <c r="T49197" i="1"/>
  <c r="T49198" i="1"/>
  <c r="T49199" i="1"/>
  <c r="T49200" i="1"/>
  <c r="T49201" i="1"/>
  <c r="T49202" i="1"/>
  <c r="T49203" i="1"/>
  <c r="T49204" i="1"/>
  <c r="T49205" i="1"/>
  <c r="T49206" i="1"/>
  <c r="T49207" i="1"/>
  <c r="T49208" i="1"/>
  <c r="T49209" i="1"/>
  <c r="T49210" i="1"/>
  <c r="T49211" i="1"/>
  <c r="T49212" i="1"/>
  <c r="T49213" i="1"/>
  <c r="T49214" i="1"/>
  <c r="T49215" i="1"/>
  <c r="T49216" i="1"/>
  <c r="T49217" i="1"/>
  <c r="T49218" i="1"/>
  <c r="T49219" i="1"/>
  <c r="T49220" i="1"/>
  <c r="T49221" i="1"/>
  <c r="T49222" i="1"/>
  <c r="T49223" i="1"/>
  <c r="T49224" i="1"/>
  <c r="T49225" i="1"/>
  <c r="T49226" i="1"/>
  <c r="T49227" i="1"/>
  <c r="T49228" i="1"/>
  <c r="T49229" i="1"/>
  <c r="T49230" i="1"/>
  <c r="T49231" i="1"/>
  <c r="T49232" i="1"/>
  <c r="T49233" i="1"/>
  <c r="T49234" i="1"/>
  <c r="T49235" i="1"/>
  <c r="T49236" i="1"/>
  <c r="T49237" i="1"/>
  <c r="T49238" i="1"/>
  <c r="T49239" i="1"/>
  <c r="T49240" i="1"/>
  <c r="T49241" i="1"/>
  <c r="T49242" i="1"/>
  <c r="T49243" i="1"/>
  <c r="T49244" i="1"/>
  <c r="T49245" i="1"/>
  <c r="T49246" i="1"/>
  <c r="T49247" i="1"/>
  <c r="T49248" i="1"/>
  <c r="T49249" i="1"/>
  <c r="T49250" i="1"/>
  <c r="T49251" i="1"/>
  <c r="T49252" i="1"/>
  <c r="T49253" i="1"/>
  <c r="T49254" i="1"/>
  <c r="T49255" i="1"/>
  <c r="T49256" i="1"/>
  <c r="T49257" i="1"/>
  <c r="T49258" i="1"/>
  <c r="T49259" i="1"/>
  <c r="T49260" i="1"/>
  <c r="T49261" i="1"/>
  <c r="T49262" i="1"/>
  <c r="T49263" i="1"/>
  <c r="T49264" i="1"/>
  <c r="T49265" i="1"/>
  <c r="T49266" i="1"/>
  <c r="T49267" i="1"/>
  <c r="T49268" i="1"/>
  <c r="T49269" i="1"/>
  <c r="T49270" i="1"/>
  <c r="T49271" i="1"/>
  <c r="T49272" i="1"/>
  <c r="T49273" i="1"/>
  <c r="T49274" i="1"/>
  <c r="T49275" i="1"/>
  <c r="T49276" i="1"/>
  <c r="T49277" i="1"/>
  <c r="T49278" i="1"/>
  <c r="T49279" i="1"/>
  <c r="T49280" i="1"/>
  <c r="T49281" i="1"/>
  <c r="T49282" i="1"/>
  <c r="T49283" i="1"/>
  <c r="T49284" i="1"/>
  <c r="T49285" i="1"/>
  <c r="T49286" i="1"/>
  <c r="T49287" i="1"/>
  <c r="T49288" i="1"/>
  <c r="T49289" i="1"/>
  <c r="T49290" i="1"/>
  <c r="T49291" i="1"/>
  <c r="T49292" i="1"/>
  <c r="T49293" i="1"/>
  <c r="T49294" i="1"/>
  <c r="T49295" i="1"/>
  <c r="T49296" i="1"/>
  <c r="T49297" i="1"/>
  <c r="T49298" i="1"/>
  <c r="T49299" i="1"/>
  <c r="T49300" i="1"/>
  <c r="T49301" i="1"/>
  <c r="T49302" i="1"/>
  <c r="T49303" i="1"/>
  <c r="T49304" i="1"/>
  <c r="T49305" i="1"/>
  <c r="T49306" i="1"/>
  <c r="T49307" i="1"/>
  <c r="T49308" i="1"/>
  <c r="T49309" i="1"/>
  <c r="T49310" i="1"/>
  <c r="T49311" i="1"/>
  <c r="T49312" i="1"/>
  <c r="T49313" i="1"/>
  <c r="T49314" i="1"/>
  <c r="T49315" i="1"/>
  <c r="T49316" i="1"/>
  <c r="T49317" i="1"/>
  <c r="T49318" i="1"/>
  <c r="T49319" i="1"/>
  <c r="T49320" i="1"/>
  <c r="T49321" i="1"/>
  <c r="T49322" i="1"/>
  <c r="T49323" i="1"/>
  <c r="T49324" i="1"/>
  <c r="T49325" i="1"/>
  <c r="T49326" i="1"/>
  <c r="T49327" i="1"/>
  <c r="T49328" i="1"/>
  <c r="T49329" i="1"/>
  <c r="T49330" i="1"/>
  <c r="T49331" i="1"/>
  <c r="T49332" i="1"/>
  <c r="T49333" i="1"/>
  <c r="T49334" i="1"/>
  <c r="T49335" i="1"/>
  <c r="T49336" i="1"/>
  <c r="T49337" i="1"/>
  <c r="T49338" i="1"/>
  <c r="T49339" i="1"/>
  <c r="T49340" i="1"/>
  <c r="T49341" i="1"/>
  <c r="T49342" i="1"/>
  <c r="T49343" i="1"/>
  <c r="T49344" i="1"/>
  <c r="T49345" i="1"/>
  <c r="T49346" i="1"/>
  <c r="T49347" i="1"/>
  <c r="T49348" i="1"/>
  <c r="T49349" i="1"/>
  <c r="T49350" i="1"/>
  <c r="T49351" i="1"/>
  <c r="T49352" i="1"/>
  <c r="T49353" i="1"/>
  <c r="T49354" i="1"/>
  <c r="T49355" i="1"/>
  <c r="T49356" i="1"/>
  <c r="T49357" i="1"/>
  <c r="T49358" i="1"/>
  <c r="T49359" i="1"/>
  <c r="T49360" i="1"/>
  <c r="T49361" i="1"/>
  <c r="T49362" i="1"/>
  <c r="T49363" i="1"/>
  <c r="T49364" i="1"/>
  <c r="T49365" i="1"/>
  <c r="T49366" i="1"/>
  <c r="T49367" i="1"/>
  <c r="T49368" i="1"/>
  <c r="T49369" i="1"/>
  <c r="T49370" i="1"/>
  <c r="T49371" i="1"/>
  <c r="T49372" i="1"/>
  <c r="T49373" i="1"/>
  <c r="T49374" i="1"/>
  <c r="T49375" i="1"/>
  <c r="T49376" i="1"/>
  <c r="T49377" i="1"/>
  <c r="T49378" i="1"/>
  <c r="T49379" i="1"/>
  <c r="T49380" i="1"/>
  <c r="T49381" i="1"/>
  <c r="T49382" i="1"/>
  <c r="T49383" i="1"/>
  <c r="T49384" i="1"/>
  <c r="T49385" i="1"/>
  <c r="T49386" i="1"/>
  <c r="T49387" i="1"/>
  <c r="T49388" i="1"/>
  <c r="T49389" i="1"/>
  <c r="T49390" i="1"/>
  <c r="T49391" i="1"/>
  <c r="T49392" i="1"/>
  <c r="T49393" i="1"/>
  <c r="T49394" i="1"/>
  <c r="T49395" i="1"/>
  <c r="T49396" i="1"/>
  <c r="T49397" i="1"/>
  <c r="T49398" i="1"/>
  <c r="T49399" i="1"/>
  <c r="T49400" i="1"/>
  <c r="T49401" i="1"/>
  <c r="T49402" i="1"/>
  <c r="T49403" i="1"/>
  <c r="T49404" i="1"/>
  <c r="T49405" i="1"/>
  <c r="T49406" i="1"/>
  <c r="T49407" i="1"/>
  <c r="T49408" i="1"/>
  <c r="T49409" i="1"/>
  <c r="T49410" i="1"/>
  <c r="T49411" i="1"/>
  <c r="T49412" i="1"/>
  <c r="T49413" i="1"/>
  <c r="T49414" i="1"/>
  <c r="T49415" i="1"/>
  <c r="T49416" i="1"/>
  <c r="T49417" i="1"/>
  <c r="T49418" i="1"/>
  <c r="T49419" i="1"/>
  <c r="T49420" i="1"/>
  <c r="T49421" i="1"/>
  <c r="T49422" i="1"/>
  <c r="T49423" i="1"/>
  <c r="T49424" i="1"/>
  <c r="T49425" i="1"/>
  <c r="T49426" i="1"/>
  <c r="T49427" i="1"/>
  <c r="T49428" i="1"/>
  <c r="T49429" i="1"/>
  <c r="T49430" i="1"/>
  <c r="T49431" i="1"/>
  <c r="T49432" i="1"/>
  <c r="T49433" i="1"/>
  <c r="T49434" i="1"/>
  <c r="T49435" i="1"/>
  <c r="T49436" i="1"/>
  <c r="T49437" i="1"/>
  <c r="T49438" i="1"/>
  <c r="T49439" i="1"/>
  <c r="T49440" i="1"/>
  <c r="T49441" i="1"/>
  <c r="T49442" i="1"/>
  <c r="T49443" i="1"/>
  <c r="T49444" i="1"/>
  <c r="T49445" i="1"/>
  <c r="T49446" i="1"/>
  <c r="T49447" i="1"/>
  <c r="T49448" i="1"/>
  <c r="T49449" i="1"/>
  <c r="T49450" i="1"/>
  <c r="T49451" i="1"/>
  <c r="T49452" i="1"/>
  <c r="T49453" i="1"/>
  <c r="T49454" i="1"/>
  <c r="T49455" i="1"/>
  <c r="T49456" i="1"/>
  <c r="T49457" i="1"/>
  <c r="T49458" i="1"/>
  <c r="T49459" i="1"/>
  <c r="T49460" i="1"/>
  <c r="T49461" i="1"/>
  <c r="T49462" i="1"/>
  <c r="T49463" i="1"/>
  <c r="T49464" i="1"/>
  <c r="T49465" i="1"/>
  <c r="T49466" i="1"/>
  <c r="T49467" i="1"/>
  <c r="T49468" i="1"/>
  <c r="T49469" i="1"/>
  <c r="T49470" i="1"/>
  <c r="T49471" i="1"/>
  <c r="T49472" i="1"/>
  <c r="T49473" i="1"/>
  <c r="T49474" i="1"/>
  <c r="T49475" i="1"/>
  <c r="T49476" i="1"/>
  <c r="T49477" i="1"/>
  <c r="T49478" i="1"/>
  <c r="T49479" i="1"/>
  <c r="T49480" i="1"/>
  <c r="T49481" i="1"/>
  <c r="T49482" i="1"/>
  <c r="T49483" i="1"/>
  <c r="T49484" i="1"/>
  <c r="T49485" i="1"/>
  <c r="T49486" i="1"/>
  <c r="T49487" i="1"/>
  <c r="T49488" i="1"/>
  <c r="T49489" i="1"/>
  <c r="T49490" i="1"/>
  <c r="T49491" i="1"/>
  <c r="T49492" i="1"/>
  <c r="T49493" i="1"/>
  <c r="T49494" i="1"/>
  <c r="T49495" i="1"/>
  <c r="T49496" i="1"/>
  <c r="T49497" i="1"/>
  <c r="T49498" i="1"/>
  <c r="T49499" i="1"/>
  <c r="T49500" i="1"/>
  <c r="T49501" i="1"/>
  <c r="T49502" i="1"/>
  <c r="T49503" i="1"/>
  <c r="T49504" i="1"/>
  <c r="T49505" i="1"/>
  <c r="T49506" i="1"/>
  <c r="T49507" i="1"/>
  <c r="T49508" i="1"/>
  <c r="T49509" i="1"/>
  <c r="T49510" i="1"/>
  <c r="T49511" i="1"/>
  <c r="T49512" i="1"/>
  <c r="T49513" i="1"/>
  <c r="T49514" i="1"/>
  <c r="T49515" i="1"/>
  <c r="T49516" i="1"/>
  <c r="T49517" i="1"/>
  <c r="T49518" i="1"/>
  <c r="T49519" i="1"/>
  <c r="T49520" i="1"/>
  <c r="T49521" i="1"/>
  <c r="T49522" i="1"/>
  <c r="T49523" i="1"/>
  <c r="T49524" i="1"/>
  <c r="T49525" i="1"/>
  <c r="T49526" i="1"/>
  <c r="T49527" i="1"/>
  <c r="T49528" i="1"/>
  <c r="T49529" i="1"/>
  <c r="T49530" i="1"/>
  <c r="T49531" i="1"/>
  <c r="T49532" i="1"/>
  <c r="T49533" i="1"/>
  <c r="T49534" i="1"/>
  <c r="T49535" i="1"/>
  <c r="T49536" i="1"/>
  <c r="T49537" i="1"/>
  <c r="T49538" i="1"/>
  <c r="T49539" i="1"/>
  <c r="T49540" i="1"/>
  <c r="T49541" i="1"/>
  <c r="T49542" i="1"/>
  <c r="T49543" i="1"/>
  <c r="T49544" i="1"/>
  <c r="T49545" i="1"/>
  <c r="T49546" i="1"/>
  <c r="T49547" i="1"/>
  <c r="T49548" i="1"/>
  <c r="T49549" i="1"/>
  <c r="T49550" i="1"/>
  <c r="T49551" i="1"/>
  <c r="T49552" i="1"/>
  <c r="T49553" i="1"/>
  <c r="T49554" i="1"/>
  <c r="T49555" i="1"/>
  <c r="T49556" i="1"/>
  <c r="T49557" i="1"/>
  <c r="T49558" i="1"/>
  <c r="T49559" i="1"/>
  <c r="T49560" i="1"/>
  <c r="T49561" i="1"/>
  <c r="T49562" i="1"/>
  <c r="T49563" i="1"/>
  <c r="T49564" i="1"/>
  <c r="T49565" i="1"/>
  <c r="T49566" i="1"/>
  <c r="T49567" i="1"/>
  <c r="T49568" i="1"/>
  <c r="T49569" i="1"/>
  <c r="T49570" i="1"/>
  <c r="T49571" i="1"/>
  <c r="T49572" i="1"/>
  <c r="T49573" i="1"/>
  <c r="T49574" i="1"/>
  <c r="T49575" i="1"/>
  <c r="T49576" i="1"/>
  <c r="T49577" i="1"/>
  <c r="T49578" i="1"/>
  <c r="T49579" i="1"/>
  <c r="T49580" i="1"/>
  <c r="T49581" i="1"/>
  <c r="T49582" i="1"/>
  <c r="T49583" i="1"/>
  <c r="T49584" i="1"/>
  <c r="T49585" i="1"/>
  <c r="T49586" i="1"/>
  <c r="T49587" i="1"/>
  <c r="T49588" i="1"/>
  <c r="T49589" i="1"/>
  <c r="T49590" i="1"/>
  <c r="T49591" i="1"/>
  <c r="T49592" i="1"/>
  <c r="T49593" i="1"/>
  <c r="T49594" i="1"/>
  <c r="T49595" i="1"/>
  <c r="T49596" i="1"/>
  <c r="T49597" i="1"/>
  <c r="T49598" i="1"/>
  <c r="T49599" i="1"/>
  <c r="T49600" i="1"/>
  <c r="T49601" i="1"/>
  <c r="T49602" i="1"/>
  <c r="T49603" i="1"/>
  <c r="T49604" i="1"/>
  <c r="T49605" i="1"/>
  <c r="T49606" i="1"/>
  <c r="T49607" i="1"/>
  <c r="T49608" i="1"/>
  <c r="T49609" i="1"/>
  <c r="T49610" i="1"/>
  <c r="T49611" i="1"/>
  <c r="T49612" i="1"/>
  <c r="T49613" i="1"/>
  <c r="T49614" i="1"/>
  <c r="T49615" i="1"/>
  <c r="T49616" i="1"/>
  <c r="T49617" i="1"/>
  <c r="T49618" i="1"/>
  <c r="T49619" i="1"/>
  <c r="T49620" i="1"/>
  <c r="T49621" i="1"/>
  <c r="T49622" i="1"/>
  <c r="T49623" i="1"/>
  <c r="T49624" i="1"/>
  <c r="T49625" i="1"/>
  <c r="T49626" i="1"/>
  <c r="T49627" i="1"/>
  <c r="T49628" i="1"/>
  <c r="T49629" i="1"/>
  <c r="T49630" i="1"/>
  <c r="T49631" i="1"/>
  <c r="T49632" i="1"/>
  <c r="T49633" i="1"/>
  <c r="T49634" i="1"/>
  <c r="T49635" i="1"/>
  <c r="T49636" i="1"/>
  <c r="T49637" i="1"/>
  <c r="T49638" i="1"/>
  <c r="T49639" i="1"/>
  <c r="T49640" i="1"/>
  <c r="T49641" i="1"/>
  <c r="T49642" i="1"/>
  <c r="T49643" i="1"/>
  <c r="T49644" i="1"/>
  <c r="T49645" i="1"/>
  <c r="T49646" i="1"/>
  <c r="T49647" i="1"/>
  <c r="T49648" i="1"/>
  <c r="T49649" i="1"/>
  <c r="T49650" i="1"/>
  <c r="T49651" i="1"/>
  <c r="T49652" i="1"/>
  <c r="T49653" i="1"/>
  <c r="T49654" i="1"/>
  <c r="T49655" i="1"/>
  <c r="T49656" i="1"/>
  <c r="T49657" i="1"/>
  <c r="T49658" i="1"/>
  <c r="T49659" i="1"/>
  <c r="T49660" i="1"/>
  <c r="T49661" i="1"/>
  <c r="T49662" i="1"/>
  <c r="T49663" i="1"/>
  <c r="T49664" i="1"/>
  <c r="T49665" i="1"/>
  <c r="T49666" i="1"/>
  <c r="T49667" i="1"/>
  <c r="T49668" i="1"/>
  <c r="T49669" i="1"/>
  <c r="T49670" i="1"/>
  <c r="T49671" i="1"/>
  <c r="T49672" i="1"/>
  <c r="T49673" i="1"/>
  <c r="T49674" i="1"/>
  <c r="T49675" i="1"/>
  <c r="T49676" i="1"/>
  <c r="T49677" i="1"/>
  <c r="T49678" i="1"/>
  <c r="T49679" i="1"/>
  <c r="T49680" i="1"/>
  <c r="T49681" i="1"/>
  <c r="T49682" i="1"/>
  <c r="T49683" i="1"/>
  <c r="T49684" i="1"/>
  <c r="T49685" i="1"/>
  <c r="T49686" i="1"/>
  <c r="T49687" i="1"/>
  <c r="T49688" i="1"/>
  <c r="T49689" i="1"/>
  <c r="T49690" i="1"/>
  <c r="T49691" i="1"/>
  <c r="T49692" i="1"/>
  <c r="T49693" i="1"/>
  <c r="T49694" i="1"/>
  <c r="T49695" i="1"/>
  <c r="T49696" i="1"/>
  <c r="T49697" i="1"/>
  <c r="T49698" i="1"/>
  <c r="T49699" i="1"/>
  <c r="T49700" i="1"/>
  <c r="T49701" i="1"/>
  <c r="T49702" i="1"/>
  <c r="T49703" i="1"/>
  <c r="T49704" i="1"/>
  <c r="T49705" i="1"/>
  <c r="T49706" i="1"/>
  <c r="T49707" i="1"/>
  <c r="T49708" i="1"/>
  <c r="T49709" i="1"/>
  <c r="T49710" i="1"/>
  <c r="T49711" i="1"/>
  <c r="T49712" i="1"/>
  <c r="T49713" i="1"/>
  <c r="T49714" i="1"/>
  <c r="T49715" i="1"/>
  <c r="T49716" i="1"/>
  <c r="T49717" i="1"/>
  <c r="T49718" i="1"/>
  <c r="T49719" i="1"/>
  <c r="T49720" i="1"/>
  <c r="T49721" i="1"/>
  <c r="T49722" i="1"/>
  <c r="T49723" i="1"/>
  <c r="T49724" i="1"/>
  <c r="T49725" i="1"/>
  <c r="T49726" i="1"/>
  <c r="T49727" i="1"/>
  <c r="T49728" i="1"/>
  <c r="T49729" i="1"/>
  <c r="T49730" i="1"/>
  <c r="T49731" i="1"/>
  <c r="T49732" i="1"/>
  <c r="T49733" i="1"/>
  <c r="T49734" i="1"/>
  <c r="T49735" i="1"/>
  <c r="T49736" i="1"/>
  <c r="T49737" i="1"/>
  <c r="T49738" i="1"/>
  <c r="T49739" i="1"/>
  <c r="T49740" i="1"/>
  <c r="T49741" i="1"/>
  <c r="T49742" i="1"/>
  <c r="T49743" i="1"/>
  <c r="T49744" i="1"/>
  <c r="T49745" i="1"/>
  <c r="T49746" i="1"/>
  <c r="T49747" i="1"/>
  <c r="T49748" i="1"/>
  <c r="T49749" i="1"/>
  <c r="T49750" i="1"/>
  <c r="T49751" i="1"/>
  <c r="T49752" i="1"/>
  <c r="T49753" i="1"/>
  <c r="T49754" i="1"/>
  <c r="T49755" i="1"/>
  <c r="T49756" i="1"/>
  <c r="T49757" i="1"/>
  <c r="T49758" i="1"/>
  <c r="T49759" i="1"/>
  <c r="T49760" i="1"/>
  <c r="T49761" i="1"/>
  <c r="T49762" i="1"/>
  <c r="T49763" i="1"/>
  <c r="T49764" i="1"/>
  <c r="T49765" i="1"/>
  <c r="T49766" i="1"/>
  <c r="T49767" i="1"/>
  <c r="T49768" i="1"/>
  <c r="T49769" i="1"/>
  <c r="T49770" i="1"/>
  <c r="T49771" i="1"/>
  <c r="T49772" i="1"/>
  <c r="T49773" i="1"/>
  <c r="T49774" i="1"/>
  <c r="T49775" i="1"/>
  <c r="T49776" i="1"/>
  <c r="T49777" i="1"/>
  <c r="T49778" i="1"/>
  <c r="T49779" i="1"/>
  <c r="T49780" i="1"/>
  <c r="T49781" i="1"/>
  <c r="T49782" i="1"/>
  <c r="T49783" i="1"/>
  <c r="T49784" i="1"/>
  <c r="T49785" i="1"/>
  <c r="T49786" i="1"/>
  <c r="T49787" i="1"/>
  <c r="T49788" i="1"/>
  <c r="T49789" i="1"/>
  <c r="T49790" i="1"/>
  <c r="T49791" i="1"/>
  <c r="T49792" i="1"/>
  <c r="T49793" i="1"/>
  <c r="T49794" i="1"/>
  <c r="T49795" i="1"/>
  <c r="T49796" i="1"/>
  <c r="T49797" i="1"/>
  <c r="T49798" i="1"/>
  <c r="T49799" i="1"/>
  <c r="T49800" i="1"/>
  <c r="T49801" i="1"/>
  <c r="T49802" i="1"/>
  <c r="T49803" i="1"/>
  <c r="T49804" i="1"/>
  <c r="T49805" i="1"/>
  <c r="T49806" i="1"/>
  <c r="T49807" i="1"/>
  <c r="T49808" i="1"/>
  <c r="T49809" i="1"/>
  <c r="T49810" i="1"/>
  <c r="T49811" i="1"/>
  <c r="T49812" i="1"/>
  <c r="T49813" i="1"/>
  <c r="T49814" i="1"/>
  <c r="T49815" i="1"/>
  <c r="T49816" i="1"/>
  <c r="T49817" i="1"/>
  <c r="T49818" i="1"/>
  <c r="T49819" i="1"/>
  <c r="T49820" i="1"/>
  <c r="T49821" i="1"/>
  <c r="T49822" i="1"/>
  <c r="T49823" i="1"/>
  <c r="T49824" i="1"/>
  <c r="T49825" i="1"/>
  <c r="T49826" i="1"/>
  <c r="T49827" i="1"/>
  <c r="T49828" i="1"/>
  <c r="T49829" i="1"/>
  <c r="T49830" i="1"/>
  <c r="T49831" i="1"/>
  <c r="T49832" i="1"/>
  <c r="T49833" i="1"/>
  <c r="T49834" i="1"/>
  <c r="T49835" i="1"/>
  <c r="T49836" i="1"/>
  <c r="T49837" i="1"/>
  <c r="T49838" i="1"/>
  <c r="T49839" i="1"/>
  <c r="T49840" i="1"/>
  <c r="T49841" i="1"/>
  <c r="T49842" i="1"/>
  <c r="T49843" i="1"/>
  <c r="T49844" i="1"/>
  <c r="T49845" i="1"/>
  <c r="T49846" i="1"/>
  <c r="T49847" i="1"/>
  <c r="T49848" i="1"/>
  <c r="T49849" i="1"/>
  <c r="T49850" i="1"/>
  <c r="T49851" i="1"/>
  <c r="T49852" i="1"/>
  <c r="T49853" i="1"/>
  <c r="T49854" i="1"/>
  <c r="T49855" i="1"/>
  <c r="T49856" i="1"/>
  <c r="T49857" i="1"/>
  <c r="T49858" i="1"/>
  <c r="T49859" i="1"/>
  <c r="T49860" i="1"/>
  <c r="T49861" i="1"/>
  <c r="T49862" i="1"/>
  <c r="T49863" i="1"/>
  <c r="T49864" i="1"/>
  <c r="T49865" i="1"/>
  <c r="T49866" i="1"/>
  <c r="T49867" i="1"/>
  <c r="T49868" i="1"/>
  <c r="T49869" i="1"/>
  <c r="T49870" i="1"/>
  <c r="T49871" i="1"/>
  <c r="T49872" i="1"/>
  <c r="T49873" i="1"/>
  <c r="T49874" i="1"/>
  <c r="T49875" i="1"/>
  <c r="T49876" i="1"/>
  <c r="T49877" i="1"/>
  <c r="T49878" i="1"/>
  <c r="T49879" i="1"/>
  <c r="T49880" i="1"/>
  <c r="T49881" i="1"/>
  <c r="T49882" i="1"/>
  <c r="T49883" i="1"/>
  <c r="T49884" i="1"/>
  <c r="T49885" i="1"/>
  <c r="T49886" i="1"/>
  <c r="T49887" i="1"/>
  <c r="T49888" i="1"/>
  <c r="T49889" i="1"/>
  <c r="T49890" i="1"/>
  <c r="T49891" i="1"/>
  <c r="T49892" i="1"/>
  <c r="T49893" i="1"/>
  <c r="T49894" i="1"/>
  <c r="T49895" i="1"/>
  <c r="T49896" i="1"/>
  <c r="T49897" i="1"/>
  <c r="T49898" i="1"/>
  <c r="T49899" i="1"/>
  <c r="T49900" i="1"/>
  <c r="T49901" i="1"/>
  <c r="T49902" i="1"/>
  <c r="T49903" i="1"/>
  <c r="T49904" i="1"/>
  <c r="T49905" i="1"/>
  <c r="T49906" i="1"/>
  <c r="T49907" i="1"/>
  <c r="T49908" i="1"/>
  <c r="T49909" i="1"/>
  <c r="T49910" i="1"/>
  <c r="T49911" i="1"/>
  <c r="T49912" i="1"/>
  <c r="T49913" i="1"/>
  <c r="T49914" i="1"/>
  <c r="T49915" i="1"/>
  <c r="T49916" i="1"/>
  <c r="T49917" i="1"/>
  <c r="T49918" i="1"/>
  <c r="T49919" i="1"/>
  <c r="T49920" i="1"/>
  <c r="T49921" i="1"/>
  <c r="T49922" i="1"/>
  <c r="T49923" i="1"/>
  <c r="T49924" i="1"/>
  <c r="T49925" i="1"/>
  <c r="T49926" i="1"/>
  <c r="T49927" i="1"/>
  <c r="T49928" i="1"/>
  <c r="T49929" i="1"/>
  <c r="T49930" i="1"/>
  <c r="T49931" i="1"/>
  <c r="T49932" i="1"/>
  <c r="T49933" i="1"/>
  <c r="T49934" i="1"/>
  <c r="T49935" i="1"/>
  <c r="T49936" i="1"/>
  <c r="T49937" i="1"/>
  <c r="T49938" i="1"/>
  <c r="T49939" i="1"/>
  <c r="T49940" i="1"/>
  <c r="T49941" i="1"/>
  <c r="T49942" i="1"/>
  <c r="T49943" i="1"/>
  <c r="T49944" i="1"/>
  <c r="T49945" i="1"/>
  <c r="T49946" i="1"/>
  <c r="T49947" i="1"/>
  <c r="T49948" i="1"/>
  <c r="T49949" i="1"/>
  <c r="T49950" i="1"/>
  <c r="T49951" i="1"/>
  <c r="T49952" i="1"/>
  <c r="T49953" i="1"/>
  <c r="T49954" i="1"/>
  <c r="T49955" i="1"/>
  <c r="T49956" i="1"/>
  <c r="T49957" i="1"/>
  <c r="T49958" i="1"/>
  <c r="T49959" i="1"/>
  <c r="T49960" i="1"/>
  <c r="T49961" i="1"/>
  <c r="T49962" i="1"/>
  <c r="T49963" i="1"/>
  <c r="T49964" i="1"/>
  <c r="T49965" i="1"/>
  <c r="T49966" i="1"/>
  <c r="T49967" i="1"/>
  <c r="T49968" i="1"/>
  <c r="T49969" i="1"/>
  <c r="T49970" i="1"/>
  <c r="T49971" i="1"/>
  <c r="T49972" i="1"/>
  <c r="T49973" i="1"/>
  <c r="T49974" i="1"/>
  <c r="T49975" i="1"/>
  <c r="T49976" i="1"/>
  <c r="T49977" i="1"/>
  <c r="T49978" i="1"/>
  <c r="T49979" i="1"/>
  <c r="T49980" i="1"/>
  <c r="T49981" i="1"/>
  <c r="T49982" i="1"/>
  <c r="T49983" i="1"/>
  <c r="T49984" i="1"/>
  <c r="T49985" i="1"/>
  <c r="T49986" i="1"/>
  <c r="T49987" i="1"/>
  <c r="T49988" i="1"/>
  <c r="T49989" i="1"/>
  <c r="T49990" i="1"/>
  <c r="T49991" i="1"/>
  <c r="T49992" i="1"/>
  <c r="T49993" i="1"/>
  <c r="T49994" i="1"/>
  <c r="T49995" i="1"/>
  <c r="T49996" i="1"/>
  <c r="T49997" i="1"/>
  <c r="T49998" i="1"/>
  <c r="T49999" i="1"/>
  <c r="T50000" i="1"/>
  <c r="T50001" i="1"/>
  <c r="T50002" i="1"/>
  <c r="T50003" i="1"/>
  <c r="T50004" i="1"/>
  <c r="T50005" i="1"/>
  <c r="T50006" i="1"/>
  <c r="T50007" i="1"/>
  <c r="T50008" i="1"/>
  <c r="T50009" i="1"/>
  <c r="T50010" i="1"/>
  <c r="T50011" i="1"/>
  <c r="T50012" i="1"/>
  <c r="T50013" i="1"/>
  <c r="T50014" i="1"/>
  <c r="T50015" i="1"/>
  <c r="T50016" i="1"/>
  <c r="T50017" i="1"/>
  <c r="T50018" i="1"/>
  <c r="T50019" i="1"/>
  <c r="T50020" i="1"/>
  <c r="T50021" i="1"/>
  <c r="T50022" i="1"/>
  <c r="T50023" i="1"/>
  <c r="T50024" i="1"/>
  <c r="T50025" i="1"/>
  <c r="T50026" i="1"/>
  <c r="T50027" i="1"/>
  <c r="T50028" i="1"/>
  <c r="T50029" i="1"/>
  <c r="T50030" i="1"/>
  <c r="T50031" i="1"/>
  <c r="T50032" i="1"/>
  <c r="T50033" i="1"/>
  <c r="T50034" i="1"/>
  <c r="T50035" i="1"/>
  <c r="T50036" i="1"/>
  <c r="T50037" i="1"/>
  <c r="T50038" i="1"/>
  <c r="T50039" i="1"/>
  <c r="T50040" i="1"/>
  <c r="T50041" i="1"/>
  <c r="T50042" i="1"/>
  <c r="T50043" i="1"/>
  <c r="T50044" i="1"/>
  <c r="T50045" i="1"/>
  <c r="T50046" i="1"/>
  <c r="T50047" i="1"/>
  <c r="T50048" i="1"/>
  <c r="T50049" i="1"/>
  <c r="T50050" i="1"/>
  <c r="T50051" i="1"/>
  <c r="T50052" i="1"/>
  <c r="T50053" i="1"/>
  <c r="T50054" i="1"/>
  <c r="T50055" i="1"/>
  <c r="T50056" i="1"/>
  <c r="T50057" i="1"/>
  <c r="T50058" i="1"/>
  <c r="T50059" i="1"/>
  <c r="T50060" i="1"/>
  <c r="T50061" i="1"/>
  <c r="T50062" i="1"/>
  <c r="T50063" i="1"/>
  <c r="T50064" i="1"/>
  <c r="T50065" i="1"/>
  <c r="T50066" i="1"/>
  <c r="T50067" i="1"/>
  <c r="T50068" i="1"/>
  <c r="T50069" i="1"/>
  <c r="T50070" i="1"/>
  <c r="T50071" i="1"/>
  <c r="T50072" i="1"/>
  <c r="T50073" i="1"/>
  <c r="T50074" i="1"/>
  <c r="T50075" i="1"/>
  <c r="T50076" i="1"/>
  <c r="T50077" i="1"/>
  <c r="T50078" i="1"/>
  <c r="T50079" i="1"/>
  <c r="T50080" i="1"/>
  <c r="T50081" i="1"/>
  <c r="T50082" i="1"/>
  <c r="T50083" i="1"/>
  <c r="T50084" i="1"/>
  <c r="T50085" i="1"/>
  <c r="T50086" i="1"/>
  <c r="T50087" i="1"/>
  <c r="T50088" i="1"/>
  <c r="T50089" i="1"/>
  <c r="T50090" i="1"/>
  <c r="T50091" i="1"/>
  <c r="T50092" i="1"/>
  <c r="T50093" i="1"/>
  <c r="T50094" i="1"/>
  <c r="T50095" i="1"/>
  <c r="T50096" i="1"/>
  <c r="T50097" i="1"/>
  <c r="T50098" i="1"/>
  <c r="T50099" i="1"/>
  <c r="T50100" i="1"/>
  <c r="T50101" i="1"/>
  <c r="T50102" i="1"/>
  <c r="T50103" i="1"/>
  <c r="T50104" i="1"/>
  <c r="T50105" i="1"/>
  <c r="T50106" i="1"/>
  <c r="T50107" i="1"/>
  <c r="T50108" i="1"/>
  <c r="T50109" i="1"/>
  <c r="T50110" i="1"/>
  <c r="T50111" i="1"/>
  <c r="T50112" i="1"/>
  <c r="T50113" i="1"/>
  <c r="T50114" i="1"/>
  <c r="T50115" i="1"/>
  <c r="T50116" i="1"/>
  <c r="T50117" i="1"/>
  <c r="T50118" i="1"/>
  <c r="T50119" i="1"/>
  <c r="T50120" i="1"/>
  <c r="T50121" i="1"/>
  <c r="T50122" i="1"/>
  <c r="T50123" i="1"/>
  <c r="T50124" i="1"/>
  <c r="T50125" i="1"/>
  <c r="T50126" i="1"/>
  <c r="T50127" i="1"/>
  <c r="T50128" i="1"/>
  <c r="T50129" i="1"/>
  <c r="T50130" i="1"/>
  <c r="T50131" i="1"/>
  <c r="T50132" i="1"/>
  <c r="T50133" i="1"/>
  <c r="T50134" i="1"/>
  <c r="T50135" i="1"/>
  <c r="T50136" i="1"/>
  <c r="T50137" i="1"/>
  <c r="T50138" i="1"/>
  <c r="T50139" i="1"/>
  <c r="T50140" i="1"/>
  <c r="T50141" i="1"/>
  <c r="T50142" i="1"/>
  <c r="T50143" i="1"/>
  <c r="T50144" i="1"/>
  <c r="T50145" i="1"/>
  <c r="T50146" i="1"/>
  <c r="T50147" i="1"/>
  <c r="T50148" i="1"/>
  <c r="T50149" i="1"/>
  <c r="T50150" i="1"/>
  <c r="T50151" i="1"/>
  <c r="T50152" i="1"/>
  <c r="T50153" i="1"/>
  <c r="T50154" i="1"/>
  <c r="T50155" i="1"/>
  <c r="T50156" i="1"/>
  <c r="T50157" i="1"/>
  <c r="T50158" i="1"/>
  <c r="T50159" i="1"/>
  <c r="T50160" i="1"/>
  <c r="T50161" i="1"/>
  <c r="T50162" i="1"/>
  <c r="T50163" i="1"/>
  <c r="T50164" i="1"/>
  <c r="T50165" i="1"/>
  <c r="T50166" i="1"/>
  <c r="T50167" i="1"/>
  <c r="T50168" i="1"/>
  <c r="T50169" i="1"/>
  <c r="T50170" i="1"/>
  <c r="T50171" i="1"/>
  <c r="T50172" i="1"/>
  <c r="T50173" i="1"/>
  <c r="T50174" i="1"/>
  <c r="T50175" i="1"/>
  <c r="T50176" i="1"/>
  <c r="T50177" i="1"/>
  <c r="T50178" i="1"/>
  <c r="T50179" i="1"/>
  <c r="T50180" i="1"/>
  <c r="T50181" i="1"/>
  <c r="T50182" i="1"/>
  <c r="T50183" i="1"/>
  <c r="T50184" i="1"/>
  <c r="T50185" i="1"/>
  <c r="T50186" i="1"/>
  <c r="T50187" i="1"/>
  <c r="T50188" i="1"/>
  <c r="T50189" i="1"/>
  <c r="T50190" i="1"/>
  <c r="T50191" i="1"/>
  <c r="T50192" i="1"/>
  <c r="T50193" i="1"/>
  <c r="T50194" i="1"/>
  <c r="T50195" i="1"/>
  <c r="T50196" i="1"/>
  <c r="T50197" i="1"/>
  <c r="T50198" i="1"/>
  <c r="T50199" i="1"/>
  <c r="T50200" i="1"/>
  <c r="T50201" i="1"/>
  <c r="T50202" i="1"/>
  <c r="T50203" i="1"/>
  <c r="T50204" i="1"/>
  <c r="T50205" i="1"/>
  <c r="T50206" i="1"/>
  <c r="T50207" i="1"/>
  <c r="T50208" i="1"/>
  <c r="T50209" i="1"/>
  <c r="T50210" i="1"/>
  <c r="T50211" i="1"/>
  <c r="T50212" i="1"/>
  <c r="T50213" i="1"/>
  <c r="T50214" i="1"/>
  <c r="T50215" i="1"/>
  <c r="T50216" i="1"/>
  <c r="T50217" i="1"/>
  <c r="T50218" i="1"/>
  <c r="T50219" i="1"/>
  <c r="T50220" i="1"/>
  <c r="T50221" i="1"/>
  <c r="T50222" i="1"/>
  <c r="T50223" i="1"/>
  <c r="T50224" i="1"/>
  <c r="T50225" i="1"/>
  <c r="T50226" i="1"/>
  <c r="T50227" i="1"/>
  <c r="T50228" i="1"/>
  <c r="T50229" i="1"/>
  <c r="T50230" i="1"/>
  <c r="T50231" i="1"/>
  <c r="T50232" i="1"/>
  <c r="T50233" i="1"/>
  <c r="T50234" i="1"/>
  <c r="T50235" i="1"/>
  <c r="T50236" i="1"/>
  <c r="T50237" i="1"/>
  <c r="T50238" i="1"/>
  <c r="T50239" i="1"/>
  <c r="T50240" i="1"/>
  <c r="T50241" i="1"/>
  <c r="T50242" i="1"/>
  <c r="T50243" i="1"/>
  <c r="T50244" i="1"/>
  <c r="T50245" i="1"/>
  <c r="T50246" i="1"/>
  <c r="T50247" i="1"/>
  <c r="T50248" i="1"/>
  <c r="T50249" i="1"/>
  <c r="T50250" i="1"/>
  <c r="T50251" i="1"/>
  <c r="T50252" i="1"/>
  <c r="T50253" i="1"/>
  <c r="T50254" i="1"/>
  <c r="T50255" i="1"/>
  <c r="T50256" i="1"/>
  <c r="T50257" i="1"/>
  <c r="T50258" i="1"/>
  <c r="T50259" i="1"/>
  <c r="T50260" i="1"/>
  <c r="T50261" i="1"/>
  <c r="T50262" i="1"/>
  <c r="T50263" i="1"/>
  <c r="T50264" i="1"/>
  <c r="T50265" i="1"/>
  <c r="T50266" i="1"/>
  <c r="T50267" i="1"/>
  <c r="T50268" i="1"/>
  <c r="T50269" i="1"/>
  <c r="T50270" i="1"/>
  <c r="T50271" i="1"/>
  <c r="T50272" i="1"/>
  <c r="T50273" i="1"/>
  <c r="T50274" i="1"/>
  <c r="T50275" i="1"/>
  <c r="T50276" i="1"/>
  <c r="T50277" i="1"/>
  <c r="T50278" i="1"/>
  <c r="T50279" i="1"/>
  <c r="T50280" i="1"/>
  <c r="T50281" i="1"/>
  <c r="T50282" i="1"/>
  <c r="T50283" i="1"/>
  <c r="T50284" i="1"/>
  <c r="T50285" i="1"/>
  <c r="T50286" i="1"/>
  <c r="T50287" i="1"/>
  <c r="T50288" i="1"/>
  <c r="T50289" i="1"/>
  <c r="T50290" i="1"/>
  <c r="T50291" i="1"/>
  <c r="T50292" i="1"/>
  <c r="T50293" i="1"/>
  <c r="T50294" i="1"/>
  <c r="T50295" i="1"/>
  <c r="T50296" i="1"/>
  <c r="T50297" i="1"/>
  <c r="T50298" i="1"/>
  <c r="T50299" i="1"/>
  <c r="T50300" i="1"/>
  <c r="T50301" i="1"/>
  <c r="T50302" i="1"/>
  <c r="T50303" i="1"/>
  <c r="T50304" i="1"/>
  <c r="T50305" i="1"/>
  <c r="T50306" i="1"/>
  <c r="T50307" i="1"/>
  <c r="T50308" i="1"/>
  <c r="T50309" i="1"/>
  <c r="T50310" i="1"/>
  <c r="T50311" i="1"/>
  <c r="T50312" i="1"/>
  <c r="T50313" i="1"/>
  <c r="T50314" i="1"/>
  <c r="T50315" i="1"/>
  <c r="T50316" i="1"/>
  <c r="T50317" i="1"/>
  <c r="T50318" i="1"/>
  <c r="T50319" i="1"/>
  <c r="T50320" i="1"/>
  <c r="T50321" i="1"/>
  <c r="T50322" i="1"/>
  <c r="T50323" i="1"/>
  <c r="T50324" i="1"/>
  <c r="T50325" i="1"/>
  <c r="T50326" i="1"/>
  <c r="T50327" i="1"/>
  <c r="T50328" i="1"/>
  <c r="T50329" i="1"/>
  <c r="T50330" i="1"/>
  <c r="T50331" i="1"/>
  <c r="T50332" i="1"/>
  <c r="T50333" i="1"/>
  <c r="T50334" i="1"/>
  <c r="T50335" i="1"/>
  <c r="T50336" i="1"/>
  <c r="T50337" i="1"/>
  <c r="T50338" i="1"/>
  <c r="T50339" i="1"/>
  <c r="T50340" i="1"/>
  <c r="T50341" i="1"/>
  <c r="T50342" i="1"/>
  <c r="T50343" i="1"/>
  <c r="T50344" i="1"/>
  <c r="T50345" i="1"/>
  <c r="T50346" i="1"/>
  <c r="T50347" i="1"/>
  <c r="T50348" i="1"/>
  <c r="T50349" i="1"/>
  <c r="T50350" i="1"/>
  <c r="T50351" i="1"/>
  <c r="T50352" i="1"/>
  <c r="T50353" i="1"/>
  <c r="T50354" i="1"/>
  <c r="T50355" i="1"/>
  <c r="T50356" i="1"/>
  <c r="T50357" i="1"/>
  <c r="T50358" i="1"/>
  <c r="T50359" i="1"/>
  <c r="T50360" i="1"/>
  <c r="T50361" i="1"/>
  <c r="T50362" i="1"/>
  <c r="T50363" i="1"/>
  <c r="T50364" i="1"/>
  <c r="T50365" i="1"/>
  <c r="T50366" i="1"/>
  <c r="T50367" i="1"/>
  <c r="T50368" i="1"/>
  <c r="T50369" i="1"/>
  <c r="T50370" i="1"/>
  <c r="T50371" i="1"/>
  <c r="T50372" i="1"/>
  <c r="T50373" i="1"/>
  <c r="T50374" i="1"/>
  <c r="T50375" i="1"/>
  <c r="T50376" i="1"/>
  <c r="T50377" i="1"/>
  <c r="T50378" i="1"/>
  <c r="T50379" i="1"/>
  <c r="T50380" i="1"/>
  <c r="T50381" i="1"/>
  <c r="T50382" i="1"/>
  <c r="T50383" i="1"/>
  <c r="T50384" i="1"/>
  <c r="T50385" i="1"/>
  <c r="T50386" i="1"/>
  <c r="T50387" i="1"/>
  <c r="T50388" i="1"/>
  <c r="T50389" i="1"/>
  <c r="T50390" i="1"/>
  <c r="T50391" i="1"/>
  <c r="T50392" i="1"/>
  <c r="T50393" i="1"/>
  <c r="T50394" i="1"/>
  <c r="T50395" i="1"/>
  <c r="T50396" i="1"/>
  <c r="T50397" i="1"/>
  <c r="T50398" i="1"/>
  <c r="T50399" i="1"/>
  <c r="T50400" i="1"/>
  <c r="T50401" i="1"/>
  <c r="T50402" i="1"/>
  <c r="T50403" i="1"/>
  <c r="T50404" i="1"/>
  <c r="T50405" i="1"/>
  <c r="T50406" i="1"/>
  <c r="T50407" i="1"/>
  <c r="T50408" i="1"/>
  <c r="T50409" i="1"/>
  <c r="T50410" i="1"/>
  <c r="T50411" i="1"/>
  <c r="T50412" i="1"/>
  <c r="T50413" i="1"/>
  <c r="T50414" i="1"/>
  <c r="T50415" i="1"/>
  <c r="T50416" i="1"/>
  <c r="T50417" i="1"/>
  <c r="T50418" i="1"/>
  <c r="T50419" i="1"/>
  <c r="T50420" i="1"/>
  <c r="T50421" i="1"/>
  <c r="T50422" i="1"/>
  <c r="T50423" i="1"/>
  <c r="T50424" i="1"/>
  <c r="T50425" i="1"/>
  <c r="T50426" i="1"/>
  <c r="T50427" i="1"/>
  <c r="T50428" i="1"/>
  <c r="T50429" i="1"/>
  <c r="T50430" i="1"/>
  <c r="T50431" i="1"/>
  <c r="T50432" i="1"/>
  <c r="T50433" i="1"/>
  <c r="T50434" i="1"/>
  <c r="T50435" i="1"/>
  <c r="T50436" i="1"/>
  <c r="T50437" i="1"/>
  <c r="T50438" i="1"/>
  <c r="T50439" i="1"/>
  <c r="T50440" i="1"/>
  <c r="T50441" i="1"/>
  <c r="T50442" i="1"/>
  <c r="T50443" i="1"/>
  <c r="T50444" i="1"/>
  <c r="T50445" i="1"/>
  <c r="T50446" i="1"/>
  <c r="T50447" i="1"/>
  <c r="T50448" i="1"/>
  <c r="T50449" i="1"/>
  <c r="T50450" i="1"/>
  <c r="T50451" i="1"/>
  <c r="T50452" i="1"/>
  <c r="T50453" i="1"/>
  <c r="T50454" i="1"/>
  <c r="T50455" i="1"/>
  <c r="T50456" i="1"/>
  <c r="T50457" i="1"/>
  <c r="T50458" i="1"/>
  <c r="T50459" i="1"/>
  <c r="T50460" i="1"/>
  <c r="T50461" i="1"/>
  <c r="T50462" i="1"/>
  <c r="T50463" i="1"/>
  <c r="T50464" i="1"/>
  <c r="T50465" i="1"/>
  <c r="T50466" i="1"/>
  <c r="T50467" i="1"/>
  <c r="T50468" i="1"/>
  <c r="T50469" i="1"/>
  <c r="T50470" i="1"/>
  <c r="T50471" i="1"/>
  <c r="T50472" i="1"/>
  <c r="T50473" i="1"/>
  <c r="T50474" i="1"/>
  <c r="T50475" i="1"/>
  <c r="T50476" i="1"/>
  <c r="T50477" i="1"/>
  <c r="T50478" i="1"/>
  <c r="T50479" i="1"/>
  <c r="T50480" i="1"/>
  <c r="T50481" i="1"/>
  <c r="T50482" i="1"/>
  <c r="T50483" i="1"/>
  <c r="T50484" i="1"/>
  <c r="T50485" i="1"/>
  <c r="T50486" i="1"/>
  <c r="T50487" i="1"/>
  <c r="T50488" i="1"/>
  <c r="T50489" i="1"/>
  <c r="T50490" i="1"/>
  <c r="T50491" i="1"/>
  <c r="T50492" i="1"/>
  <c r="T50493" i="1"/>
  <c r="T50494" i="1"/>
  <c r="T50495" i="1"/>
  <c r="T50496" i="1"/>
  <c r="T50497" i="1"/>
  <c r="T50498" i="1"/>
  <c r="T50499" i="1"/>
  <c r="T50500" i="1"/>
  <c r="T50501" i="1"/>
  <c r="T50502" i="1"/>
  <c r="T50503" i="1"/>
  <c r="T50504" i="1"/>
  <c r="T50505" i="1"/>
  <c r="T50506" i="1"/>
  <c r="T50507" i="1"/>
  <c r="T50508" i="1"/>
  <c r="T50509" i="1"/>
  <c r="T50510" i="1"/>
  <c r="T50511" i="1"/>
  <c r="T50512" i="1"/>
  <c r="T50513" i="1"/>
  <c r="T50514" i="1"/>
  <c r="T50515" i="1"/>
  <c r="T50516" i="1"/>
  <c r="T50517" i="1"/>
  <c r="T50518" i="1"/>
  <c r="T50519" i="1"/>
  <c r="T50520" i="1"/>
  <c r="T50521" i="1"/>
  <c r="T50522" i="1"/>
  <c r="T50523" i="1"/>
  <c r="T50524" i="1"/>
  <c r="T50525" i="1"/>
  <c r="T50526" i="1"/>
  <c r="T50527" i="1"/>
  <c r="T50528" i="1"/>
  <c r="T50529" i="1"/>
  <c r="T50530" i="1"/>
  <c r="T50531" i="1"/>
  <c r="T50532" i="1"/>
  <c r="T50533" i="1"/>
  <c r="T50534" i="1"/>
  <c r="T50535" i="1"/>
  <c r="T50536" i="1"/>
  <c r="T50537" i="1"/>
  <c r="T50538" i="1"/>
  <c r="T50539" i="1"/>
  <c r="T50540" i="1"/>
  <c r="T50541" i="1"/>
  <c r="T50542" i="1"/>
  <c r="T50543" i="1"/>
  <c r="T50544" i="1"/>
  <c r="T50545" i="1"/>
  <c r="T50546" i="1"/>
  <c r="T50547" i="1"/>
  <c r="T50548" i="1"/>
  <c r="T50549" i="1"/>
  <c r="T50550" i="1"/>
  <c r="T50551" i="1"/>
  <c r="T50552" i="1"/>
  <c r="T50553" i="1"/>
  <c r="T50554" i="1"/>
  <c r="T50555" i="1"/>
  <c r="T50556" i="1"/>
  <c r="T50557" i="1"/>
  <c r="T50558" i="1"/>
  <c r="T50559" i="1"/>
  <c r="T50560" i="1"/>
  <c r="T50561" i="1"/>
  <c r="T50562" i="1"/>
  <c r="T50563" i="1"/>
  <c r="T50564" i="1"/>
  <c r="T50565" i="1"/>
  <c r="T50566" i="1"/>
  <c r="T50567" i="1"/>
  <c r="T50568" i="1"/>
  <c r="T50569" i="1"/>
  <c r="T50570" i="1"/>
  <c r="T50571" i="1"/>
  <c r="T50572" i="1"/>
  <c r="T50573" i="1"/>
  <c r="T50574" i="1"/>
  <c r="T50575" i="1"/>
  <c r="T50576" i="1"/>
  <c r="T50577" i="1"/>
  <c r="T50578" i="1"/>
  <c r="T50579" i="1"/>
  <c r="T50580" i="1"/>
  <c r="T50581" i="1"/>
  <c r="T50582" i="1"/>
  <c r="T50583" i="1"/>
  <c r="T50584" i="1"/>
  <c r="T50585" i="1"/>
  <c r="T50586" i="1"/>
  <c r="T50587" i="1"/>
  <c r="T50588" i="1"/>
  <c r="T50589" i="1"/>
  <c r="T50590" i="1"/>
  <c r="T50591" i="1"/>
  <c r="T50592" i="1"/>
  <c r="T50593" i="1"/>
  <c r="T50594" i="1"/>
  <c r="T50595" i="1"/>
  <c r="T50596" i="1"/>
  <c r="T50597" i="1"/>
  <c r="T50598" i="1"/>
  <c r="T50599" i="1"/>
  <c r="T50600" i="1"/>
  <c r="T50601" i="1"/>
  <c r="T50602" i="1"/>
  <c r="T50603" i="1"/>
  <c r="T50604" i="1"/>
  <c r="T50605" i="1"/>
  <c r="T50606" i="1"/>
  <c r="T50607" i="1"/>
  <c r="T50608" i="1"/>
  <c r="T50609" i="1"/>
  <c r="T50610" i="1"/>
  <c r="T50611" i="1"/>
  <c r="T50612" i="1"/>
  <c r="T50613" i="1"/>
  <c r="T50614" i="1"/>
  <c r="T50615" i="1"/>
  <c r="T50616" i="1"/>
  <c r="T50617" i="1"/>
  <c r="T50618" i="1"/>
  <c r="T50619" i="1"/>
  <c r="T50620" i="1"/>
  <c r="T50621" i="1"/>
  <c r="T50622" i="1"/>
  <c r="T50623" i="1"/>
  <c r="T50624" i="1"/>
  <c r="T50625" i="1"/>
  <c r="T50626" i="1"/>
  <c r="T50627" i="1"/>
  <c r="T50628" i="1"/>
  <c r="T50629" i="1"/>
  <c r="T50630" i="1"/>
  <c r="T50631" i="1"/>
  <c r="T50632" i="1"/>
  <c r="T50633" i="1"/>
  <c r="T50634" i="1"/>
  <c r="T50635" i="1"/>
  <c r="T50636" i="1"/>
  <c r="T50637" i="1"/>
  <c r="T50638" i="1"/>
  <c r="T50639" i="1"/>
  <c r="T50640" i="1"/>
  <c r="T50641" i="1"/>
  <c r="T50642" i="1"/>
  <c r="T50643" i="1"/>
  <c r="T50644" i="1"/>
  <c r="T50645" i="1"/>
  <c r="T50646" i="1"/>
  <c r="T50647" i="1"/>
  <c r="T50648" i="1"/>
  <c r="T50649" i="1"/>
  <c r="T50650" i="1"/>
  <c r="T50651" i="1"/>
  <c r="T50652" i="1"/>
  <c r="T50653" i="1"/>
  <c r="T50654" i="1"/>
  <c r="T50655" i="1"/>
  <c r="T50656" i="1"/>
  <c r="T50657" i="1"/>
  <c r="T50658" i="1"/>
  <c r="T50659" i="1"/>
  <c r="T50660" i="1"/>
  <c r="T50661" i="1"/>
  <c r="T50662" i="1"/>
  <c r="T50663" i="1"/>
  <c r="T50664" i="1"/>
  <c r="T50665" i="1"/>
  <c r="T50666" i="1"/>
  <c r="T50667" i="1"/>
  <c r="T50668" i="1"/>
  <c r="T50669" i="1"/>
  <c r="T50670" i="1"/>
  <c r="T50671" i="1"/>
  <c r="T50672" i="1"/>
  <c r="T50673" i="1"/>
  <c r="T50674" i="1"/>
  <c r="T50675" i="1"/>
  <c r="T50676" i="1"/>
  <c r="T50677" i="1"/>
  <c r="T50678" i="1"/>
  <c r="T50679" i="1"/>
  <c r="T50680" i="1"/>
  <c r="T50681" i="1"/>
  <c r="T50682" i="1"/>
  <c r="T50683" i="1"/>
  <c r="T50684" i="1"/>
  <c r="T50685" i="1"/>
  <c r="T50686" i="1"/>
  <c r="T50687" i="1"/>
  <c r="T50688" i="1"/>
  <c r="T50689" i="1"/>
  <c r="T50690" i="1"/>
  <c r="T50691" i="1"/>
  <c r="T50692" i="1"/>
  <c r="T50693" i="1"/>
  <c r="T50694" i="1"/>
  <c r="T50695" i="1"/>
  <c r="T50696" i="1"/>
  <c r="T50697" i="1"/>
  <c r="T50698" i="1"/>
  <c r="T50699" i="1"/>
  <c r="T50700" i="1"/>
  <c r="T50701" i="1"/>
  <c r="T50702" i="1"/>
  <c r="T50703" i="1"/>
  <c r="T50704" i="1"/>
  <c r="T50705" i="1"/>
  <c r="T50706" i="1"/>
  <c r="T50707" i="1"/>
  <c r="T50708" i="1"/>
  <c r="T50709" i="1"/>
  <c r="T50710" i="1"/>
  <c r="T50711" i="1"/>
  <c r="T50712" i="1"/>
  <c r="T50713" i="1"/>
  <c r="T50714" i="1"/>
  <c r="T50715" i="1"/>
  <c r="T50716" i="1"/>
  <c r="T50717" i="1"/>
  <c r="T50718" i="1"/>
  <c r="T50719" i="1"/>
  <c r="T50720" i="1"/>
  <c r="T50721" i="1"/>
  <c r="T50722" i="1"/>
  <c r="T50723" i="1"/>
  <c r="T50724" i="1"/>
  <c r="T50725" i="1"/>
  <c r="T50726" i="1"/>
  <c r="T50727" i="1"/>
  <c r="T50728" i="1"/>
  <c r="T50729" i="1"/>
  <c r="T50730" i="1"/>
  <c r="T50731" i="1"/>
  <c r="T50732" i="1"/>
  <c r="T50733" i="1"/>
  <c r="T50734" i="1"/>
  <c r="T50735" i="1"/>
  <c r="T50736" i="1"/>
  <c r="T50737" i="1"/>
  <c r="T50738" i="1"/>
  <c r="T50739" i="1"/>
  <c r="T50740" i="1"/>
  <c r="T50741" i="1"/>
  <c r="T50742" i="1"/>
  <c r="T50743" i="1"/>
  <c r="T50744" i="1"/>
  <c r="T50745" i="1"/>
  <c r="T50746" i="1"/>
  <c r="T50747" i="1"/>
  <c r="T50748" i="1"/>
  <c r="T50749" i="1"/>
  <c r="T50750" i="1"/>
  <c r="T50751" i="1"/>
  <c r="T50752" i="1"/>
  <c r="T50753" i="1"/>
  <c r="T50754" i="1"/>
  <c r="T50755" i="1"/>
  <c r="T50756" i="1"/>
  <c r="T50757" i="1"/>
  <c r="T50758" i="1"/>
  <c r="T50759" i="1"/>
  <c r="T50760" i="1"/>
  <c r="T50761" i="1"/>
  <c r="T50762" i="1"/>
  <c r="T50763" i="1"/>
  <c r="T50764" i="1"/>
  <c r="T50765" i="1"/>
  <c r="T50766" i="1"/>
  <c r="T50767" i="1"/>
  <c r="T50768" i="1"/>
  <c r="T50769" i="1"/>
  <c r="T50770" i="1"/>
  <c r="T50771" i="1"/>
  <c r="T50772" i="1"/>
  <c r="T50773" i="1"/>
  <c r="T50774" i="1"/>
  <c r="T50775" i="1"/>
  <c r="T50776" i="1"/>
  <c r="T50777" i="1"/>
  <c r="T50778" i="1"/>
  <c r="T50779" i="1"/>
  <c r="T50780" i="1"/>
  <c r="T50781" i="1"/>
  <c r="T50782" i="1"/>
  <c r="T50783" i="1"/>
  <c r="T50784" i="1"/>
  <c r="T50785" i="1"/>
  <c r="T50786" i="1"/>
  <c r="T50787" i="1"/>
  <c r="T50788" i="1"/>
  <c r="T50789" i="1"/>
  <c r="T50790" i="1"/>
  <c r="T50791" i="1"/>
  <c r="T50792" i="1"/>
  <c r="T50793" i="1"/>
  <c r="T50794" i="1"/>
  <c r="T50795" i="1"/>
  <c r="T50796" i="1"/>
  <c r="T50797" i="1"/>
  <c r="T50798" i="1"/>
  <c r="T50799" i="1"/>
  <c r="T50800" i="1"/>
  <c r="T50801" i="1"/>
  <c r="T50802" i="1"/>
  <c r="T50803" i="1"/>
  <c r="T50804" i="1"/>
  <c r="T50805" i="1"/>
  <c r="T50806" i="1"/>
  <c r="T50807" i="1"/>
  <c r="T50808" i="1"/>
  <c r="T50809" i="1"/>
  <c r="T50810" i="1"/>
  <c r="T50811" i="1"/>
  <c r="T50812" i="1"/>
  <c r="T50813" i="1"/>
  <c r="T50814" i="1"/>
  <c r="T50815" i="1"/>
  <c r="T50816" i="1"/>
  <c r="T50817" i="1"/>
  <c r="T50818" i="1"/>
  <c r="T50819" i="1"/>
  <c r="T50820" i="1"/>
  <c r="T50821" i="1"/>
  <c r="T50822" i="1"/>
  <c r="T50823" i="1"/>
  <c r="T50824" i="1"/>
  <c r="T50825" i="1"/>
  <c r="T50826" i="1"/>
  <c r="T50827" i="1"/>
  <c r="T50828" i="1"/>
  <c r="T50829" i="1"/>
  <c r="T50830" i="1"/>
  <c r="T50831" i="1"/>
  <c r="T50832" i="1"/>
  <c r="T50833" i="1"/>
  <c r="T50834" i="1"/>
  <c r="T50835" i="1"/>
  <c r="T50836" i="1"/>
  <c r="T50837" i="1"/>
  <c r="T50838" i="1"/>
  <c r="T50839" i="1"/>
  <c r="T50840" i="1"/>
  <c r="T50841" i="1"/>
  <c r="T50842" i="1"/>
  <c r="T50843" i="1"/>
  <c r="T50844" i="1"/>
  <c r="T50845" i="1"/>
  <c r="T50846" i="1"/>
  <c r="T50847" i="1"/>
  <c r="T50848" i="1"/>
  <c r="T50849" i="1"/>
  <c r="T50850" i="1"/>
  <c r="T50851" i="1"/>
  <c r="T50852" i="1"/>
  <c r="T50853" i="1"/>
  <c r="T50854" i="1"/>
  <c r="T50855" i="1"/>
  <c r="T50856" i="1"/>
  <c r="T50857" i="1"/>
  <c r="T50858" i="1"/>
  <c r="T50859" i="1"/>
  <c r="T50860" i="1"/>
  <c r="T50861" i="1"/>
  <c r="T50862" i="1"/>
  <c r="T50863" i="1"/>
  <c r="T50864" i="1"/>
  <c r="T50865" i="1"/>
  <c r="T50866" i="1"/>
  <c r="T50867" i="1"/>
  <c r="T50868" i="1"/>
  <c r="T50869" i="1"/>
  <c r="T50870" i="1"/>
  <c r="T50871" i="1"/>
  <c r="T50872" i="1"/>
  <c r="T50873" i="1"/>
  <c r="T50874" i="1"/>
  <c r="T50875" i="1"/>
  <c r="T50876" i="1"/>
  <c r="T50877" i="1"/>
  <c r="T50878" i="1"/>
  <c r="T50879" i="1"/>
  <c r="T50880" i="1"/>
  <c r="T50881" i="1"/>
  <c r="T50882" i="1"/>
  <c r="T50883" i="1"/>
  <c r="T50884" i="1"/>
  <c r="T50885" i="1"/>
  <c r="T50886" i="1"/>
  <c r="T50887" i="1"/>
  <c r="T50888" i="1"/>
  <c r="T50889" i="1"/>
  <c r="T50890" i="1"/>
  <c r="T50891" i="1"/>
  <c r="T50892" i="1"/>
  <c r="T50893" i="1"/>
  <c r="T50894" i="1"/>
  <c r="T50895" i="1"/>
  <c r="T50896" i="1"/>
  <c r="T50897" i="1"/>
  <c r="T50898" i="1"/>
  <c r="T50899" i="1"/>
  <c r="T50900" i="1"/>
  <c r="T50901" i="1"/>
  <c r="T50902" i="1"/>
  <c r="T50903" i="1"/>
  <c r="T50904" i="1"/>
  <c r="T50905" i="1"/>
  <c r="T50906" i="1"/>
  <c r="T50907" i="1"/>
  <c r="T50908" i="1"/>
  <c r="T50909" i="1"/>
  <c r="T50910" i="1"/>
  <c r="T50911" i="1"/>
  <c r="T50912" i="1"/>
  <c r="T50913" i="1"/>
  <c r="T50914" i="1"/>
  <c r="T50915" i="1"/>
  <c r="T50916" i="1"/>
  <c r="T50917" i="1"/>
  <c r="T50918" i="1"/>
  <c r="T50919" i="1"/>
  <c r="T50920" i="1"/>
  <c r="T50921" i="1"/>
  <c r="T50922" i="1"/>
  <c r="T50923" i="1"/>
  <c r="T50924" i="1"/>
  <c r="T50925" i="1"/>
  <c r="T50926" i="1"/>
  <c r="T50927" i="1"/>
  <c r="T50928" i="1"/>
  <c r="T50929" i="1"/>
  <c r="T50930" i="1"/>
  <c r="T50931" i="1"/>
  <c r="T50932" i="1"/>
  <c r="T50933" i="1"/>
  <c r="T50934" i="1"/>
  <c r="T50935" i="1"/>
  <c r="T50936" i="1"/>
  <c r="T50937" i="1"/>
  <c r="T50938" i="1"/>
  <c r="T50939" i="1"/>
  <c r="T50940" i="1"/>
  <c r="T50941" i="1"/>
  <c r="T50942" i="1"/>
  <c r="T50943" i="1"/>
  <c r="T50944" i="1"/>
  <c r="T50945" i="1"/>
  <c r="T50946" i="1"/>
  <c r="T50947" i="1"/>
  <c r="T50948" i="1"/>
  <c r="T50949" i="1"/>
  <c r="T50950" i="1"/>
  <c r="T50951" i="1"/>
  <c r="T50952" i="1"/>
  <c r="T50953" i="1"/>
  <c r="T50954" i="1"/>
  <c r="T50955" i="1"/>
  <c r="T50956" i="1"/>
  <c r="T50957" i="1"/>
  <c r="T50958" i="1"/>
  <c r="T50959" i="1"/>
  <c r="T50960" i="1"/>
  <c r="T50961" i="1"/>
  <c r="T50962" i="1"/>
  <c r="T50963" i="1"/>
  <c r="T50964" i="1"/>
  <c r="T50965" i="1"/>
  <c r="T50966" i="1"/>
  <c r="T50967" i="1"/>
  <c r="T50968" i="1"/>
  <c r="T50969" i="1"/>
  <c r="T50970" i="1"/>
  <c r="T50971" i="1"/>
  <c r="T50972" i="1"/>
  <c r="T50973" i="1"/>
  <c r="T50974" i="1"/>
  <c r="T50975" i="1"/>
  <c r="T50976" i="1"/>
  <c r="T50977" i="1"/>
  <c r="T50978" i="1"/>
  <c r="T50979" i="1"/>
  <c r="T50980" i="1"/>
  <c r="T50981" i="1"/>
  <c r="T50982" i="1"/>
  <c r="T50983" i="1"/>
  <c r="T50984" i="1"/>
  <c r="T50985" i="1"/>
  <c r="T50986" i="1"/>
  <c r="T50987" i="1"/>
  <c r="T50988" i="1"/>
  <c r="T50989" i="1"/>
  <c r="T50990" i="1"/>
  <c r="T50991" i="1"/>
  <c r="T50992" i="1"/>
  <c r="T50993" i="1"/>
  <c r="T50994" i="1"/>
  <c r="T50995" i="1"/>
  <c r="T50996" i="1"/>
  <c r="T50997" i="1"/>
  <c r="T50998" i="1"/>
  <c r="T50999" i="1"/>
  <c r="T51000" i="1"/>
  <c r="T51001" i="1"/>
  <c r="T51002" i="1"/>
  <c r="T51003" i="1"/>
  <c r="T51004" i="1"/>
  <c r="T51005" i="1"/>
  <c r="T51006" i="1"/>
  <c r="T51007" i="1"/>
  <c r="T51008" i="1"/>
  <c r="T51009" i="1"/>
  <c r="T51010" i="1"/>
  <c r="T51011" i="1"/>
  <c r="T51012" i="1"/>
  <c r="T51013" i="1"/>
  <c r="T51014" i="1"/>
  <c r="T51015" i="1"/>
  <c r="T51016" i="1"/>
  <c r="T51017" i="1"/>
  <c r="T51018" i="1"/>
  <c r="T51019" i="1"/>
  <c r="T51020" i="1"/>
  <c r="T51021" i="1"/>
  <c r="T51022" i="1"/>
  <c r="T51023" i="1"/>
  <c r="T51024" i="1"/>
  <c r="T51025" i="1"/>
  <c r="T51026" i="1"/>
  <c r="T51027" i="1"/>
  <c r="T51028" i="1"/>
  <c r="T51029" i="1"/>
  <c r="T51030" i="1"/>
  <c r="T51031" i="1"/>
  <c r="T51032" i="1"/>
  <c r="T51033" i="1"/>
  <c r="T51034" i="1"/>
  <c r="T51035" i="1"/>
  <c r="T51036" i="1"/>
  <c r="T51037" i="1"/>
  <c r="T51038" i="1"/>
  <c r="T51039" i="1"/>
  <c r="T51040" i="1"/>
  <c r="T51041" i="1"/>
  <c r="T51042" i="1"/>
  <c r="T51043" i="1"/>
  <c r="T51044" i="1"/>
  <c r="T51045" i="1"/>
  <c r="T51046" i="1"/>
  <c r="T51047" i="1"/>
  <c r="T51048" i="1"/>
  <c r="T51049" i="1"/>
  <c r="T51050" i="1"/>
  <c r="T51051" i="1"/>
  <c r="T51052" i="1"/>
  <c r="T51053" i="1"/>
  <c r="T51054" i="1"/>
  <c r="T51055" i="1"/>
  <c r="T51056" i="1"/>
  <c r="T51057" i="1"/>
  <c r="T51058" i="1"/>
  <c r="T51059" i="1"/>
  <c r="T51060" i="1"/>
  <c r="T51061" i="1"/>
  <c r="T51062" i="1"/>
  <c r="T51063" i="1"/>
  <c r="T51064" i="1"/>
  <c r="T51065" i="1"/>
  <c r="T51066" i="1"/>
  <c r="T51067" i="1"/>
  <c r="T51068" i="1"/>
  <c r="T51069" i="1"/>
  <c r="T51070" i="1"/>
  <c r="T51071" i="1"/>
  <c r="T51072" i="1"/>
  <c r="T51073" i="1"/>
  <c r="T51074" i="1"/>
  <c r="T51075" i="1"/>
  <c r="T51076" i="1"/>
  <c r="T51077" i="1"/>
  <c r="T51078" i="1"/>
  <c r="T51079" i="1"/>
  <c r="T51080" i="1"/>
  <c r="T51081" i="1"/>
  <c r="T51082" i="1"/>
  <c r="T51083" i="1"/>
  <c r="T51084" i="1"/>
  <c r="T51085" i="1"/>
  <c r="T51086" i="1"/>
  <c r="T51087" i="1"/>
  <c r="T51088" i="1"/>
  <c r="T51089" i="1"/>
  <c r="T51090" i="1"/>
  <c r="T51091" i="1"/>
  <c r="T51092" i="1"/>
  <c r="T51093" i="1"/>
  <c r="T51094" i="1"/>
  <c r="T51095" i="1"/>
  <c r="T51096" i="1"/>
  <c r="T51097" i="1"/>
  <c r="T51098" i="1"/>
  <c r="T51099" i="1"/>
  <c r="T51100" i="1"/>
  <c r="T51101" i="1"/>
  <c r="T51102" i="1"/>
  <c r="T51103" i="1"/>
  <c r="T51104" i="1"/>
  <c r="T51105" i="1"/>
  <c r="T51106" i="1"/>
  <c r="T51107" i="1"/>
  <c r="T51108" i="1"/>
  <c r="T51109" i="1"/>
  <c r="T51110" i="1"/>
  <c r="T51111" i="1"/>
  <c r="T51112" i="1"/>
  <c r="T51113" i="1"/>
  <c r="T51114" i="1"/>
  <c r="T51115" i="1"/>
  <c r="T51116" i="1"/>
  <c r="T51117" i="1"/>
  <c r="T51118" i="1"/>
  <c r="T51119" i="1"/>
  <c r="T51120" i="1"/>
  <c r="T51121" i="1"/>
  <c r="T51122" i="1"/>
  <c r="T51123" i="1"/>
  <c r="T51124" i="1"/>
  <c r="T51125" i="1"/>
  <c r="T51126" i="1"/>
  <c r="T51127" i="1"/>
  <c r="T51128" i="1"/>
  <c r="T51129" i="1"/>
  <c r="T51130" i="1"/>
  <c r="T51131" i="1"/>
  <c r="T51132" i="1"/>
  <c r="T51133" i="1"/>
  <c r="T51134" i="1"/>
  <c r="T51135" i="1"/>
  <c r="T51136" i="1"/>
  <c r="T51137" i="1"/>
  <c r="T51138" i="1"/>
  <c r="T51139" i="1"/>
  <c r="T51140" i="1"/>
  <c r="T51141" i="1"/>
  <c r="T51142" i="1"/>
  <c r="T51143" i="1"/>
  <c r="T51144" i="1"/>
  <c r="T51145" i="1"/>
  <c r="T51146" i="1"/>
  <c r="T51147" i="1"/>
  <c r="T51148" i="1"/>
  <c r="T51149" i="1"/>
  <c r="T51150" i="1"/>
  <c r="T51151" i="1"/>
  <c r="T51152" i="1"/>
  <c r="T51153" i="1"/>
  <c r="T51154" i="1"/>
  <c r="T51155" i="1"/>
  <c r="T51156" i="1"/>
  <c r="T51157" i="1"/>
  <c r="T51158" i="1"/>
  <c r="T51159" i="1"/>
  <c r="T51160" i="1"/>
  <c r="T51161" i="1"/>
  <c r="T51162" i="1"/>
  <c r="T51163" i="1"/>
  <c r="T51164" i="1"/>
  <c r="T51165" i="1"/>
  <c r="T51166" i="1"/>
  <c r="T51167" i="1"/>
  <c r="T51168" i="1"/>
  <c r="T51169" i="1"/>
  <c r="T51170" i="1"/>
  <c r="T51171" i="1"/>
  <c r="T51172" i="1"/>
  <c r="T51173" i="1"/>
  <c r="T51174" i="1"/>
  <c r="T51175" i="1"/>
  <c r="T51176" i="1"/>
  <c r="T51177" i="1"/>
  <c r="T51178" i="1"/>
  <c r="T51179" i="1"/>
  <c r="T51180" i="1"/>
  <c r="T51181" i="1"/>
  <c r="T51182" i="1"/>
  <c r="T51183" i="1"/>
  <c r="T51184" i="1"/>
  <c r="T51185" i="1"/>
  <c r="T51186" i="1"/>
  <c r="T51187" i="1"/>
  <c r="T51188" i="1"/>
  <c r="T51189" i="1"/>
  <c r="T51190" i="1"/>
  <c r="T51191" i="1"/>
  <c r="T51192" i="1"/>
  <c r="T51193" i="1"/>
  <c r="T51194" i="1"/>
  <c r="T51195" i="1"/>
  <c r="T51196" i="1"/>
  <c r="T51197" i="1"/>
  <c r="T51198" i="1"/>
  <c r="T51199" i="1"/>
  <c r="T51200" i="1"/>
  <c r="T51201" i="1"/>
  <c r="T51202" i="1"/>
  <c r="T51203" i="1"/>
  <c r="T51204" i="1"/>
  <c r="T51205" i="1"/>
  <c r="T51206" i="1"/>
  <c r="T51207" i="1"/>
  <c r="T51208" i="1"/>
  <c r="T51209" i="1"/>
  <c r="T51210" i="1"/>
  <c r="T51211" i="1"/>
  <c r="T51212" i="1"/>
  <c r="T51213" i="1"/>
  <c r="T51214" i="1"/>
  <c r="T51215" i="1"/>
  <c r="T51216" i="1"/>
  <c r="T51217" i="1"/>
  <c r="T51218" i="1"/>
  <c r="T51219" i="1"/>
  <c r="T51220" i="1"/>
  <c r="T51221" i="1"/>
  <c r="T51222" i="1"/>
  <c r="T51223" i="1"/>
  <c r="T51224" i="1"/>
  <c r="T51225" i="1"/>
  <c r="T51226" i="1"/>
  <c r="T51227" i="1"/>
  <c r="T51228" i="1"/>
  <c r="T51229" i="1"/>
  <c r="T51230" i="1"/>
  <c r="T51231" i="1"/>
  <c r="T51232" i="1"/>
  <c r="T51233" i="1"/>
  <c r="T51234" i="1"/>
  <c r="T51235" i="1"/>
  <c r="T51236" i="1"/>
  <c r="T51237" i="1"/>
  <c r="T51238" i="1"/>
  <c r="T51239" i="1"/>
  <c r="T51240" i="1"/>
  <c r="T51241" i="1"/>
  <c r="T51242" i="1"/>
  <c r="T51243" i="1"/>
  <c r="T51244" i="1"/>
  <c r="T51245" i="1"/>
  <c r="T51246" i="1"/>
  <c r="T51247" i="1"/>
  <c r="T51248" i="1"/>
  <c r="T51249" i="1"/>
  <c r="T51250" i="1"/>
  <c r="T51251" i="1"/>
  <c r="T51252" i="1"/>
  <c r="T51253" i="1"/>
  <c r="T51254" i="1"/>
  <c r="T51255" i="1"/>
  <c r="T51256" i="1"/>
  <c r="T51257" i="1"/>
  <c r="T51258" i="1"/>
  <c r="T51259" i="1"/>
  <c r="T51260" i="1"/>
  <c r="T51261" i="1"/>
  <c r="T51262" i="1"/>
  <c r="T51263" i="1"/>
  <c r="T51264" i="1"/>
  <c r="T51265" i="1"/>
  <c r="T51266" i="1"/>
  <c r="T51267" i="1"/>
  <c r="T51268" i="1"/>
  <c r="T51269" i="1"/>
  <c r="T51270" i="1"/>
  <c r="T51271" i="1"/>
  <c r="T51272" i="1"/>
  <c r="T51273" i="1"/>
  <c r="T51274" i="1"/>
  <c r="T51275" i="1"/>
  <c r="T51276" i="1"/>
  <c r="T51277" i="1"/>
  <c r="T51278" i="1"/>
  <c r="T51279" i="1"/>
  <c r="T51280" i="1"/>
  <c r="T51281" i="1"/>
  <c r="T51282" i="1"/>
  <c r="T51283" i="1"/>
  <c r="T51284" i="1"/>
  <c r="T51285" i="1"/>
  <c r="T51286" i="1"/>
  <c r="T51287" i="1"/>
  <c r="T51288" i="1"/>
  <c r="T51289" i="1"/>
  <c r="T51290" i="1"/>
  <c r="T51291" i="1"/>
  <c r="T51292" i="1"/>
  <c r="T51293" i="1"/>
  <c r="T51294" i="1"/>
  <c r="T51295" i="1"/>
  <c r="T51296" i="1"/>
  <c r="T51297" i="1"/>
  <c r="T51298" i="1"/>
  <c r="T51299" i="1"/>
  <c r="T51300" i="1"/>
  <c r="T51301" i="1"/>
  <c r="T51302" i="1"/>
  <c r="T51303" i="1"/>
  <c r="T51304" i="1"/>
  <c r="T51305" i="1"/>
  <c r="T51306" i="1"/>
  <c r="T51307" i="1"/>
  <c r="T51308" i="1"/>
  <c r="T51309" i="1"/>
  <c r="T51310" i="1"/>
  <c r="T51311" i="1"/>
  <c r="T51312" i="1"/>
  <c r="T51313" i="1"/>
  <c r="T51314" i="1"/>
  <c r="T51315" i="1"/>
  <c r="T51316" i="1"/>
  <c r="T51317" i="1"/>
  <c r="T51318" i="1"/>
  <c r="T51319" i="1"/>
  <c r="T51320" i="1"/>
  <c r="T51321" i="1"/>
  <c r="T51322" i="1"/>
  <c r="T51323" i="1"/>
  <c r="T51324" i="1"/>
  <c r="T51325" i="1"/>
  <c r="T51326" i="1"/>
  <c r="T51327" i="1"/>
  <c r="T51328" i="1"/>
  <c r="T51329" i="1"/>
  <c r="T51330" i="1"/>
  <c r="T51331" i="1"/>
  <c r="T51332" i="1"/>
  <c r="T51333" i="1"/>
  <c r="T51334" i="1"/>
  <c r="T51335" i="1"/>
  <c r="T51336" i="1"/>
  <c r="T51337" i="1"/>
  <c r="T51338" i="1"/>
  <c r="T51339" i="1"/>
  <c r="T51340" i="1"/>
  <c r="T51341" i="1"/>
  <c r="T51342" i="1"/>
  <c r="T51343" i="1"/>
  <c r="T51344" i="1"/>
  <c r="T51345" i="1"/>
  <c r="T51346" i="1"/>
  <c r="T51347" i="1"/>
  <c r="T51348" i="1"/>
  <c r="T51349" i="1"/>
  <c r="T51350" i="1"/>
  <c r="T51351" i="1"/>
  <c r="T51352" i="1"/>
  <c r="T51353" i="1"/>
  <c r="T51354" i="1"/>
  <c r="T51355" i="1"/>
  <c r="T51356" i="1"/>
  <c r="T51357" i="1"/>
  <c r="T51358" i="1"/>
  <c r="T51359" i="1"/>
  <c r="T51360" i="1"/>
  <c r="T51361" i="1"/>
  <c r="T51362" i="1"/>
  <c r="T51363" i="1"/>
  <c r="T51364" i="1"/>
  <c r="T51365" i="1"/>
  <c r="T51366" i="1"/>
  <c r="T51367" i="1"/>
  <c r="T51368" i="1"/>
  <c r="T51369" i="1"/>
  <c r="T51370" i="1"/>
  <c r="T51371" i="1"/>
  <c r="T51372" i="1"/>
  <c r="T51373" i="1"/>
  <c r="T51374" i="1"/>
  <c r="T51375" i="1"/>
  <c r="T51376" i="1"/>
  <c r="T51377" i="1"/>
  <c r="T51378" i="1"/>
  <c r="T51379" i="1"/>
  <c r="T51380" i="1"/>
  <c r="T51381" i="1"/>
  <c r="T51382" i="1"/>
  <c r="T51383" i="1"/>
  <c r="T51384" i="1"/>
  <c r="T51385" i="1"/>
  <c r="T51386" i="1"/>
  <c r="T51387" i="1"/>
  <c r="T51388" i="1"/>
  <c r="T51389" i="1"/>
  <c r="T51390" i="1"/>
  <c r="T51391" i="1"/>
  <c r="T51392" i="1"/>
  <c r="T51393" i="1"/>
  <c r="T51394" i="1"/>
  <c r="T51395" i="1"/>
  <c r="T51396" i="1"/>
  <c r="T51397" i="1"/>
  <c r="T51398" i="1"/>
  <c r="T51399" i="1"/>
  <c r="T51400" i="1"/>
  <c r="T51401" i="1"/>
  <c r="T51402" i="1"/>
  <c r="T51403" i="1"/>
  <c r="T51404" i="1"/>
  <c r="T51405" i="1"/>
  <c r="T51406" i="1"/>
  <c r="T51407" i="1"/>
  <c r="T51408" i="1"/>
  <c r="T51409" i="1"/>
  <c r="T51410" i="1"/>
  <c r="T51411" i="1"/>
  <c r="T51412" i="1"/>
  <c r="T51413" i="1"/>
  <c r="T51414" i="1"/>
  <c r="T51415" i="1"/>
  <c r="T51416" i="1"/>
  <c r="T51417" i="1"/>
  <c r="T51418" i="1"/>
  <c r="T51419" i="1"/>
  <c r="T51420" i="1"/>
  <c r="T51421" i="1"/>
  <c r="T51422" i="1"/>
  <c r="T51423" i="1"/>
  <c r="T51424" i="1"/>
  <c r="T51425" i="1"/>
  <c r="T51426" i="1"/>
  <c r="T51427" i="1"/>
  <c r="T51428" i="1"/>
  <c r="T51429" i="1"/>
  <c r="T51430" i="1"/>
  <c r="T51431" i="1"/>
  <c r="T51432" i="1"/>
  <c r="T51433" i="1"/>
  <c r="T51434" i="1"/>
  <c r="T51435" i="1"/>
  <c r="T51436" i="1"/>
  <c r="T51437" i="1"/>
  <c r="T51438" i="1"/>
  <c r="T51439" i="1"/>
  <c r="T51440" i="1"/>
  <c r="T51441" i="1"/>
  <c r="T51442" i="1"/>
  <c r="T51443" i="1"/>
  <c r="T51444" i="1"/>
  <c r="T51445" i="1"/>
  <c r="T51446" i="1"/>
  <c r="T51447" i="1"/>
  <c r="T51448" i="1"/>
  <c r="T51449" i="1"/>
  <c r="T51450" i="1"/>
  <c r="T51451" i="1"/>
  <c r="T51452" i="1"/>
  <c r="T51453" i="1"/>
  <c r="T51454" i="1"/>
  <c r="T51455" i="1"/>
  <c r="T51456" i="1"/>
  <c r="T51457" i="1"/>
  <c r="T51458" i="1"/>
  <c r="T51459" i="1"/>
  <c r="T51460" i="1"/>
  <c r="T51461" i="1"/>
  <c r="T51462" i="1"/>
  <c r="T51463" i="1"/>
  <c r="T51464" i="1"/>
  <c r="T51465" i="1"/>
  <c r="T51466" i="1"/>
  <c r="T51467" i="1"/>
  <c r="T51468" i="1"/>
  <c r="T51469" i="1"/>
  <c r="T51470" i="1"/>
  <c r="T51471" i="1"/>
  <c r="T51472" i="1"/>
  <c r="T51473" i="1"/>
  <c r="T51474" i="1"/>
  <c r="T51475" i="1"/>
  <c r="T51476" i="1"/>
  <c r="T51477" i="1"/>
  <c r="T51478" i="1"/>
  <c r="T51479" i="1"/>
  <c r="T51480" i="1"/>
  <c r="T51481" i="1"/>
  <c r="T51482" i="1"/>
  <c r="T51483" i="1"/>
  <c r="T51484" i="1"/>
  <c r="T51485" i="1"/>
  <c r="T51486" i="1"/>
  <c r="T51487" i="1"/>
  <c r="T51488" i="1"/>
  <c r="T51489" i="1"/>
  <c r="T51490" i="1"/>
  <c r="T51491" i="1"/>
  <c r="T51492" i="1"/>
  <c r="T51493" i="1"/>
  <c r="T51494" i="1"/>
  <c r="T51495" i="1"/>
  <c r="T51496" i="1"/>
  <c r="T51497" i="1"/>
  <c r="T51498" i="1"/>
  <c r="T51499" i="1"/>
  <c r="T51500" i="1"/>
  <c r="T51501" i="1"/>
  <c r="T51502" i="1"/>
  <c r="T51503" i="1"/>
  <c r="T51504" i="1"/>
  <c r="T51505" i="1"/>
  <c r="T51506" i="1"/>
  <c r="T51507" i="1"/>
  <c r="T51508" i="1"/>
  <c r="T51509" i="1"/>
  <c r="T51510" i="1"/>
  <c r="T51511" i="1"/>
  <c r="T51512" i="1"/>
  <c r="T51513" i="1"/>
  <c r="T51514" i="1"/>
  <c r="T51515" i="1"/>
  <c r="T51516" i="1"/>
  <c r="T51517" i="1"/>
  <c r="T51518" i="1"/>
  <c r="T51519" i="1"/>
  <c r="T51520" i="1"/>
  <c r="T51521" i="1"/>
  <c r="T51522" i="1"/>
  <c r="T51523" i="1"/>
  <c r="T51524" i="1"/>
  <c r="T51525" i="1"/>
  <c r="T51526" i="1"/>
  <c r="T51527" i="1"/>
  <c r="T51528" i="1"/>
  <c r="T51529" i="1"/>
  <c r="T51530" i="1"/>
  <c r="T51531" i="1"/>
  <c r="T51532" i="1"/>
  <c r="T51533" i="1"/>
  <c r="T51534" i="1"/>
  <c r="T51535" i="1"/>
  <c r="T51536" i="1"/>
  <c r="T51537" i="1"/>
  <c r="T51538" i="1"/>
  <c r="T51539" i="1"/>
  <c r="T51540" i="1"/>
  <c r="T51541" i="1"/>
  <c r="T51542" i="1"/>
  <c r="T51543" i="1"/>
  <c r="T51544" i="1"/>
  <c r="T51545" i="1"/>
  <c r="T51546" i="1"/>
  <c r="T51547" i="1"/>
  <c r="T51548" i="1"/>
  <c r="T51549" i="1"/>
  <c r="T51550" i="1"/>
  <c r="T51551" i="1"/>
  <c r="T51552" i="1"/>
  <c r="T51553" i="1"/>
  <c r="T51554" i="1"/>
  <c r="T51555" i="1"/>
  <c r="T51556" i="1"/>
  <c r="T51557" i="1"/>
  <c r="T51558" i="1"/>
  <c r="T51559" i="1"/>
  <c r="T51560" i="1"/>
  <c r="T51561" i="1"/>
  <c r="T51562" i="1"/>
  <c r="T51563" i="1"/>
  <c r="T51564" i="1"/>
  <c r="T51565" i="1"/>
  <c r="T51566" i="1"/>
  <c r="T51567" i="1"/>
  <c r="T51568" i="1"/>
  <c r="T51569" i="1"/>
  <c r="T51570" i="1"/>
  <c r="T51571" i="1"/>
  <c r="T51572" i="1"/>
  <c r="T51573" i="1"/>
  <c r="T51574" i="1"/>
  <c r="T51575" i="1"/>
  <c r="T51576" i="1"/>
  <c r="T51577" i="1"/>
  <c r="T51578" i="1"/>
  <c r="T51579" i="1"/>
  <c r="T51580" i="1"/>
  <c r="T51581" i="1"/>
  <c r="T51582" i="1"/>
  <c r="T51583" i="1"/>
  <c r="T51584" i="1"/>
  <c r="T51585" i="1"/>
  <c r="T51586" i="1"/>
  <c r="T51587" i="1"/>
  <c r="T51588" i="1"/>
  <c r="T51589" i="1"/>
  <c r="T51590" i="1"/>
  <c r="T51591" i="1"/>
  <c r="T51592" i="1"/>
  <c r="T51593" i="1"/>
  <c r="T51594" i="1"/>
  <c r="T51595" i="1"/>
  <c r="T51596" i="1"/>
  <c r="T51597" i="1"/>
  <c r="T51598" i="1"/>
  <c r="T51599" i="1"/>
  <c r="T51600" i="1"/>
  <c r="T51601" i="1"/>
  <c r="T51602" i="1"/>
  <c r="T51603" i="1"/>
  <c r="T51604" i="1"/>
  <c r="T51605" i="1"/>
  <c r="T51606" i="1"/>
  <c r="T51607" i="1"/>
  <c r="T51608" i="1"/>
  <c r="T51609" i="1"/>
  <c r="T51610" i="1"/>
  <c r="T51611" i="1"/>
  <c r="T51612" i="1"/>
  <c r="T51613" i="1"/>
  <c r="T51614" i="1"/>
  <c r="T51615" i="1"/>
  <c r="T51616" i="1"/>
  <c r="T51617" i="1"/>
  <c r="T51618" i="1"/>
  <c r="T51619" i="1"/>
  <c r="T51620" i="1"/>
  <c r="T51621" i="1"/>
  <c r="T51622" i="1"/>
  <c r="T51623" i="1"/>
  <c r="T51624" i="1"/>
  <c r="T51625" i="1"/>
  <c r="T51626" i="1"/>
  <c r="T51627" i="1"/>
  <c r="T51628" i="1"/>
  <c r="T51629" i="1"/>
  <c r="T51630" i="1"/>
  <c r="T51631" i="1"/>
  <c r="T51632" i="1"/>
  <c r="T51633" i="1"/>
  <c r="T51634" i="1"/>
  <c r="T51635" i="1"/>
  <c r="T51636" i="1"/>
  <c r="T51637" i="1"/>
  <c r="T51638" i="1"/>
  <c r="T51639" i="1"/>
  <c r="T51640" i="1"/>
  <c r="T51641" i="1"/>
  <c r="T51642" i="1"/>
  <c r="T51643" i="1"/>
  <c r="T51644" i="1"/>
  <c r="T51645" i="1"/>
  <c r="T51646" i="1"/>
  <c r="T51647" i="1"/>
  <c r="T51648" i="1"/>
  <c r="T51649" i="1"/>
  <c r="T51650" i="1"/>
  <c r="T51651" i="1"/>
  <c r="T51652" i="1"/>
  <c r="T51653" i="1"/>
  <c r="T51654" i="1"/>
  <c r="T51655" i="1"/>
  <c r="T51656" i="1"/>
  <c r="T51657" i="1"/>
  <c r="T51658" i="1"/>
  <c r="T51659" i="1"/>
  <c r="T51660" i="1"/>
  <c r="T51661" i="1"/>
  <c r="T51662" i="1"/>
  <c r="T51663" i="1"/>
  <c r="T51664" i="1"/>
  <c r="T51665" i="1"/>
  <c r="T51666" i="1"/>
  <c r="T51667" i="1"/>
  <c r="T51668" i="1"/>
  <c r="T51669" i="1"/>
  <c r="T51670" i="1"/>
  <c r="T51671" i="1"/>
  <c r="T51672" i="1"/>
  <c r="T51673" i="1"/>
  <c r="T51674" i="1"/>
  <c r="T51675" i="1"/>
  <c r="T51676" i="1"/>
  <c r="T51677" i="1"/>
  <c r="T51678" i="1"/>
  <c r="T51679" i="1"/>
  <c r="T51680" i="1"/>
  <c r="T51681" i="1"/>
  <c r="T51682" i="1"/>
  <c r="T51683" i="1"/>
  <c r="T51684" i="1"/>
  <c r="T51685" i="1"/>
  <c r="T51686" i="1"/>
  <c r="T51687" i="1"/>
  <c r="T51688" i="1"/>
  <c r="T51689" i="1"/>
  <c r="T51690" i="1"/>
  <c r="T51691" i="1"/>
  <c r="T51692" i="1"/>
  <c r="T51693" i="1"/>
  <c r="T51694" i="1"/>
  <c r="T51695" i="1"/>
  <c r="T51696" i="1"/>
  <c r="T51697" i="1"/>
  <c r="T51698" i="1"/>
  <c r="T51699" i="1"/>
  <c r="T51700" i="1"/>
  <c r="T51701" i="1"/>
  <c r="T51702" i="1"/>
  <c r="T51703" i="1"/>
  <c r="T51704" i="1"/>
  <c r="T51705" i="1"/>
  <c r="T51706" i="1"/>
  <c r="T51707" i="1"/>
  <c r="T51708" i="1"/>
  <c r="T51709" i="1"/>
  <c r="T51710" i="1"/>
  <c r="T51711" i="1"/>
  <c r="T51712" i="1"/>
  <c r="T51713" i="1"/>
  <c r="T51714" i="1"/>
  <c r="T51715" i="1"/>
  <c r="T51716" i="1"/>
  <c r="T51717" i="1"/>
  <c r="T51718" i="1"/>
  <c r="T51719" i="1"/>
  <c r="T51720" i="1"/>
  <c r="T51721" i="1"/>
  <c r="T51722" i="1"/>
  <c r="T51723" i="1"/>
  <c r="T51724" i="1"/>
  <c r="T51725" i="1"/>
  <c r="T51726" i="1"/>
  <c r="T51727" i="1"/>
  <c r="T51728" i="1"/>
  <c r="T51729" i="1"/>
  <c r="T51730" i="1"/>
  <c r="T51731" i="1"/>
  <c r="T51732" i="1"/>
  <c r="T51733" i="1"/>
  <c r="T51734" i="1"/>
  <c r="T51735" i="1"/>
  <c r="T51736" i="1"/>
  <c r="T51737" i="1"/>
  <c r="T51738" i="1"/>
  <c r="T51739" i="1"/>
  <c r="T51740" i="1"/>
  <c r="T51741" i="1"/>
  <c r="T51742" i="1"/>
  <c r="T51743" i="1"/>
  <c r="T51744" i="1"/>
  <c r="T51745" i="1"/>
  <c r="T51746" i="1"/>
  <c r="T51747" i="1"/>
  <c r="T51748" i="1"/>
  <c r="T51749" i="1"/>
  <c r="T51750" i="1"/>
  <c r="T51751" i="1"/>
  <c r="T51752" i="1"/>
  <c r="T51753" i="1"/>
  <c r="T51754" i="1"/>
  <c r="T51755" i="1"/>
  <c r="T51756" i="1"/>
  <c r="T51757" i="1"/>
  <c r="T51758" i="1"/>
  <c r="T51759" i="1"/>
  <c r="T51760" i="1"/>
  <c r="T51761" i="1"/>
  <c r="T51762" i="1"/>
  <c r="T51763" i="1"/>
  <c r="T51764" i="1"/>
  <c r="T51765" i="1"/>
  <c r="T51766" i="1"/>
  <c r="T51767" i="1"/>
  <c r="T51768" i="1"/>
  <c r="T51769" i="1"/>
  <c r="T51770" i="1"/>
  <c r="T51771" i="1"/>
  <c r="T51772" i="1"/>
  <c r="T51773" i="1"/>
  <c r="T51774" i="1"/>
  <c r="T51775" i="1"/>
  <c r="T51776" i="1"/>
  <c r="T51777" i="1"/>
  <c r="T51778" i="1"/>
  <c r="T51779" i="1"/>
  <c r="T51780" i="1"/>
  <c r="T51781" i="1"/>
  <c r="T51782" i="1"/>
  <c r="T51783" i="1"/>
  <c r="T51784" i="1"/>
  <c r="T51785" i="1"/>
  <c r="T51786" i="1"/>
  <c r="T51787" i="1"/>
  <c r="T51788" i="1"/>
  <c r="T51789" i="1"/>
  <c r="T51790" i="1"/>
  <c r="T51791" i="1"/>
  <c r="T51792" i="1"/>
  <c r="T51793" i="1"/>
  <c r="T51794" i="1"/>
  <c r="T51795" i="1"/>
  <c r="T51796" i="1"/>
  <c r="T51797" i="1"/>
  <c r="T51798" i="1"/>
  <c r="T51799" i="1"/>
  <c r="T51800" i="1"/>
  <c r="T51801" i="1"/>
  <c r="T51802" i="1"/>
  <c r="T51803" i="1"/>
  <c r="T51804" i="1"/>
  <c r="T51805" i="1"/>
  <c r="T51806" i="1"/>
  <c r="T51807" i="1"/>
  <c r="T51808" i="1"/>
  <c r="T51809" i="1"/>
  <c r="T51810" i="1"/>
  <c r="T51811" i="1"/>
  <c r="T51812" i="1"/>
  <c r="T51813" i="1"/>
  <c r="T51814" i="1"/>
  <c r="T51815" i="1"/>
  <c r="T51816" i="1"/>
  <c r="T51817" i="1"/>
  <c r="T51818" i="1"/>
  <c r="T51819" i="1"/>
  <c r="T51820" i="1"/>
  <c r="T51821" i="1"/>
  <c r="T51822" i="1"/>
  <c r="T51823" i="1"/>
  <c r="T51824" i="1"/>
  <c r="T51825" i="1"/>
  <c r="T51826" i="1"/>
  <c r="T51827" i="1"/>
  <c r="T51828" i="1"/>
  <c r="T51829" i="1"/>
  <c r="T51830" i="1"/>
  <c r="T51831" i="1"/>
  <c r="T51832" i="1"/>
  <c r="T51833" i="1"/>
  <c r="T51834" i="1"/>
  <c r="T51835" i="1"/>
  <c r="T51836" i="1"/>
  <c r="T51837" i="1"/>
  <c r="T51838" i="1"/>
  <c r="T51839" i="1"/>
  <c r="T51840" i="1"/>
  <c r="T51841" i="1"/>
  <c r="T51842" i="1"/>
  <c r="T51843" i="1"/>
  <c r="T51844" i="1"/>
  <c r="T51845" i="1"/>
  <c r="T51846" i="1"/>
  <c r="T51847" i="1"/>
  <c r="T51848" i="1"/>
  <c r="T51849" i="1"/>
  <c r="T51850" i="1"/>
  <c r="T51851" i="1"/>
  <c r="T51852" i="1"/>
  <c r="T51853" i="1"/>
  <c r="T51854" i="1"/>
  <c r="T51855" i="1"/>
  <c r="T51856" i="1"/>
  <c r="T51857" i="1"/>
  <c r="T51858" i="1"/>
  <c r="T51859" i="1"/>
  <c r="T51860" i="1"/>
  <c r="T51861" i="1"/>
  <c r="T51862" i="1"/>
  <c r="T51863" i="1"/>
  <c r="T51864" i="1"/>
  <c r="T51865" i="1"/>
  <c r="T51866" i="1"/>
  <c r="T51867" i="1"/>
  <c r="T51868" i="1"/>
  <c r="T51869" i="1"/>
  <c r="T51870" i="1"/>
  <c r="T51871" i="1"/>
  <c r="T51872" i="1"/>
  <c r="T51873" i="1"/>
  <c r="T51874" i="1"/>
  <c r="T51875" i="1"/>
  <c r="T51876" i="1"/>
  <c r="T51877" i="1"/>
  <c r="T51878" i="1"/>
  <c r="T51879" i="1"/>
  <c r="T51880" i="1"/>
  <c r="T51881" i="1"/>
  <c r="T51882" i="1"/>
  <c r="T51883" i="1"/>
  <c r="T51884" i="1"/>
  <c r="T51885" i="1"/>
  <c r="T51886" i="1"/>
  <c r="T51887" i="1"/>
  <c r="T51888" i="1"/>
  <c r="T51889" i="1"/>
  <c r="T51890" i="1"/>
  <c r="T51891" i="1"/>
  <c r="T51892" i="1"/>
  <c r="T51893" i="1"/>
  <c r="T51894" i="1"/>
  <c r="T51895" i="1"/>
  <c r="T51896" i="1"/>
  <c r="T51897" i="1"/>
  <c r="T51898" i="1"/>
  <c r="T51899" i="1"/>
  <c r="T51900" i="1"/>
  <c r="T51901" i="1"/>
  <c r="T51902" i="1"/>
  <c r="T51903" i="1"/>
  <c r="T51904" i="1"/>
  <c r="T51905" i="1"/>
  <c r="T51906" i="1"/>
  <c r="T51907" i="1"/>
  <c r="T51908" i="1"/>
  <c r="T51909" i="1"/>
  <c r="T51910" i="1"/>
  <c r="T51911" i="1"/>
  <c r="T51912" i="1"/>
  <c r="T51913" i="1"/>
  <c r="T51914" i="1"/>
  <c r="T51915" i="1"/>
  <c r="T51916" i="1"/>
  <c r="T51917" i="1"/>
  <c r="T51918" i="1"/>
  <c r="T51919" i="1"/>
  <c r="T51920" i="1"/>
  <c r="T51921" i="1"/>
  <c r="T51922" i="1"/>
  <c r="T51923" i="1"/>
  <c r="T51924" i="1"/>
  <c r="T51925" i="1"/>
  <c r="T51926" i="1"/>
  <c r="T51927" i="1"/>
  <c r="T51928" i="1"/>
  <c r="T51929" i="1"/>
  <c r="T51930" i="1"/>
  <c r="T51931" i="1"/>
  <c r="T51932" i="1"/>
  <c r="T51933" i="1"/>
  <c r="T51934" i="1"/>
  <c r="T51935" i="1"/>
  <c r="T51936" i="1"/>
  <c r="T51937" i="1"/>
  <c r="T51938" i="1"/>
  <c r="T51939" i="1"/>
  <c r="T51940" i="1"/>
  <c r="T51941" i="1"/>
  <c r="T51942" i="1"/>
  <c r="T51943" i="1"/>
  <c r="T51944" i="1"/>
  <c r="T51945" i="1"/>
  <c r="T51946" i="1"/>
  <c r="T51947" i="1"/>
  <c r="T51948" i="1"/>
  <c r="T51949" i="1"/>
  <c r="T51950" i="1"/>
  <c r="T51951" i="1"/>
  <c r="T51952" i="1"/>
  <c r="T51953" i="1"/>
  <c r="T51954" i="1"/>
  <c r="T51955" i="1"/>
  <c r="T51956" i="1"/>
  <c r="T51957" i="1"/>
  <c r="T51958" i="1"/>
  <c r="T51959" i="1"/>
  <c r="T51960" i="1"/>
  <c r="T51961" i="1"/>
  <c r="T51962" i="1"/>
  <c r="T51963" i="1"/>
  <c r="T51964" i="1"/>
  <c r="T51965" i="1"/>
  <c r="T51966" i="1"/>
  <c r="T51967" i="1"/>
  <c r="T51968" i="1"/>
  <c r="T51969" i="1"/>
  <c r="T51970" i="1"/>
  <c r="T51971" i="1"/>
  <c r="T51972" i="1"/>
  <c r="T51973" i="1"/>
  <c r="T51974" i="1"/>
  <c r="T51975" i="1"/>
  <c r="T51976" i="1"/>
  <c r="T51977" i="1"/>
  <c r="T51978" i="1"/>
  <c r="T51979" i="1"/>
  <c r="T51980" i="1"/>
  <c r="T51981" i="1"/>
  <c r="T51982" i="1"/>
  <c r="T51983" i="1"/>
  <c r="T51984" i="1"/>
  <c r="T51985" i="1"/>
  <c r="T51986" i="1"/>
  <c r="T51987" i="1"/>
  <c r="T51988" i="1"/>
  <c r="T51989" i="1"/>
  <c r="T51990" i="1"/>
  <c r="T51991" i="1"/>
  <c r="T51992" i="1"/>
  <c r="T51993" i="1"/>
  <c r="T51994" i="1"/>
  <c r="T51995" i="1"/>
  <c r="T51996" i="1"/>
  <c r="T51997" i="1"/>
  <c r="T51998" i="1"/>
  <c r="T51999" i="1"/>
  <c r="T52000" i="1"/>
  <c r="T52001" i="1"/>
  <c r="T52002" i="1"/>
  <c r="T52003" i="1"/>
  <c r="T52004" i="1"/>
  <c r="T52005" i="1"/>
  <c r="T52006" i="1"/>
  <c r="T52007" i="1"/>
  <c r="T52008" i="1"/>
  <c r="T52009" i="1"/>
  <c r="T52010" i="1"/>
  <c r="T52011" i="1"/>
  <c r="T52012" i="1"/>
  <c r="T52013" i="1"/>
  <c r="T52014" i="1"/>
  <c r="T52015" i="1"/>
  <c r="T52016" i="1"/>
  <c r="T52017" i="1"/>
  <c r="T52018" i="1"/>
  <c r="T52019" i="1"/>
  <c r="T52020" i="1"/>
  <c r="T52021" i="1"/>
  <c r="T52022" i="1"/>
  <c r="T52023" i="1"/>
  <c r="T52024" i="1"/>
  <c r="T52025" i="1"/>
  <c r="T52026" i="1"/>
  <c r="T52027" i="1"/>
  <c r="T52028" i="1"/>
  <c r="T52029" i="1"/>
  <c r="T52030" i="1"/>
  <c r="T52031" i="1"/>
  <c r="T52032" i="1"/>
  <c r="T52033" i="1"/>
  <c r="T52034" i="1"/>
  <c r="T52035" i="1"/>
  <c r="T52036" i="1"/>
  <c r="T52037" i="1"/>
  <c r="T52038" i="1"/>
  <c r="T52039" i="1"/>
  <c r="T52040" i="1"/>
  <c r="T52041" i="1"/>
  <c r="T52042" i="1"/>
  <c r="T52043" i="1"/>
  <c r="T52044" i="1"/>
  <c r="T52045" i="1"/>
  <c r="T52046" i="1"/>
  <c r="T52047" i="1"/>
  <c r="T52048" i="1"/>
  <c r="T52049" i="1"/>
  <c r="T52050" i="1"/>
  <c r="T52051" i="1"/>
  <c r="T52052" i="1"/>
  <c r="T52053" i="1"/>
  <c r="T52054" i="1"/>
  <c r="T52055" i="1"/>
  <c r="T52056" i="1"/>
  <c r="T52057" i="1"/>
  <c r="T52058" i="1"/>
  <c r="T52059" i="1"/>
  <c r="T52060" i="1"/>
  <c r="T52061" i="1"/>
  <c r="T52062" i="1"/>
  <c r="T52063" i="1"/>
  <c r="T52064" i="1"/>
  <c r="T52065" i="1"/>
  <c r="T52066" i="1"/>
  <c r="T52067" i="1"/>
  <c r="T52068" i="1"/>
  <c r="T52069" i="1"/>
  <c r="T52070" i="1"/>
  <c r="T52071" i="1"/>
  <c r="T52072" i="1"/>
  <c r="T52073" i="1"/>
  <c r="T52074" i="1"/>
  <c r="T52075" i="1"/>
  <c r="T52076" i="1"/>
  <c r="T52077" i="1"/>
  <c r="T52078" i="1"/>
  <c r="T52079" i="1"/>
  <c r="T52080" i="1"/>
  <c r="T52081" i="1"/>
  <c r="T52082" i="1"/>
  <c r="T52083" i="1"/>
  <c r="T52084" i="1"/>
  <c r="T52085" i="1"/>
  <c r="T52086" i="1"/>
  <c r="T52087" i="1"/>
  <c r="T52088" i="1"/>
  <c r="T52089" i="1"/>
  <c r="T52090" i="1"/>
  <c r="T52091" i="1"/>
  <c r="T52092" i="1"/>
  <c r="T52093" i="1"/>
  <c r="T52094" i="1"/>
  <c r="T52095" i="1"/>
  <c r="T52096" i="1"/>
  <c r="T52097" i="1"/>
  <c r="T52098" i="1"/>
  <c r="T52099" i="1"/>
  <c r="T52100" i="1"/>
  <c r="T52101" i="1"/>
  <c r="T52102" i="1"/>
  <c r="T52103" i="1"/>
  <c r="T52104" i="1"/>
  <c r="T52105" i="1"/>
  <c r="T52106" i="1"/>
  <c r="T52107" i="1"/>
  <c r="T52108" i="1"/>
  <c r="T52109" i="1"/>
  <c r="T52110" i="1"/>
  <c r="T52111" i="1"/>
  <c r="T52112" i="1"/>
  <c r="T52113" i="1"/>
  <c r="T52114" i="1"/>
  <c r="T52115" i="1"/>
  <c r="T52116" i="1"/>
  <c r="T52117" i="1"/>
  <c r="T52118" i="1"/>
  <c r="T52119" i="1"/>
  <c r="T52120" i="1"/>
  <c r="T52121" i="1"/>
  <c r="T52122" i="1"/>
  <c r="T52123" i="1"/>
  <c r="T52124" i="1"/>
  <c r="T52125" i="1"/>
  <c r="T52126" i="1"/>
  <c r="T52127" i="1"/>
  <c r="T52128" i="1"/>
  <c r="T52129" i="1"/>
  <c r="T52130" i="1"/>
  <c r="T52131" i="1"/>
  <c r="T52132" i="1"/>
  <c r="T52133" i="1"/>
  <c r="T52134" i="1"/>
  <c r="T52135" i="1"/>
  <c r="T52136" i="1"/>
  <c r="T52137" i="1"/>
  <c r="T52138" i="1"/>
  <c r="T52139" i="1"/>
  <c r="T52140" i="1"/>
  <c r="T52141" i="1"/>
  <c r="T52142" i="1"/>
  <c r="T52143" i="1"/>
  <c r="T52144" i="1"/>
  <c r="T52145" i="1"/>
  <c r="T52146" i="1"/>
  <c r="T52147" i="1"/>
  <c r="T52148" i="1"/>
  <c r="T52149" i="1"/>
  <c r="T52150" i="1"/>
  <c r="T52151" i="1"/>
  <c r="T52152" i="1"/>
  <c r="T52153" i="1"/>
  <c r="T52154" i="1"/>
  <c r="T52155" i="1"/>
  <c r="T52156" i="1"/>
  <c r="T52157" i="1"/>
  <c r="T52158" i="1"/>
  <c r="T52159" i="1"/>
  <c r="T52160" i="1"/>
  <c r="T52161" i="1"/>
  <c r="T52162" i="1"/>
  <c r="T52163" i="1"/>
  <c r="T52164" i="1"/>
  <c r="T52165" i="1"/>
  <c r="T52166" i="1"/>
  <c r="T52167" i="1"/>
  <c r="T52168" i="1"/>
  <c r="T52169" i="1"/>
  <c r="T52170" i="1"/>
  <c r="T52171" i="1"/>
  <c r="T52172" i="1"/>
  <c r="T52173" i="1"/>
  <c r="T52174" i="1"/>
  <c r="T52175" i="1"/>
  <c r="T52176" i="1"/>
  <c r="T52177" i="1"/>
  <c r="T52178" i="1"/>
  <c r="T52179" i="1"/>
  <c r="T52180" i="1"/>
  <c r="T52181" i="1"/>
  <c r="T52182" i="1"/>
  <c r="T52183" i="1"/>
  <c r="T52184" i="1"/>
  <c r="T52185" i="1"/>
  <c r="T52186" i="1"/>
  <c r="T52187" i="1"/>
  <c r="T52188" i="1"/>
  <c r="T52189" i="1"/>
  <c r="T52190" i="1"/>
  <c r="T52191" i="1"/>
  <c r="T52192" i="1"/>
  <c r="T52193" i="1"/>
  <c r="T52194" i="1"/>
  <c r="T52195" i="1"/>
  <c r="T52196" i="1"/>
  <c r="T52197" i="1"/>
  <c r="T52198" i="1"/>
  <c r="T52199" i="1"/>
  <c r="T52200" i="1"/>
  <c r="T52201" i="1"/>
  <c r="T52202" i="1"/>
  <c r="T52203" i="1"/>
  <c r="T52204" i="1"/>
  <c r="T52205" i="1"/>
  <c r="T52206" i="1"/>
  <c r="T52207" i="1"/>
  <c r="T52208" i="1"/>
  <c r="T52209" i="1"/>
  <c r="T52210" i="1"/>
  <c r="T52211" i="1"/>
  <c r="T52212" i="1"/>
  <c r="T52213" i="1"/>
  <c r="T52214" i="1"/>
  <c r="T52215" i="1"/>
  <c r="T52216" i="1"/>
  <c r="T52217" i="1"/>
  <c r="T52218" i="1"/>
  <c r="T52219" i="1"/>
  <c r="T52220" i="1"/>
  <c r="T52221" i="1"/>
  <c r="T52222" i="1"/>
  <c r="T52223" i="1"/>
  <c r="T52224" i="1"/>
  <c r="T52225" i="1"/>
  <c r="T52226" i="1"/>
  <c r="T52227" i="1"/>
  <c r="T52228" i="1"/>
  <c r="T52229" i="1"/>
  <c r="T52230" i="1"/>
  <c r="T52231" i="1"/>
  <c r="T52232" i="1"/>
  <c r="T52233" i="1"/>
  <c r="T52234" i="1"/>
  <c r="T52235" i="1"/>
  <c r="T52236" i="1"/>
  <c r="T52237" i="1"/>
  <c r="T52238" i="1"/>
  <c r="T52239" i="1"/>
  <c r="T52240" i="1"/>
  <c r="T52241" i="1"/>
  <c r="T52242" i="1"/>
  <c r="T52243" i="1"/>
  <c r="T52244" i="1"/>
  <c r="T52245" i="1"/>
  <c r="T52246" i="1"/>
  <c r="T52247" i="1"/>
  <c r="T52248" i="1"/>
  <c r="T52249" i="1"/>
  <c r="T52250" i="1"/>
  <c r="T52251" i="1"/>
  <c r="T52252" i="1"/>
  <c r="T52253" i="1"/>
  <c r="T52254" i="1"/>
  <c r="T52255" i="1"/>
  <c r="T52256" i="1"/>
  <c r="T52257" i="1"/>
  <c r="T52258" i="1"/>
  <c r="T52259" i="1"/>
  <c r="T52260" i="1"/>
  <c r="T52261" i="1"/>
  <c r="T52262" i="1"/>
  <c r="T52263" i="1"/>
  <c r="T52264" i="1"/>
  <c r="T52265" i="1"/>
  <c r="T52266" i="1"/>
  <c r="T52267" i="1"/>
  <c r="T52268" i="1"/>
  <c r="T52269" i="1"/>
  <c r="T52270" i="1"/>
  <c r="T52271" i="1"/>
  <c r="T52272" i="1"/>
  <c r="T52273" i="1"/>
  <c r="T52274" i="1"/>
  <c r="T52275" i="1"/>
  <c r="T52276" i="1"/>
  <c r="T52277" i="1"/>
  <c r="T52278" i="1"/>
  <c r="T52279" i="1"/>
  <c r="T52280" i="1"/>
  <c r="T52281" i="1"/>
  <c r="T52282" i="1"/>
  <c r="T52283" i="1"/>
  <c r="T52284" i="1"/>
  <c r="T52285" i="1"/>
  <c r="T52286" i="1"/>
  <c r="T52287" i="1"/>
  <c r="T52288" i="1"/>
  <c r="T52289" i="1"/>
  <c r="T52290" i="1"/>
  <c r="T52291" i="1"/>
  <c r="T52292" i="1"/>
  <c r="T52293" i="1"/>
  <c r="T52294" i="1"/>
  <c r="T52295" i="1"/>
  <c r="T52296" i="1"/>
  <c r="T52297" i="1"/>
  <c r="T52298" i="1"/>
  <c r="T52299" i="1"/>
  <c r="T52300" i="1"/>
  <c r="T52301" i="1"/>
  <c r="T52302" i="1"/>
  <c r="T52303" i="1"/>
  <c r="T52304" i="1"/>
  <c r="T52305" i="1"/>
  <c r="T52306" i="1"/>
  <c r="T52307" i="1"/>
  <c r="T52308" i="1"/>
  <c r="T52309" i="1"/>
  <c r="T52310" i="1"/>
  <c r="T52311" i="1"/>
  <c r="T52312" i="1"/>
  <c r="T52313" i="1"/>
  <c r="T52314" i="1"/>
  <c r="T52315" i="1"/>
  <c r="T52316" i="1"/>
  <c r="T52317" i="1"/>
  <c r="T52318" i="1"/>
  <c r="T52319" i="1"/>
  <c r="T52320" i="1"/>
  <c r="T52321" i="1"/>
  <c r="T52322" i="1"/>
  <c r="T52323" i="1"/>
  <c r="T52324" i="1"/>
  <c r="T52325" i="1"/>
  <c r="T52326" i="1"/>
  <c r="T52327" i="1"/>
  <c r="T52328" i="1"/>
  <c r="T52329" i="1"/>
  <c r="T52330" i="1"/>
  <c r="T52331" i="1"/>
  <c r="T52332" i="1"/>
  <c r="T52333" i="1"/>
  <c r="T52334" i="1"/>
  <c r="T52335" i="1"/>
  <c r="T52336" i="1"/>
  <c r="T52337" i="1"/>
  <c r="T52338" i="1"/>
  <c r="T52339" i="1"/>
  <c r="T52340" i="1"/>
  <c r="T52341" i="1"/>
  <c r="T52342" i="1"/>
  <c r="T52343" i="1"/>
  <c r="T52344" i="1"/>
  <c r="T52345" i="1"/>
  <c r="T52346" i="1"/>
  <c r="T52347" i="1"/>
  <c r="T52348" i="1"/>
  <c r="T52349" i="1"/>
  <c r="T52350" i="1"/>
  <c r="T52351" i="1"/>
  <c r="T52352" i="1"/>
  <c r="T52353" i="1"/>
  <c r="T52354" i="1"/>
  <c r="T52355" i="1"/>
  <c r="T52356" i="1"/>
  <c r="T52357" i="1"/>
  <c r="T52358" i="1"/>
  <c r="T52359" i="1"/>
  <c r="T52360" i="1"/>
  <c r="T52361" i="1"/>
  <c r="T52362" i="1"/>
  <c r="T52363" i="1"/>
  <c r="T52364" i="1"/>
  <c r="T52365" i="1"/>
  <c r="T52366" i="1"/>
  <c r="T52367" i="1"/>
  <c r="T52368" i="1"/>
  <c r="T52369" i="1"/>
  <c r="T52370" i="1"/>
  <c r="T52371" i="1"/>
  <c r="T52372" i="1"/>
  <c r="T52373" i="1"/>
  <c r="T52374" i="1"/>
  <c r="T52375" i="1"/>
  <c r="T52376" i="1"/>
  <c r="T52377" i="1"/>
  <c r="T52378" i="1"/>
  <c r="T52379" i="1"/>
  <c r="T52380" i="1"/>
  <c r="T52381" i="1"/>
  <c r="T52382" i="1"/>
  <c r="T52383" i="1"/>
  <c r="T52384" i="1"/>
  <c r="T52385" i="1"/>
  <c r="T52386" i="1"/>
  <c r="T52387" i="1"/>
  <c r="T52388" i="1"/>
  <c r="T52389" i="1"/>
  <c r="T52390" i="1"/>
  <c r="T52391" i="1"/>
  <c r="T52392" i="1"/>
  <c r="T52393" i="1"/>
  <c r="T52394" i="1"/>
  <c r="T52395" i="1"/>
  <c r="T52396" i="1"/>
  <c r="T52397" i="1"/>
  <c r="T52398" i="1"/>
  <c r="T52399" i="1"/>
  <c r="T52400" i="1"/>
  <c r="T52401" i="1"/>
  <c r="T52402" i="1"/>
  <c r="T52403" i="1"/>
  <c r="T52404" i="1"/>
  <c r="T52405" i="1"/>
  <c r="T52406" i="1"/>
  <c r="T52407" i="1"/>
  <c r="T52408" i="1"/>
  <c r="T52409" i="1"/>
  <c r="T52410" i="1"/>
  <c r="T52411" i="1"/>
  <c r="T52412" i="1"/>
  <c r="T52413" i="1"/>
  <c r="T52414" i="1"/>
  <c r="T52415" i="1"/>
  <c r="T52416" i="1"/>
  <c r="T52417" i="1"/>
  <c r="T52418" i="1"/>
  <c r="T52419" i="1"/>
  <c r="T52420" i="1"/>
  <c r="T52421" i="1"/>
  <c r="T52422" i="1"/>
  <c r="T52423" i="1"/>
  <c r="T52424" i="1"/>
  <c r="T52425" i="1"/>
  <c r="T52426" i="1"/>
  <c r="T52427" i="1"/>
  <c r="T52428" i="1"/>
  <c r="T52429" i="1"/>
  <c r="T52430" i="1"/>
  <c r="T52431" i="1"/>
  <c r="T52432" i="1"/>
  <c r="T52433" i="1"/>
  <c r="T52434" i="1"/>
  <c r="T52435" i="1"/>
  <c r="T52436" i="1"/>
  <c r="T52437" i="1"/>
  <c r="T52438" i="1"/>
  <c r="T52439" i="1"/>
  <c r="T52440" i="1"/>
  <c r="T52441" i="1"/>
  <c r="T52442" i="1"/>
  <c r="T52443" i="1"/>
  <c r="T52444" i="1"/>
  <c r="T52445" i="1"/>
  <c r="T52446" i="1"/>
  <c r="T52447" i="1"/>
  <c r="T52448" i="1"/>
  <c r="T52449" i="1"/>
  <c r="T52450" i="1"/>
  <c r="T52451" i="1"/>
  <c r="T52452" i="1"/>
  <c r="T52453" i="1"/>
  <c r="T52454" i="1"/>
  <c r="T52455" i="1"/>
  <c r="T52456" i="1"/>
  <c r="T52457" i="1"/>
  <c r="T52458" i="1"/>
  <c r="T52459" i="1"/>
  <c r="T52460" i="1"/>
  <c r="T52461" i="1"/>
  <c r="T52462" i="1"/>
  <c r="T52463" i="1"/>
  <c r="T52464" i="1"/>
  <c r="T52465" i="1"/>
  <c r="T52466" i="1"/>
  <c r="T52467" i="1"/>
  <c r="T52468" i="1"/>
  <c r="T52469" i="1"/>
  <c r="T52470" i="1"/>
  <c r="T52471" i="1"/>
  <c r="T52472" i="1"/>
  <c r="T52473" i="1"/>
  <c r="T52474" i="1"/>
  <c r="T52475" i="1"/>
  <c r="T52476" i="1"/>
  <c r="T52477" i="1"/>
  <c r="T52478" i="1"/>
  <c r="T52479" i="1"/>
  <c r="T52480" i="1"/>
  <c r="T52481" i="1"/>
  <c r="T52482" i="1"/>
  <c r="T52483" i="1"/>
  <c r="T52484" i="1"/>
  <c r="T52485" i="1"/>
  <c r="T52486" i="1"/>
  <c r="T52487" i="1"/>
  <c r="T52488" i="1"/>
  <c r="T52489" i="1"/>
  <c r="T52490" i="1"/>
  <c r="T52491" i="1"/>
  <c r="T52492" i="1"/>
  <c r="T52493" i="1"/>
  <c r="T52494" i="1"/>
  <c r="T52495" i="1"/>
  <c r="T52496" i="1"/>
  <c r="T52497" i="1"/>
  <c r="T52498" i="1"/>
  <c r="T52499" i="1"/>
  <c r="T52500" i="1"/>
  <c r="T52501" i="1"/>
  <c r="T52502" i="1"/>
  <c r="T52503" i="1"/>
  <c r="T52504" i="1"/>
  <c r="T52505" i="1"/>
  <c r="T52506" i="1"/>
  <c r="T52507" i="1"/>
  <c r="T52508" i="1"/>
  <c r="T52509" i="1"/>
  <c r="T52510" i="1"/>
  <c r="T52511" i="1"/>
  <c r="T52512" i="1"/>
  <c r="T52513" i="1"/>
  <c r="T52514" i="1"/>
  <c r="T52515" i="1"/>
  <c r="T52516" i="1"/>
  <c r="T52517" i="1"/>
  <c r="T52518" i="1"/>
  <c r="T52519" i="1"/>
  <c r="T52520" i="1"/>
  <c r="T52521" i="1"/>
  <c r="T52522" i="1"/>
  <c r="T52523" i="1"/>
  <c r="T52524" i="1"/>
  <c r="T52525" i="1"/>
  <c r="T52526" i="1"/>
  <c r="T52527" i="1"/>
  <c r="T52528" i="1"/>
  <c r="T52529" i="1"/>
  <c r="T52530" i="1"/>
  <c r="T52531" i="1"/>
  <c r="T52532" i="1"/>
  <c r="T52533" i="1"/>
  <c r="T52534" i="1"/>
  <c r="T52535" i="1"/>
  <c r="T52536" i="1"/>
  <c r="T52537" i="1"/>
  <c r="T52538" i="1"/>
  <c r="T52539" i="1"/>
  <c r="T52540" i="1"/>
  <c r="T52541" i="1"/>
  <c r="T52542" i="1"/>
  <c r="T52543" i="1"/>
  <c r="T52544" i="1"/>
  <c r="T52545" i="1"/>
  <c r="T52546" i="1"/>
  <c r="T52547" i="1"/>
  <c r="T52548" i="1"/>
  <c r="T52549" i="1"/>
  <c r="T52550" i="1"/>
  <c r="T52551" i="1"/>
  <c r="T52552" i="1"/>
  <c r="T52553" i="1"/>
  <c r="T52554" i="1"/>
  <c r="T52555" i="1"/>
  <c r="T52556" i="1"/>
  <c r="T52557" i="1"/>
  <c r="T52558" i="1"/>
  <c r="T52559" i="1"/>
  <c r="T52560" i="1"/>
  <c r="T52561" i="1"/>
  <c r="T52562" i="1"/>
  <c r="T52563" i="1"/>
  <c r="T52564" i="1"/>
  <c r="T52565" i="1"/>
  <c r="T52566" i="1"/>
  <c r="T52567" i="1"/>
  <c r="T52568" i="1"/>
  <c r="T52569" i="1"/>
  <c r="T52570" i="1"/>
  <c r="T52571" i="1"/>
  <c r="T52572" i="1"/>
  <c r="T52573" i="1"/>
  <c r="T52574" i="1"/>
  <c r="T52575" i="1"/>
  <c r="T52576" i="1"/>
  <c r="T52577" i="1"/>
  <c r="T52578" i="1"/>
  <c r="T52579" i="1"/>
  <c r="T52580" i="1"/>
  <c r="T52581" i="1"/>
  <c r="T52582" i="1"/>
  <c r="T52583" i="1"/>
  <c r="T52584" i="1"/>
  <c r="T52585" i="1"/>
  <c r="T52586" i="1"/>
  <c r="T52587" i="1"/>
  <c r="T52588" i="1"/>
  <c r="T52589" i="1"/>
  <c r="T52590" i="1"/>
  <c r="T52591" i="1"/>
  <c r="T52592" i="1"/>
  <c r="T52593" i="1"/>
  <c r="T52594" i="1"/>
  <c r="T52595" i="1"/>
  <c r="T52596" i="1"/>
  <c r="T52597" i="1"/>
  <c r="T52598" i="1"/>
  <c r="T52599" i="1"/>
  <c r="T52600" i="1"/>
  <c r="T52601" i="1"/>
  <c r="T52602" i="1"/>
  <c r="T52603" i="1"/>
  <c r="T52604" i="1"/>
  <c r="T52605" i="1"/>
  <c r="T52606" i="1"/>
  <c r="T52607" i="1"/>
  <c r="T52608" i="1"/>
  <c r="T52609" i="1"/>
  <c r="T52610" i="1"/>
  <c r="T52611" i="1"/>
  <c r="T52612" i="1"/>
  <c r="T52613" i="1"/>
  <c r="T52614" i="1"/>
  <c r="T52615" i="1"/>
  <c r="T52616" i="1"/>
  <c r="T52617" i="1"/>
  <c r="T52618" i="1"/>
  <c r="T52619" i="1"/>
  <c r="T52620" i="1"/>
  <c r="T52621" i="1"/>
  <c r="T52622" i="1"/>
  <c r="T52623" i="1"/>
  <c r="T52624" i="1"/>
  <c r="T52625" i="1"/>
  <c r="T52626" i="1"/>
  <c r="T52627" i="1"/>
  <c r="T52628" i="1"/>
  <c r="T52629" i="1"/>
  <c r="T52630" i="1"/>
  <c r="T52631" i="1"/>
  <c r="T52632" i="1"/>
  <c r="T52633" i="1"/>
  <c r="T52634" i="1"/>
  <c r="T52635" i="1"/>
  <c r="T52636" i="1"/>
  <c r="T52637" i="1"/>
  <c r="T52638" i="1"/>
  <c r="T52639" i="1"/>
  <c r="T52640" i="1"/>
  <c r="T52641" i="1"/>
  <c r="T52642" i="1"/>
  <c r="T52643" i="1"/>
  <c r="T52644" i="1"/>
  <c r="T52645" i="1"/>
  <c r="T52646" i="1"/>
  <c r="T52647" i="1"/>
  <c r="T52648" i="1"/>
  <c r="T52649" i="1"/>
  <c r="T52650" i="1"/>
  <c r="T52651" i="1"/>
  <c r="T52652" i="1"/>
  <c r="T52653" i="1"/>
  <c r="T52654" i="1"/>
  <c r="T52655" i="1"/>
  <c r="T52656" i="1"/>
  <c r="T52657" i="1"/>
  <c r="T52658" i="1"/>
  <c r="T52659" i="1"/>
  <c r="T52660" i="1"/>
  <c r="T52661" i="1"/>
  <c r="T52662" i="1"/>
  <c r="T52663" i="1"/>
  <c r="T52664" i="1"/>
  <c r="T52665" i="1"/>
  <c r="T52666" i="1"/>
  <c r="T52667" i="1"/>
  <c r="T52668" i="1"/>
  <c r="T52669" i="1"/>
  <c r="T52670" i="1"/>
  <c r="T52671" i="1"/>
  <c r="T52672" i="1"/>
  <c r="T52673" i="1"/>
  <c r="T52674" i="1"/>
  <c r="T52675" i="1"/>
  <c r="T52676" i="1"/>
  <c r="T52677" i="1"/>
  <c r="T52678" i="1"/>
  <c r="T52679" i="1"/>
  <c r="T52680" i="1"/>
  <c r="T52681" i="1"/>
  <c r="T52682" i="1"/>
  <c r="T52683" i="1"/>
  <c r="T52684" i="1"/>
  <c r="T52685" i="1"/>
  <c r="T52686" i="1"/>
  <c r="T52687" i="1"/>
  <c r="T52688" i="1"/>
  <c r="T52689" i="1"/>
  <c r="T52690" i="1"/>
  <c r="T52691" i="1"/>
  <c r="T52692" i="1"/>
  <c r="T52693" i="1"/>
  <c r="T52694" i="1"/>
  <c r="T52695" i="1"/>
  <c r="T52696" i="1"/>
  <c r="T52697" i="1"/>
  <c r="T52698" i="1"/>
  <c r="T52699" i="1"/>
  <c r="T52700" i="1"/>
  <c r="T52701" i="1"/>
  <c r="T52702" i="1"/>
  <c r="T52703" i="1"/>
  <c r="T52704" i="1"/>
  <c r="T52705" i="1"/>
  <c r="T52706" i="1"/>
  <c r="T52707" i="1"/>
  <c r="T52708" i="1"/>
  <c r="T52709" i="1"/>
  <c r="T52710" i="1"/>
  <c r="T52711" i="1"/>
  <c r="T52712" i="1"/>
  <c r="T52713" i="1"/>
  <c r="T52714" i="1"/>
  <c r="T52715" i="1"/>
  <c r="T52716" i="1"/>
  <c r="T52717" i="1"/>
  <c r="T52718" i="1"/>
  <c r="T52719" i="1"/>
  <c r="T52720" i="1"/>
  <c r="T52721" i="1"/>
  <c r="T52722" i="1"/>
  <c r="T52723" i="1"/>
  <c r="T52724" i="1"/>
  <c r="T52725" i="1"/>
  <c r="T52726" i="1"/>
  <c r="T52727" i="1"/>
  <c r="T52728" i="1"/>
  <c r="T52729" i="1"/>
  <c r="T52730" i="1"/>
  <c r="T52731" i="1"/>
  <c r="T52732" i="1"/>
  <c r="T52733" i="1"/>
  <c r="T52734" i="1"/>
  <c r="T52735" i="1"/>
  <c r="T52736" i="1"/>
  <c r="T52737" i="1"/>
  <c r="T52738" i="1"/>
  <c r="T52739" i="1"/>
  <c r="T52740" i="1"/>
  <c r="T52741" i="1"/>
  <c r="T52742" i="1"/>
  <c r="T52743" i="1"/>
  <c r="T52744" i="1"/>
  <c r="T52745" i="1"/>
  <c r="T52746" i="1"/>
  <c r="T52747" i="1"/>
  <c r="T52748" i="1"/>
  <c r="T52749" i="1"/>
  <c r="T52750" i="1"/>
  <c r="T52751" i="1"/>
  <c r="T52752" i="1"/>
  <c r="T52753" i="1"/>
  <c r="T52754" i="1"/>
  <c r="T52755" i="1"/>
  <c r="T52756" i="1"/>
  <c r="T52757" i="1"/>
  <c r="T52758" i="1"/>
  <c r="T52759" i="1"/>
  <c r="T52760" i="1"/>
  <c r="T52761" i="1"/>
  <c r="T52762" i="1"/>
  <c r="T52763" i="1"/>
  <c r="T52764" i="1"/>
  <c r="T52765" i="1"/>
  <c r="T52766" i="1"/>
  <c r="T52767" i="1"/>
  <c r="T52768" i="1"/>
  <c r="T52769" i="1"/>
  <c r="T52770" i="1"/>
  <c r="T52771" i="1"/>
  <c r="T52772" i="1"/>
  <c r="T52773" i="1"/>
  <c r="T52774" i="1"/>
  <c r="T52775" i="1"/>
  <c r="T52776" i="1"/>
  <c r="T52777" i="1"/>
  <c r="T52778" i="1"/>
  <c r="T52779" i="1"/>
  <c r="T52780" i="1"/>
  <c r="T52781" i="1"/>
  <c r="T52782" i="1"/>
  <c r="T52783" i="1"/>
  <c r="T52784" i="1"/>
  <c r="T52785" i="1"/>
  <c r="T52786" i="1"/>
  <c r="T52787" i="1"/>
  <c r="T52788" i="1"/>
  <c r="T52789" i="1"/>
  <c r="T52790" i="1"/>
  <c r="T52791" i="1"/>
  <c r="T52792" i="1"/>
  <c r="T52793" i="1"/>
  <c r="T52794" i="1"/>
  <c r="T52795" i="1"/>
  <c r="T52796" i="1"/>
  <c r="T52797" i="1"/>
  <c r="T52798" i="1"/>
  <c r="T52799" i="1"/>
  <c r="T52800" i="1"/>
  <c r="T52801" i="1"/>
  <c r="T52802" i="1"/>
  <c r="T52803" i="1"/>
  <c r="T52804" i="1"/>
  <c r="T52805" i="1"/>
  <c r="T52806" i="1"/>
  <c r="T52807" i="1"/>
  <c r="T52808" i="1"/>
  <c r="T52809" i="1"/>
  <c r="T52810" i="1"/>
  <c r="T52811" i="1"/>
  <c r="T52812" i="1"/>
  <c r="T52813" i="1"/>
  <c r="T52814" i="1"/>
  <c r="T52815" i="1"/>
  <c r="T52816" i="1"/>
  <c r="T52817" i="1"/>
  <c r="T52818" i="1"/>
  <c r="T52819" i="1"/>
  <c r="T52820" i="1"/>
  <c r="T52821" i="1"/>
  <c r="T52822" i="1"/>
  <c r="T52823" i="1"/>
  <c r="T52824" i="1"/>
  <c r="T52825" i="1"/>
  <c r="T52826" i="1"/>
  <c r="T52827" i="1"/>
  <c r="T52828" i="1"/>
  <c r="T52829" i="1"/>
  <c r="T52830" i="1"/>
  <c r="T52831" i="1"/>
  <c r="T52832" i="1"/>
  <c r="T52833" i="1"/>
  <c r="T52834" i="1"/>
  <c r="T52835" i="1"/>
  <c r="T52836" i="1"/>
  <c r="T52837" i="1"/>
  <c r="T52838" i="1"/>
  <c r="T52839" i="1"/>
  <c r="T52840" i="1"/>
  <c r="T52841" i="1"/>
  <c r="T52842" i="1"/>
  <c r="T52843" i="1"/>
  <c r="T52844" i="1"/>
  <c r="T52845" i="1"/>
  <c r="T52846" i="1"/>
  <c r="T52847" i="1"/>
  <c r="T52848" i="1"/>
  <c r="T52849" i="1"/>
  <c r="T52850" i="1"/>
  <c r="T52851" i="1"/>
  <c r="T52852" i="1"/>
  <c r="T52853" i="1"/>
  <c r="T52854" i="1"/>
  <c r="T52855" i="1"/>
  <c r="T52856" i="1"/>
  <c r="T52857" i="1"/>
  <c r="T52858" i="1"/>
  <c r="T52859" i="1"/>
  <c r="T52860" i="1"/>
  <c r="T52861" i="1"/>
  <c r="T52862" i="1"/>
  <c r="T52863" i="1"/>
  <c r="T52864" i="1"/>
  <c r="T52865" i="1"/>
  <c r="T52866" i="1"/>
  <c r="T52867" i="1"/>
  <c r="T52868" i="1"/>
  <c r="T52869" i="1"/>
  <c r="T52870" i="1"/>
  <c r="T52871" i="1"/>
  <c r="T52872" i="1"/>
  <c r="T52873" i="1"/>
  <c r="T52874" i="1"/>
  <c r="T52875" i="1"/>
  <c r="T52876" i="1"/>
  <c r="T52877" i="1"/>
  <c r="T52878" i="1"/>
  <c r="T52879" i="1"/>
  <c r="T52880" i="1"/>
  <c r="T52881" i="1"/>
  <c r="T52882" i="1"/>
  <c r="T52883" i="1"/>
  <c r="T52884" i="1"/>
  <c r="T52885" i="1"/>
  <c r="T52886" i="1"/>
  <c r="T52887" i="1"/>
  <c r="T52888" i="1"/>
  <c r="T52889" i="1"/>
  <c r="T52890" i="1"/>
  <c r="T52891" i="1"/>
  <c r="T52892" i="1"/>
  <c r="T52893" i="1"/>
  <c r="T52894" i="1"/>
  <c r="T52895" i="1"/>
  <c r="T52896" i="1"/>
  <c r="T52897" i="1"/>
  <c r="T52898" i="1"/>
  <c r="T52899" i="1"/>
  <c r="T52900" i="1"/>
  <c r="T52901" i="1"/>
  <c r="T52902" i="1"/>
  <c r="T52903" i="1"/>
  <c r="T52904" i="1"/>
  <c r="T52905" i="1"/>
  <c r="T52906" i="1"/>
  <c r="T52907" i="1"/>
  <c r="T52908" i="1"/>
  <c r="T52909" i="1"/>
  <c r="T52910" i="1"/>
  <c r="T52911" i="1"/>
  <c r="T52912" i="1"/>
  <c r="T52913" i="1"/>
  <c r="T52914" i="1"/>
  <c r="T52915" i="1"/>
  <c r="T52916" i="1"/>
  <c r="T52917" i="1"/>
  <c r="T52918" i="1"/>
  <c r="T52919" i="1"/>
  <c r="T52920" i="1"/>
  <c r="T52921" i="1"/>
  <c r="T52922" i="1"/>
  <c r="T52923" i="1"/>
  <c r="T52924" i="1"/>
  <c r="T52925" i="1"/>
  <c r="T52926" i="1"/>
  <c r="T52927" i="1"/>
  <c r="T52928" i="1"/>
  <c r="T52929" i="1"/>
  <c r="T52930" i="1"/>
  <c r="T52931" i="1"/>
  <c r="T52932" i="1"/>
  <c r="T52933" i="1"/>
  <c r="T52934" i="1"/>
  <c r="T52935" i="1"/>
  <c r="T52936" i="1"/>
  <c r="T52937" i="1"/>
  <c r="T52938" i="1"/>
  <c r="T52939" i="1"/>
  <c r="T52940" i="1"/>
  <c r="T52941" i="1"/>
  <c r="T52942" i="1"/>
  <c r="T52943" i="1"/>
  <c r="T52944" i="1"/>
  <c r="T52945" i="1"/>
  <c r="T52946" i="1"/>
  <c r="T52947" i="1"/>
  <c r="T52948" i="1"/>
  <c r="T52949" i="1"/>
  <c r="T52950" i="1"/>
  <c r="T52951" i="1"/>
  <c r="T52952" i="1"/>
  <c r="T52953" i="1"/>
  <c r="T52954" i="1"/>
  <c r="T52955" i="1"/>
  <c r="T52956" i="1"/>
  <c r="T52957" i="1"/>
  <c r="T52958" i="1"/>
  <c r="T52959" i="1"/>
  <c r="T52960" i="1"/>
  <c r="T52961" i="1"/>
  <c r="T52962" i="1"/>
  <c r="T52963" i="1"/>
  <c r="T52964" i="1"/>
  <c r="T52965" i="1"/>
  <c r="T52966" i="1"/>
  <c r="T52967" i="1"/>
  <c r="T52968" i="1"/>
  <c r="T52969" i="1"/>
  <c r="T52970" i="1"/>
  <c r="T52971" i="1"/>
  <c r="T52972" i="1"/>
  <c r="T52973" i="1"/>
  <c r="T52974" i="1"/>
  <c r="T52975" i="1"/>
  <c r="T52976" i="1"/>
  <c r="T52977" i="1"/>
  <c r="T52978" i="1"/>
  <c r="T52979" i="1"/>
  <c r="T52980" i="1"/>
  <c r="T52981" i="1"/>
  <c r="T52982" i="1"/>
  <c r="T52983" i="1"/>
  <c r="T52984" i="1"/>
  <c r="T52985" i="1"/>
  <c r="T52986" i="1"/>
  <c r="T52987" i="1"/>
  <c r="T52988" i="1"/>
  <c r="T52989" i="1"/>
  <c r="T52990" i="1"/>
  <c r="T52991" i="1"/>
  <c r="T52992" i="1"/>
  <c r="T52993" i="1"/>
  <c r="T52994" i="1"/>
  <c r="T52995" i="1"/>
  <c r="T52996" i="1"/>
  <c r="T52997" i="1"/>
  <c r="T52998" i="1"/>
  <c r="T52999" i="1"/>
  <c r="T53000" i="1"/>
  <c r="T53001" i="1"/>
  <c r="T53002" i="1"/>
  <c r="T53003" i="1"/>
  <c r="T53004" i="1"/>
  <c r="T53005" i="1"/>
  <c r="T53006" i="1"/>
  <c r="T53007" i="1"/>
  <c r="T53008" i="1"/>
  <c r="T53009" i="1"/>
  <c r="T53010" i="1"/>
  <c r="T53011" i="1"/>
  <c r="T53012" i="1"/>
  <c r="T53013" i="1"/>
  <c r="T53014" i="1"/>
  <c r="T53015" i="1"/>
  <c r="T53016" i="1"/>
  <c r="T53017" i="1"/>
  <c r="T53018" i="1"/>
  <c r="T53019" i="1"/>
  <c r="T53020" i="1"/>
  <c r="T53021" i="1"/>
  <c r="T53022" i="1"/>
  <c r="T53023" i="1"/>
  <c r="T53024" i="1"/>
  <c r="T53025" i="1"/>
  <c r="T53026" i="1"/>
  <c r="T53027" i="1"/>
  <c r="T53028" i="1"/>
  <c r="T53029" i="1"/>
  <c r="T53030" i="1"/>
  <c r="T53031" i="1"/>
  <c r="T53032" i="1"/>
  <c r="T53033" i="1"/>
  <c r="T53034" i="1"/>
  <c r="T53035" i="1"/>
  <c r="T53036" i="1"/>
  <c r="T53037" i="1"/>
  <c r="T53038" i="1"/>
  <c r="T53039" i="1"/>
  <c r="T53040" i="1"/>
  <c r="T53041" i="1"/>
  <c r="T53042" i="1"/>
  <c r="T53043" i="1"/>
  <c r="T53044" i="1"/>
  <c r="T53045" i="1"/>
  <c r="T53046" i="1"/>
  <c r="T53047" i="1"/>
  <c r="T53048" i="1"/>
  <c r="T53049" i="1"/>
  <c r="T53050" i="1"/>
  <c r="T53051" i="1"/>
  <c r="T53052" i="1"/>
  <c r="T53053" i="1"/>
  <c r="T53054" i="1"/>
  <c r="T53055" i="1"/>
  <c r="T53056" i="1"/>
  <c r="T53057" i="1"/>
  <c r="T53058" i="1"/>
  <c r="T53059" i="1"/>
  <c r="T53060" i="1"/>
  <c r="T53061" i="1"/>
  <c r="T53062" i="1"/>
  <c r="T53063" i="1"/>
  <c r="T53064" i="1"/>
  <c r="T53065" i="1"/>
  <c r="T53066" i="1"/>
  <c r="T53067" i="1"/>
  <c r="T53068" i="1"/>
  <c r="T53069" i="1"/>
  <c r="T53070" i="1"/>
  <c r="T53071" i="1"/>
  <c r="T53072" i="1"/>
  <c r="T53073" i="1"/>
  <c r="T53074" i="1"/>
  <c r="T53075" i="1"/>
  <c r="T53076" i="1"/>
  <c r="T53077" i="1"/>
  <c r="T53078" i="1"/>
  <c r="T53079" i="1"/>
  <c r="T53080" i="1"/>
  <c r="T53081" i="1"/>
  <c r="T53082" i="1"/>
  <c r="T53083" i="1"/>
  <c r="T53084" i="1"/>
  <c r="T53085" i="1"/>
  <c r="T53086" i="1"/>
  <c r="T53087" i="1"/>
  <c r="T53088" i="1"/>
  <c r="T53089" i="1"/>
  <c r="T53090" i="1"/>
  <c r="T53091" i="1"/>
  <c r="T53092" i="1"/>
  <c r="T53093" i="1"/>
  <c r="T53094" i="1"/>
  <c r="T53095" i="1"/>
  <c r="T53096" i="1"/>
  <c r="T53097" i="1"/>
  <c r="T53098" i="1"/>
  <c r="T53099" i="1"/>
  <c r="T53100" i="1"/>
  <c r="T53101" i="1"/>
  <c r="T53102" i="1"/>
  <c r="T53103" i="1"/>
  <c r="T53104" i="1"/>
  <c r="T53105" i="1"/>
  <c r="T53106" i="1"/>
  <c r="T53107" i="1"/>
  <c r="T53108" i="1"/>
  <c r="T53109" i="1"/>
  <c r="T53110" i="1"/>
  <c r="T53111" i="1"/>
  <c r="T53112" i="1"/>
  <c r="T53113" i="1"/>
  <c r="T53114" i="1"/>
  <c r="T53115" i="1"/>
  <c r="T53116" i="1"/>
  <c r="T53117" i="1"/>
  <c r="T53118" i="1"/>
  <c r="T53119" i="1"/>
  <c r="T53120" i="1"/>
  <c r="T53121" i="1"/>
  <c r="T53122" i="1"/>
  <c r="T53123" i="1"/>
  <c r="T53124" i="1"/>
  <c r="T53125" i="1"/>
  <c r="T53126" i="1"/>
  <c r="T53127" i="1"/>
  <c r="T53128" i="1"/>
  <c r="T53129" i="1"/>
  <c r="T53130" i="1"/>
  <c r="T53131" i="1"/>
  <c r="T53132" i="1"/>
  <c r="T53133" i="1"/>
  <c r="T53134" i="1"/>
  <c r="T53135" i="1"/>
  <c r="T53136" i="1"/>
  <c r="T53137" i="1"/>
  <c r="T53138" i="1"/>
  <c r="T53139" i="1"/>
  <c r="T53140" i="1"/>
  <c r="T53141" i="1"/>
  <c r="T53142" i="1"/>
  <c r="T53143" i="1"/>
  <c r="T53144" i="1"/>
  <c r="T53145" i="1"/>
  <c r="T53146" i="1"/>
  <c r="T53147" i="1"/>
  <c r="T53148" i="1"/>
  <c r="T53149" i="1"/>
  <c r="T53150" i="1"/>
  <c r="T53151" i="1"/>
  <c r="T53152" i="1"/>
  <c r="T53153" i="1"/>
  <c r="T53154" i="1"/>
  <c r="T53155" i="1"/>
  <c r="T53156" i="1"/>
  <c r="T53157" i="1"/>
  <c r="T53158" i="1"/>
  <c r="T53159" i="1"/>
  <c r="T53160" i="1"/>
  <c r="T53161" i="1"/>
  <c r="T53162" i="1"/>
  <c r="T53163" i="1"/>
  <c r="T53164" i="1"/>
  <c r="T53165" i="1"/>
  <c r="T53166" i="1"/>
  <c r="T53167" i="1"/>
  <c r="T53168" i="1"/>
  <c r="T53169" i="1"/>
  <c r="T53170" i="1"/>
  <c r="T53171" i="1"/>
  <c r="T53172" i="1"/>
  <c r="T53173" i="1"/>
  <c r="T53174" i="1"/>
  <c r="T53175" i="1"/>
  <c r="T53176" i="1"/>
  <c r="T53177" i="1"/>
  <c r="T53178" i="1"/>
  <c r="T53179" i="1"/>
  <c r="T53180" i="1"/>
  <c r="T53181" i="1"/>
  <c r="T53182" i="1"/>
  <c r="T53183" i="1"/>
  <c r="T53184" i="1"/>
  <c r="T53185" i="1"/>
  <c r="T53186" i="1"/>
  <c r="T53187" i="1"/>
  <c r="T53188" i="1"/>
  <c r="T53189" i="1"/>
  <c r="T53190" i="1"/>
  <c r="T53191" i="1"/>
  <c r="T53192" i="1"/>
  <c r="T53193" i="1"/>
  <c r="T53194" i="1"/>
  <c r="T53195" i="1"/>
  <c r="T53196" i="1"/>
  <c r="T53197" i="1"/>
  <c r="T53198" i="1"/>
  <c r="T53199" i="1"/>
  <c r="T53200" i="1"/>
  <c r="T53201" i="1"/>
  <c r="T53202" i="1"/>
  <c r="T53203" i="1"/>
  <c r="T53204" i="1"/>
  <c r="T53205" i="1"/>
  <c r="T53206" i="1"/>
  <c r="T53207" i="1"/>
  <c r="T53208" i="1"/>
  <c r="T53209" i="1"/>
  <c r="T53210" i="1"/>
  <c r="T53211" i="1"/>
  <c r="T53212" i="1"/>
  <c r="T53213" i="1"/>
  <c r="T53214" i="1"/>
  <c r="T53215" i="1"/>
  <c r="T53216" i="1"/>
  <c r="T53217" i="1"/>
  <c r="T53218" i="1"/>
  <c r="T53219" i="1"/>
  <c r="T53220" i="1"/>
  <c r="T53221" i="1"/>
  <c r="T53222" i="1"/>
  <c r="T53223" i="1"/>
  <c r="T53224" i="1"/>
  <c r="T53225" i="1"/>
  <c r="T53226" i="1"/>
  <c r="T53227" i="1"/>
  <c r="T53228" i="1"/>
  <c r="T53229" i="1"/>
  <c r="T53230" i="1"/>
  <c r="T53231" i="1"/>
  <c r="T53232" i="1"/>
  <c r="T53233" i="1"/>
  <c r="T53234" i="1"/>
  <c r="T53235" i="1"/>
  <c r="T53236" i="1"/>
  <c r="T53237" i="1"/>
  <c r="T53238" i="1"/>
  <c r="T53239" i="1"/>
  <c r="T53240" i="1"/>
  <c r="T53241" i="1"/>
  <c r="T53242" i="1"/>
  <c r="T53243" i="1"/>
  <c r="T53244" i="1"/>
  <c r="T53245" i="1"/>
  <c r="T53246" i="1"/>
  <c r="T53247" i="1"/>
  <c r="T53248" i="1"/>
  <c r="T53249" i="1"/>
  <c r="T53250" i="1"/>
  <c r="T53251" i="1"/>
  <c r="T53252" i="1"/>
  <c r="T53253" i="1"/>
  <c r="T53254" i="1"/>
  <c r="T53255" i="1"/>
  <c r="T53256" i="1"/>
  <c r="T53257" i="1"/>
  <c r="T53258" i="1"/>
  <c r="T53259" i="1"/>
  <c r="T53260" i="1"/>
  <c r="T53261" i="1"/>
  <c r="T53262" i="1"/>
  <c r="T53263" i="1"/>
  <c r="T53264" i="1"/>
  <c r="T53265" i="1"/>
  <c r="T53266" i="1"/>
  <c r="T53267" i="1"/>
  <c r="T53268" i="1"/>
  <c r="T53269" i="1"/>
  <c r="T53270" i="1"/>
  <c r="T53271" i="1"/>
  <c r="T53272" i="1"/>
  <c r="T53273" i="1"/>
  <c r="T53274" i="1"/>
  <c r="T53275" i="1"/>
  <c r="T53276" i="1"/>
  <c r="T53277" i="1"/>
  <c r="T53278" i="1"/>
  <c r="T53279" i="1"/>
  <c r="T53280" i="1"/>
  <c r="T53281" i="1"/>
  <c r="T53282" i="1"/>
  <c r="T53283" i="1"/>
  <c r="T53284" i="1"/>
  <c r="T53285" i="1"/>
  <c r="T53286" i="1"/>
  <c r="T53287" i="1"/>
  <c r="T53288" i="1"/>
  <c r="T53289" i="1"/>
  <c r="T53290" i="1"/>
  <c r="T53291" i="1"/>
  <c r="T53292" i="1"/>
  <c r="T53293" i="1"/>
  <c r="T53294" i="1"/>
  <c r="T53295" i="1"/>
  <c r="T53296" i="1"/>
  <c r="T53297" i="1"/>
  <c r="T53298" i="1"/>
  <c r="T53299" i="1"/>
  <c r="T53300" i="1"/>
  <c r="T53301" i="1"/>
  <c r="T53302" i="1"/>
  <c r="T53303" i="1"/>
  <c r="T53304" i="1"/>
  <c r="T53305" i="1"/>
  <c r="T53306" i="1"/>
  <c r="T53307" i="1"/>
  <c r="T53308" i="1"/>
  <c r="T53309" i="1"/>
  <c r="T53310" i="1"/>
  <c r="T53311" i="1"/>
  <c r="T53312" i="1"/>
  <c r="T53313" i="1"/>
  <c r="T53314" i="1"/>
  <c r="T53315" i="1"/>
  <c r="T53316" i="1"/>
  <c r="T53317" i="1"/>
  <c r="T53318" i="1"/>
  <c r="T53319" i="1"/>
  <c r="T53320" i="1"/>
  <c r="T53321" i="1"/>
  <c r="T53322" i="1"/>
  <c r="T53323" i="1"/>
  <c r="T53324" i="1"/>
  <c r="T53325" i="1"/>
  <c r="T53326" i="1"/>
  <c r="T53327" i="1"/>
  <c r="T53328" i="1"/>
  <c r="T53329" i="1"/>
  <c r="T53330" i="1"/>
  <c r="T53331" i="1"/>
  <c r="T53332" i="1"/>
  <c r="T53333" i="1"/>
  <c r="T53334" i="1"/>
  <c r="T53335" i="1"/>
  <c r="T53336" i="1"/>
  <c r="T53337" i="1"/>
  <c r="T53338" i="1"/>
  <c r="T53339" i="1"/>
  <c r="T53340" i="1"/>
  <c r="T53341" i="1"/>
  <c r="T53342" i="1"/>
  <c r="T53343" i="1"/>
  <c r="T53344" i="1"/>
  <c r="T53345" i="1"/>
  <c r="T53346" i="1"/>
  <c r="T53347" i="1"/>
  <c r="T53348" i="1"/>
  <c r="T53349" i="1"/>
  <c r="T53350" i="1"/>
  <c r="T53351" i="1"/>
  <c r="T53352" i="1"/>
  <c r="T53353" i="1"/>
  <c r="T53354" i="1"/>
  <c r="T53355" i="1"/>
  <c r="T53356" i="1"/>
  <c r="T53357" i="1"/>
  <c r="T53358" i="1"/>
  <c r="T53359" i="1"/>
  <c r="T53360" i="1"/>
  <c r="T53361" i="1"/>
  <c r="T53362" i="1"/>
  <c r="T53363" i="1"/>
  <c r="T53364" i="1"/>
  <c r="T53365" i="1"/>
  <c r="T53366" i="1"/>
  <c r="T53367" i="1"/>
  <c r="T53368" i="1"/>
  <c r="T53369" i="1"/>
  <c r="T53370" i="1"/>
  <c r="T53371" i="1"/>
  <c r="T53372" i="1"/>
  <c r="T53373" i="1"/>
  <c r="T53374" i="1"/>
  <c r="T53375" i="1"/>
  <c r="T53376" i="1"/>
  <c r="T53377" i="1"/>
  <c r="T53378" i="1"/>
  <c r="T53379" i="1"/>
  <c r="T53380" i="1"/>
  <c r="T53381" i="1"/>
  <c r="T53382" i="1"/>
  <c r="T53383" i="1"/>
  <c r="T53384" i="1"/>
  <c r="T53385" i="1"/>
  <c r="T53386" i="1"/>
  <c r="T53387" i="1"/>
  <c r="T53388" i="1"/>
  <c r="T53389" i="1"/>
  <c r="T53390" i="1"/>
  <c r="T53391" i="1"/>
  <c r="T53392" i="1"/>
  <c r="T53393" i="1"/>
  <c r="T53394" i="1"/>
  <c r="T53395" i="1"/>
  <c r="T53396" i="1"/>
  <c r="T53397" i="1"/>
  <c r="T53398" i="1"/>
  <c r="T53399" i="1"/>
  <c r="T53400" i="1"/>
  <c r="T53401" i="1"/>
  <c r="T53402" i="1"/>
  <c r="T53403" i="1"/>
  <c r="T53404" i="1"/>
  <c r="T53405" i="1"/>
  <c r="T53406" i="1"/>
  <c r="T53407" i="1"/>
  <c r="T53408" i="1"/>
  <c r="T53409" i="1"/>
  <c r="T53410" i="1"/>
  <c r="T53411" i="1"/>
  <c r="T53412" i="1"/>
  <c r="T53413" i="1"/>
  <c r="T53414" i="1"/>
  <c r="T53415" i="1"/>
  <c r="T53416" i="1"/>
  <c r="T53417" i="1"/>
  <c r="T53418" i="1"/>
  <c r="T53419" i="1"/>
  <c r="T53420" i="1"/>
  <c r="T53421" i="1"/>
  <c r="T53422" i="1"/>
  <c r="T53423" i="1"/>
  <c r="T53424" i="1"/>
  <c r="T53425" i="1"/>
  <c r="T53426" i="1"/>
  <c r="T53427" i="1"/>
  <c r="T53428" i="1"/>
  <c r="T53429" i="1"/>
  <c r="T53430" i="1"/>
  <c r="T53431" i="1"/>
  <c r="T53432" i="1"/>
  <c r="T53433" i="1"/>
  <c r="T53434" i="1"/>
  <c r="T53435" i="1"/>
  <c r="T53436" i="1"/>
  <c r="T53437" i="1"/>
  <c r="T53438" i="1"/>
  <c r="T53439" i="1"/>
  <c r="T53440" i="1"/>
  <c r="T53441" i="1"/>
  <c r="T53442" i="1"/>
  <c r="T53443" i="1"/>
  <c r="T53444" i="1"/>
  <c r="T53445" i="1"/>
  <c r="T53446" i="1"/>
  <c r="T53447" i="1"/>
  <c r="T53448" i="1"/>
  <c r="T53449" i="1"/>
  <c r="T53450" i="1"/>
  <c r="T53451" i="1"/>
  <c r="T53452" i="1"/>
  <c r="T53453" i="1"/>
  <c r="T53454" i="1"/>
  <c r="T53455" i="1"/>
  <c r="T53456" i="1"/>
  <c r="T53457" i="1"/>
  <c r="T53458" i="1"/>
  <c r="T53459" i="1"/>
  <c r="T53460" i="1"/>
  <c r="T53461" i="1"/>
  <c r="T53462" i="1"/>
  <c r="T53463" i="1"/>
  <c r="T53464" i="1"/>
  <c r="T53465" i="1"/>
  <c r="T53466" i="1"/>
  <c r="T53467" i="1"/>
  <c r="T53468" i="1"/>
  <c r="T53469" i="1"/>
  <c r="T53470" i="1"/>
  <c r="T53471" i="1"/>
  <c r="T53472" i="1"/>
  <c r="T53473" i="1"/>
  <c r="T53474" i="1"/>
  <c r="T53475" i="1"/>
  <c r="T53476" i="1"/>
  <c r="T53477" i="1"/>
  <c r="T53478" i="1"/>
  <c r="T53479" i="1"/>
  <c r="T53480" i="1"/>
  <c r="T53481" i="1"/>
  <c r="T53482" i="1"/>
  <c r="T53483" i="1"/>
  <c r="T53484" i="1"/>
  <c r="T53485" i="1"/>
  <c r="T53486" i="1"/>
  <c r="T53487" i="1"/>
  <c r="T53488" i="1"/>
  <c r="T53489" i="1"/>
  <c r="T53490" i="1"/>
  <c r="T53491" i="1"/>
  <c r="T53492" i="1"/>
  <c r="T53493" i="1"/>
  <c r="T53494" i="1"/>
  <c r="T53495" i="1"/>
  <c r="T53496" i="1"/>
  <c r="T53497" i="1"/>
  <c r="T53498" i="1"/>
  <c r="T53499" i="1"/>
  <c r="T53500" i="1"/>
  <c r="T53501" i="1"/>
  <c r="T53502" i="1"/>
  <c r="T53503" i="1"/>
  <c r="T53504" i="1"/>
  <c r="T53505" i="1"/>
  <c r="T53506" i="1"/>
  <c r="T53507" i="1"/>
  <c r="T53508" i="1"/>
  <c r="T53509" i="1"/>
  <c r="T53510" i="1"/>
  <c r="T53511" i="1"/>
  <c r="T53512" i="1"/>
  <c r="T53513" i="1"/>
  <c r="T53514" i="1"/>
  <c r="T53515" i="1"/>
  <c r="T53516" i="1"/>
  <c r="T53517" i="1"/>
  <c r="T53518" i="1"/>
  <c r="T53519" i="1"/>
  <c r="T53520" i="1"/>
  <c r="T53521" i="1"/>
  <c r="T53522" i="1"/>
  <c r="T53523" i="1"/>
  <c r="T53524" i="1"/>
  <c r="T53525" i="1"/>
  <c r="T53526" i="1"/>
  <c r="T53527" i="1"/>
  <c r="T53528" i="1"/>
  <c r="T53529" i="1"/>
  <c r="T53530" i="1"/>
  <c r="T53531" i="1"/>
  <c r="T53532" i="1"/>
  <c r="T53533" i="1"/>
  <c r="T53534" i="1"/>
  <c r="T53535" i="1"/>
  <c r="T53536" i="1"/>
  <c r="T53537" i="1"/>
  <c r="T53538" i="1"/>
  <c r="T53539" i="1"/>
  <c r="T53540" i="1"/>
  <c r="T53541" i="1"/>
  <c r="T53542" i="1"/>
  <c r="T53543" i="1"/>
  <c r="T53544" i="1"/>
  <c r="T53545" i="1"/>
  <c r="T53546" i="1"/>
  <c r="T53547" i="1"/>
  <c r="T53548" i="1"/>
  <c r="T53549" i="1"/>
  <c r="T53550" i="1"/>
  <c r="T53551" i="1"/>
  <c r="T53552" i="1"/>
  <c r="T53553" i="1"/>
  <c r="T53554" i="1"/>
  <c r="T53555" i="1"/>
  <c r="T53556" i="1"/>
  <c r="T53557" i="1"/>
  <c r="T53558" i="1"/>
  <c r="T53559" i="1"/>
  <c r="T53560" i="1"/>
  <c r="T53561" i="1"/>
  <c r="T53562" i="1"/>
  <c r="T53563" i="1"/>
  <c r="T53564" i="1"/>
  <c r="T53565" i="1"/>
  <c r="T53566" i="1"/>
  <c r="T53567" i="1"/>
  <c r="T53568" i="1"/>
  <c r="T53569" i="1"/>
  <c r="T53570" i="1"/>
  <c r="T53571" i="1"/>
  <c r="T53572" i="1"/>
  <c r="T53573" i="1"/>
  <c r="T53574" i="1"/>
  <c r="T53575" i="1"/>
  <c r="T53576" i="1"/>
  <c r="T53577" i="1"/>
  <c r="T53578" i="1"/>
  <c r="T53579" i="1"/>
  <c r="T53580" i="1"/>
  <c r="T53581" i="1"/>
  <c r="T53582" i="1"/>
  <c r="T53583" i="1"/>
  <c r="T53584" i="1"/>
  <c r="T53585" i="1"/>
  <c r="T53586" i="1"/>
  <c r="T53587" i="1"/>
  <c r="T53588" i="1"/>
  <c r="T53589" i="1"/>
  <c r="T53590" i="1"/>
  <c r="T53591" i="1"/>
  <c r="T53592" i="1"/>
  <c r="T53593" i="1"/>
  <c r="T53594" i="1"/>
  <c r="T53595" i="1"/>
  <c r="T53596" i="1"/>
  <c r="T53597" i="1"/>
  <c r="T53598" i="1"/>
  <c r="T53599" i="1"/>
  <c r="T53600" i="1"/>
  <c r="T53601" i="1"/>
  <c r="T53602" i="1"/>
  <c r="T53603" i="1"/>
  <c r="T53604" i="1"/>
  <c r="T53605" i="1"/>
  <c r="T53606" i="1"/>
  <c r="T53607" i="1"/>
  <c r="T53608" i="1"/>
  <c r="T53609" i="1"/>
  <c r="T53610" i="1"/>
  <c r="T53611" i="1"/>
  <c r="T53612" i="1"/>
  <c r="T53613" i="1"/>
  <c r="T53614" i="1"/>
  <c r="T53615" i="1"/>
  <c r="T53616" i="1"/>
  <c r="T53617" i="1"/>
  <c r="T53618" i="1"/>
  <c r="T53619" i="1"/>
  <c r="T53620" i="1"/>
  <c r="T53621" i="1"/>
  <c r="T53622" i="1"/>
  <c r="T53623" i="1"/>
  <c r="T53624" i="1"/>
  <c r="T53625" i="1"/>
  <c r="T53626" i="1"/>
  <c r="T53627" i="1"/>
  <c r="T53628" i="1"/>
  <c r="T53629" i="1"/>
  <c r="T53630" i="1"/>
  <c r="T53631" i="1"/>
  <c r="T53632" i="1"/>
  <c r="T53633" i="1"/>
  <c r="T53634" i="1"/>
  <c r="T53635" i="1"/>
  <c r="T53636" i="1"/>
  <c r="T53637" i="1"/>
  <c r="T53638" i="1"/>
  <c r="T53639" i="1"/>
  <c r="T53640" i="1"/>
  <c r="T53641" i="1"/>
  <c r="T53642" i="1"/>
  <c r="T53643" i="1"/>
  <c r="T53644" i="1"/>
  <c r="T53645" i="1"/>
  <c r="T53646" i="1"/>
  <c r="T53647" i="1"/>
  <c r="T53648" i="1"/>
  <c r="T53649" i="1"/>
  <c r="T53650" i="1"/>
  <c r="T53651" i="1"/>
  <c r="T53652" i="1"/>
  <c r="T53653" i="1"/>
  <c r="T53654" i="1"/>
  <c r="T53655" i="1"/>
  <c r="T53656" i="1"/>
  <c r="T53657" i="1"/>
  <c r="T53658" i="1"/>
  <c r="T53659" i="1"/>
  <c r="T53660" i="1"/>
  <c r="T53661" i="1"/>
  <c r="T53662" i="1"/>
  <c r="T53663" i="1"/>
  <c r="T53664" i="1"/>
  <c r="T53665" i="1"/>
  <c r="T53666" i="1"/>
  <c r="T53667" i="1"/>
  <c r="T53668" i="1"/>
  <c r="T53669" i="1"/>
  <c r="T53670" i="1"/>
  <c r="T53671" i="1"/>
  <c r="T53672" i="1"/>
  <c r="T53673" i="1"/>
  <c r="T53674" i="1"/>
  <c r="T53675" i="1"/>
  <c r="T53676" i="1"/>
  <c r="T53677" i="1"/>
  <c r="T53678" i="1"/>
  <c r="T53679" i="1"/>
  <c r="T53680" i="1"/>
  <c r="T53681" i="1"/>
  <c r="T53682" i="1"/>
  <c r="T53683" i="1"/>
  <c r="T53684" i="1"/>
  <c r="T53685" i="1"/>
  <c r="T53686" i="1"/>
  <c r="T53687" i="1"/>
  <c r="T53688" i="1"/>
  <c r="T53689" i="1"/>
  <c r="T53690" i="1"/>
  <c r="T53691" i="1"/>
  <c r="T53692" i="1"/>
  <c r="T53693" i="1"/>
  <c r="T53694" i="1"/>
  <c r="T53695" i="1"/>
  <c r="T53696" i="1"/>
  <c r="T53697" i="1"/>
  <c r="T53698" i="1"/>
  <c r="T53699" i="1"/>
  <c r="T53700" i="1"/>
  <c r="T53701" i="1"/>
  <c r="T53702" i="1"/>
  <c r="T53703" i="1"/>
  <c r="T53704" i="1"/>
  <c r="T53705" i="1"/>
  <c r="T53706" i="1"/>
  <c r="T53707" i="1"/>
  <c r="T53708" i="1"/>
  <c r="T53709" i="1"/>
  <c r="T53710" i="1"/>
  <c r="T53711" i="1"/>
  <c r="T53712" i="1"/>
  <c r="T53713" i="1"/>
  <c r="T53714" i="1"/>
  <c r="T53715" i="1"/>
  <c r="T53716" i="1"/>
  <c r="T53717" i="1"/>
  <c r="T53718" i="1"/>
  <c r="T53719" i="1"/>
  <c r="T53720" i="1"/>
  <c r="T53721" i="1"/>
  <c r="T53722" i="1"/>
  <c r="T53723" i="1"/>
  <c r="T53724" i="1"/>
  <c r="T53725" i="1"/>
  <c r="T53726" i="1"/>
  <c r="T53727" i="1"/>
  <c r="T53728" i="1"/>
  <c r="T53729" i="1"/>
  <c r="T53730" i="1"/>
  <c r="T53731" i="1"/>
  <c r="T53732" i="1"/>
  <c r="T53733" i="1"/>
  <c r="T53734" i="1"/>
  <c r="T53735" i="1"/>
  <c r="T53736" i="1"/>
  <c r="T53737" i="1"/>
  <c r="T53738" i="1"/>
  <c r="T53739" i="1"/>
  <c r="T53740" i="1"/>
  <c r="T53741" i="1"/>
  <c r="T53742" i="1"/>
  <c r="T53743" i="1"/>
  <c r="T53744" i="1"/>
  <c r="T53745" i="1"/>
  <c r="T53746" i="1"/>
  <c r="T53747" i="1"/>
  <c r="T53748" i="1"/>
  <c r="T53749" i="1"/>
  <c r="T53750" i="1"/>
  <c r="T53751" i="1"/>
  <c r="T53752" i="1"/>
  <c r="T53753" i="1"/>
  <c r="T53754" i="1"/>
  <c r="T53755" i="1"/>
  <c r="T53756" i="1"/>
  <c r="T53757" i="1"/>
  <c r="T53758" i="1"/>
  <c r="T53759" i="1"/>
  <c r="T53760" i="1"/>
  <c r="T53761" i="1"/>
  <c r="T53762" i="1"/>
  <c r="T53763" i="1"/>
  <c r="T53764" i="1"/>
  <c r="T53765" i="1"/>
  <c r="T53766" i="1"/>
  <c r="T53767" i="1"/>
  <c r="T53768" i="1"/>
  <c r="T53769" i="1"/>
  <c r="T53770" i="1"/>
  <c r="T53771" i="1"/>
  <c r="T53772" i="1"/>
  <c r="T53773" i="1"/>
  <c r="T53774" i="1"/>
  <c r="T53775" i="1"/>
  <c r="T53776" i="1"/>
  <c r="T53777" i="1"/>
  <c r="T53778" i="1"/>
  <c r="T53779" i="1"/>
  <c r="T53780" i="1"/>
  <c r="T53781" i="1"/>
  <c r="T53782" i="1"/>
  <c r="T53783" i="1"/>
  <c r="T53784" i="1"/>
  <c r="T53785" i="1"/>
  <c r="T53786" i="1"/>
  <c r="T53787" i="1"/>
  <c r="T53788" i="1"/>
  <c r="T53789" i="1"/>
  <c r="T53790" i="1"/>
  <c r="T53791" i="1"/>
  <c r="T53792" i="1"/>
  <c r="T53793" i="1"/>
  <c r="T53794" i="1"/>
  <c r="T53795" i="1"/>
  <c r="T53796" i="1"/>
  <c r="T53797" i="1"/>
  <c r="T53798" i="1"/>
  <c r="T53799" i="1"/>
  <c r="T53800" i="1"/>
  <c r="T53801" i="1"/>
  <c r="T53802" i="1"/>
  <c r="T53803" i="1"/>
  <c r="T53804" i="1"/>
  <c r="T53805" i="1"/>
  <c r="T53806" i="1"/>
  <c r="T53807" i="1"/>
  <c r="T53808" i="1"/>
  <c r="T53809" i="1"/>
  <c r="T53810" i="1"/>
  <c r="T53811" i="1"/>
  <c r="T53812" i="1"/>
  <c r="T53813" i="1"/>
  <c r="T53814" i="1"/>
  <c r="T53815" i="1"/>
  <c r="T53816" i="1"/>
  <c r="T53817" i="1"/>
  <c r="T53818" i="1"/>
  <c r="T53819" i="1"/>
  <c r="T53820" i="1"/>
  <c r="T53821" i="1"/>
  <c r="T53822" i="1"/>
  <c r="T53823" i="1"/>
  <c r="T53824" i="1"/>
  <c r="T53825" i="1"/>
  <c r="T53826" i="1"/>
  <c r="T53827" i="1"/>
  <c r="T53828" i="1"/>
  <c r="T53829" i="1"/>
  <c r="T53830" i="1"/>
  <c r="T53831" i="1"/>
  <c r="T53832" i="1"/>
  <c r="T53833" i="1"/>
  <c r="T53834" i="1"/>
  <c r="T53835" i="1"/>
  <c r="T53836" i="1"/>
  <c r="T53837" i="1"/>
  <c r="T53838" i="1"/>
  <c r="T53839" i="1"/>
  <c r="T53840" i="1"/>
  <c r="T53841" i="1"/>
  <c r="T53842" i="1"/>
  <c r="T53843" i="1"/>
  <c r="T53844" i="1"/>
  <c r="T53845" i="1"/>
  <c r="T53846" i="1"/>
  <c r="T53847" i="1"/>
  <c r="T53848" i="1"/>
  <c r="T53849" i="1"/>
  <c r="T53850" i="1"/>
  <c r="T53851" i="1"/>
  <c r="T53852" i="1"/>
  <c r="T53853" i="1"/>
  <c r="T53854" i="1"/>
  <c r="T53855" i="1"/>
  <c r="T53856" i="1"/>
  <c r="T53857" i="1"/>
  <c r="T53858" i="1"/>
  <c r="T53859" i="1"/>
  <c r="T53860" i="1"/>
  <c r="T53861" i="1"/>
  <c r="T53862" i="1"/>
  <c r="T53863" i="1"/>
  <c r="T53864" i="1"/>
  <c r="T53865" i="1"/>
  <c r="T53866" i="1"/>
  <c r="T53867" i="1"/>
  <c r="T53868" i="1"/>
  <c r="T53869" i="1"/>
  <c r="T53870" i="1"/>
  <c r="T53871" i="1"/>
  <c r="T53872" i="1"/>
  <c r="T53873" i="1"/>
  <c r="T53874" i="1"/>
  <c r="T53875" i="1"/>
  <c r="T53876" i="1"/>
  <c r="T53877" i="1"/>
  <c r="T53878" i="1"/>
  <c r="T53879" i="1"/>
  <c r="T53880" i="1"/>
  <c r="T53881" i="1"/>
  <c r="T53882" i="1"/>
  <c r="T53883" i="1"/>
  <c r="T53884" i="1"/>
  <c r="T53885" i="1"/>
  <c r="T53886" i="1"/>
  <c r="T53887" i="1"/>
  <c r="T53888" i="1"/>
  <c r="T53889" i="1"/>
  <c r="T53890" i="1"/>
  <c r="T53891" i="1"/>
  <c r="T53892" i="1"/>
  <c r="T53893" i="1"/>
  <c r="T53894" i="1"/>
  <c r="T53895" i="1"/>
  <c r="T53896" i="1"/>
  <c r="T53897" i="1"/>
  <c r="T53898" i="1"/>
  <c r="T53899" i="1"/>
  <c r="T53900" i="1"/>
  <c r="T53901" i="1"/>
  <c r="T53902" i="1"/>
  <c r="T53903" i="1"/>
  <c r="T53904" i="1"/>
  <c r="T53905" i="1"/>
  <c r="T53906" i="1"/>
  <c r="T53907" i="1"/>
  <c r="T53908" i="1"/>
  <c r="T53909" i="1"/>
  <c r="T53910" i="1"/>
  <c r="T53911" i="1"/>
  <c r="T53912" i="1"/>
  <c r="T53913" i="1"/>
  <c r="T53914" i="1"/>
  <c r="T53915" i="1"/>
  <c r="T53916" i="1"/>
  <c r="T53917" i="1"/>
  <c r="T53918" i="1"/>
  <c r="T53919" i="1"/>
  <c r="T53920" i="1"/>
  <c r="T53921" i="1"/>
  <c r="T53922" i="1"/>
  <c r="T53923" i="1"/>
  <c r="T53924" i="1"/>
  <c r="T53925" i="1"/>
  <c r="T53926" i="1"/>
  <c r="T53927" i="1"/>
  <c r="T53928" i="1"/>
  <c r="T53929" i="1"/>
  <c r="T53930" i="1"/>
  <c r="T53931" i="1"/>
  <c r="T53932" i="1"/>
  <c r="T53933" i="1"/>
  <c r="T53934" i="1"/>
  <c r="T53935" i="1"/>
  <c r="T53936" i="1"/>
  <c r="T53937" i="1"/>
  <c r="T53938" i="1"/>
  <c r="T53939" i="1"/>
  <c r="T53940" i="1"/>
  <c r="T53941" i="1"/>
  <c r="T53942" i="1"/>
  <c r="T53943" i="1"/>
  <c r="T53944" i="1"/>
  <c r="T53945" i="1"/>
  <c r="T53946" i="1"/>
  <c r="T53947" i="1"/>
  <c r="T53948" i="1"/>
  <c r="T53949" i="1"/>
  <c r="T53950" i="1"/>
  <c r="T53951" i="1"/>
  <c r="T53952" i="1"/>
  <c r="T53953" i="1"/>
  <c r="T53954" i="1"/>
  <c r="T53955" i="1"/>
  <c r="T53956" i="1"/>
  <c r="T53957" i="1"/>
  <c r="T53958" i="1"/>
  <c r="T53959" i="1"/>
  <c r="T53960" i="1"/>
  <c r="T53961" i="1"/>
  <c r="T53962" i="1"/>
  <c r="T53963" i="1"/>
  <c r="T53964" i="1"/>
  <c r="T53965" i="1"/>
  <c r="T53966" i="1"/>
  <c r="T53967" i="1"/>
  <c r="T53968" i="1"/>
  <c r="T53969" i="1"/>
  <c r="T53970" i="1"/>
  <c r="T53971" i="1"/>
  <c r="T53972" i="1"/>
  <c r="T53973" i="1"/>
  <c r="T53974" i="1"/>
  <c r="T53975" i="1"/>
  <c r="T53976" i="1"/>
  <c r="T53977" i="1"/>
  <c r="T53978" i="1"/>
  <c r="T53979" i="1"/>
  <c r="T53980" i="1"/>
  <c r="T53981" i="1"/>
  <c r="T53982" i="1"/>
  <c r="T53983" i="1"/>
  <c r="T53984" i="1"/>
  <c r="T53985" i="1"/>
  <c r="T53986" i="1"/>
  <c r="T53987" i="1"/>
  <c r="T53988" i="1"/>
  <c r="T53989" i="1"/>
  <c r="T53990" i="1"/>
  <c r="T53991" i="1"/>
  <c r="T53992" i="1"/>
  <c r="T53993" i="1"/>
  <c r="T53994" i="1"/>
  <c r="T53995" i="1"/>
  <c r="T53996" i="1"/>
  <c r="T53997" i="1"/>
  <c r="T53998" i="1"/>
  <c r="T53999" i="1"/>
  <c r="T54000" i="1"/>
  <c r="T54001" i="1"/>
  <c r="T54002" i="1"/>
  <c r="T54003" i="1"/>
  <c r="T54004" i="1"/>
  <c r="T54005" i="1"/>
  <c r="T54006" i="1"/>
  <c r="T54007" i="1"/>
  <c r="T54008" i="1"/>
  <c r="T54009" i="1"/>
  <c r="T54010" i="1"/>
  <c r="T54011" i="1"/>
  <c r="T54012" i="1"/>
  <c r="T54013" i="1"/>
  <c r="T54014" i="1"/>
  <c r="T54015" i="1"/>
  <c r="T54016" i="1"/>
  <c r="T54017" i="1"/>
  <c r="T54018" i="1"/>
  <c r="T54019" i="1"/>
  <c r="T54020" i="1"/>
  <c r="T54021" i="1"/>
  <c r="T54022" i="1"/>
  <c r="T54023" i="1"/>
  <c r="T54024" i="1"/>
  <c r="T54025" i="1"/>
  <c r="T54026" i="1"/>
  <c r="T54027" i="1"/>
  <c r="T54028" i="1"/>
  <c r="T54029" i="1"/>
  <c r="T54030" i="1"/>
  <c r="T54031" i="1"/>
  <c r="T54032" i="1"/>
  <c r="T54033" i="1"/>
  <c r="T54034" i="1"/>
  <c r="T54035" i="1"/>
  <c r="T54036" i="1"/>
  <c r="T54037" i="1"/>
  <c r="T54038" i="1"/>
  <c r="T54039" i="1"/>
  <c r="T54040" i="1"/>
  <c r="T54041" i="1"/>
  <c r="T54042" i="1"/>
  <c r="T54043" i="1"/>
  <c r="T54044" i="1"/>
  <c r="T54045" i="1"/>
  <c r="T54046" i="1"/>
  <c r="T54047" i="1"/>
  <c r="T54048" i="1"/>
  <c r="T54049" i="1"/>
  <c r="T54050" i="1"/>
  <c r="T54051" i="1"/>
  <c r="T54052" i="1"/>
  <c r="T54053" i="1"/>
  <c r="T54054" i="1"/>
  <c r="T54055" i="1"/>
  <c r="T54056" i="1"/>
  <c r="T54057" i="1"/>
  <c r="T54058" i="1"/>
  <c r="T54059" i="1"/>
  <c r="T54060" i="1"/>
  <c r="T54061" i="1"/>
  <c r="T54062" i="1"/>
  <c r="T54063" i="1"/>
  <c r="T54064" i="1"/>
  <c r="T54065" i="1"/>
  <c r="T54066" i="1"/>
  <c r="T54067" i="1"/>
  <c r="T54068" i="1"/>
  <c r="T54069" i="1"/>
  <c r="T54070" i="1"/>
  <c r="T54071" i="1"/>
  <c r="T54072" i="1"/>
  <c r="T54073" i="1"/>
  <c r="T54074" i="1"/>
  <c r="T54075" i="1"/>
  <c r="T54076" i="1"/>
  <c r="T54077" i="1"/>
  <c r="T54078" i="1"/>
  <c r="T54079" i="1"/>
  <c r="T54080" i="1"/>
  <c r="T54081" i="1"/>
  <c r="T54082" i="1"/>
  <c r="T54083" i="1"/>
  <c r="T54084" i="1"/>
  <c r="T54085" i="1"/>
  <c r="T54086" i="1"/>
  <c r="T54087" i="1"/>
  <c r="T54088" i="1"/>
  <c r="T54089" i="1"/>
  <c r="T54090" i="1"/>
  <c r="T54091" i="1"/>
  <c r="T54092" i="1"/>
  <c r="T54093" i="1"/>
  <c r="T54094" i="1"/>
  <c r="T54095" i="1"/>
  <c r="T54096" i="1"/>
  <c r="T54097" i="1"/>
  <c r="T54098" i="1"/>
  <c r="T54099" i="1"/>
  <c r="T54100" i="1"/>
  <c r="T54101" i="1"/>
  <c r="T54102" i="1"/>
  <c r="T54103" i="1"/>
  <c r="T54104" i="1"/>
  <c r="T54105" i="1"/>
  <c r="T54106" i="1"/>
  <c r="T54107" i="1"/>
  <c r="T54108" i="1"/>
  <c r="T54109" i="1"/>
  <c r="T54110" i="1"/>
  <c r="T54111" i="1"/>
  <c r="T54112" i="1"/>
  <c r="T54113" i="1"/>
  <c r="T54114" i="1"/>
  <c r="T54115" i="1"/>
  <c r="T54116" i="1"/>
  <c r="T54117" i="1"/>
  <c r="T54118" i="1"/>
  <c r="T54119" i="1"/>
  <c r="T54120" i="1"/>
  <c r="T54121" i="1"/>
  <c r="T54122" i="1"/>
  <c r="T54123" i="1"/>
  <c r="T54124" i="1"/>
  <c r="T54125" i="1"/>
  <c r="T54126" i="1"/>
  <c r="T54127" i="1"/>
  <c r="T54128" i="1"/>
  <c r="T54129" i="1"/>
  <c r="T54130" i="1"/>
  <c r="T54131" i="1"/>
  <c r="T54132" i="1"/>
  <c r="T54133" i="1"/>
  <c r="T54134" i="1"/>
  <c r="T54135" i="1"/>
  <c r="T54136" i="1"/>
  <c r="T54137" i="1"/>
  <c r="T54138" i="1"/>
  <c r="T54139" i="1"/>
  <c r="T54140" i="1"/>
  <c r="T54141" i="1"/>
  <c r="T54142" i="1"/>
  <c r="T54143" i="1"/>
  <c r="T54144" i="1"/>
  <c r="T54145" i="1"/>
  <c r="T54146" i="1"/>
  <c r="T54147" i="1"/>
  <c r="T54148" i="1"/>
  <c r="T54149" i="1"/>
  <c r="T54150" i="1"/>
  <c r="T54151" i="1"/>
  <c r="T54152" i="1"/>
  <c r="T54153" i="1"/>
  <c r="T54154" i="1"/>
  <c r="T54155" i="1"/>
  <c r="T54156" i="1"/>
  <c r="T54157" i="1"/>
  <c r="T54158" i="1"/>
  <c r="T54159" i="1"/>
  <c r="T54160" i="1"/>
  <c r="T54161" i="1"/>
  <c r="T54162" i="1"/>
  <c r="T54163" i="1"/>
  <c r="T54164" i="1"/>
  <c r="T54165" i="1"/>
  <c r="T54166" i="1"/>
  <c r="T54167" i="1"/>
  <c r="T54168" i="1"/>
  <c r="T54169" i="1"/>
  <c r="T54170" i="1"/>
  <c r="T54171" i="1"/>
  <c r="T54172" i="1"/>
  <c r="T54173" i="1"/>
  <c r="T54174" i="1"/>
  <c r="T54175" i="1"/>
  <c r="T54176" i="1"/>
  <c r="T54177" i="1"/>
  <c r="T54178" i="1"/>
  <c r="T54179" i="1"/>
  <c r="T54180" i="1"/>
  <c r="T54181" i="1"/>
  <c r="T54182" i="1"/>
  <c r="T54183" i="1"/>
  <c r="T54184" i="1"/>
  <c r="T54185" i="1"/>
  <c r="T54186" i="1"/>
  <c r="T54187" i="1"/>
  <c r="T54188" i="1"/>
  <c r="T54189" i="1"/>
  <c r="T54190" i="1"/>
  <c r="T54191" i="1"/>
  <c r="T54192" i="1"/>
  <c r="T54193" i="1"/>
  <c r="T54194" i="1"/>
  <c r="T54195" i="1"/>
  <c r="T54196" i="1"/>
  <c r="T54197" i="1"/>
  <c r="T54198" i="1"/>
  <c r="T54199" i="1"/>
  <c r="T54200" i="1"/>
  <c r="T54201" i="1"/>
  <c r="T54202" i="1"/>
  <c r="T54203" i="1"/>
  <c r="T54204" i="1"/>
  <c r="T54205" i="1"/>
  <c r="T54206" i="1"/>
  <c r="T54207" i="1"/>
  <c r="T54208" i="1"/>
  <c r="T54209" i="1"/>
  <c r="T54210" i="1"/>
  <c r="T54211" i="1"/>
  <c r="T54212" i="1"/>
  <c r="T54213" i="1"/>
  <c r="T54214" i="1"/>
  <c r="T54215" i="1"/>
  <c r="T54216" i="1"/>
  <c r="T54217" i="1"/>
  <c r="T54218" i="1"/>
  <c r="T54219" i="1"/>
  <c r="T54220" i="1"/>
  <c r="T54221" i="1"/>
  <c r="T54222" i="1"/>
  <c r="T54223" i="1"/>
  <c r="T54224" i="1"/>
  <c r="T54225" i="1"/>
  <c r="T54226" i="1"/>
  <c r="T54227" i="1"/>
  <c r="T54228" i="1"/>
  <c r="T54229" i="1"/>
  <c r="T54230" i="1"/>
  <c r="T54231" i="1"/>
  <c r="T54232" i="1"/>
  <c r="T54233" i="1"/>
  <c r="T54234" i="1"/>
  <c r="T54235" i="1"/>
  <c r="T54236" i="1"/>
  <c r="T54237" i="1"/>
  <c r="T54238" i="1"/>
  <c r="T54239" i="1"/>
  <c r="T54240" i="1"/>
  <c r="T54241" i="1"/>
  <c r="T54242" i="1"/>
  <c r="T54243" i="1"/>
  <c r="T54244" i="1"/>
  <c r="T54245" i="1"/>
  <c r="T54246" i="1"/>
  <c r="T54247" i="1"/>
  <c r="T54248" i="1"/>
  <c r="T54249" i="1"/>
  <c r="T54250" i="1"/>
  <c r="T54251" i="1"/>
  <c r="T54252" i="1"/>
  <c r="T54253" i="1"/>
  <c r="T54254" i="1"/>
  <c r="T54255" i="1"/>
  <c r="T54256" i="1"/>
  <c r="T54257" i="1"/>
  <c r="T54258" i="1"/>
  <c r="T54259" i="1"/>
  <c r="T54260" i="1"/>
  <c r="T54261" i="1"/>
  <c r="T54262" i="1"/>
  <c r="T54263" i="1"/>
  <c r="T54264" i="1"/>
  <c r="T54265" i="1"/>
  <c r="T54266" i="1"/>
  <c r="T54267" i="1"/>
  <c r="T54268" i="1"/>
  <c r="T54269" i="1"/>
  <c r="T54270" i="1"/>
  <c r="T54271" i="1"/>
  <c r="T54272" i="1"/>
  <c r="T54273" i="1"/>
  <c r="T54274" i="1"/>
  <c r="T54275" i="1"/>
  <c r="T54276" i="1"/>
  <c r="T54277" i="1"/>
  <c r="T54278" i="1"/>
  <c r="T54279" i="1"/>
  <c r="T54280" i="1"/>
  <c r="T54281" i="1"/>
  <c r="T54282" i="1"/>
  <c r="T54283" i="1"/>
  <c r="T54284" i="1"/>
  <c r="T54285" i="1"/>
  <c r="T54286" i="1"/>
  <c r="T54287" i="1"/>
  <c r="T54288" i="1"/>
  <c r="T54289" i="1"/>
  <c r="T54290" i="1"/>
  <c r="T54291" i="1"/>
  <c r="T54292" i="1"/>
  <c r="T54293" i="1"/>
  <c r="T54294" i="1"/>
  <c r="T54295" i="1"/>
  <c r="T54296" i="1"/>
  <c r="T54297" i="1"/>
  <c r="T54298" i="1"/>
  <c r="T54299" i="1"/>
  <c r="T54300" i="1"/>
  <c r="T54301" i="1"/>
  <c r="T54302" i="1"/>
  <c r="T54303" i="1"/>
  <c r="T54304" i="1"/>
  <c r="T54305" i="1"/>
  <c r="T54306" i="1"/>
  <c r="T54307" i="1"/>
  <c r="T54308" i="1"/>
  <c r="T54309" i="1"/>
  <c r="T54310" i="1"/>
  <c r="T54311" i="1"/>
  <c r="T54312" i="1"/>
  <c r="T54313" i="1"/>
  <c r="T54314" i="1"/>
  <c r="T54315" i="1"/>
  <c r="T54316" i="1"/>
  <c r="T54317" i="1"/>
  <c r="T54318" i="1"/>
  <c r="T54319" i="1"/>
  <c r="T54320" i="1"/>
  <c r="T54321" i="1"/>
  <c r="T54322" i="1"/>
  <c r="T54323" i="1"/>
  <c r="T54324" i="1"/>
  <c r="T54325" i="1"/>
  <c r="T54326" i="1"/>
  <c r="T54327" i="1"/>
  <c r="T54328" i="1"/>
  <c r="T54329" i="1"/>
  <c r="T54330" i="1"/>
  <c r="T54331" i="1"/>
  <c r="T54332" i="1"/>
  <c r="T54333" i="1"/>
  <c r="T54334" i="1"/>
  <c r="T54335" i="1"/>
  <c r="T54336" i="1"/>
  <c r="T54337" i="1"/>
  <c r="T54338" i="1"/>
  <c r="T54339" i="1"/>
  <c r="T54340" i="1"/>
  <c r="T54341" i="1"/>
  <c r="T54342" i="1"/>
  <c r="T54343" i="1"/>
  <c r="T54344" i="1"/>
  <c r="T54345" i="1"/>
  <c r="T54346" i="1"/>
  <c r="T54347" i="1"/>
  <c r="T54348" i="1"/>
  <c r="T54349" i="1"/>
  <c r="T54350" i="1"/>
  <c r="T54351" i="1"/>
  <c r="T54352" i="1"/>
  <c r="T54353" i="1"/>
  <c r="T54354" i="1"/>
  <c r="T54355" i="1"/>
  <c r="T54356" i="1"/>
  <c r="T54357" i="1"/>
  <c r="T54358" i="1"/>
  <c r="T54359" i="1"/>
  <c r="T54360" i="1"/>
  <c r="T54361" i="1"/>
  <c r="T54362" i="1"/>
  <c r="T54363" i="1"/>
  <c r="T54364" i="1"/>
  <c r="T54365" i="1"/>
  <c r="T54366" i="1"/>
  <c r="T54367" i="1"/>
  <c r="T54368" i="1"/>
  <c r="T54369" i="1"/>
  <c r="T54370" i="1"/>
  <c r="T54371" i="1"/>
  <c r="T54372" i="1"/>
  <c r="T54373" i="1"/>
  <c r="T54374" i="1"/>
  <c r="T54375" i="1"/>
  <c r="T54376" i="1"/>
  <c r="T54377" i="1"/>
  <c r="T54378" i="1"/>
  <c r="T54379" i="1"/>
  <c r="T54380" i="1"/>
  <c r="T54381" i="1"/>
  <c r="T54382" i="1"/>
  <c r="T54383" i="1"/>
  <c r="T54384" i="1"/>
  <c r="T54385" i="1"/>
  <c r="T54386" i="1"/>
  <c r="T54387" i="1"/>
  <c r="T54388" i="1"/>
  <c r="T54389" i="1"/>
  <c r="T54390" i="1"/>
  <c r="T54391" i="1"/>
  <c r="T54392" i="1"/>
  <c r="T54393" i="1"/>
  <c r="T54394" i="1"/>
  <c r="T54395" i="1"/>
  <c r="T54396" i="1"/>
  <c r="T54397" i="1"/>
  <c r="T54398" i="1"/>
  <c r="T54399" i="1"/>
  <c r="T54400" i="1"/>
  <c r="T54401" i="1"/>
  <c r="T54402" i="1"/>
  <c r="T54403" i="1"/>
  <c r="T54404" i="1"/>
  <c r="T54405" i="1"/>
  <c r="T54406" i="1"/>
  <c r="T54407" i="1"/>
  <c r="T54408" i="1"/>
  <c r="T54409" i="1"/>
  <c r="T54410" i="1"/>
  <c r="T54411" i="1"/>
  <c r="T54412" i="1"/>
  <c r="T54413" i="1"/>
  <c r="T54414" i="1"/>
  <c r="T54415" i="1"/>
  <c r="T54416" i="1"/>
  <c r="T54417" i="1"/>
  <c r="T54418" i="1"/>
  <c r="T54419" i="1"/>
  <c r="T54420" i="1"/>
  <c r="T54421" i="1"/>
  <c r="T54422" i="1"/>
  <c r="T54423" i="1"/>
  <c r="T54424" i="1"/>
  <c r="T54425" i="1"/>
  <c r="T54426" i="1"/>
  <c r="T54427" i="1"/>
  <c r="T54428" i="1"/>
  <c r="T54429" i="1"/>
  <c r="T54430" i="1"/>
  <c r="T54431" i="1"/>
  <c r="T54432" i="1"/>
  <c r="T54433" i="1"/>
  <c r="T54434" i="1"/>
  <c r="T54435" i="1"/>
  <c r="T54436" i="1"/>
  <c r="T54437" i="1"/>
  <c r="T54438" i="1"/>
  <c r="T54439" i="1"/>
  <c r="T54440" i="1"/>
  <c r="T54441" i="1"/>
  <c r="T54442" i="1"/>
  <c r="T54443" i="1"/>
  <c r="T54444" i="1"/>
  <c r="T54445" i="1"/>
  <c r="T54446" i="1"/>
  <c r="T54447" i="1"/>
  <c r="T54448" i="1"/>
  <c r="T54449" i="1"/>
  <c r="T54450" i="1"/>
  <c r="T54451" i="1"/>
  <c r="T54452" i="1"/>
  <c r="T54453" i="1"/>
  <c r="T54454" i="1"/>
  <c r="T54455" i="1"/>
  <c r="T54456" i="1"/>
  <c r="T54457" i="1"/>
  <c r="T54458" i="1"/>
  <c r="T54459" i="1"/>
  <c r="T54460" i="1"/>
  <c r="T54461" i="1"/>
  <c r="T54462" i="1"/>
  <c r="T54463" i="1"/>
  <c r="T54464" i="1"/>
  <c r="T54465" i="1"/>
  <c r="T54466" i="1"/>
  <c r="T54467" i="1"/>
  <c r="T54468" i="1"/>
  <c r="T54469" i="1"/>
  <c r="T54470" i="1"/>
  <c r="T54471" i="1"/>
  <c r="T54472" i="1"/>
  <c r="T54473" i="1"/>
  <c r="T54474" i="1"/>
  <c r="T54475" i="1"/>
  <c r="T54476" i="1"/>
  <c r="T54477" i="1"/>
  <c r="T54478" i="1"/>
  <c r="T54479" i="1"/>
  <c r="T54480" i="1"/>
  <c r="T54481" i="1"/>
  <c r="T54482" i="1"/>
  <c r="T54483" i="1"/>
  <c r="T54484" i="1"/>
  <c r="T54485" i="1"/>
  <c r="T54486" i="1"/>
  <c r="T54487" i="1"/>
  <c r="T54488" i="1"/>
  <c r="T54489" i="1"/>
  <c r="T54490" i="1"/>
  <c r="T54491" i="1"/>
  <c r="T54492" i="1"/>
  <c r="T54493" i="1"/>
  <c r="T54494" i="1"/>
  <c r="T54495" i="1"/>
  <c r="T54496" i="1"/>
  <c r="T54497" i="1"/>
  <c r="T54498" i="1"/>
  <c r="T54499" i="1"/>
  <c r="T54500" i="1"/>
  <c r="T54501" i="1"/>
  <c r="T54502" i="1"/>
  <c r="T54503" i="1"/>
  <c r="T54504" i="1"/>
  <c r="T54505" i="1"/>
  <c r="T54506" i="1"/>
  <c r="T54507" i="1"/>
  <c r="T54508" i="1"/>
  <c r="T54509" i="1"/>
  <c r="T54510" i="1"/>
  <c r="T54511" i="1"/>
  <c r="T54512" i="1"/>
  <c r="T54513" i="1"/>
  <c r="T54514" i="1"/>
  <c r="T54515" i="1"/>
  <c r="T54516" i="1"/>
  <c r="T54517" i="1"/>
  <c r="T54518" i="1"/>
  <c r="T54519" i="1"/>
  <c r="T54520" i="1"/>
  <c r="T54521" i="1"/>
  <c r="T54522" i="1"/>
  <c r="T54523" i="1"/>
  <c r="T54524" i="1"/>
  <c r="T54525" i="1"/>
  <c r="T54526" i="1"/>
  <c r="T54527" i="1"/>
  <c r="T54528" i="1"/>
  <c r="T54529" i="1"/>
  <c r="T54530" i="1"/>
  <c r="T54531" i="1"/>
  <c r="T54532" i="1"/>
  <c r="T54533" i="1"/>
  <c r="T54534" i="1"/>
  <c r="T54535" i="1"/>
  <c r="T54536" i="1"/>
  <c r="T54537" i="1"/>
  <c r="T54538" i="1"/>
  <c r="T54539" i="1"/>
  <c r="T54540" i="1"/>
  <c r="T54541" i="1"/>
  <c r="T54542" i="1"/>
  <c r="T54543" i="1"/>
  <c r="T54544" i="1"/>
  <c r="T54545" i="1"/>
  <c r="T54546" i="1"/>
  <c r="T54547" i="1"/>
  <c r="T54548" i="1"/>
  <c r="T54549" i="1"/>
  <c r="T54550" i="1"/>
  <c r="T54551" i="1"/>
  <c r="T54552" i="1"/>
  <c r="T54553" i="1"/>
  <c r="T54554" i="1"/>
  <c r="T54555" i="1"/>
  <c r="T54556" i="1"/>
  <c r="T54557" i="1"/>
  <c r="T54558" i="1"/>
  <c r="T54559" i="1"/>
  <c r="T54560" i="1"/>
  <c r="T54561" i="1"/>
  <c r="T54562" i="1"/>
  <c r="T54563" i="1"/>
  <c r="T54564" i="1"/>
  <c r="T54565" i="1"/>
  <c r="T54566" i="1"/>
  <c r="T54567" i="1"/>
  <c r="T54568" i="1"/>
  <c r="T54569" i="1"/>
  <c r="T54570" i="1"/>
  <c r="T54571" i="1"/>
  <c r="T54572" i="1"/>
  <c r="T54573" i="1"/>
  <c r="T54574" i="1"/>
  <c r="T54575" i="1"/>
  <c r="T54576" i="1"/>
  <c r="T54577" i="1"/>
  <c r="T54578" i="1"/>
  <c r="T54579" i="1"/>
  <c r="T54580" i="1"/>
  <c r="T54581" i="1"/>
  <c r="T54582" i="1"/>
  <c r="T54583" i="1"/>
  <c r="T54584" i="1"/>
  <c r="T54585" i="1"/>
  <c r="T54586" i="1"/>
  <c r="T54587" i="1"/>
  <c r="T54588" i="1"/>
  <c r="T54589" i="1"/>
  <c r="T54590" i="1"/>
  <c r="T54591" i="1"/>
  <c r="T54592" i="1"/>
  <c r="T54593" i="1"/>
  <c r="T54594" i="1"/>
  <c r="T54595" i="1"/>
  <c r="T54596" i="1"/>
  <c r="T54597" i="1"/>
  <c r="T54598" i="1"/>
  <c r="T54599" i="1"/>
  <c r="T54600" i="1"/>
  <c r="T54601" i="1"/>
  <c r="T54602" i="1"/>
  <c r="T54603" i="1"/>
  <c r="T54604" i="1"/>
  <c r="T54605" i="1"/>
  <c r="T54606" i="1"/>
  <c r="T54607" i="1"/>
  <c r="T54608" i="1"/>
  <c r="T54609" i="1"/>
  <c r="T54610" i="1"/>
  <c r="T54611" i="1"/>
  <c r="T54612" i="1"/>
  <c r="T54613" i="1"/>
  <c r="T54614" i="1"/>
  <c r="T54615" i="1"/>
  <c r="T54616" i="1"/>
  <c r="T54617" i="1"/>
  <c r="T54618" i="1"/>
  <c r="T54619" i="1"/>
  <c r="T54620" i="1"/>
  <c r="T54621" i="1"/>
  <c r="T54622" i="1"/>
  <c r="T54623" i="1"/>
  <c r="T54624" i="1"/>
  <c r="T54625" i="1"/>
  <c r="T54626" i="1"/>
  <c r="T54627" i="1"/>
  <c r="T54628" i="1"/>
  <c r="T54629" i="1"/>
  <c r="T54630" i="1"/>
  <c r="T54631" i="1"/>
  <c r="T54632" i="1"/>
  <c r="T54633" i="1"/>
  <c r="T54634" i="1"/>
  <c r="T54635" i="1"/>
  <c r="T54636" i="1"/>
  <c r="T54637" i="1"/>
  <c r="T54638" i="1"/>
  <c r="T54639" i="1"/>
  <c r="T54640" i="1"/>
  <c r="T54641" i="1"/>
  <c r="T54642" i="1"/>
  <c r="T54643" i="1"/>
  <c r="T54644" i="1"/>
  <c r="T54645" i="1"/>
  <c r="T54646" i="1"/>
  <c r="T54647" i="1"/>
  <c r="T54648" i="1"/>
  <c r="T54649" i="1"/>
  <c r="T54650" i="1"/>
  <c r="T54651" i="1"/>
  <c r="T54652" i="1"/>
  <c r="T54653" i="1"/>
  <c r="T54654" i="1"/>
  <c r="T54655" i="1"/>
  <c r="T54656" i="1"/>
  <c r="T54657" i="1"/>
  <c r="T54658" i="1"/>
  <c r="T54659" i="1"/>
  <c r="T54660" i="1"/>
  <c r="T54661" i="1"/>
  <c r="T54662" i="1"/>
  <c r="T54663" i="1"/>
  <c r="T54664" i="1"/>
  <c r="T54665" i="1"/>
  <c r="T54666" i="1"/>
  <c r="T54667" i="1"/>
  <c r="T54668" i="1"/>
  <c r="T54669" i="1"/>
  <c r="T54670" i="1"/>
  <c r="T54671" i="1"/>
  <c r="T54672" i="1"/>
  <c r="T54673" i="1"/>
  <c r="T54674" i="1"/>
  <c r="T54675" i="1"/>
  <c r="T54676" i="1"/>
  <c r="T54677" i="1"/>
  <c r="T54678" i="1"/>
  <c r="T54679" i="1"/>
  <c r="T54680" i="1"/>
  <c r="T54681" i="1"/>
  <c r="T54682" i="1"/>
  <c r="T54683" i="1"/>
  <c r="T54684" i="1"/>
  <c r="T54685" i="1"/>
  <c r="T54686" i="1"/>
  <c r="T54687" i="1"/>
  <c r="T54688" i="1"/>
  <c r="T54689" i="1"/>
  <c r="T54690" i="1"/>
  <c r="T54691" i="1"/>
  <c r="T54692" i="1"/>
  <c r="T54693" i="1"/>
  <c r="T54694" i="1"/>
  <c r="T54695" i="1"/>
  <c r="T54696" i="1"/>
  <c r="T54697" i="1"/>
  <c r="T54698" i="1"/>
  <c r="T54699" i="1"/>
  <c r="T54700" i="1"/>
  <c r="T54701" i="1"/>
  <c r="T54702" i="1"/>
  <c r="T54703" i="1"/>
  <c r="T54704" i="1"/>
  <c r="T54705" i="1"/>
  <c r="T54706" i="1"/>
  <c r="T54707" i="1"/>
  <c r="T54708" i="1"/>
  <c r="T54709" i="1"/>
  <c r="T54710" i="1"/>
  <c r="T54711" i="1"/>
  <c r="T54712" i="1"/>
  <c r="T54713" i="1"/>
  <c r="T54714" i="1"/>
  <c r="T54715" i="1"/>
  <c r="T54716" i="1"/>
  <c r="T54717" i="1"/>
  <c r="T54718" i="1"/>
  <c r="T54719" i="1"/>
  <c r="T54720" i="1"/>
  <c r="T54721" i="1"/>
  <c r="T54722" i="1"/>
  <c r="T54723" i="1"/>
  <c r="T54724" i="1"/>
  <c r="T54725" i="1"/>
  <c r="T54726" i="1"/>
  <c r="T54727" i="1"/>
  <c r="T54728" i="1"/>
  <c r="T54729" i="1"/>
  <c r="T54730" i="1"/>
  <c r="T54731" i="1"/>
  <c r="T54732" i="1"/>
  <c r="T54733" i="1"/>
  <c r="T54734" i="1"/>
  <c r="T54735" i="1"/>
  <c r="T54736" i="1"/>
  <c r="T54737" i="1"/>
  <c r="T54738" i="1"/>
  <c r="T54739" i="1"/>
  <c r="T54740" i="1"/>
  <c r="T54741" i="1"/>
  <c r="T54742" i="1"/>
  <c r="T54743" i="1"/>
  <c r="T54744" i="1"/>
  <c r="T54745" i="1"/>
  <c r="T54746" i="1"/>
  <c r="T54747" i="1"/>
  <c r="T54748" i="1"/>
  <c r="T54749" i="1"/>
  <c r="T54750" i="1"/>
  <c r="T54751" i="1"/>
  <c r="T54752" i="1"/>
  <c r="T54753" i="1"/>
  <c r="T54754" i="1"/>
  <c r="T54755" i="1"/>
  <c r="T54756" i="1"/>
  <c r="T54757" i="1"/>
  <c r="T54758" i="1"/>
  <c r="T54759" i="1"/>
  <c r="T54760" i="1"/>
  <c r="T54761" i="1"/>
  <c r="T54762" i="1"/>
  <c r="T54763" i="1"/>
  <c r="T54764" i="1"/>
  <c r="T54765" i="1"/>
  <c r="T54766" i="1"/>
  <c r="T54767" i="1"/>
  <c r="T54768" i="1"/>
  <c r="T54769" i="1"/>
  <c r="T54770" i="1"/>
  <c r="T54771" i="1"/>
  <c r="T54772" i="1"/>
  <c r="T54773" i="1"/>
  <c r="T54774" i="1"/>
  <c r="T54775" i="1"/>
  <c r="T54776" i="1"/>
  <c r="T54777" i="1"/>
  <c r="T54778" i="1"/>
  <c r="T54779" i="1"/>
  <c r="T54780" i="1"/>
  <c r="T54781" i="1"/>
  <c r="T54782" i="1"/>
  <c r="T54783" i="1"/>
  <c r="T54784" i="1"/>
  <c r="T54785" i="1"/>
  <c r="T54786" i="1"/>
  <c r="T54787" i="1"/>
  <c r="T54788" i="1"/>
  <c r="T54789" i="1"/>
  <c r="T54790" i="1"/>
  <c r="T54791" i="1"/>
  <c r="T54792" i="1"/>
  <c r="T54793" i="1"/>
  <c r="T54794" i="1"/>
  <c r="T54795" i="1"/>
  <c r="T54796" i="1"/>
  <c r="T54797" i="1"/>
  <c r="T54798" i="1"/>
  <c r="T54799" i="1"/>
  <c r="T54800" i="1"/>
  <c r="T54801" i="1"/>
  <c r="T54802" i="1"/>
  <c r="T54803" i="1"/>
  <c r="T54804" i="1"/>
  <c r="T54805" i="1"/>
  <c r="T54806" i="1"/>
  <c r="T54807" i="1"/>
  <c r="T54808" i="1"/>
  <c r="T54809" i="1"/>
  <c r="T54810" i="1"/>
  <c r="T54811" i="1"/>
  <c r="T54812" i="1"/>
  <c r="T54813" i="1"/>
  <c r="T54814" i="1"/>
  <c r="T54815" i="1"/>
  <c r="T54816" i="1"/>
  <c r="T54817" i="1"/>
  <c r="T54818" i="1"/>
  <c r="T54819" i="1"/>
  <c r="T54820" i="1"/>
  <c r="T54821" i="1"/>
  <c r="T54822" i="1"/>
  <c r="T54823" i="1"/>
  <c r="T54824" i="1"/>
  <c r="T54825" i="1"/>
  <c r="T54826" i="1"/>
  <c r="T54827" i="1"/>
  <c r="T54828" i="1"/>
  <c r="T54829" i="1"/>
  <c r="T54830" i="1"/>
  <c r="T54831" i="1"/>
  <c r="T54832" i="1"/>
  <c r="T54833" i="1"/>
  <c r="T54834" i="1"/>
  <c r="T54835" i="1"/>
  <c r="T54836" i="1"/>
  <c r="T54837" i="1"/>
  <c r="T54838" i="1"/>
  <c r="T54839" i="1"/>
  <c r="T54840" i="1"/>
  <c r="T54841" i="1"/>
  <c r="T54842" i="1"/>
  <c r="T54843" i="1"/>
  <c r="T54844" i="1"/>
  <c r="T54845" i="1"/>
  <c r="T54846" i="1"/>
  <c r="T54847" i="1"/>
  <c r="T54848" i="1"/>
  <c r="T54849" i="1"/>
  <c r="T54850" i="1"/>
  <c r="T54851" i="1"/>
  <c r="T54852" i="1"/>
  <c r="T54853" i="1"/>
  <c r="T54854" i="1"/>
  <c r="T54855" i="1"/>
  <c r="T54856" i="1"/>
  <c r="T54857" i="1"/>
  <c r="T54858" i="1"/>
  <c r="T54859" i="1"/>
  <c r="T54860" i="1"/>
  <c r="T54861" i="1"/>
  <c r="T54862" i="1"/>
  <c r="T54863" i="1"/>
  <c r="T54864" i="1"/>
  <c r="T54865" i="1"/>
  <c r="T54866" i="1"/>
  <c r="T54867" i="1"/>
  <c r="T54868" i="1"/>
  <c r="T54869" i="1"/>
  <c r="T54870" i="1"/>
  <c r="T54871" i="1"/>
  <c r="T54872" i="1"/>
  <c r="T54873" i="1"/>
  <c r="T54874" i="1"/>
  <c r="T54875" i="1"/>
  <c r="T54876" i="1"/>
  <c r="T54877" i="1"/>
  <c r="T54878" i="1"/>
  <c r="T54879" i="1"/>
  <c r="T54880" i="1"/>
  <c r="T54881" i="1"/>
  <c r="T54882" i="1"/>
  <c r="T54883" i="1"/>
  <c r="T54884" i="1"/>
  <c r="T54885" i="1"/>
  <c r="T54886" i="1"/>
  <c r="T54887" i="1"/>
  <c r="T54888" i="1"/>
  <c r="T54889" i="1"/>
  <c r="T54890" i="1"/>
  <c r="T54891" i="1"/>
  <c r="T54892" i="1"/>
  <c r="T54893" i="1"/>
  <c r="T54894" i="1"/>
  <c r="T54895" i="1"/>
  <c r="T54896" i="1"/>
  <c r="T54897" i="1"/>
  <c r="T54898" i="1"/>
  <c r="T54899" i="1"/>
  <c r="T54900" i="1"/>
  <c r="T54901" i="1"/>
  <c r="T54902" i="1"/>
  <c r="T54903" i="1"/>
  <c r="T54904" i="1"/>
  <c r="T54905" i="1"/>
  <c r="T54906" i="1"/>
  <c r="T54907" i="1"/>
  <c r="T54908" i="1"/>
  <c r="T54909" i="1"/>
  <c r="T54910" i="1"/>
  <c r="T54911" i="1"/>
  <c r="T54912" i="1"/>
  <c r="T54913" i="1"/>
  <c r="T54914" i="1"/>
  <c r="T54915" i="1"/>
  <c r="T54916" i="1"/>
  <c r="T54917" i="1"/>
  <c r="T54918" i="1"/>
  <c r="T54919" i="1"/>
  <c r="T54920" i="1"/>
  <c r="T54921" i="1"/>
  <c r="T54922" i="1"/>
  <c r="T54923" i="1"/>
  <c r="T54924" i="1"/>
  <c r="T54925" i="1"/>
  <c r="T54926" i="1"/>
  <c r="T54927" i="1"/>
  <c r="T54928" i="1"/>
  <c r="T54929" i="1"/>
  <c r="T54930" i="1"/>
  <c r="T54931" i="1"/>
  <c r="T54932" i="1"/>
  <c r="T54933" i="1"/>
  <c r="T54934" i="1"/>
  <c r="T54935" i="1"/>
  <c r="T54936" i="1"/>
  <c r="T54937" i="1"/>
  <c r="T54938" i="1"/>
  <c r="T54939" i="1"/>
  <c r="T54940" i="1"/>
  <c r="T54941" i="1"/>
  <c r="T54942" i="1"/>
  <c r="T54943" i="1"/>
  <c r="T54944" i="1"/>
  <c r="T54945" i="1"/>
  <c r="T54946" i="1"/>
  <c r="T54947" i="1"/>
  <c r="T54948" i="1"/>
  <c r="T54949" i="1"/>
  <c r="T54950" i="1"/>
  <c r="T54951" i="1"/>
  <c r="T54952" i="1"/>
  <c r="T54953" i="1"/>
  <c r="T54954" i="1"/>
  <c r="T54955" i="1"/>
  <c r="T54956" i="1"/>
  <c r="T54957" i="1"/>
  <c r="T54958" i="1"/>
  <c r="T54959" i="1"/>
  <c r="T54960" i="1"/>
  <c r="T54961" i="1"/>
  <c r="T54962" i="1"/>
  <c r="T54963" i="1"/>
  <c r="T54964" i="1"/>
  <c r="T54965" i="1"/>
  <c r="T54966" i="1"/>
  <c r="T54967" i="1"/>
  <c r="T54968" i="1"/>
  <c r="T54969" i="1"/>
  <c r="T54970" i="1"/>
  <c r="T54971" i="1"/>
  <c r="T54972" i="1"/>
  <c r="T54973" i="1"/>
  <c r="T54974" i="1"/>
  <c r="T54975" i="1"/>
  <c r="T54976" i="1"/>
  <c r="T54977" i="1"/>
  <c r="T54978" i="1"/>
  <c r="T54979" i="1"/>
  <c r="T54980" i="1"/>
  <c r="T54981" i="1"/>
  <c r="T54982" i="1"/>
  <c r="T54983" i="1"/>
  <c r="T54984" i="1"/>
  <c r="T54985" i="1"/>
  <c r="T54986" i="1"/>
  <c r="T54987" i="1"/>
  <c r="T54988" i="1"/>
  <c r="T54989" i="1"/>
  <c r="T54990" i="1"/>
  <c r="T54991" i="1"/>
  <c r="T54992" i="1"/>
  <c r="T54993" i="1"/>
  <c r="T54994" i="1"/>
  <c r="T54995" i="1"/>
  <c r="T54996" i="1"/>
  <c r="T54997" i="1"/>
  <c r="T54998" i="1"/>
  <c r="T54999" i="1"/>
  <c r="T55000" i="1"/>
  <c r="T55001" i="1"/>
  <c r="T55002" i="1"/>
  <c r="T55003" i="1"/>
  <c r="T55004" i="1"/>
  <c r="T55005" i="1"/>
  <c r="T55006" i="1"/>
  <c r="T55007" i="1"/>
  <c r="T55008" i="1"/>
  <c r="T55009" i="1"/>
  <c r="T55010" i="1"/>
  <c r="T55011" i="1"/>
  <c r="T55012" i="1"/>
  <c r="T55013" i="1"/>
  <c r="T55014" i="1"/>
  <c r="T55015" i="1"/>
  <c r="T55016" i="1"/>
  <c r="T55017" i="1"/>
  <c r="T55018" i="1"/>
  <c r="T55019" i="1"/>
  <c r="T55020" i="1"/>
  <c r="T55021" i="1"/>
  <c r="T55022" i="1"/>
  <c r="T55023" i="1"/>
  <c r="T55024" i="1"/>
  <c r="T55025" i="1"/>
  <c r="T55026" i="1"/>
  <c r="T55027" i="1"/>
  <c r="T55028" i="1"/>
  <c r="T55029" i="1"/>
  <c r="T55030" i="1"/>
  <c r="T55031" i="1"/>
  <c r="T55032" i="1"/>
  <c r="T55033" i="1"/>
  <c r="T55034" i="1"/>
  <c r="T55035" i="1"/>
  <c r="T55036" i="1"/>
  <c r="T55037" i="1"/>
  <c r="T55038" i="1"/>
  <c r="T55039" i="1"/>
  <c r="T55040" i="1"/>
  <c r="T55041" i="1"/>
  <c r="T55042" i="1"/>
  <c r="T55043" i="1"/>
  <c r="T55044" i="1"/>
  <c r="T55045" i="1"/>
  <c r="T55046" i="1"/>
  <c r="T55047" i="1"/>
  <c r="T55048" i="1"/>
  <c r="T55049" i="1"/>
  <c r="T55050" i="1"/>
  <c r="T55051" i="1"/>
  <c r="T55052" i="1"/>
  <c r="T55053" i="1"/>
  <c r="T55054" i="1"/>
  <c r="T55055" i="1"/>
  <c r="T55056" i="1"/>
  <c r="T55057" i="1"/>
  <c r="T55058" i="1"/>
  <c r="T55059" i="1"/>
  <c r="T55060" i="1"/>
  <c r="T55061" i="1"/>
  <c r="T55062" i="1"/>
  <c r="T55063" i="1"/>
  <c r="T55064" i="1"/>
  <c r="T55065" i="1"/>
  <c r="T55066" i="1"/>
  <c r="T55067" i="1"/>
  <c r="T55068" i="1"/>
  <c r="T55069" i="1"/>
  <c r="T55070" i="1"/>
  <c r="T55071" i="1"/>
  <c r="T55072" i="1"/>
  <c r="T55073" i="1"/>
  <c r="T55074" i="1"/>
  <c r="T55075" i="1"/>
  <c r="T55076" i="1"/>
  <c r="T55077" i="1"/>
  <c r="T55078" i="1"/>
  <c r="T55079" i="1"/>
  <c r="T55080" i="1"/>
  <c r="T55081" i="1"/>
  <c r="T55082" i="1"/>
  <c r="T55083" i="1"/>
  <c r="T55084" i="1"/>
  <c r="T55085" i="1"/>
  <c r="T55086" i="1"/>
  <c r="T55087" i="1"/>
  <c r="T55088" i="1"/>
  <c r="T55089" i="1"/>
  <c r="T55090" i="1"/>
  <c r="T55091" i="1"/>
  <c r="T55092" i="1"/>
  <c r="T55093" i="1"/>
  <c r="T55094" i="1"/>
  <c r="T55095" i="1"/>
  <c r="T55096" i="1"/>
  <c r="T55097" i="1"/>
  <c r="T55098" i="1"/>
  <c r="T55099" i="1"/>
  <c r="T55100" i="1"/>
  <c r="T55101" i="1"/>
  <c r="T55102" i="1"/>
  <c r="T55103" i="1"/>
  <c r="T55104" i="1"/>
  <c r="T55105" i="1"/>
  <c r="T55106" i="1"/>
  <c r="T55107" i="1"/>
  <c r="T55108" i="1"/>
  <c r="T55109" i="1"/>
  <c r="T55110" i="1"/>
  <c r="T55111" i="1"/>
  <c r="T55112" i="1"/>
  <c r="T55113" i="1"/>
  <c r="T55114" i="1"/>
  <c r="T55115" i="1"/>
  <c r="T55116" i="1"/>
  <c r="T55117" i="1"/>
  <c r="T55118" i="1"/>
  <c r="T55119" i="1"/>
  <c r="T55120" i="1"/>
  <c r="T55121" i="1"/>
  <c r="T55122" i="1"/>
  <c r="T55123" i="1"/>
  <c r="T55124" i="1"/>
  <c r="T55125" i="1"/>
  <c r="T55126" i="1"/>
  <c r="T55127" i="1"/>
  <c r="T55128" i="1"/>
  <c r="T55129" i="1"/>
  <c r="T55130" i="1"/>
  <c r="T55131" i="1"/>
  <c r="T55132" i="1"/>
  <c r="T55133" i="1"/>
  <c r="T55134" i="1"/>
  <c r="T55135" i="1"/>
  <c r="T55136" i="1"/>
  <c r="T55137" i="1"/>
  <c r="T55138" i="1"/>
  <c r="T55139" i="1"/>
  <c r="T55140" i="1"/>
  <c r="T55141" i="1"/>
  <c r="T55142" i="1"/>
  <c r="T55143" i="1"/>
  <c r="T55144" i="1"/>
  <c r="T55145" i="1"/>
  <c r="T55146" i="1"/>
  <c r="T55147" i="1"/>
  <c r="T55148" i="1"/>
  <c r="T55149" i="1"/>
  <c r="T55150" i="1"/>
  <c r="T55151" i="1"/>
  <c r="T55152" i="1"/>
  <c r="T55153" i="1"/>
  <c r="T55154" i="1"/>
  <c r="T55155" i="1"/>
  <c r="T55156" i="1"/>
  <c r="T55157" i="1"/>
  <c r="T55158" i="1"/>
  <c r="T55159" i="1"/>
  <c r="T55160" i="1"/>
  <c r="T55161" i="1"/>
  <c r="T55162" i="1"/>
  <c r="T55163" i="1"/>
  <c r="T55164" i="1"/>
  <c r="T55165" i="1"/>
  <c r="T55166" i="1"/>
  <c r="T55167" i="1"/>
  <c r="T55168" i="1"/>
  <c r="T55169" i="1"/>
  <c r="T55170" i="1"/>
  <c r="T55171" i="1"/>
  <c r="T55172" i="1"/>
  <c r="T55173" i="1"/>
  <c r="T55174" i="1"/>
  <c r="T55175" i="1"/>
  <c r="T55176" i="1"/>
  <c r="T55177" i="1"/>
  <c r="T55178" i="1"/>
  <c r="T55179" i="1"/>
  <c r="T55180" i="1"/>
  <c r="T55181" i="1"/>
  <c r="T55182" i="1"/>
  <c r="T55183" i="1"/>
  <c r="T55184" i="1"/>
  <c r="T55185" i="1"/>
  <c r="T55186" i="1"/>
  <c r="T55187" i="1"/>
  <c r="T55188" i="1"/>
  <c r="T55189" i="1"/>
  <c r="T55190" i="1"/>
  <c r="T55191" i="1"/>
  <c r="T55192" i="1"/>
  <c r="T55193" i="1"/>
  <c r="T55194" i="1"/>
  <c r="T55195" i="1"/>
  <c r="T55196" i="1"/>
  <c r="T55197" i="1"/>
  <c r="T55198" i="1"/>
  <c r="T55199" i="1"/>
  <c r="T55200" i="1"/>
  <c r="T55201" i="1"/>
  <c r="T55202" i="1"/>
  <c r="T55203" i="1"/>
  <c r="T55204" i="1"/>
  <c r="T55205" i="1"/>
  <c r="T55206" i="1"/>
  <c r="T55207" i="1"/>
  <c r="T55208" i="1"/>
  <c r="T55209" i="1"/>
  <c r="T55210" i="1"/>
  <c r="T55211" i="1"/>
  <c r="T55212" i="1"/>
  <c r="T55213" i="1"/>
  <c r="T55214" i="1"/>
  <c r="T55215" i="1"/>
  <c r="T55216" i="1"/>
  <c r="T55217" i="1"/>
  <c r="T55218" i="1"/>
  <c r="T55219" i="1"/>
  <c r="T55220" i="1"/>
  <c r="T55221" i="1"/>
  <c r="T55222" i="1"/>
  <c r="T55223" i="1"/>
  <c r="T55224" i="1"/>
  <c r="T55225" i="1"/>
  <c r="T55226" i="1"/>
  <c r="T55227" i="1"/>
  <c r="T55228" i="1"/>
  <c r="T55229" i="1"/>
  <c r="T55230" i="1"/>
  <c r="T55231" i="1"/>
  <c r="T55232" i="1"/>
  <c r="T55233" i="1"/>
  <c r="T55234" i="1"/>
  <c r="T55235" i="1"/>
  <c r="T55236" i="1"/>
  <c r="T55237" i="1"/>
  <c r="T55238" i="1"/>
  <c r="T55239" i="1"/>
  <c r="T55240" i="1"/>
  <c r="T55241" i="1"/>
  <c r="T55242" i="1"/>
  <c r="T55243" i="1"/>
  <c r="T55244" i="1"/>
  <c r="T55245" i="1"/>
  <c r="T55246" i="1"/>
  <c r="T55247" i="1"/>
  <c r="T55248" i="1"/>
  <c r="T55249" i="1"/>
  <c r="T55250" i="1"/>
  <c r="T55251" i="1"/>
  <c r="T55252" i="1"/>
  <c r="T55253" i="1"/>
  <c r="T55254" i="1"/>
  <c r="T55255" i="1"/>
  <c r="T55256" i="1"/>
  <c r="T55257" i="1"/>
  <c r="T55258" i="1"/>
  <c r="T55259" i="1"/>
  <c r="T55260" i="1"/>
  <c r="T55261" i="1"/>
  <c r="T55262" i="1"/>
  <c r="T55263" i="1"/>
  <c r="T55264" i="1"/>
  <c r="T55265" i="1"/>
  <c r="T55266" i="1"/>
  <c r="T55267" i="1"/>
  <c r="T55268" i="1"/>
  <c r="T55269" i="1"/>
  <c r="T55270" i="1"/>
  <c r="T55271" i="1"/>
  <c r="T55272" i="1"/>
  <c r="T55273" i="1"/>
  <c r="T55274" i="1"/>
  <c r="T55275" i="1"/>
  <c r="T55276" i="1"/>
  <c r="T55277" i="1"/>
  <c r="T55278" i="1"/>
  <c r="T55279" i="1"/>
  <c r="T55280" i="1"/>
  <c r="T55281" i="1"/>
  <c r="T55282" i="1"/>
  <c r="T55283" i="1"/>
  <c r="T55284" i="1"/>
  <c r="T55285" i="1"/>
  <c r="T55286" i="1"/>
  <c r="T55287" i="1"/>
  <c r="T55288" i="1"/>
  <c r="T55289" i="1"/>
  <c r="T55290" i="1"/>
  <c r="T55291" i="1"/>
  <c r="T55292" i="1"/>
  <c r="T55293" i="1"/>
  <c r="T55294" i="1"/>
  <c r="T55295" i="1"/>
  <c r="T55296" i="1"/>
  <c r="T55297" i="1"/>
  <c r="T55298" i="1"/>
  <c r="T55299" i="1"/>
  <c r="T55300" i="1"/>
  <c r="T55301" i="1"/>
  <c r="T55302" i="1"/>
  <c r="T55303" i="1"/>
  <c r="T55304" i="1"/>
  <c r="T55305" i="1"/>
  <c r="T55306" i="1"/>
  <c r="T55307" i="1"/>
  <c r="T55308" i="1"/>
  <c r="T55309" i="1"/>
  <c r="T55310" i="1"/>
  <c r="T55311" i="1"/>
  <c r="T55312" i="1"/>
  <c r="T55313" i="1"/>
  <c r="T55314" i="1"/>
  <c r="T55315" i="1"/>
  <c r="T55316" i="1"/>
  <c r="T55317" i="1"/>
  <c r="T55318" i="1"/>
  <c r="T55319" i="1"/>
  <c r="T55320" i="1"/>
  <c r="T55321" i="1"/>
  <c r="T55322" i="1"/>
  <c r="T55323" i="1"/>
  <c r="T55324" i="1"/>
  <c r="T55325" i="1"/>
  <c r="T55326" i="1"/>
  <c r="T55327" i="1"/>
  <c r="T55328" i="1"/>
  <c r="T55329" i="1"/>
  <c r="T55330" i="1"/>
  <c r="T55331" i="1"/>
  <c r="T55332" i="1"/>
  <c r="T55333" i="1"/>
  <c r="T55334" i="1"/>
  <c r="T55335" i="1"/>
  <c r="T55336" i="1"/>
  <c r="T55337" i="1"/>
  <c r="T55338" i="1"/>
  <c r="T55339" i="1"/>
  <c r="T55340" i="1"/>
  <c r="T55341" i="1"/>
  <c r="T55342" i="1"/>
  <c r="T55343" i="1"/>
  <c r="T55344" i="1"/>
  <c r="T55345" i="1"/>
  <c r="T55346" i="1"/>
  <c r="T55347" i="1"/>
  <c r="T55348" i="1"/>
  <c r="T55349" i="1"/>
  <c r="T55350" i="1"/>
  <c r="T55351" i="1"/>
  <c r="T55352" i="1"/>
  <c r="T55353" i="1"/>
  <c r="T55354" i="1"/>
  <c r="T55355" i="1"/>
  <c r="T55356" i="1"/>
  <c r="T55357" i="1"/>
  <c r="T55358" i="1"/>
  <c r="T55359" i="1"/>
  <c r="T55360" i="1"/>
  <c r="T55361" i="1"/>
  <c r="T55362" i="1"/>
  <c r="T55363" i="1"/>
  <c r="T55364" i="1"/>
  <c r="T55365" i="1"/>
  <c r="T55366" i="1"/>
  <c r="T55367" i="1"/>
  <c r="T55368" i="1"/>
  <c r="T55369" i="1"/>
  <c r="T55370" i="1"/>
  <c r="T55371" i="1"/>
  <c r="T55372" i="1"/>
  <c r="T55373" i="1"/>
  <c r="T55374" i="1"/>
  <c r="T55375" i="1"/>
  <c r="T55376" i="1"/>
  <c r="T55377" i="1"/>
  <c r="T55378" i="1"/>
  <c r="T55379" i="1"/>
  <c r="T55380" i="1"/>
  <c r="T55381" i="1"/>
  <c r="T55382" i="1"/>
  <c r="T55383" i="1"/>
  <c r="T55384" i="1"/>
  <c r="T55385" i="1"/>
  <c r="T55386" i="1"/>
  <c r="T55387" i="1"/>
  <c r="T55388" i="1"/>
  <c r="T55389" i="1"/>
  <c r="T55390" i="1"/>
  <c r="T55391" i="1"/>
  <c r="T55392" i="1"/>
  <c r="T55393" i="1"/>
  <c r="T55394" i="1"/>
  <c r="T55395" i="1"/>
  <c r="T55396" i="1"/>
  <c r="T55397" i="1"/>
  <c r="T55398" i="1"/>
  <c r="T55399" i="1"/>
  <c r="T55400" i="1"/>
  <c r="T55401" i="1"/>
  <c r="T55402" i="1"/>
  <c r="T55403" i="1"/>
  <c r="T55404" i="1"/>
  <c r="T55405" i="1"/>
  <c r="T55406" i="1"/>
  <c r="T55407" i="1"/>
  <c r="T55408" i="1"/>
  <c r="T55409" i="1"/>
  <c r="T55410" i="1"/>
  <c r="T55411" i="1"/>
  <c r="T55412" i="1"/>
  <c r="T55413" i="1"/>
  <c r="T55414" i="1"/>
  <c r="T55415" i="1"/>
  <c r="T55416" i="1"/>
  <c r="T55417" i="1"/>
  <c r="T55418" i="1"/>
  <c r="T55419" i="1"/>
  <c r="T55420" i="1"/>
  <c r="T55421" i="1"/>
  <c r="T55422" i="1"/>
  <c r="T55423" i="1"/>
  <c r="T55424" i="1"/>
  <c r="T55425" i="1"/>
  <c r="T55426" i="1"/>
  <c r="T55427" i="1"/>
  <c r="T55428" i="1"/>
  <c r="T55429" i="1"/>
  <c r="T55430" i="1"/>
  <c r="T55431" i="1"/>
  <c r="T55432" i="1"/>
  <c r="T55433" i="1"/>
  <c r="T55434" i="1"/>
  <c r="T55435" i="1"/>
  <c r="T55436" i="1"/>
  <c r="T55437" i="1"/>
  <c r="T55438" i="1"/>
  <c r="T55439" i="1"/>
  <c r="T55440" i="1"/>
  <c r="T55441" i="1"/>
  <c r="T55442" i="1"/>
  <c r="T55443" i="1"/>
  <c r="T55444" i="1"/>
  <c r="T55445" i="1"/>
  <c r="T55446" i="1"/>
  <c r="T55447" i="1"/>
  <c r="T55448" i="1"/>
  <c r="T55449" i="1"/>
  <c r="T55450" i="1"/>
  <c r="T55451" i="1"/>
  <c r="T55452" i="1"/>
  <c r="T55453" i="1"/>
  <c r="T55454" i="1"/>
  <c r="T55455" i="1"/>
  <c r="T55456" i="1"/>
  <c r="T55457" i="1"/>
  <c r="T55458" i="1"/>
  <c r="T55459" i="1"/>
  <c r="T55460" i="1"/>
  <c r="T55461" i="1"/>
  <c r="T55462" i="1"/>
  <c r="T55463" i="1"/>
  <c r="T55464" i="1"/>
  <c r="T55465" i="1"/>
  <c r="T55466" i="1"/>
  <c r="T55467" i="1"/>
  <c r="T55468" i="1"/>
  <c r="T55469" i="1"/>
  <c r="T55470" i="1"/>
  <c r="T55471" i="1"/>
  <c r="T55472" i="1"/>
  <c r="T55473" i="1"/>
  <c r="T55474" i="1"/>
  <c r="T55475" i="1"/>
  <c r="T55476" i="1"/>
  <c r="T55477" i="1"/>
  <c r="T55478" i="1"/>
  <c r="T55479" i="1"/>
  <c r="T55480" i="1"/>
  <c r="T55481" i="1"/>
  <c r="T55482" i="1"/>
  <c r="T55483" i="1"/>
  <c r="T55484" i="1"/>
  <c r="T55485" i="1"/>
  <c r="T55486" i="1"/>
  <c r="T55487" i="1"/>
  <c r="T55488" i="1"/>
  <c r="T55489" i="1"/>
  <c r="T55490" i="1"/>
  <c r="T55491" i="1"/>
  <c r="T55492" i="1"/>
  <c r="T55493" i="1"/>
  <c r="T55494" i="1"/>
  <c r="T55495" i="1"/>
  <c r="T55496" i="1"/>
  <c r="T55497" i="1"/>
  <c r="T55498" i="1"/>
  <c r="T55499" i="1"/>
  <c r="T55500" i="1"/>
  <c r="T55501" i="1"/>
  <c r="T55502" i="1"/>
  <c r="T55503" i="1"/>
  <c r="T55504" i="1"/>
  <c r="T55505" i="1"/>
  <c r="T55506" i="1"/>
  <c r="T55507" i="1"/>
  <c r="T55508" i="1"/>
  <c r="T55509" i="1"/>
  <c r="T55510" i="1"/>
  <c r="T55511" i="1"/>
  <c r="T55512" i="1"/>
  <c r="T55513" i="1"/>
  <c r="T55514" i="1"/>
  <c r="T55515" i="1"/>
  <c r="T55516" i="1"/>
  <c r="T55517" i="1"/>
  <c r="T55518" i="1"/>
  <c r="T55519" i="1"/>
  <c r="T55520" i="1"/>
  <c r="T55521" i="1"/>
  <c r="T55522" i="1"/>
  <c r="T55523" i="1"/>
  <c r="T55524" i="1"/>
  <c r="T55525" i="1"/>
  <c r="T55526" i="1"/>
  <c r="T55527" i="1"/>
  <c r="T55528" i="1"/>
  <c r="T55529" i="1"/>
  <c r="T55530" i="1"/>
  <c r="T55531" i="1"/>
  <c r="T55532" i="1"/>
  <c r="T55533" i="1"/>
  <c r="T55534" i="1"/>
  <c r="T55535" i="1"/>
  <c r="T55536" i="1"/>
  <c r="T55537" i="1"/>
  <c r="T55538" i="1"/>
  <c r="T55539" i="1"/>
  <c r="T55540" i="1"/>
  <c r="T55541" i="1"/>
  <c r="T55542" i="1"/>
  <c r="T55543" i="1"/>
  <c r="T55544" i="1"/>
  <c r="T55545" i="1"/>
  <c r="T55546" i="1"/>
  <c r="T55547" i="1"/>
  <c r="T55548" i="1"/>
  <c r="T55549" i="1"/>
  <c r="T55550" i="1"/>
  <c r="T55551" i="1"/>
  <c r="T55552" i="1"/>
  <c r="T55553" i="1"/>
  <c r="T55554" i="1"/>
  <c r="T55555" i="1"/>
  <c r="T55556" i="1"/>
  <c r="T55557" i="1"/>
  <c r="T55558" i="1"/>
  <c r="T55559" i="1"/>
  <c r="T55560" i="1"/>
  <c r="T55561" i="1"/>
  <c r="T55562" i="1"/>
  <c r="T55563" i="1"/>
  <c r="T55564" i="1"/>
  <c r="T55565" i="1"/>
  <c r="T55566" i="1"/>
  <c r="T55567" i="1"/>
  <c r="T55568" i="1"/>
  <c r="T55569" i="1"/>
  <c r="T55570" i="1"/>
  <c r="T55571" i="1"/>
  <c r="T55572" i="1"/>
  <c r="T55573" i="1"/>
  <c r="T55574" i="1"/>
  <c r="T55575" i="1"/>
  <c r="T55576" i="1"/>
  <c r="T55577" i="1"/>
  <c r="T55578" i="1"/>
  <c r="T55579" i="1"/>
  <c r="T55580" i="1"/>
  <c r="T55581" i="1"/>
  <c r="T55582" i="1"/>
  <c r="T55583" i="1"/>
  <c r="T55584" i="1"/>
  <c r="T55585" i="1"/>
  <c r="T55586" i="1"/>
  <c r="T55587" i="1"/>
  <c r="T55588" i="1"/>
  <c r="T55589" i="1"/>
  <c r="T55590" i="1"/>
  <c r="T55591" i="1"/>
  <c r="T55592" i="1"/>
  <c r="T55593" i="1"/>
  <c r="T55594" i="1"/>
  <c r="T55595" i="1"/>
  <c r="T55596" i="1"/>
  <c r="T55597" i="1"/>
  <c r="T55598" i="1"/>
  <c r="T55599" i="1"/>
  <c r="T55600" i="1"/>
  <c r="T55601" i="1"/>
  <c r="T55602" i="1"/>
  <c r="T55603" i="1"/>
  <c r="T55604" i="1"/>
  <c r="T55605" i="1"/>
  <c r="T55606" i="1"/>
  <c r="T55607" i="1"/>
  <c r="T55608" i="1"/>
  <c r="T55609" i="1"/>
  <c r="T55610" i="1"/>
  <c r="T55611" i="1"/>
  <c r="T55612" i="1"/>
  <c r="T55613" i="1"/>
  <c r="T55614" i="1"/>
  <c r="T55615" i="1"/>
  <c r="T55616" i="1"/>
  <c r="T55617" i="1"/>
  <c r="T55618" i="1"/>
  <c r="T55619" i="1"/>
  <c r="T55620" i="1"/>
  <c r="T55621" i="1"/>
  <c r="T55622" i="1"/>
  <c r="T55623" i="1"/>
  <c r="T55624" i="1"/>
  <c r="T55625" i="1"/>
  <c r="T55626" i="1"/>
  <c r="T55627" i="1"/>
  <c r="T55628" i="1"/>
  <c r="T55629" i="1"/>
  <c r="T55630" i="1"/>
  <c r="T55631" i="1"/>
  <c r="T55632" i="1"/>
  <c r="T55633" i="1"/>
  <c r="T55634" i="1"/>
  <c r="T55635" i="1"/>
  <c r="T55636" i="1"/>
  <c r="T55637" i="1"/>
  <c r="T55638" i="1"/>
  <c r="T55639" i="1"/>
  <c r="T55640" i="1"/>
  <c r="T55641" i="1"/>
  <c r="T55642" i="1"/>
  <c r="T55643" i="1"/>
  <c r="T55644" i="1"/>
  <c r="T55645" i="1"/>
  <c r="T55646" i="1"/>
  <c r="T55647" i="1"/>
  <c r="T55648" i="1"/>
  <c r="T55649" i="1"/>
  <c r="T55650" i="1"/>
  <c r="T55651" i="1"/>
  <c r="T55652" i="1"/>
  <c r="T55653" i="1"/>
  <c r="T55654" i="1"/>
  <c r="T55655" i="1"/>
  <c r="T55656" i="1"/>
  <c r="T55657" i="1"/>
  <c r="T55658" i="1"/>
  <c r="T55659" i="1"/>
  <c r="T55660" i="1"/>
  <c r="T55661" i="1"/>
  <c r="T55662" i="1"/>
  <c r="T55663" i="1"/>
  <c r="T55664" i="1"/>
  <c r="T55665" i="1"/>
  <c r="T55666" i="1"/>
  <c r="T55667" i="1"/>
  <c r="T55668" i="1"/>
  <c r="T55669" i="1"/>
  <c r="T55670" i="1"/>
  <c r="T55671" i="1"/>
  <c r="T55672" i="1"/>
  <c r="T55673" i="1"/>
  <c r="T55674" i="1"/>
  <c r="T55675" i="1"/>
  <c r="T55676" i="1"/>
  <c r="T55677" i="1"/>
  <c r="T55678" i="1"/>
  <c r="T55679" i="1"/>
  <c r="T55680" i="1"/>
  <c r="T55681" i="1"/>
  <c r="T55682" i="1"/>
  <c r="T55683" i="1"/>
  <c r="T55684" i="1"/>
  <c r="T55685" i="1"/>
  <c r="T55686" i="1"/>
  <c r="T55687" i="1"/>
  <c r="T55688" i="1"/>
  <c r="T55689" i="1"/>
  <c r="T55690" i="1"/>
  <c r="T55691" i="1"/>
  <c r="T55692" i="1"/>
  <c r="T55693" i="1"/>
  <c r="T55694" i="1"/>
  <c r="T55695" i="1"/>
  <c r="T55696" i="1"/>
  <c r="T55697" i="1"/>
  <c r="T55698" i="1"/>
  <c r="T55699" i="1"/>
  <c r="T55700" i="1"/>
  <c r="T55701" i="1"/>
  <c r="T55702" i="1"/>
  <c r="T55703" i="1"/>
  <c r="T55704" i="1"/>
  <c r="T55705" i="1"/>
  <c r="T55706" i="1"/>
  <c r="T55707" i="1"/>
  <c r="T55708" i="1"/>
  <c r="T55709" i="1"/>
  <c r="T55710" i="1"/>
  <c r="T55711" i="1"/>
  <c r="T55712" i="1"/>
  <c r="T55713" i="1"/>
  <c r="T55714" i="1"/>
  <c r="T55715" i="1"/>
  <c r="T55716" i="1"/>
  <c r="T55717" i="1"/>
  <c r="T55718" i="1"/>
  <c r="T55719" i="1"/>
  <c r="T55720" i="1"/>
  <c r="T55721" i="1"/>
  <c r="T55722" i="1"/>
  <c r="T55723" i="1"/>
  <c r="T55724" i="1"/>
  <c r="T55725" i="1"/>
  <c r="T55726" i="1"/>
  <c r="T55727" i="1"/>
  <c r="T55728" i="1"/>
  <c r="T55729" i="1"/>
  <c r="T55730" i="1"/>
  <c r="T55731" i="1"/>
  <c r="T55732" i="1"/>
  <c r="T55733" i="1"/>
  <c r="T55734" i="1"/>
  <c r="T55735" i="1"/>
  <c r="T55736" i="1"/>
  <c r="T55737" i="1"/>
  <c r="T55738" i="1"/>
  <c r="T55739" i="1"/>
  <c r="T55740" i="1"/>
  <c r="T55741" i="1"/>
  <c r="T55742" i="1"/>
  <c r="T55743" i="1"/>
  <c r="T55744" i="1"/>
  <c r="T55745" i="1"/>
  <c r="T55746" i="1"/>
  <c r="T55747" i="1"/>
  <c r="T55748" i="1"/>
  <c r="T55749" i="1"/>
  <c r="T55750" i="1"/>
  <c r="T55751" i="1"/>
  <c r="T55752" i="1"/>
  <c r="T55753" i="1"/>
  <c r="T55754" i="1"/>
  <c r="T55755" i="1"/>
  <c r="T55756" i="1"/>
  <c r="T55757" i="1"/>
  <c r="T55758" i="1"/>
  <c r="T55759" i="1"/>
  <c r="T55760" i="1"/>
  <c r="T55761" i="1"/>
  <c r="T55762" i="1"/>
  <c r="T55763" i="1"/>
  <c r="T55764" i="1"/>
  <c r="T55765" i="1"/>
  <c r="T55766" i="1"/>
  <c r="T55767" i="1"/>
  <c r="T55768" i="1"/>
  <c r="T55769" i="1"/>
  <c r="T55770" i="1"/>
  <c r="T55771" i="1"/>
  <c r="T55772" i="1"/>
  <c r="T55773" i="1"/>
  <c r="T55774" i="1"/>
  <c r="T55775" i="1"/>
  <c r="T55776" i="1"/>
  <c r="T55777" i="1"/>
  <c r="T55778" i="1"/>
  <c r="T55779" i="1"/>
  <c r="T55780" i="1"/>
  <c r="T55781" i="1"/>
  <c r="T55782" i="1"/>
  <c r="T55783" i="1"/>
  <c r="T55784" i="1"/>
  <c r="T55785" i="1"/>
  <c r="T55786" i="1"/>
  <c r="T55787" i="1"/>
  <c r="T55788" i="1"/>
  <c r="T55789" i="1"/>
  <c r="T55790" i="1"/>
  <c r="T55791" i="1"/>
  <c r="T55792" i="1"/>
  <c r="T55793" i="1"/>
  <c r="T55794" i="1"/>
  <c r="T55795" i="1"/>
  <c r="T55796" i="1"/>
  <c r="T55797" i="1"/>
  <c r="T55798" i="1"/>
  <c r="T55799" i="1"/>
  <c r="T55800" i="1"/>
  <c r="T55801" i="1"/>
  <c r="T55802" i="1"/>
  <c r="T55803" i="1"/>
  <c r="T55804" i="1"/>
  <c r="T55805" i="1"/>
  <c r="T55806" i="1"/>
  <c r="T55807" i="1"/>
  <c r="T55808" i="1"/>
  <c r="T55809" i="1"/>
  <c r="T55810" i="1"/>
  <c r="T55811" i="1"/>
  <c r="T55812" i="1"/>
  <c r="T55813" i="1"/>
  <c r="T55814" i="1"/>
  <c r="T55815" i="1"/>
  <c r="T55816" i="1"/>
  <c r="T55817" i="1"/>
  <c r="T55818" i="1"/>
  <c r="T55819" i="1"/>
  <c r="T55820" i="1"/>
  <c r="T55821" i="1"/>
  <c r="T55822" i="1"/>
  <c r="T55823" i="1"/>
  <c r="T55824" i="1"/>
  <c r="T55825" i="1"/>
  <c r="T55826" i="1"/>
  <c r="T55827" i="1"/>
  <c r="T55828" i="1"/>
  <c r="T55829" i="1"/>
  <c r="T55830" i="1"/>
  <c r="T55831" i="1"/>
  <c r="T55832" i="1"/>
  <c r="T55833" i="1"/>
  <c r="T55834" i="1"/>
  <c r="T55835" i="1"/>
  <c r="T55836" i="1"/>
  <c r="T55837" i="1"/>
  <c r="T55838" i="1"/>
  <c r="T55839" i="1"/>
  <c r="T55840" i="1"/>
  <c r="T55841" i="1"/>
  <c r="T55842" i="1"/>
  <c r="T55843" i="1"/>
  <c r="T55844" i="1"/>
  <c r="T55845" i="1"/>
  <c r="T55846" i="1"/>
  <c r="T55847" i="1"/>
  <c r="T55848" i="1"/>
  <c r="T55849" i="1"/>
  <c r="T55850" i="1"/>
  <c r="T55851" i="1"/>
  <c r="T55852" i="1"/>
  <c r="T55853" i="1"/>
  <c r="T55854" i="1"/>
  <c r="T55855" i="1"/>
  <c r="T55856" i="1"/>
  <c r="T55857" i="1"/>
  <c r="T55858" i="1"/>
  <c r="T55859" i="1"/>
  <c r="T55860" i="1"/>
  <c r="T55861" i="1"/>
  <c r="T55862" i="1"/>
  <c r="T55863" i="1"/>
  <c r="T55864" i="1"/>
  <c r="T55865" i="1"/>
  <c r="T55866" i="1"/>
  <c r="T55867" i="1"/>
  <c r="T55868" i="1"/>
  <c r="T55869" i="1"/>
  <c r="T55870" i="1"/>
  <c r="T55871" i="1"/>
  <c r="T55872" i="1"/>
  <c r="T55873" i="1"/>
  <c r="T55874" i="1"/>
  <c r="T55875" i="1"/>
  <c r="T55876" i="1"/>
  <c r="T55877" i="1"/>
  <c r="T55878" i="1"/>
  <c r="T55879" i="1"/>
  <c r="T55880" i="1"/>
  <c r="T55881" i="1"/>
  <c r="T55882" i="1"/>
  <c r="T55883" i="1"/>
  <c r="T55884" i="1"/>
  <c r="T55885" i="1"/>
  <c r="T55886" i="1"/>
  <c r="T55887" i="1"/>
  <c r="T55888" i="1"/>
  <c r="T55889" i="1"/>
  <c r="T55890" i="1"/>
  <c r="T55891" i="1"/>
  <c r="T55892" i="1"/>
  <c r="T55893" i="1"/>
  <c r="T55894" i="1"/>
  <c r="T55895" i="1"/>
  <c r="T55896" i="1"/>
  <c r="T55897" i="1"/>
  <c r="T55898" i="1"/>
  <c r="T55899" i="1"/>
  <c r="T55900" i="1"/>
  <c r="T55901" i="1"/>
  <c r="T55902" i="1"/>
  <c r="T55903" i="1"/>
  <c r="T55904" i="1"/>
  <c r="T55905" i="1"/>
  <c r="T55906" i="1"/>
  <c r="T55907" i="1"/>
  <c r="T55908" i="1"/>
  <c r="T55909" i="1"/>
  <c r="T55910" i="1"/>
  <c r="T55911" i="1"/>
  <c r="T55912" i="1"/>
  <c r="T55913" i="1"/>
  <c r="T55914" i="1"/>
  <c r="T55915" i="1"/>
  <c r="T55916" i="1"/>
  <c r="T55917" i="1"/>
  <c r="T55918" i="1"/>
  <c r="T55919" i="1"/>
  <c r="T55920" i="1"/>
  <c r="T55921" i="1"/>
  <c r="T55922" i="1"/>
  <c r="T55923" i="1"/>
  <c r="T55924" i="1"/>
  <c r="T55925" i="1"/>
  <c r="T55926" i="1"/>
  <c r="T55927" i="1"/>
  <c r="T55928" i="1"/>
  <c r="T55929" i="1"/>
  <c r="T55930" i="1"/>
  <c r="T55931" i="1"/>
  <c r="T55932" i="1"/>
  <c r="T55933" i="1"/>
  <c r="T55934" i="1"/>
  <c r="T55935" i="1"/>
  <c r="T55936" i="1"/>
  <c r="T55937" i="1"/>
  <c r="T55938" i="1"/>
  <c r="T55939" i="1"/>
  <c r="T55940" i="1"/>
  <c r="T55941" i="1"/>
  <c r="T55942" i="1"/>
  <c r="T55943" i="1"/>
  <c r="T55944" i="1"/>
  <c r="T55945" i="1"/>
  <c r="T55946" i="1"/>
  <c r="T55947" i="1"/>
  <c r="T55948" i="1"/>
  <c r="T55949" i="1"/>
  <c r="T55950" i="1"/>
  <c r="T55951" i="1"/>
  <c r="T55952" i="1"/>
  <c r="T55953" i="1"/>
  <c r="T55954" i="1"/>
  <c r="T55955" i="1"/>
  <c r="T55956" i="1"/>
  <c r="T55957" i="1"/>
  <c r="T55958" i="1"/>
  <c r="T55959" i="1"/>
  <c r="T55960" i="1"/>
  <c r="T55961" i="1"/>
  <c r="T55962" i="1"/>
  <c r="T55963" i="1"/>
  <c r="T55964" i="1"/>
  <c r="T55965" i="1"/>
  <c r="T55966" i="1"/>
  <c r="T55967" i="1"/>
  <c r="T55968" i="1"/>
  <c r="T55969" i="1"/>
  <c r="T55970" i="1"/>
  <c r="T55971" i="1"/>
  <c r="T55972" i="1"/>
  <c r="T55973" i="1"/>
  <c r="T55974" i="1"/>
  <c r="T55975" i="1"/>
  <c r="T55976" i="1"/>
  <c r="T55977" i="1"/>
  <c r="T55978" i="1"/>
  <c r="T55979" i="1"/>
  <c r="T55980" i="1"/>
  <c r="T55981" i="1"/>
  <c r="T55982" i="1"/>
  <c r="T55983" i="1"/>
  <c r="T55984" i="1"/>
  <c r="T55985" i="1"/>
  <c r="T55986" i="1"/>
  <c r="T55987" i="1"/>
  <c r="T55988" i="1"/>
  <c r="T55989" i="1"/>
  <c r="T55990" i="1"/>
  <c r="T55991" i="1"/>
  <c r="T55992" i="1"/>
  <c r="T55993" i="1"/>
  <c r="T55994" i="1"/>
  <c r="T55995" i="1"/>
  <c r="T55996" i="1"/>
  <c r="T55997" i="1"/>
  <c r="T55998" i="1"/>
  <c r="T55999" i="1"/>
  <c r="T56000" i="1"/>
  <c r="T56001" i="1"/>
  <c r="T56002" i="1"/>
  <c r="T56003" i="1"/>
  <c r="T56004" i="1"/>
  <c r="T56005" i="1"/>
  <c r="T56006" i="1"/>
  <c r="T56007" i="1"/>
  <c r="T56008" i="1"/>
  <c r="T56009" i="1"/>
  <c r="T56010" i="1"/>
  <c r="T56011" i="1"/>
  <c r="T56012" i="1"/>
  <c r="T56013" i="1"/>
  <c r="T56014" i="1"/>
  <c r="T56015" i="1"/>
  <c r="T56016" i="1"/>
  <c r="T56017" i="1"/>
  <c r="T56018" i="1"/>
  <c r="T56019" i="1"/>
  <c r="T56020" i="1"/>
  <c r="T56021" i="1"/>
  <c r="T56022" i="1"/>
  <c r="T56023" i="1"/>
  <c r="T56024" i="1"/>
  <c r="T56025" i="1"/>
  <c r="T56026" i="1"/>
  <c r="T56027" i="1"/>
  <c r="T56028" i="1"/>
  <c r="T56029" i="1"/>
  <c r="T56030" i="1"/>
  <c r="T56031" i="1"/>
  <c r="T56032" i="1"/>
  <c r="T56033" i="1"/>
  <c r="T56034" i="1"/>
  <c r="T56035" i="1"/>
  <c r="T56036" i="1"/>
  <c r="T56037" i="1"/>
  <c r="T56038" i="1"/>
  <c r="T56039" i="1"/>
  <c r="T56040" i="1"/>
  <c r="T56041" i="1"/>
  <c r="T56042" i="1"/>
  <c r="T56043" i="1"/>
  <c r="T56044" i="1"/>
  <c r="T56045" i="1"/>
  <c r="T56046" i="1"/>
  <c r="T56047" i="1"/>
  <c r="T56048" i="1"/>
  <c r="T56049" i="1"/>
  <c r="T56050" i="1"/>
  <c r="T56051" i="1"/>
  <c r="T56052" i="1"/>
  <c r="T56053" i="1"/>
  <c r="T56054" i="1"/>
  <c r="T56055" i="1"/>
  <c r="T56056" i="1"/>
  <c r="T56057" i="1"/>
  <c r="T56058" i="1"/>
  <c r="T56059" i="1"/>
  <c r="T56060" i="1"/>
  <c r="T56061" i="1"/>
  <c r="T56062" i="1"/>
  <c r="T56063" i="1"/>
  <c r="T56064" i="1"/>
  <c r="T56065" i="1"/>
  <c r="T56066" i="1"/>
  <c r="T56067" i="1"/>
  <c r="T56068" i="1"/>
  <c r="T56069" i="1"/>
  <c r="T56070" i="1"/>
  <c r="T56071" i="1"/>
  <c r="T56072" i="1"/>
  <c r="T56073" i="1"/>
  <c r="T56074" i="1"/>
  <c r="T56075" i="1"/>
  <c r="T56076" i="1"/>
  <c r="T56077" i="1"/>
  <c r="T56078" i="1"/>
  <c r="T56079" i="1"/>
  <c r="T56080" i="1"/>
  <c r="T56081" i="1"/>
  <c r="T56082" i="1"/>
  <c r="T56083" i="1"/>
  <c r="T56084" i="1"/>
  <c r="T56085" i="1"/>
  <c r="T56086" i="1"/>
  <c r="T56087" i="1"/>
  <c r="T56088" i="1"/>
  <c r="T56089" i="1"/>
  <c r="T56090" i="1"/>
  <c r="T56091" i="1"/>
  <c r="T56092" i="1"/>
  <c r="T56093" i="1"/>
  <c r="T56094" i="1"/>
  <c r="T56095" i="1"/>
  <c r="T56096" i="1"/>
  <c r="T56097" i="1"/>
  <c r="T56098" i="1"/>
  <c r="T56099" i="1"/>
  <c r="T56100" i="1"/>
  <c r="T56101" i="1"/>
  <c r="T56102" i="1"/>
  <c r="T56103" i="1"/>
  <c r="T56104" i="1"/>
  <c r="T56105" i="1"/>
  <c r="T56106" i="1"/>
  <c r="T56107" i="1"/>
  <c r="T56108" i="1"/>
  <c r="T56109" i="1"/>
  <c r="T56110" i="1"/>
  <c r="T56111" i="1"/>
  <c r="T56112" i="1"/>
  <c r="T56113" i="1"/>
  <c r="T56114" i="1"/>
  <c r="T56115" i="1"/>
  <c r="T56116" i="1"/>
  <c r="T56117" i="1"/>
  <c r="T56118" i="1"/>
  <c r="T56119" i="1"/>
  <c r="T56120" i="1"/>
  <c r="T56121" i="1"/>
  <c r="T56122" i="1"/>
  <c r="T56123" i="1"/>
  <c r="T56124" i="1"/>
  <c r="T56125" i="1"/>
  <c r="T56126" i="1"/>
  <c r="T56127" i="1"/>
  <c r="T56128" i="1"/>
  <c r="T56129" i="1"/>
  <c r="T56130" i="1"/>
  <c r="T56131" i="1"/>
  <c r="T56132" i="1"/>
  <c r="T56133" i="1"/>
  <c r="T56134" i="1"/>
  <c r="T56135" i="1"/>
  <c r="T56136" i="1"/>
  <c r="T56137" i="1"/>
  <c r="T56138" i="1"/>
  <c r="T56139" i="1"/>
  <c r="T56140" i="1"/>
  <c r="T56141" i="1"/>
  <c r="T56142" i="1"/>
  <c r="T56143" i="1"/>
  <c r="T56144" i="1"/>
  <c r="T56145" i="1"/>
  <c r="T56146" i="1"/>
  <c r="T56147" i="1"/>
  <c r="T56148" i="1"/>
  <c r="T56149" i="1"/>
  <c r="T56150" i="1"/>
  <c r="T56151" i="1"/>
  <c r="T56152" i="1"/>
  <c r="T56153" i="1"/>
  <c r="T56154" i="1"/>
  <c r="T56155" i="1"/>
  <c r="T56156" i="1"/>
  <c r="T56157" i="1"/>
  <c r="T56158" i="1"/>
  <c r="T56159" i="1"/>
  <c r="T56160" i="1"/>
  <c r="T56161" i="1"/>
  <c r="T56162" i="1"/>
  <c r="T56163" i="1"/>
  <c r="T56164" i="1"/>
  <c r="T56165" i="1"/>
  <c r="T56166" i="1"/>
  <c r="T56167" i="1"/>
  <c r="T56168" i="1"/>
  <c r="T56169" i="1"/>
  <c r="T56170" i="1"/>
  <c r="T56171" i="1"/>
  <c r="T56172" i="1"/>
  <c r="T56173" i="1"/>
  <c r="T56174" i="1"/>
  <c r="T56175" i="1"/>
  <c r="T56176" i="1"/>
  <c r="T56177" i="1"/>
  <c r="T56178" i="1"/>
  <c r="T56179" i="1"/>
  <c r="T56180" i="1"/>
  <c r="T56181" i="1"/>
  <c r="T56182" i="1"/>
  <c r="T56183" i="1"/>
  <c r="T56184" i="1"/>
  <c r="T56185" i="1"/>
  <c r="T56186" i="1"/>
  <c r="T56187" i="1"/>
  <c r="T56188" i="1"/>
  <c r="T56189" i="1"/>
  <c r="T56190" i="1"/>
  <c r="T56191" i="1"/>
  <c r="T56192" i="1"/>
  <c r="T56193" i="1"/>
  <c r="T56194" i="1"/>
  <c r="T56195" i="1"/>
  <c r="T56196" i="1"/>
  <c r="T56197" i="1"/>
  <c r="T56198" i="1"/>
  <c r="T56199" i="1"/>
  <c r="T56200" i="1"/>
  <c r="T56201" i="1"/>
  <c r="T56202" i="1"/>
  <c r="T56203" i="1"/>
  <c r="T56204" i="1"/>
  <c r="T56205" i="1"/>
  <c r="T56206" i="1"/>
  <c r="T56207" i="1"/>
  <c r="T56208" i="1"/>
  <c r="T56209" i="1"/>
  <c r="T56210" i="1"/>
  <c r="T56211" i="1"/>
  <c r="T56212" i="1"/>
  <c r="T56213" i="1"/>
  <c r="T56214" i="1"/>
  <c r="T56215" i="1"/>
  <c r="T56216" i="1"/>
  <c r="T56217" i="1"/>
  <c r="T56218" i="1"/>
  <c r="T56219" i="1"/>
  <c r="T56220" i="1"/>
  <c r="T56221" i="1"/>
  <c r="T56222" i="1"/>
  <c r="T56223" i="1"/>
  <c r="T56224" i="1"/>
  <c r="T56225" i="1"/>
  <c r="T56226" i="1"/>
  <c r="T56227" i="1"/>
  <c r="T56228" i="1"/>
  <c r="T56229" i="1"/>
  <c r="T56230" i="1"/>
  <c r="T56231" i="1"/>
  <c r="T56232" i="1"/>
  <c r="T56233" i="1"/>
  <c r="T56234" i="1"/>
  <c r="T56235" i="1"/>
  <c r="T56236" i="1"/>
  <c r="T56237" i="1"/>
  <c r="T56238" i="1"/>
  <c r="T56239" i="1"/>
  <c r="T56240" i="1"/>
  <c r="T56241" i="1"/>
  <c r="T56242" i="1"/>
  <c r="T56243" i="1"/>
  <c r="T56244" i="1"/>
  <c r="T56245" i="1"/>
  <c r="T56246" i="1"/>
  <c r="T56247" i="1"/>
  <c r="T56248" i="1"/>
  <c r="T56249" i="1"/>
  <c r="T56250" i="1"/>
  <c r="T56251" i="1"/>
  <c r="T56252" i="1"/>
  <c r="T56253" i="1"/>
  <c r="T56254" i="1"/>
  <c r="T56255" i="1"/>
  <c r="T56256" i="1"/>
  <c r="T56257" i="1"/>
  <c r="T56258" i="1"/>
  <c r="T56259" i="1"/>
  <c r="T56260" i="1"/>
  <c r="T56261" i="1"/>
  <c r="T56262" i="1"/>
  <c r="T56263" i="1"/>
  <c r="T56264" i="1"/>
  <c r="T56265" i="1"/>
  <c r="T56266" i="1"/>
  <c r="T56267" i="1"/>
  <c r="T56268" i="1"/>
  <c r="T56269" i="1"/>
  <c r="T56270" i="1"/>
  <c r="T56271" i="1"/>
  <c r="T56272" i="1"/>
  <c r="T56273" i="1"/>
  <c r="T56274" i="1"/>
  <c r="T56275" i="1"/>
  <c r="T56276" i="1"/>
  <c r="T56277" i="1"/>
  <c r="T56278" i="1"/>
  <c r="T56279" i="1"/>
  <c r="T56280" i="1"/>
  <c r="T56281" i="1"/>
  <c r="T56282" i="1"/>
  <c r="T56283" i="1"/>
  <c r="T56284" i="1"/>
  <c r="T56285" i="1"/>
  <c r="T56286" i="1"/>
  <c r="T56287" i="1"/>
  <c r="T56288" i="1"/>
  <c r="T56289" i="1"/>
  <c r="T56290" i="1"/>
  <c r="T56291" i="1"/>
  <c r="T56292" i="1"/>
  <c r="T56293" i="1"/>
  <c r="T56294" i="1"/>
  <c r="T56295" i="1"/>
  <c r="T56296" i="1"/>
  <c r="T56297" i="1"/>
  <c r="T56298" i="1"/>
  <c r="T56299" i="1"/>
  <c r="T56300" i="1"/>
  <c r="T56301" i="1"/>
  <c r="T56302" i="1"/>
  <c r="T56303" i="1"/>
  <c r="T56304" i="1"/>
  <c r="T56305" i="1"/>
  <c r="T56306" i="1"/>
  <c r="T56307" i="1"/>
  <c r="T56308" i="1"/>
  <c r="T56309" i="1"/>
  <c r="T56310" i="1"/>
  <c r="T56311" i="1"/>
  <c r="T56312" i="1"/>
  <c r="T56313" i="1"/>
  <c r="T56314" i="1"/>
  <c r="T56315" i="1"/>
  <c r="T56316" i="1"/>
  <c r="T56317" i="1"/>
  <c r="T56318" i="1"/>
  <c r="T56319" i="1"/>
  <c r="T56320" i="1"/>
  <c r="T56321" i="1"/>
  <c r="T56322" i="1"/>
  <c r="T56323" i="1"/>
  <c r="T56324" i="1"/>
  <c r="T56325" i="1"/>
  <c r="T56326" i="1"/>
  <c r="T56327" i="1"/>
  <c r="T56328" i="1"/>
  <c r="T56329" i="1"/>
  <c r="T56330" i="1"/>
  <c r="T56331" i="1"/>
  <c r="T56332" i="1"/>
  <c r="T56333" i="1"/>
  <c r="T56334" i="1"/>
  <c r="T56335" i="1"/>
  <c r="T56336" i="1"/>
  <c r="T56337" i="1"/>
  <c r="T56338" i="1"/>
  <c r="T56339" i="1"/>
  <c r="T56340" i="1"/>
  <c r="T56341" i="1"/>
  <c r="T56342" i="1"/>
  <c r="T56343" i="1"/>
  <c r="T56344" i="1"/>
  <c r="T56345" i="1"/>
  <c r="T56346" i="1"/>
  <c r="T56347" i="1"/>
  <c r="T56348" i="1"/>
  <c r="T56349" i="1"/>
  <c r="T56350" i="1"/>
  <c r="T56351" i="1"/>
  <c r="T56352" i="1"/>
  <c r="T56353" i="1"/>
  <c r="T56354" i="1"/>
  <c r="T56355" i="1"/>
  <c r="T56356" i="1"/>
  <c r="T56357" i="1"/>
  <c r="T56358" i="1"/>
  <c r="T56359" i="1"/>
  <c r="T56360" i="1"/>
  <c r="T56361" i="1"/>
  <c r="T56362" i="1"/>
  <c r="T56363" i="1"/>
  <c r="T56364" i="1"/>
  <c r="T56365" i="1"/>
  <c r="T56366" i="1"/>
  <c r="T56367" i="1"/>
  <c r="T56368" i="1"/>
  <c r="T56369" i="1"/>
  <c r="T56370" i="1"/>
  <c r="T56371" i="1"/>
  <c r="T56372" i="1"/>
  <c r="T56373" i="1"/>
  <c r="T56374" i="1"/>
  <c r="T56375" i="1"/>
  <c r="T56376" i="1"/>
  <c r="T56377" i="1"/>
  <c r="T56378" i="1"/>
  <c r="T56379" i="1"/>
  <c r="T56380" i="1"/>
  <c r="T56381" i="1"/>
  <c r="T56382" i="1"/>
  <c r="T56383" i="1"/>
  <c r="T56384" i="1"/>
  <c r="T56385" i="1"/>
  <c r="T56386" i="1"/>
  <c r="T56387" i="1"/>
  <c r="T56388" i="1"/>
  <c r="T56389" i="1"/>
  <c r="T56390" i="1"/>
  <c r="T56391" i="1"/>
  <c r="T56392" i="1"/>
  <c r="T56393" i="1"/>
  <c r="T56394" i="1"/>
  <c r="T56395" i="1"/>
  <c r="T56396" i="1"/>
  <c r="T56397" i="1"/>
  <c r="T56398" i="1"/>
  <c r="T56399" i="1"/>
  <c r="T56400" i="1"/>
  <c r="T56401" i="1"/>
  <c r="T56402" i="1"/>
  <c r="T56403" i="1"/>
  <c r="T56404" i="1"/>
  <c r="T56405" i="1"/>
  <c r="T56406" i="1"/>
  <c r="T56407" i="1"/>
  <c r="T56408" i="1"/>
  <c r="T56409" i="1"/>
  <c r="T56410" i="1"/>
  <c r="T56411" i="1"/>
  <c r="T56412" i="1"/>
  <c r="T56413" i="1"/>
  <c r="T56414" i="1"/>
  <c r="T56415" i="1"/>
  <c r="T56416" i="1"/>
  <c r="T56417" i="1"/>
  <c r="T56418" i="1"/>
  <c r="T56419" i="1"/>
  <c r="T56420" i="1"/>
  <c r="T56421" i="1"/>
  <c r="T56422" i="1"/>
  <c r="T56423" i="1"/>
  <c r="T56424" i="1"/>
  <c r="T56425" i="1"/>
  <c r="T56426" i="1"/>
  <c r="T56427" i="1"/>
  <c r="T56428" i="1"/>
  <c r="T56429" i="1"/>
  <c r="T56430" i="1"/>
  <c r="T56431" i="1"/>
  <c r="T56432" i="1"/>
  <c r="T56433" i="1"/>
  <c r="T56434" i="1"/>
  <c r="T56435" i="1"/>
  <c r="T56436" i="1"/>
  <c r="T56437" i="1"/>
  <c r="T56438" i="1"/>
  <c r="T56439" i="1"/>
  <c r="T56440" i="1"/>
  <c r="T56441" i="1"/>
  <c r="T56442" i="1"/>
  <c r="T56443" i="1"/>
  <c r="T56444" i="1"/>
  <c r="T56445" i="1"/>
  <c r="T56446" i="1"/>
  <c r="T56447" i="1"/>
  <c r="T56448" i="1"/>
  <c r="T56449" i="1"/>
  <c r="T56450" i="1"/>
  <c r="T56451" i="1"/>
  <c r="T56452" i="1"/>
  <c r="T56453" i="1"/>
  <c r="T56454" i="1"/>
  <c r="T56455" i="1"/>
  <c r="T56456" i="1"/>
  <c r="T56457" i="1"/>
  <c r="T56458" i="1"/>
  <c r="T56459" i="1"/>
  <c r="T56460" i="1"/>
  <c r="T56461" i="1"/>
  <c r="T56462" i="1"/>
  <c r="T56463" i="1"/>
  <c r="T56464" i="1"/>
  <c r="T56465" i="1"/>
  <c r="T56466" i="1"/>
  <c r="T56467" i="1"/>
  <c r="T56468" i="1"/>
  <c r="T56469" i="1"/>
  <c r="T56470" i="1"/>
  <c r="T56471" i="1"/>
  <c r="T56472" i="1"/>
  <c r="T56473" i="1"/>
  <c r="T56474" i="1"/>
  <c r="T56475" i="1"/>
  <c r="T56476" i="1"/>
  <c r="T56477" i="1"/>
  <c r="T56478" i="1"/>
  <c r="T56479" i="1"/>
  <c r="T56480" i="1"/>
  <c r="T56481" i="1"/>
  <c r="T56482" i="1"/>
  <c r="T56483" i="1"/>
  <c r="T56484" i="1"/>
  <c r="T56485" i="1"/>
  <c r="T56486" i="1"/>
  <c r="T56487" i="1"/>
  <c r="T56488" i="1"/>
  <c r="T56489" i="1"/>
  <c r="T56490" i="1"/>
  <c r="T56491" i="1"/>
  <c r="T56492" i="1"/>
  <c r="T56493" i="1"/>
  <c r="T56494" i="1"/>
  <c r="T56495" i="1"/>
  <c r="T56496" i="1"/>
  <c r="T56497" i="1"/>
  <c r="T56498" i="1"/>
  <c r="T56499" i="1"/>
  <c r="T56500" i="1"/>
  <c r="T56501" i="1"/>
  <c r="T56502" i="1"/>
  <c r="T56503" i="1"/>
  <c r="T56504" i="1"/>
  <c r="T56505" i="1"/>
  <c r="T56506" i="1"/>
  <c r="T56507" i="1"/>
  <c r="T56508" i="1"/>
  <c r="T56509" i="1"/>
  <c r="T56510" i="1"/>
  <c r="T56511" i="1"/>
  <c r="T56512" i="1"/>
  <c r="T56513" i="1"/>
  <c r="T56514" i="1"/>
  <c r="T56515" i="1"/>
  <c r="T56516" i="1"/>
  <c r="T56517" i="1"/>
  <c r="T56518" i="1"/>
  <c r="T56519" i="1"/>
  <c r="T56520" i="1"/>
  <c r="T56521" i="1"/>
  <c r="T56522" i="1"/>
  <c r="T56523" i="1"/>
  <c r="T56524" i="1"/>
  <c r="T56525" i="1"/>
  <c r="T56526" i="1"/>
  <c r="T56527" i="1"/>
  <c r="T56528" i="1"/>
  <c r="T56529" i="1"/>
  <c r="T56530" i="1"/>
  <c r="T56531" i="1"/>
  <c r="T56532" i="1"/>
  <c r="T56533" i="1"/>
  <c r="T56534" i="1"/>
  <c r="T56535" i="1"/>
  <c r="T56536" i="1"/>
  <c r="T56537" i="1"/>
  <c r="T56538" i="1"/>
  <c r="T56539" i="1"/>
  <c r="T56540" i="1"/>
  <c r="T56541" i="1"/>
  <c r="T56542" i="1"/>
  <c r="T56543" i="1"/>
  <c r="T56544" i="1"/>
  <c r="T56545" i="1"/>
  <c r="T56546" i="1"/>
  <c r="T56547" i="1"/>
  <c r="T56548" i="1"/>
  <c r="T56549" i="1"/>
  <c r="T56550" i="1"/>
  <c r="T56551" i="1"/>
  <c r="T56552" i="1"/>
  <c r="T56553" i="1"/>
  <c r="T56554" i="1"/>
  <c r="T56555" i="1"/>
  <c r="T56556" i="1"/>
  <c r="T56557" i="1"/>
  <c r="T56558" i="1"/>
  <c r="T56559" i="1"/>
  <c r="T56560" i="1"/>
  <c r="T56561" i="1"/>
  <c r="T56562" i="1"/>
  <c r="T56563" i="1"/>
  <c r="T56564" i="1"/>
  <c r="T56565" i="1"/>
  <c r="T56566" i="1"/>
  <c r="T56567" i="1"/>
  <c r="T56568" i="1"/>
  <c r="T56569" i="1"/>
  <c r="T56570" i="1"/>
  <c r="T56571" i="1"/>
  <c r="T56572" i="1"/>
  <c r="T56573" i="1"/>
  <c r="T56574" i="1"/>
  <c r="T56575" i="1"/>
  <c r="T56576" i="1"/>
  <c r="T56577" i="1"/>
  <c r="T56578" i="1"/>
  <c r="T56579" i="1"/>
  <c r="T56580" i="1"/>
  <c r="T56581" i="1"/>
  <c r="T56582" i="1"/>
  <c r="T56583" i="1"/>
  <c r="T56584" i="1"/>
  <c r="T56585" i="1"/>
  <c r="T56586" i="1"/>
  <c r="T56587" i="1"/>
  <c r="T56588" i="1"/>
  <c r="T56589" i="1"/>
  <c r="T56590" i="1"/>
  <c r="T56591" i="1"/>
  <c r="T56592" i="1"/>
  <c r="T56593" i="1"/>
  <c r="T56594" i="1"/>
  <c r="T56595" i="1"/>
  <c r="T56596" i="1"/>
  <c r="T56597" i="1"/>
  <c r="T56598" i="1"/>
  <c r="T56599" i="1"/>
  <c r="T56600" i="1"/>
  <c r="T56601" i="1"/>
  <c r="T56602" i="1"/>
  <c r="T56603" i="1"/>
  <c r="T56604" i="1"/>
  <c r="T56605" i="1"/>
  <c r="T56606" i="1"/>
  <c r="T56607" i="1"/>
  <c r="T56608" i="1"/>
  <c r="T56609" i="1"/>
  <c r="T56610" i="1"/>
  <c r="T56611" i="1"/>
  <c r="T56612" i="1"/>
  <c r="T56613" i="1"/>
  <c r="T56614" i="1"/>
  <c r="T56615" i="1"/>
  <c r="T56616" i="1"/>
  <c r="T56617" i="1"/>
  <c r="T56618" i="1"/>
  <c r="T56619" i="1"/>
  <c r="T56620" i="1"/>
  <c r="T56621" i="1"/>
  <c r="T56622" i="1"/>
  <c r="T56623" i="1"/>
  <c r="T56624" i="1"/>
  <c r="T56625" i="1"/>
  <c r="T56626" i="1"/>
  <c r="T56627" i="1"/>
  <c r="T56628" i="1"/>
  <c r="T56629" i="1"/>
  <c r="T56630" i="1"/>
  <c r="T56631" i="1"/>
  <c r="T56632" i="1"/>
  <c r="T56633" i="1"/>
  <c r="T56634" i="1"/>
  <c r="T56635" i="1"/>
  <c r="T56636" i="1"/>
  <c r="T56637" i="1"/>
  <c r="T56638" i="1"/>
  <c r="T56639" i="1"/>
  <c r="T56640" i="1"/>
  <c r="T56641" i="1"/>
  <c r="T56642" i="1"/>
  <c r="T56643" i="1"/>
  <c r="T56644" i="1"/>
  <c r="T56645" i="1"/>
  <c r="T56646" i="1"/>
  <c r="T56647" i="1"/>
  <c r="T56648" i="1"/>
  <c r="T56649" i="1"/>
  <c r="T56650" i="1"/>
  <c r="T56651" i="1"/>
  <c r="T56652" i="1"/>
  <c r="T56653" i="1"/>
  <c r="T56654" i="1"/>
  <c r="T56655" i="1"/>
  <c r="T56656" i="1"/>
  <c r="T56657" i="1"/>
  <c r="T56658" i="1"/>
  <c r="T56659" i="1"/>
  <c r="T56660" i="1"/>
  <c r="T56661" i="1"/>
  <c r="T56662" i="1"/>
  <c r="T56663" i="1"/>
  <c r="T56664" i="1"/>
  <c r="T56665" i="1"/>
  <c r="T56666" i="1"/>
  <c r="T56667" i="1"/>
  <c r="T56668" i="1"/>
  <c r="T56669" i="1"/>
  <c r="T56670" i="1"/>
  <c r="T56671" i="1"/>
  <c r="T56672" i="1"/>
  <c r="T56673" i="1"/>
  <c r="T56674" i="1"/>
  <c r="T56675" i="1"/>
  <c r="T56676" i="1"/>
  <c r="T56677" i="1"/>
  <c r="T56678" i="1"/>
  <c r="T56679" i="1"/>
  <c r="T56680" i="1"/>
  <c r="T56681" i="1"/>
  <c r="T56682" i="1"/>
  <c r="T56683" i="1"/>
  <c r="T56684" i="1"/>
  <c r="T56685" i="1"/>
  <c r="T56686" i="1"/>
  <c r="T56687" i="1"/>
  <c r="T56688" i="1"/>
  <c r="T56689" i="1"/>
  <c r="T56690" i="1"/>
  <c r="T56691" i="1"/>
  <c r="T56692" i="1"/>
  <c r="T56693" i="1"/>
  <c r="T56694" i="1"/>
  <c r="T56695" i="1"/>
  <c r="T56696" i="1"/>
  <c r="T56697" i="1"/>
  <c r="T56698" i="1"/>
  <c r="T56699" i="1"/>
  <c r="T56700" i="1"/>
  <c r="T56701" i="1"/>
  <c r="T56702" i="1"/>
  <c r="T56703" i="1"/>
  <c r="T56704" i="1"/>
  <c r="T56705" i="1"/>
  <c r="T56706" i="1"/>
  <c r="T56707" i="1"/>
  <c r="T56708" i="1"/>
  <c r="T56709" i="1"/>
  <c r="T56710" i="1"/>
  <c r="T56711" i="1"/>
  <c r="T56712" i="1"/>
  <c r="T56713" i="1"/>
  <c r="T56714" i="1"/>
  <c r="T56715" i="1"/>
  <c r="T56716" i="1"/>
  <c r="T56717" i="1"/>
  <c r="T56718" i="1"/>
  <c r="T56719" i="1"/>
  <c r="T56720" i="1"/>
  <c r="T56721" i="1"/>
  <c r="T56722" i="1"/>
  <c r="T56723" i="1"/>
  <c r="T56724" i="1"/>
  <c r="T56725" i="1"/>
  <c r="T56726" i="1"/>
  <c r="T56727" i="1"/>
  <c r="T56728" i="1"/>
  <c r="T56729" i="1"/>
  <c r="T56730" i="1"/>
  <c r="T56731" i="1"/>
  <c r="T56732" i="1"/>
  <c r="T56733" i="1"/>
  <c r="T56734" i="1"/>
  <c r="T56735" i="1"/>
  <c r="T56736" i="1"/>
  <c r="T56737" i="1"/>
  <c r="T56738" i="1"/>
  <c r="T56739" i="1"/>
  <c r="T56740" i="1"/>
  <c r="T56741" i="1"/>
  <c r="T56742" i="1"/>
  <c r="T56743" i="1"/>
  <c r="T56744" i="1"/>
  <c r="T56745" i="1"/>
  <c r="T56746" i="1"/>
  <c r="T56747" i="1"/>
  <c r="T56748" i="1"/>
  <c r="T56749" i="1"/>
  <c r="T56750" i="1"/>
  <c r="T56751" i="1"/>
  <c r="T56752" i="1"/>
  <c r="T56753" i="1"/>
  <c r="T56754" i="1"/>
  <c r="T56755" i="1"/>
  <c r="T56756" i="1"/>
  <c r="T56757" i="1"/>
  <c r="T56758" i="1"/>
  <c r="T56759" i="1"/>
  <c r="T56760" i="1"/>
  <c r="T56761" i="1"/>
  <c r="T56762" i="1"/>
  <c r="T56763" i="1"/>
  <c r="T56764" i="1"/>
  <c r="T56765" i="1"/>
  <c r="T56766" i="1"/>
  <c r="T56767" i="1"/>
  <c r="T56768" i="1"/>
  <c r="T56769" i="1"/>
  <c r="T56770" i="1"/>
  <c r="T56771" i="1"/>
  <c r="T56772" i="1"/>
  <c r="T56773" i="1"/>
  <c r="T56774" i="1"/>
  <c r="T56775" i="1"/>
  <c r="T56776" i="1"/>
  <c r="T56777" i="1"/>
  <c r="T56778" i="1"/>
  <c r="T56779" i="1"/>
  <c r="T56780" i="1"/>
  <c r="T56781" i="1"/>
  <c r="T56782" i="1"/>
  <c r="T56783" i="1"/>
  <c r="T56784" i="1"/>
  <c r="T56785" i="1"/>
  <c r="T56786" i="1"/>
  <c r="T56787" i="1"/>
  <c r="T56788" i="1"/>
  <c r="T56789" i="1"/>
  <c r="T56790" i="1"/>
  <c r="T56791" i="1"/>
  <c r="T56792" i="1"/>
  <c r="T56793" i="1"/>
  <c r="T56794" i="1"/>
  <c r="T56795" i="1"/>
  <c r="T56796" i="1"/>
  <c r="T56797" i="1"/>
  <c r="T56798" i="1"/>
  <c r="T56799" i="1"/>
  <c r="T56800" i="1"/>
  <c r="T56801" i="1"/>
  <c r="T56802" i="1"/>
  <c r="T56803" i="1"/>
  <c r="T56804" i="1"/>
  <c r="T56805" i="1"/>
  <c r="T56806" i="1"/>
  <c r="T56807" i="1"/>
  <c r="T56808" i="1"/>
  <c r="T56809" i="1"/>
  <c r="T56810" i="1"/>
  <c r="T56811" i="1"/>
  <c r="T56812" i="1"/>
  <c r="T56813" i="1"/>
  <c r="T56814" i="1"/>
  <c r="T56815" i="1"/>
  <c r="T56816" i="1"/>
  <c r="T56817" i="1"/>
  <c r="T56818" i="1"/>
  <c r="T56819" i="1"/>
  <c r="T56820" i="1"/>
  <c r="T56821" i="1"/>
  <c r="T56822" i="1"/>
  <c r="T56823" i="1"/>
  <c r="T56824" i="1"/>
  <c r="T56825" i="1"/>
  <c r="T56826" i="1"/>
  <c r="T56827" i="1"/>
  <c r="T56828" i="1"/>
  <c r="T56829" i="1"/>
  <c r="T56830" i="1"/>
  <c r="T56831" i="1"/>
  <c r="T56832" i="1"/>
  <c r="T56833" i="1"/>
  <c r="T56834" i="1"/>
  <c r="T56835" i="1"/>
  <c r="T56836" i="1"/>
  <c r="T56837" i="1"/>
  <c r="T56838" i="1"/>
  <c r="T56839" i="1"/>
  <c r="T56840" i="1"/>
  <c r="T56841" i="1"/>
  <c r="T56842" i="1"/>
  <c r="T56843" i="1"/>
  <c r="T56844" i="1"/>
  <c r="T56845" i="1"/>
  <c r="T56846" i="1"/>
  <c r="T56847" i="1"/>
  <c r="T56848" i="1"/>
  <c r="T56849" i="1"/>
  <c r="T56850" i="1"/>
  <c r="T56851" i="1"/>
  <c r="T56852" i="1"/>
  <c r="T56853" i="1"/>
  <c r="T56854" i="1"/>
  <c r="T56855" i="1"/>
  <c r="T56856" i="1"/>
  <c r="T56857" i="1"/>
  <c r="T56858" i="1"/>
  <c r="T56859" i="1"/>
  <c r="T56860" i="1"/>
  <c r="T56861" i="1"/>
  <c r="T56862" i="1"/>
  <c r="T56863" i="1"/>
  <c r="T56864" i="1"/>
  <c r="T56865" i="1"/>
  <c r="T56866" i="1"/>
  <c r="T56867" i="1"/>
  <c r="T56868" i="1"/>
  <c r="T56869" i="1"/>
  <c r="T56870" i="1"/>
  <c r="T56871" i="1"/>
  <c r="T56872" i="1"/>
  <c r="T56873" i="1"/>
  <c r="T56874" i="1"/>
  <c r="T56875" i="1"/>
  <c r="T56876" i="1"/>
  <c r="T56877" i="1"/>
  <c r="T56878" i="1"/>
  <c r="T56879" i="1"/>
  <c r="T56880" i="1"/>
  <c r="T56881" i="1"/>
  <c r="T56882" i="1"/>
  <c r="T56883" i="1"/>
  <c r="T56884" i="1"/>
  <c r="T56885" i="1"/>
  <c r="T56886" i="1"/>
  <c r="T56887" i="1"/>
  <c r="T56888" i="1"/>
  <c r="T56889" i="1"/>
  <c r="T56890" i="1"/>
  <c r="T56891" i="1"/>
  <c r="T56892" i="1"/>
  <c r="T56893" i="1"/>
  <c r="T56894" i="1"/>
  <c r="T56895" i="1"/>
  <c r="T56896" i="1"/>
  <c r="T56897" i="1"/>
  <c r="T56898" i="1"/>
  <c r="T56899" i="1"/>
  <c r="T56900" i="1"/>
  <c r="T56901" i="1"/>
  <c r="T56902" i="1"/>
  <c r="T56903" i="1"/>
  <c r="T56904" i="1"/>
  <c r="T56905" i="1"/>
  <c r="T56906" i="1"/>
  <c r="T56907" i="1"/>
  <c r="T56908" i="1"/>
  <c r="T56909" i="1"/>
  <c r="T56910" i="1"/>
  <c r="T56911" i="1"/>
  <c r="T56912" i="1"/>
  <c r="T56913" i="1"/>
  <c r="T56914" i="1"/>
  <c r="T56915" i="1"/>
  <c r="T56916" i="1"/>
  <c r="T56917" i="1"/>
  <c r="T56918" i="1"/>
  <c r="T56919" i="1"/>
  <c r="T56920" i="1"/>
  <c r="T56921" i="1"/>
  <c r="T56922" i="1"/>
  <c r="T56923" i="1"/>
  <c r="T56924" i="1"/>
  <c r="T56925" i="1"/>
  <c r="T56926" i="1"/>
  <c r="T56927" i="1"/>
  <c r="T56928" i="1"/>
  <c r="T56929" i="1"/>
  <c r="T56930" i="1"/>
  <c r="T56931" i="1"/>
  <c r="T56932" i="1"/>
  <c r="T56933" i="1"/>
  <c r="T56934" i="1"/>
  <c r="T56935" i="1"/>
  <c r="T56936" i="1"/>
  <c r="T56937" i="1"/>
  <c r="T56938" i="1"/>
  <c r="T56939" i="1"/>
  <c r="T56940" i="1"/>
  <c r="T56941" i="1"/>
  <c r="T56942" i="1"/>
  <c r="T56943" i="1"/>
  <c r="T56944" i="1"/>
  <c r="T56945" i="1"/>
  <c r="T56946" i="1"/>
  <c r="T56947" i="1"/>
  <c r="T56948" i="1"/>
  <c r="T56949" i="1"/>
  <c r="T56950" i="1"/>
  <c r="T56951" i="1"/>
  <c r="T56952" i="1"/>
  <c r="T56953" i="1"/>
  <c r="T56954" i="1"/>
  <c r="T56955" i="1"/>
  <c r="T56956" i="1"/>
  <c r="T56957" i="1"/>
  <c r="T56958" i="1"/>
  <c r="T56959" i="1"/>
  <c r="T56960" i="1"/>
  <c r="T56961" i="1"/>
  <c r="T56962" i="1"/>
  <c r="T56963" i="1"/>
  <c r="T56964" i="1"/>
  <c r="T56965" i="1"/>
  <c r="T56966" i="1"/>
  <c r="T56967" i="1"/>
  <c r="T56968" i="1"/>
  <c r="T56969" i="1"/>
  <c r="T56970" i="1"/>
  <c r="T56971" i="1"/>
  <c r="T56972" i="1"/>
  <c r="T56973" i="1"/>
  <c r="T56974" i="1"/>
  <c r="T56975" i="1"/>
  <c r="T56976" i="1"/>
  <c r="T56977" i="1"/>
  <c r="T56978" i="1"/>
  <c r="T56979" i="1"/>
  <c r="T56980" i="1"/>
  <c r="T56981" i="1"/>
  <c r="T56982" i="1"/>
  <c r="T56983" i="1"/>
  <c r="T56984" i="1"/>
  <c r="T56985" i="1"/>
  <c r="T56986" i="1"/>
  <c r="T56987" i="1"/>
  <c r="T56988" i="1"/>
  <c r="T56989" i="1"/>
  <c r="T56990" i="1"/>
  <c r="T56991" i="1"/>
  <c r="T56992" i="1"/>
  <c r="T56993" i="1"/>
  <c r="T56994" i="1"/>
  <c r="T56995" i="1"/>
  <c r="T56996" i="1"/>
  <c r="T56997" i="1"/>
  <c r="T56998" i="1"/>
  <c r="T56999" i="1"/>
  <c r="T57000" i="1"/>
  <c r="T57001" i="1"/>
  <c r="T57002" i="1"/>
  <c r="T57003" i="1"/>
  <c r="T57004" i="1"/>
  <c r="T57005" i="1"/>
  <c r="T57006" i="1"/>
  <c r="T57007" i="1"/>
  <c r="T57008" i="1"/>
  <c r="T57009" i="1"/>
  <c r="T57010" i="1"/>
  <c r="T57011" i="1"/>
  <c r="T57012" i="1"/>
  <c r="T57013" i="1"/>
  <c r="T57014" i="1"/>
  <c r="T57015" i="1"/>
  <c r="T57016" i="1"/>
  <c r="T57017" i="1"/>
  <c r="T57018" i="1"/>
  <c r="T57019" i="1"/>
  <c r="T57020" i="1"/>
  <c r="T57021" i="1"/>
  <c r="T57022" i="1"/>
  <c r="T57023" i="1"/>
  <c r="T57024" i="1"/>
  <c r="T57025" i="1"/>
  <c r="T57026" i="1"/>
  <c r="T57027" i="1"/>
  <c r="T57028" i="1"/>
  <c r="T57029" i="1"/>
  <c r="T57030" i="1"/>
  <c r="T57031" i="1"/>
  <c r="T57032" i="1"/>
  <c r="T57033" i="1"/>
  <c r="T57034" i="1"/>
  <c r="T57035" i="1"/>
  <c r="T57036" i="1"/>
  <c r="T57037" i="1"/>
  <c r="T57038" i="1"/>
  <c r="T57039" i="1"/>
  <c r="T57040" i="1"/>
  <c r="T57041" i="1"/>
  <c r="T57042" i="1"/>
  <c r="T57043" i="1"/>
  <c r="T57044" i="1"/>
  <c r="T57045" i="1"/>
  <c r="T57046" i="1"/>
  <c r="T57047" i="1"/>
  <c r="T57048" i="1"/>
  <c r="T57049" i="1"/>
  <c r="T57050" i="1"/>
  <c r="T57051" i="1"/>
  <c r="T57052" i="1"/>
  <c r="T57053" i="1"/>
  <c r="T57054" i="1"/>
  <c r="T57055" i="1"/>
  <c r="T57056" i="1"/>
  <c r="T57057" i="1"/>
  <c r="T57058" i="1"/>
  <c r="T57059" i="1"/>
  <c r="T57060" i="1"/>
  <c r="T57061" i="1"/>
  <c r="T57062" i="1"/>
  <c r="T57063" i="1"/>
  <c r="T57064" i="1"/>
  <c r="T57065" i="1"/>
  <c r="T57066" i="1"/>
  <c r="T57067" i="1"/>
  <c r="T57068" i="1"/>
  <c r="T57069" i="1"/>
  <c r="T57070" i="1"/>
  <c r="T57071" i="1"/>
  <c r="T57072" i="1"/>
  <c r="T57073" i="1"/>
  <c r="T57074" i="1"/>
  <c r="T57075" i="1"/>
  <c r="T57076" i="1"/>
  <c r="T57077" i="1"/>
  <c r="T57078" i="1"/>
  <c r="T57079" i="1"/>
  <c r="T57080" i="1"/>
  <c r="T57081" i="1"/>
  <c r="T57082" i="1"/>
  <c r="T57083" i="1"/>
  <c r="T57084" i="1"/>
  <c r="T57085" i="1"/>
  <c r="T57086" i="1"/>
  <c r="T57087" i="1"/>
  <c r="T57088" i="1"/>
  <c r="T57089" i="1"/>
  <c r="T57090" i="1"/>
  <c r="T57091" i="1"/>
  <c r="T57092" i="1"/>
  <c r="T57093" i="1"/>
  <c r="T57094" i="1"/>
  <c r="T57095" i="1"/>
  <c r="T57096" i="1"/>
  <c r="T57097" i="1"/>
  <c r="T57098" i="1"/>
  <c r="T57099" i="1"/>
  <c r="T57100" i="1"/>
  <c r="T57101" i="1"/>
  <c r="T57102" i="1"/>
  <c r="T57103" i="1"/>
  <c r="T57104" i="1"/>
  <c r="T57105" i="1"/>
  <c r="T57106" i="1"/>
  <c r="T57107" i="1"/>
  <c r="T57108" i="1"/>
  <c r="T57109" i="1"/>
  <c r="T57110" i="1"/>
  <c r="T57111" i="1"/>
  <c r="T57112" i="1"/>
  <c r="T57113" i="1"/>
  <c r="T57114" i="1"/>
  <c r="T57115" i="1"/>
  <c r="T57116" i="1"/>
  <c r="T57117" i="1"/>
  <c r="T57118" i="1"/>
  <c r="T57119" i="1"/>
  <c r="T57120" i="1"/>
  <c r="T57121" i="1"/>
  <c r="T57122" i="1"/>
  <c r="T57123" i="1"/>
  <c r="T57124" i="1"/>
  <c r="T57125" i="1"/>
  <c r="T57126" i="1"/>
  <c r="T57127" i="1"/>
  <c r="T57128" i="1"/>
  <c r="T57129" i="1"/>
  <c r="T57130" i="1"/>
  <c r="T57131" i="1"/>
  <c r="T57132" i="1"/>
  <c r="T57133" i="1"/>
  <c r="T57134" i="1"/>
  <c r="T57135" i="1"/>
  <c r="T57136" i="1"/>
  <c r="T57137" i="1"/>
  <c r="T57138" i="1"/>
  <c r="T57139" i="1"/>
  <c r="T57140" i="1"/>
  <c r="T57141" i="1"/>
  <c r="T57142" i="1"/>
  <c r="T57143" i="1"/>
  <c r="T57144" i="1"/>
  <c r="T57145" i="1"/>
  <c r="T57146" i="1"/>
  <c r="T57147" i="1"/>
  <c r="T57148" i="1"/>
  <c r="T57149" i="1"/>
  <c r="T57150" i="1"/>
  <c r="T57151" i="1"/>
  <c r="T57152" i="1"/>
  <c r="T57153" i="1"/>
  <c r="T57154" i="1"/>
  <c r="T57155" i="1"/>
  <c r="T57156" i="1"/>
  <c r="T57157" i="1"/>
  <c r="T57158" i="1"/>
  <c r="T57159" i="1"/>
  <c r="T57160" i="1"/>
  <c r="T57161" i="1"/>
  <c r="T57162" i="1"/>
  <c r="T57163" i="1"/>
  <c r="T57164" i="1"/>
  <c r="T57165" i="1"/>
  <c r="T57166" i="1"/>
  <c r="T57167" i="1"/>
  <c r="T57168" i="1"/>
  <c r="T57169" i="1"/>
  <c r="T57170" i="1"/>
  <c r="T57171" i="1"/>
  <c r="T57172" i="1"/>
  <c r="T57173" i="1"/>
  <c r="T57174" i="1"/>
  <c r="T57175" i="1"/>
  <c r="T57176" i="1"/>
  <c r="T57177" i="1"/>
  <c r="T57178" i="1"/>
  <c r="T57179" i="1"/>
  <c r="T57180" i="1"/>
  <c r="T57181" i="1"/>
  <c r="T57182" i="1"/>
  <c r="T57183" i="1"/>
  <c r="T57184" i="1"/>
  <c r="T57185" i="1"/>
  <c r="T57186" i="1"/>
  <c r="T57187" i="1"/>
  <c r="T57188" i="1"/>
  <c r="T57189" i="1"/>
  <c r="T57190" i="1"/>
  <c r="T57191" i="1"/>
  <c r="T57192" i="1"/>
  <c r="T57193" i="1"/>
  <c r="T57194" i="1"/>
  <c r="T57195" i="1"/>
  <c r="T57196" i="1"/>
  <c r="T57197" i="1"/>
  <c r="T57198" i="1"/>
  <c r="T57199" i="1"/>
  <c r="T57200" i="1"/>
  <c r="T57201" i="1"/>
  <c r="T57202" i="1"/>
  <c r="T57203" i="1"/>
  <c r="T57204" i="1"/>
  <c r="T57205" i="1"/>
  <c r="T57206" i="1"/>
  <c r="T57207" i="1"/>
  <c r="T57208" i="1"/>
  <c r="T57209" i="1"/>
  <c r="T57210" i="1"/>
  <c r="T57211" i="1"/>
  <c r="T57212" i="1"/>
  <c r="T57213" i="1"/>
  <c r="T57214" i="1"/>
  <c r="T57215" i="1"/>
  <c r="T57216" i="1"/>
  <c r="T57217" i="1"/>
  <c r="T57218" i="1"/>
  <c r="T57219" i="1"/>
  <c r="T57220" i="1"/>
  <c r="T57221" i="1"/>
  <c r="T57222" i="1"/>
  <c r="T57223" i="1"/>
  <c r="T57224" i="1"/>
  <c r="T57225" i="1"/>
  <c r="T57226" i="1"/>
  <c r="T57227" i="1"/>
  <c r="T57228" i="1"/>
  <c r="T57229" i="1"/>
  <c r="T57230" i="1"/>
  <c r="T57231" i="1"/>
  <c r="T57232" i="1"/>
  <c r="T57233" i="1"/>
  <c r="T57234" i="1"/>
  <c r="T57235" i="1"/>
  <c r="T57236" i="1"/>
  <c r="T57237" i="1"/>
  <c r="T57238" i="1"/>
  <c r="T57239" i="1"/>
  <c r="T57240" i="1"/>
  <c r="T57241" i="1"/>
  <c r="T57242" i="1"/>
  <c r="T57243" i="1"/>
  <c r="T57244" i="1"/>
  <c r="T57245" i="1"/>
  <c r="T57246" i="1"/>
  <c r="T57247" i="1"/>
  <c r="T57248" i="1"/>
  <c r="T57249" i="1"/>
  <c r="T57250" i="1"/>
  <c r="T57251" i="1"/>
  <c r="T57252" i="1"/>
  <c r="T57253" i="1"/>
  <c r="T57254" i="1"/>
  <c r="T57255" i="1"/>
  <c r="T57256" i="1"/>
  <c r="T57257" i="1"/>
  <c r="T57258" i="1"/>
  <c r="T57259" i="1"/>
  <c r="T57260" i="1"/>
  <c r="T57261" i="1"/>
  <c r="T57262" i="1"/>
  <c r="T57263" i="1"/>
  <c r="T57264" i="1"/>
  <c r="T57265" i="1"/>
  <c r="T57266" i="1"/>
  <c r="T57267" i="1"/>
  <c r="T57268" i="1"/>
  <c r="T57269" i="1"/>
  <c r="T57270" i="1"/>
  <c r="T57271" i="1"/>
  <c r="T57272" i="1"/>
  <c r="T57273" i="1"/>
  <c r="T57274" i="1"/>
  <c r="T57275" i="1"/>
  <c r="T57276" i="1"/>
  <c r="T57277" i="1"/>
  <c r="T57278" i="1"/>
  <c r="T57279" i="1"/>
  <c r="T57280" i="1"/>
  <c r="T57281" i="1"/>
  <c r="T57282" i="1"/>
  <c r="T57283" i="1"/>
  <c r="T57284" i="1"/>
  <c r="T57285" i="1"/>
  <c r="T57286" i="1"/>
  <c r="T57287" i="1"/>
  <c r="T57288" i="1"/>
  <c r="T57289" i="1"/>
  <c r="T57290" i="1"/>
  <c r="T57291" i="1"/>
  <c r="T57292" i="1"/>
  <c r="T57293" i="1"/>
  <c r="T57294" i="1"/>
  <c r="T57295" i="1"/>
  <c r="T57296" i="1"/>
  <c r="T57297" i="1"/>
  <c r="T57298" i="1"/>
  <c r="T57299" i="1"/>
  <c r="T57300" i="1"/>
  <c r="T57301" i="1"/>
  <c r="T57302" i="1"/>
  <c r="T57303" i="1"/>
  <c r="T57304" i="1"/>
  <c r="T57305" i="1"/>
  <c r="T57306" i="1"/>
  <c r="T57307" i="1"/>
  <c r="T57308" i="1"/>
  <c r="T57309" i="1"/>
  <c r="T57310" i="1"/>
  <c r="T57311" i="1"/>
  <c r="T57312" i="1"/>
  <c r="T57313" i="1"/>
  <c r="T57314" i="1"/>
  <c r="T57315" i="1"/>
  <c r="T57316" i="1"/>
  <c r="T57317" i="1"/>
  <c r="T57318" i="1"/>
  <c r="T57319" i="1"/>
  <c r="T57320" i="1"/>
  <c r="T57321" i="1"/>
  <c r="T57322" i="1"/>
  <c r="T57323" i="1"/>
  <c r="T57324" i="1"/>
  <c r="T57325" i="1"/>
  <c r="T57326" i="1"/>
  <c r="T57327" i="1"/>
  <c r="T57328" i="1"/>
  <c r="T57329" i="1"/>
  <c r="T57330" i="1"/>
  <c r="T57331" i="1"/>
  <c r="T57332" i="1"/>
  <c r="T57333" i="1"/>
  <c r="T57334" i="1"/>
  <c r="T57335" i="1"/>
  <c r="T57336" i="1"/>
  <c r="T57337" i="1"/>
  <c r="T57338" i="1"/>
  <c r="T57339" i="1"/>
  <c r="T57340" i="1"/>
  <c r="T57341" i="1"/>
  <c r="T57342" i="1"/>
  <c r="T57343" i="1"/>
  <c r="T57344" i="1"/>
  <c r="T57345" i="1"/>
  <c r="T57346" i="1"/>
  <c r="T57347" i="1"/>
  <c r="T57348" i="1"/>
  <c r="T57349" i="1"/>
  <c r="T57350" i="1"/>
  <c r="T57351" i="1"/>
  <c r="T57352" i="1"/>
  <c r="T57353" i="1"/>
  <c r="T57354" i="1"/>
  <c r="T57355" i="1"/>
  <c r="T57356" i="1"/>
  <c r="T57357" i="1"/>
  <c r="T57358" i="1"/>
  <c r="T57359" i="1"/>
  <c r="T57360" i="1"/>
  <c r="T57361" i="1"/>
  <c r="T57362" i="1"/>
  <c r="T57363" i="1"/>
  <c r="T57364" i="1"/>
  <c r="T57365" i="1"/>
  <c r="T57366" i="1"/>
  <c r="T57367" i="1"/>
  <c r="T57368" i="1"/>
  <c r="T57369" i="1"/>
  <c r="T57370" i="1"/>
  <c r="T57371" i="1"/>
  <c r="T57372" i="1"/>
  <c r="T57373" i="1"/>
  <c r="T57374" i="1"/>
  <c r="T57375" i="1"/>
  <c r="T57376" i="1"/>
  <c r="T57377" i="1"/>
  <c r="T57378" i="1"/>
  <c r="T57379" i="1"/>
  <c r="T57380" i="1"/>
  <c r="T57381" i="1"/>
  <c r="T57382" i="1"/>
  <c r="T57383" i="1"/>
  <c r="T57384" i="1"/>
  <c r="T57385" i="1"/>
  <c r="T57386" i="1"/>
  <c r="T57387" i="1"/>
  <c r="T57388" i="1"/>
  <c r="T57389" i="1"/>
  <c r="T57390" i="1"/>
  <c r="T57391" i="1"/>
  <c r="T57392" i="1"/>
  <c r="T57393" i="1"/>
  <c r="T57394" i="1"/>
  <c r="T57395" i="1"/>
  <c r="T57396" i="1"/>
  <c r="T57397" i="1"/>
  <c r="T57398" i="1"/>
  <c r="T57399" i="1"/>
  <c r="T57400" i="1"/>
  <c r="T57401" i="1"/>
  <c r="T57402" i="1"/>
  <c r="T57403" i="1"/>
  <c r="T57404" i="1"/>
  <c r="T57405" i="1"/>
  <c r="T57406" i="1"/>
  <c r="T57407" i="1"/>
  <c r="T57408" i="1"/>
  <c r="T57409" i="1"/>
  <c r="T57410" i="1"/>
  <c r="T57411" i="1"/>
  <c r="T57412" i="1"/>
  <c r="T57413" i="1"/>
  <c r="T57414" i="1"/>
  <c r="T57415" i="1"/>
  <c r="T57416" i="1"/>
  <c r="T57417" i="1"/>
  <c r="T57418" i="1"/>
  <c r="T57419" i="1"/>
  <c r="T57420" i="1"/>
  <c r="T57421" i="1"/>
  <c r="T57422" i="1"/>
  <c r="T57423" i="1"/>
  <c r="T57424" i="1"/>
  <c r="T57425" i="1"/>
  <c r="T57426" i="1"/>
  <c r="T57427" i="1"/>
  <c r="T57428" i="1"/>
  <c r="T57429" i="1"/>
  <c r="T57430" i="1"/>
  <c r="T57431" i="1"/>
  <c r="T57432" i="1"/>
  <c r="T57433" i="1"/>
  <c r="T57434" i="1"/>
  <c r="T57435" i="1"/>
  <c r="T57436" i="1"/>
  <c r="T57437" i="1"/>
  <c r="T57438" i="1"/>
  <c r="T57439" i="1"/>
  <c r="T57440" i="1"/>
  <c r="T57441" i="1"/>
  <c r="T57442" i="1"/>
  <c r="T57443" i="1"/>
  <c r="T57444" i="1"/>
  <c r="T57445" i="1"/>
  <c r="T57446" i="1"/>
  <c r="T57447" i="1"/>
  <c r="T57448" i="1"/>
  <c r="T57449" i="1"/>
  <c r="T57450" i="1"/>
  <c r="T57451" i="1"/>
  <c r="T57452" i="1"/>
  <c r="T57453" i="1"/>
  <c r="T57454" i="1"/>
  <c r="T57455" i="1"/>
  <c r="T57456" i="1"/>
  <c r="T57457" i="1"/>
  <c r="T57458" i="1"/>
  <c r="T57459" i="1"/>
  <c r="T57460" i="1"/>
  <c r="T57461" i="1"/>
  <c r="T57462" i="1"/>
  <c r="T57463" i="1"/>
  <c r="T57464" i="1"/>
  <c r="T57465" i="1"/>
  <c r="T57466" i="1"/>
  <c r="T57467" i="1"/>
  <c r="T57468" i="1"/>
  <c r="T57469" i="1"/>
  <c r="T57470" i="1"/>
  <c r="T57471" i="1"/>
  <c r="T57472" i="1"/>
  <c r="T57473" i="1"/>
  <c r="T57474" i="1"/>
  <c r="T57475" i="1"/>
  <c r="T57476" i="1"/>
  <c r="T57477" i="1"/>
  <c r="T57478" i="1"/>
  <c r="T57479" i="1"/>
  <c r="T57480" i="1"/>
  <c r="T57481" i="1"/>
  <c r="T57482" i="1"/>
  <c r="T57483" i="1"/>
  <c r="T57484" i="1"/>
  <c r="T57485" i="1"/>
  <c r="T57486" i="1"/>
  <c r="T57487" i="1"/>
  <c r="T57488" i="1"/>
  <c r="T57489" i="1"/>
  <c r="T57490" i="1"/>
  <c r="T57491" i="1"/>
  <c r="T57492" i="1"/>
  <c r="T57493" i="1"/>
  <c r="T57494" i="1"/>
  <c r="T57495" i="1"/>
  <c r="T57496" i="1"/>
  <c r="T57497" i="1"/>
  <c r="T57498" i="1"/>
  <c r="T57499" i="1"/>
  <c r="T57500" i="1"/>
  <c r="T57501" i="1"/>
  <c r="T57502" i="1"/>
  <c r="T57503" i="1"/>
  <c r="T57504" i="1"/>
  <c r="T57505" i="1"/>
  <c r="T57506" i="1"/>
  <c r="T57507" i="1"/>
  <c r="T57508" i="1"/>
  <c r="T57509" i="1"/>
  <c r="T57510" i="1"/>
  <c r="T57511" i="1"/>
  <c r="T57512" i="1"/>
  <c r="T57513" i="1"/>
  <c r="T57514" i="1"/>
  <c r="T57515" i="1"/>
  <c r="T57516" i="1"/>
  <c r="T57517" i="1"/>
  <c r="T57518" i="1"/>
  <c r="T57519" i="1"/>
  <c r="T57520" i="1"/>
  <c r="T57521" i="1"/>
  <c r="T57522" i="1"/>
  <c r="T57523" i="1"/>
  <c r="T57524" i="1"/>
  <c r="T57525" i="1"/>
  <c r="T57526" i="1"/>
  <c r="T57527" i="1"/>
  <c r="T57528" i="1"/>
  <c r="T57529" i="1"/>
  <c r="T57530" i="1"/>
  <c r="T57531" i="1"/>
  <c r="T57532" i="1"/>
  <c r="T57533" i="1"/>
  <c r="T57534" i="1"/>
  <c r="T57535" i="1"/>
  <c r="T57536" i="1"/>
  <c r="T57537" i="1"/>
  <c r="T57538" i="1"/>
  <c r="T57539" i="1"/>
  <c r="T57540" i="1"/>
  <c r="T57541" i="1"/>
  <c r="T57542" i="1"/>
  <c r="T57543" i="1"/>
  <c r="T57544" i="1"/>
  <c r="T57545" i="1"/>
  <c r="T57546" i="1"/>
  <c r="T57547" i="1"/>
  <c r="T57548" i="1"/>
  <c r="T57549" i="1"/>
  <c r="T57550" i="1"/>
  <c r="T57551" i="1"/>
  <c r="T57552" i="1"/>
  <c r="T57553" i="1"/>
  <c r="T57554" i="1"/>
  <c r="T57555" i="1"/>
  <c r="T57556" i="1"/>
  <c r="T57557" i="1"/>
  <c r="T57558" i="1"/>
  <c r="T57559" i="1"/>
  <c r="T57560" i="1"/>
  <c r="T57561" i="1"/>
  <c r="T57562" i="1"/>
  <c r="T57563" i="1"/>
  <c r="T57564" i="1"/>
  <c r="T57565" i="1"/>
  <c r="T57566" i="1"/>
  <c r="T57567" i="1"/>
  <c r="T57568" i="1"/>
  <c r="T57569" i="1"/>
  <c r="T57570" i="1"/>
  <c r="T57571" i="1"/>
  <c r="T57572" i="1"/>
  <c r="T57573" i="1"/>
  <c r="T57574" i="1"/>
  <c r="T57575" i="1"/>
  <c r="T57576" i="1"/>
  <c r="T57577" i="1"/>
  <c r="T57578" i="1"/>
  <c r="T57579" i="1"/>
  <c r="T57580" i="1"/>
  <c r="T57581" i="1"/>
  <c r="T57582" i="1"/>
  <c r="T57583" i="1"/>
  <c r="T57584" i="1"/>
  <c r="T57585" i="1"/>
  <c r="T57586" i="1"/>
  <c r="T57587" i="1"/>
  <c r="T57588" i="1"/>
  <c r="T57589" i="1"/>
  <c r="T57590" i="1"/>
  <c r="T57591" i="1"/>
  <c r="T57592" i="1"/>
  <c r="T57593" i="1"/>
  <c r="T57594" i="1"/>
  <c r="T57595" i="1"/>
  <c r="T57596" i="1"/>
  <c r="T57597" i="1"/>
  <c r="T57598" i="1"/>
  <c r="T57599" i="1"/>
  <c r="T57600" i="1"/>
  <c r="T57601" i="1"/>
  <c r="T57602" i="1"/>
  <c r="T57603" i="1"/>
  <c r="T57604" i="1"/>
  <c r="T57605" i="1"/>
  <c r="T57606" i="1"/>
  <c r="T57607" i="1"/>
  <c r="T57608" i="1"/>
  <c r="T57609" i="1"/>
  <c r="T57610" i="1"/>
  <c r="T57611" i="1"/>
  <c r="T57612" i="1"/>
  <c r="T57613" i="1"/>
  <c r="T57614" i="1"/>
  <c r="T57615" i="1"/>
  <c r="T57616" i="1"/>
  <c r="T57617" i="1"/>
  <c r="T57618" i="1"/>
  <c r="T57619" i="1"/>
  <c r="T57620" i="1"/>
  <c r="T57621" i="1"/>
  <c r="T57622" i="1"/>
  <c r="T57623" i="1"/>
  <c r="T57624" i="1"/>
  <c r="T57625" i="1"/>
  <c r="T57626" i="1"/>
  <c r="T57627" i="1"/>
  <c r="T57628" i="1"/>
  <c r="T57629" i="1"/>
  <c r="T57630" i="1"/>
  <c r="T57631" i="1"/>
  <c r="T57632" i="1"/>
  <c r="T57633" i="1"/>
  <c r="T57634" i="1"/>
  <c r="T57635" i="1"/>
  <c r="T57636" i="1"/>
  <c r="T57637" i="1"/>
  <c r="T57638" i="1"/>
  <c r="T57639" i="1"/>
  <c r="T57640" i="1"/>
  <c r="T57641" i="1"/>
  <c r="T57642" i="1"/>
  <c r="T57643" i="1"/>
  <c r="T57644" i="1"/>
  <c r="T57645" i="1"/>
  <c r="T57646" i="1"/>
  <c r="T57647" i="1"/>
  <c r="T57648" i="1"/>
  <c r="T57649" i="1"/>
  <c r="T57650" i="1"/>
  <c r="T57651" i="1"/>
  <c r="T57652" i="1"/>
  <c r="T57653" i="1"/>
  <c r="T57654" i="1"/>
  <c r="T57655" i="1"/>
  <c r="T57656" i="1"/>
  <c r="T57657" i="1"/>
  <c r="T57658" i="1"/>
  <c r="T57659" i="1"/>
  <c r="T57660" i="1"/>
  <c r="T57661" i="1"/>
  <c r="T57662" i="1"/>
  <c r="T57663" i="1"/>
  <c r="T57664" i="1"/>
  <c r="T57665" i="1"/>
  <c r="T57666" i="1"/>
  <c r="T57667" i="1"/>
  <c r="T57668" i="1"/>
  <c r="T57669" i="1"/>
  <c r="T57670" i="1"/>
  <c r="T57671" i="1"/>
  <c r="T57672" i="1"/>
  <c r="T57673" i="1"/>
  <c r="T57674" i="1"/>
  <c r="T57675" i="1"/>
  <c r="T57676" i="1"/>
  <c r="T57677" i="1"/>
  <c r="T57678" i="1"/>
  <c r="T57679" i="1"/>
  <c r="T57680" i="1"/>
  <c r="T57681" i="1"/>
  <c r="T57682" i="1"/>
  <c r="T57683" i="1"/>
  <c r="T57684" i="1"/>
  <c r="T57685" i="1"/>
  <c r="T57686" i="1"/>
  <c r="T57687" i="1"/>
  <c r="T57688" i="1"/>
  <c r="T57689" i="1"/>
  <c r="T57690" i="1"/>
  <c r="T57691" i="1"/>
  <c r="T57692" i="1"/>
  <c r="T57693" i="1"/>
  <c r="T57694" i="1"/>
  <c r="T57695" i="1"/>
  <c r="T57696" i="1"/>
  <c r="T57697" i="1"/>
  <c r="T57698" i="1"/>
  <c r="T57699" i="1"/>
  <c r="T57700" i="1"/>
  <c r="T57701" i="1"/>
  <c r="T57702" i="1"/>
  <c r="T57703" i="1"/>
  <c r="T57704" i="1"/>
  <c r="T57705" i="1"/>
  <c r="T57706" i="1"/>
  <c r="T57707" i="1"/>
  <c r="T57708" i="1"/>
  <c r="T57709" i="1"/>
  <c r="T57710" i="1"/>
  <c r="T57711" i="1"/>
  <c r="T57712" i="1"/>
  <c r="T57713" i="1"/>
  <c r="T57714" i="1"/>
  <c r="T57715" i="1"/>
  <c r="T57716" i="1"/>
  <c r="T57717" i="1"/>
  <c r="T57718" i="1"/>
  <c r="T57719" i="1"/>
  <c r="T57720" i="1"/>
  <c r="T57721" i="1"/>
  <c r="T57722" i="1"/>
  <c r="T57723" i="1"/>
  <c r="T57724" i="1"/>
  <c r="T57725" i="1"/>
  <c r="T57726" i="1"/>
  <c r="T57727" i="1"/>
  <c r="T57728" i="1"/>
  <c r="T57729" i="1"/>
  <c r="T57730" i="1"/>
  <c r="T57731" i="1"/>
  <c r="T57732" i="1"/>
  <c r="T57733" i="1"/>
  <c r="T57734" i="1"/>
  <c r="T57735" i="1"/>
  <c r="T57736" i="1"/>
  <c r="T57737" i="1"/>
  <c r="T57738" i="1"/>
  <c r="T57739" i="1"/>
  <c r="T57740" i="1"/>
  <c r="T57741" i="1"/>
  <c r="T57742" i="1"/>
  <c r="T57743" i="1"/>
  <c r="T57744" i="1"/>
  <c r="T57745" i="1"/>
  <c r="T57746" i="1"/>
  <c r="T57747" i="1"/>
  <c r="T57748" i="1"/>
  <c r="T57749" i="1"/>
  <c r="T57750" i="1"/>
  <c r="T57751" i="1"/>
  <c r="T57752" i="1"/>
  <c r="T57753" i="1"/>
  <c r="T57754" i="1"/>
  <c r="T57755" i="1"/>
  <c r="T57756" i="1"/>
  <c r="T57757" i="1"/>
  <c r="T57758" i="1"/>
  <c r="T57759" i="1"/>
  <c r="T57760" i="1"/>
  <c r="T57761" i="1"/>
  <c r="T57762" i="1"/>
  <c r="T57763" i="1"/>
  <c r="T57764" i="1"/>
  <c r="T57765" i="1"/>
  <c r="T57766" i="1"/>
  <c r="T57767" i="1"/>
  <c r="T57768" i="1"/>
  <c r="T57769" i="1"/>
  <c r="T57770" i="1"/>
  <c r="T57771" i="1"/>
  <c r="T57772" i="1"/>
  <c r="T57773" i="1"/>
  <c r="T57774" i="1"/>
  <c r="T57775" i="1"/>
  <c r="T57776" i="1"/>
  <c r="T57777" i="1"/>
  <c r="T57778" i="1"/>
  <c r="T57779" i="1"/>
  <c r="T57780" i="1"/>
  <c r="T57781" i="1"/>
  <c r="T57782" i="1"/>
  <c r="T57783" i="1"/>
  <c r="T57784" i="1"/>
  <c r="T57785" i="1"/>
  <c r="T57786" i="1"/>
  <c r="T57787" i="1"/>
  <c r="T57788" i="1"/>
  <c r="T57789" i="1"/>
  <c r="T57790" i="1"/>
  <c r="T57791" i="1"/>
  <c r="T57792" i="1"/>
  <c r="T57793" i="1"/>
  <c r="T57794" i="1"/>
  <c r="T57795" i="1"/>
  <c r="T57796" i="1"/>
  <c r="T57797" i="1"/>
  <c r="T57798" i="1"/>
  <c r="T57799" i="1"/>
  <c r="T57800" i="1"/>
  <c r="T57801" i="1"/>
  <c r="T57802" i="1"/>
  <c r="T57803" i="1"/>
  <c r="T57804" i="1"/>
  <c r="T57805" i="1"/>
  <c r="T57806" i="1"/>
  <c r="T57807" i="1"/>
  <c r="T57808" i="1"/>
  <c r="T57809" i="1"/>
  <c r="T57810" i="1"/>
  <c r="T57811" i="1"/>
  <c r="T57812" i="1"/>
  <c r="T57813" i="1"/>
  <c r="T57814" i="1"/>
  <c r="T57815" i="1"/>
  <c r="T57816" i="1"/>
  <c r="T57817" i="1"/>
  <c r="T57818" i="1"/>
  <c r="T57819" i="1"/>
  <c r="T57820" i="1"/>
  <c r="T57821" i="1"/>
  <c r="T57822" i="1"/>
  <c r="T57823" i="1"/>
  <c r="T57824" i="1"/>
  <c r="T57825" i="1"/>
  <c r="T57826" i="1"/>
  <c r="T57827" i="1"/>
  <c r="T57828" i="1"/>
  <c r="T57829" i="1"/>
  <c r="T57830" i="1"/>
  <c r="T57831" i="1"/>
  <c r="T57832" i="1"/>
  <c r="T57833" i="1"/>
  <c r="T57834" i="1"/>
  <c r="T57835" i="1"/>
  <c r="T57836" i="1"/>
  <c r="T57837" i="1"/>
  <c r="T57838" i="1"/>
  <c r="T57839" i="1"/>
  <c r="T57840" i="1"/>
  <c r="T57841" i="1"/>
  <c r="T57842" i="1"/>
  <c r="T57843" i="1"/>
  <c r="T57844" i="1"/>
  <c r="T57845" i="1"/>
  <c r="T57846" i="1"/>
  <c r="T57847" i="1"/>
  <c r="T57848" i="1"/>
  <c r="T57849" i="1"/>
  <c r="T57850" i="1"/>
  <c r="T57851" i="1"/>
  <c r="T57852" i="1"/>
  <c r="T57853" i="1"/>
  <c r="T57854" i="1"/>
  <c r="T57855" i="1"/>
  <c r="T57856" i="1"/>
  <c r="T57857" i="1"/>
  <c r="T57858" i="1"/>
  <c r="T57859" i="1"/>
  <c r="T57860" i="1"/>
  <c r="T57861" i="1"/>
  <c r="T57862" i="1"/>
  <c r="T57863" i="1"/>
  <c r="T57864" i="1"/>
  <c r="T57865" i="1"/>
  <c r="T57866" i="1"/>
  <c r="T57867" i="1"/>
  <c r="T57868" i="1"/>
  <c r="T57869" i="1"/>
  <c r="T57870" i="1"/>
  <c r="T57871" i="1"/>
  <c r="T57872" i="1"/>
  <c r="T57873" i="1"/>
  <c r="T57874" i="1"/>
  <c r="T57875" i="1"/>
  <c r="T57876" i="1"/>
  <c r="T57877" i="1"/>
  <c r="T57878" i="1"/>
  <c r="T57879" i="1"/>
  <c r="T57880" i="1"/>
  <c r="T57881" i="1"/>
  <c r="T57882" i="1"/>
  <c r="T57883" i="1"/>
  <c r="T57884" i="1"/>
  <c r="T57885" i="1"/>
  <c r="T57886" i="1"/>
  <c r="T57887" i="1"/>
  <c r="T57888" i="1"/>
  <c r="T57889" i="1"/>
  <c r="T57890" i="1"/>
  <c r="T57891" i="1"/>
  <c r="T57892" i="1"/>
  <c r="T57893" i="1"/>
  <c r="T57894" i="1"/>
  <c r="T57895" i="1"/>
  <c r="T57896" i="1"/>
  <c r="T57897" i="1"/>
  <c r="T57898" i="1"/>
  <c r="T57899" i="1"/>
  <c r="T57900" i="1"/>
  <c r="T57901" i="1"/>
  <c r="T57902" i="1"/>
  <c r="T57903" i="1"/>
  <c r="T57904" i="1"/>
  <c r="T57905" i="1"/>
  <c r="T57906" i="1"/>
  <c r="T57907" i="1"/>
  <c r="T57908" i="1"/>
  <c r="T57909" i="1"/>
  <c r="T57910" i="1"/>
  <c r="T57911" i="1"/>
  <c r="T57912" i="1"/>
  <c r="T57913" i="1"/>
  <c r="T57914" i="1"/>
  <c r="T57915" i="1"/>
  <c r="T57916" i="1"/>
  <c r="T57917" i="1"/>
  <c r="T57918" i="1"/>
  <c r="T57919" i="1"/>
  <c r="T57920" i="1"/>
  <c r="T57921" i="1"/>
  <c r="T57922" i="1"/>
  <c r="T57923" i="1"/>
  <c r="T57924" i="1"/>
  <c r="T57925" i="1"/>
  <c r="T57926" i="1"/>
  <c r="T57927" i="1"/>
  <c r="T57928" i="1"/>
  <c r="T57929" i="1"/>
  <c r="T57930" i="1"/>
  <c r="T57931" i="1"/>
  <c r="T57932" i="1"/>
  <c r="T57933" i="1"/>
  <c r="T57934" i="1"/>
  <c r="T57935" i="1"/>
  <c r="T57936" i="1"/>
  <c r="T57937" i="1"/>
  <c r="T57938" i="1"/>
  <c r="T57939" i="1"/>
  <c r="T57940" i="1"/>
  <c r="T57941" i="1"/>
  <c r="T57942" i="1"/>
  <c r="T57943" i="1"/>
  <c r="T57944" i="1"/>
  <c r="T57945" i="1"/>
  <c r="T57946" i="1"/>
  <c r="T57947" i="1"/>
  <c r="T57948" i="1"/>
  <c r="T57949" i="1"/>
  <c r="T57950" i="1"/>
  <c r="T57951" i="1"/>
  <c r="T57952" i="1"/>
  <c r="T57953" i="1"/>
  <c r="T57954" i="1"/>
  <c r="T57955" i="1"/>
  <c r="T57956" i="1"/>
  <c r="T57957" i="1"/>
  <c r="T57958" i="1"/>
  <c r="T57959" i="1"/>
  <c r="T57960" i="1"/>
  <c r="T57961" i="1"/>
  <c r="T57962" i="1"/>
  <c r="T57963" i="1"/>
  <c r="T57964" i="1"/>
  <c r="T57965" i="1"/>
  <c r="T57966" i="1"/>
  <c r="T57967" i="1"/>
  <c r="T57968" i="1"/>
  <c r="T57969" i="1"/>
  <c r="T57970" i="1"/>
  <c r="T57971" i="1"/>
  <c r="T57972" i="1"/>
  <c r="T57973" i="1"/>
  <c r="T57974" i="1"/>
  <c r="T57975" i="1"/>
  <c r="T57976" i="1"/>
  <c r="T57977" i="1"/>
  <c r="T57978" i="1"/>
  <c r="T57979" i="1"/>
  <c r="T57980" i="1"/>
  <c r="T57981" i="1"/>
  <c r="T57982" i="1"/>
  <c r="T57983" i="1"/>
  <c r="T57984" i="1"/>
  <c r="T57985" i="1"/>
  <c r="T57986" i="1"/>
  <c r="T57987" i="1"/>
  <c r="T57988" i="1"/>
  <c r="T57989" i="1"/>
  <c r="T57990" i="1"/>
  <c r="T57991" i="1"/>
  <c r="T57992" i="1"/>
  <c r="T57993" i="1"/>
  <c r="T57994" i="1"/>
  <c r="T57995" i="1"/>
  <c r="T57996" i="1"/>
  <c r="T57997" i="1"/>
  <c r="T57998" i="1"/>
  <c r="T57999" i="1"/>
  <c r="T58000" i="1"/>
  <c r="T58001" i="1"/>
  <c r="T58002" i="1"/>
  <c r="T58003" i="1"/>
  <c r="T58004" i="1"/>
  <c r="T58005" i="1"/>
  <c r="T58006" i="1"/>
  <c r="T58007" i="1"/>
  <c r="T58008" i="1"/>
  <c r="T58009" i="1"/>
  <c r="T58010" i="1"/>
  <c r="T58011" i="1"/>
  <c r="T58012" i="1"/>
  <c r="T58013" i="1"/>
  <c r="T58014" i="1"/>
  <c r="T58015" i="1"/>
  <c r="T58016" i="1"/>
  <c r="T58017" i="1"/>
  <c r="T58018" i="1"/>
  <c r="T58019" i="1"/>
  <c r="T58020" i="1"/>
  <c r="T58021" i="1"/>
  <c r="T58022" i="1"/>
  <c r="T58023" i="1"/>
  <c r="T58024" i="1"/>
  <c r="T58025" i="1"/>
  <c r="T58026" i="1"/>
  <c r="T58027" i="1"/>
  <c r="T58028" i="1"/>
  <c r="T58029" i="1"/>
  <c r="T58030" i="1"/>
  <c r="T58031" i="1"/>
  <c r="T58032" i="1"/>
  <c r="T58033" i="1"/>
  <c r="T58034" i="1"/>
  <c r="T58035" i="1"/>
  <c r="T58036" i="1"/>
  <c r="T58037" i="1"/>
  <c r="T58038" i="1"/>
  <c r="T58039" i="1"/>
  <c r="T58040" i="1"/>
  <c r="T58041" i="1"/>
  <c r="T58042" i="1"/>
  <c r="T58043" i="1"/>
  <c r="T58044" i="1"/>
  <c r="T58045" i="1"/>
  <c r="T58046" i="1"/>
  <c r="T58047" i="1"/>
  <c r="T58048" i="1"/>
  <c r="T58049" i="1"/>
  <c r="T58050" i="1"/>
  <c r="T58051" i="1"/>
  <c r="T58052" i="1"/>
  <c r="T58053" i="1"/>
  <c r="T58054" i="1"/>
  <c r="T58055" i="1"/>
  <c r="T58056" i="1"/>
  <c r="T58057" i="1"/>
  <c r="T58058" i="1"/>
  <c r="T58059" i="1"/>
  <c r="T58060" i="1"/>
  <c r="T58061" i="1"/>
  <c r="T58062" i="1"/>
  <c r="T58063" i="1"/>
  <c r="T58064" i="1"/>
  <c r="T58065" i="1"/>
  <c r="T58066" i="1"/>
  <c r="T58067" i="1"/>
  <c r="T58068" i="1"/>
  <c r="T58069" i="1"/>
  <c r="T58070" i="1"/>
  <c r="T58071" i="1"/>
  <c r="T58072" i="1"/>
  <c r="T58073" i="1"/>
  <c r="T58074" i="1"/>
  <c r="T58075" i="1"/>
  <c r="T58076" i="1"/>
  <c r="T58077" i="1"/>
  <c r="T58078" i="1"/>
  <c r="T58079" i="1"/>
  <c r="T58080" i="1"/>
  <c r="T58081" i="1"/>
  <c r="T58082" i="1"/>
  <c r="T58083" i="1"/>
  <c r="T58084" i="1"/>
  <c r="T58085" i="1"/>
  <c r="T58086" i="1"/>
  <c r="T58087" i="1"/>
  <c r="T58088" i="1"/>
  <c r="T58089" i="1"/>
  <c r="T58090" i="1"/>
  <c r="T58091" i="1"/>
  <c r="T58092" i="1"/>
  <c r="T58093" i="1"/>
  <c r="T58094" i="1"/>
  <c r="T58095" i="1"/>
  <c r="T58096" i="1"/>
  <c r="T58097" i="1"/>
  <c r="T58098" i="1"/>
  <c r="T58099" i="1"/>
  <c r="T58100" i="1"/>
  <c r="T58101" i="1"/>
  <c r="T58102" i="1"/>
  <c r="T58103" i="1"/>
  <c r="T58104" i="1"/>
  <c r="T58105" i="1"/>
  <c r="T58106" i="1"/>
  <c r="T58107" i="1"/>
  <c r="T58108" i="1"/>
  <c r="T58109" i="1"/>
  <c r="T58110" i="1"/>
  <c r="T58111" i="1"/>
  <c r="T58112" i="1"/>
  <c r="T58113" i="1"/>
  <c r="T58114" i="1"/>
  <c r="T58115" i="1"/>
  <c r="T58116" i="1"/>
  <c r="T58117" i="1"/>
  <c r="T58118" i="1"/>
  <c r="T58119" i="1"/>
  <c r="T58120" i="1"/>
  <c r="T58121" i="1"/>
  <c r="T58122" i="1"/>
  <c r="T58123" i="1"/>
  <c r="T58124" i="1"/>
  <c r="T58125" i="1"/>
  <c r="T58126" i="1"/>
  <c r="T58127" i="1"/>
  <c r="T58128" i="1"/>
  <c r="T58129" i="1"/>
  <c r="T58130" i="1"/>
  <c r="T58131" i="1"/>
  <c r="T58132" i="1"/>
  <c r="T58133" i="1"/>
  <c r="T58134" i="1"/>
  <c r="T58135" i="1"/>
  <c r="T58136" i="1"/>
  <c r="T58137" i="1"/>
  <c r="T58138" i="1"/>
  <c r="T58139" i="1"/>
  <c r="T58140" i="1"/>
  <c r="T58141" i="1"/>
  <c r="T58142" i="1"/>
  <c r="T58143" i="1"/>
  <c r="T58144" i="1"/>
  <c r="T58145" i="1"/>
  <c r="T58146" i="1"/>
  <c r="T58147" i="1"/>
  <c r="T58148" i="1"/>
  <c r="T58149" i="1"/>
  <c r="T58150" i="1"/>
  <c r="T58151" i="1"/>
  <c r="T58152" i="1"/>
  <c r="T58153" i="1"/>
  <c r="T58154" i="1"/>
  <c r="T58155" i="1"/>
  <c r="T58156" i="1"/>
  <c r="T58157" i="1"/>
  <c r="T58158" i="1"/>
  <c r="T58159" i="1"/>
  <c r="T58160" i="1"/>
  <c r="T58161" i="1"/>
  <c r="T58162" i="1"/>
  <c r="T58163" i="1"/>
  <c r="T58164" i="1"/>
  <c r="T58165" i="1"/>
  <c r="T58166" i="1"/>
  <c r="T58167" i="1"/>
  <c r="T58168" i="1"/>
  <c r="T58169" i="1"/>
  <c r="T58170" i="1"/>
  <c r="T58171" i="1"/>
  <c r="T58172" i="1"/>
  <c r="T58173" i="1"/>
  <c r="T58174" i="1"/>
  <c r="T58175" i="1"/>
  <c r="T58176" i="1"/>
  <c r="T58177" i="1"/>
  <c r="T58178" i="1"/>
  <c r="T58179" i="1"/>
  <c r="T58180" i="1"/>
  <c r="T58181" i="1"/>
  <c r="T58182" i="1"/>
  <c r="T58183" i="1"/>
  <c r="T58184" i="1"/>
  <c r="T58185" i="1"/>
  <c r="T58186" i="1"/>
  <c r="T58187" i="1"/>
  <c r="T58188" i="1"/>
  <c r="T58189" i="1"/>
  <c r="T58190" i="1"/>
  <c r="T58191" i="1"/>
  <c r="T58192" i="1"/>
  <c r="T58193" i="1"/>
  <c r="T58194" i="1"/>
  <c r="T58195" i="1"/>
  <c r="T58196" i="1"/>
  <c r="T58197" i="1"/>
  <c r="T58198" i="1"/>
  <c r="T58199" i="1"/>
  <c r="T58200" i="1"/>
  <c r="T58201" i="1"/>
  <c r="T58202" i="1"/>
  <c r="T58203" i="1"/>
  <c r="T58204" i="1"/>
  <c r="T58205" i="1"/>
  <c r="T58206" i="1"/>
  <c r="T58207" i="1"/>
  <c r="T58208" i="1"/>
  <c r="T58209" i="1"/>
  <c r="T58210" i="1"/>
  <c r="T58211" i="1"/>
  <c r="T58212" i="1"/>
  <c r="T58213" i="1"/>
  <c r="T58214" i="1"/>
  <c r="T58215" i="1"/>
  <c r="T58216" i="1"/>
  <c r="T58217" i="1"/>
  <c r="T58218" i="1"/>
  <c r="T58219" i="1"/>
  <c r="T58220" i="1"/>
  <c r="T58221" i="1"/>
  <c r="T58222" i="1"/>
  <c r="T58223" i="1"/>
  <c r="T58224" i="1"/>
  <c r="T58225" i="1"/>
  <c r="T58226" i="1"/>
  <c r="T58227" i="1"/>
  <c r="T58228" i="1"/>
  <c r="T58229" i="1"/>
  <c r="T58230" i="1"/>
  <c r="T58231" i="1"/>
  <c r="T58232" i="1"/>
  <c r="T58233" i="1"/>
  <c r="T58234" i="1"/>
  <c r="T58235" i="1"/>
  <c r="T58236" i="1"/>
  <c r="T58237" i="1"/>
  <c r="T58238" i="1"/>
  <c r="T58239" i="1"/>
  <c r="T58240" i="1"/>
  <c r="T58241" i="1"/>
  <c r="T58242" i="1"/>
  <c r="T58243" i="1"/>
  <c r="T58244" i="1"/>
  <c r="T58245" i="1"/>
  <c r="T58246" i="1"/>
  <c r="T58247" i="1"/>
  <c r="T58248" i="1"/>
  <c r="T58249" i="1"/>
  <c r="T58250" i="1"/>
  <c r="T58251" i="1"/>
  <c r="T58252" i="1"/>
  <c r="T58253" i="1"/>
  <c r="T58254" i="1"/>
  <c r="T58255" i="1"/>
  <c r="T58256" i="1"/>
  <c r="T58257" i="1"/>
  <c r="T58258" i="1"/>
  <c r="T58259" i="1"/>
  <c r="T58260" i="1"/>
  <c r="T58261" i="1"/>
  <c r="T58262" i="1"/>
  <c r="T58263" i="1"/>
  <c r="T58264" i="1"/>
  <c r="T58265" i="1"/>
  <c r="T58266" i="1"/>
  <c r="T58267" i="1"/>
  <c r="T58268" i="1"/>
  <c r="T58269" i="1"/>
  <c r="T58270" i="1"/>
  <c r="T58271" i="1"/>
  <c r="T58272" i="1"/>
  <c r="T58273" i="1"/>
  <c r="T58274" i="1"/>
  <c r="T58275" i="1"/>
  <c r="T58276" i="1"/>
  <c r="T58277" i="1"/>
  <c r="T58278" i="1"/>
  <c r="T58279" i="1"/>
  <c r="T58280" i="1"/>
  <c r="T58281" i="1"/>
  <c r="T58282" i="1"/>
  <c r="T58283" i="1"/>
  <c r="T58284" i="1"/>
  <c r="T58285" i="1"/>
  <c r="T58286" i="1"/>
  <c r="T58287" i="1"/>
  <c r="T58288" i="1"/>
  <c r="T58289" i="1"/>
  <c r="T58290" i="1"/>
  <c r="T58291" i="1"/>
  <c r="T58292" i="1"/>
  <c r="T58293" i="1"/>
  <c r="T58294" i="1"/>
  <c r="T58295" i="1"/>
  <c r="T58296" i="1"/>
  <c r="T58297" i="1"/>
  <c r="T58298" i="1"/>
  <c r="T58299" i="1"/>
  <c r="T58300" i="1"/>
  <c r="T58301" i="1"/>
  <c r="T58302" i="1"/>
  <c r="T58303" i="1"/>
  <c r="T58304" i="1"/>
  <c r="T58305" i="1"/>
  <c r="T58306" i="1"/>
  <c r="T58307" i="1"/>
  <c r="T58308" i="1"/>
  <c r="T58309" i="1"/>
  <c r="T58310" i="1"/>
  <c r="T58311" i="1"/>
  <c r="T58312" i="1"/>
  <c r="T58313" i="1"/>
  <c r="T58314" i="1"/>
  <c r="T58315" i="1"/>
  <c r="T58316" i="1"/>
  <c r="T58317" i="1"/>
  <c r="T58318" i="1"/>
  <c r="T58319" i="1"/>
  <c r="T58320" i="1"/>
  <c r="T58321" i="1"/>
  <c r="T58322" i="1"/>
  <c r="T58323" i="1"/>
  <c r="T58324" i="1"/>
  <c r="T58325" i="1"/>
  <c r="T58326" i="1"/>
  <c r="T58327" i="1"/>
  <c r="T58328" i="1"/>
  <c r="T58329" i="1"/>
  <c r="T58330" i="1"/>
  <c r="T58331" i="1"/>
  <c r="T58332" i="1"/>
  <c r="T58333" i="1"/>
  <c r="T58334" i="1"/>
  <c r="T58335" i="1"/>
  <c r="T58336" i="1"/>
  <c r="T58337" i="1"/>
  <c r="T58338" i="1"/>
  <c r="T58339" i="1"/>
  <c r="T58340" i="1"/>
  <c r="T58341" i="1"/>
  <c r="T58342" i="1"/>
  <c r="T58343" i="1"/>
  <c r="T58344" i="1"/>
  <c r="T58345" i="1"/>
  <c r="T58346" i="1"/>
  <c r="T58347" i="1"/>
  <c r="T58348" i="1"/>
  <c r="T58349" i="1"/>
  <c r="T58350" i="1"/>
  <c r="T58351" i="1"/>
  <c r="T58352" i="1"/>
  <c r="T58353" i="1"/>
  <c r="T58354" i="1"/>
  <c r="T58355" i="1"/>
  <c r="T58356" i="1"/>
  <c r="T58357" i="1"/>
  <c r="T58358" i="1"/>
  <c r="T58359" i="1"/>
  <c r="T58360" i="1"/>
  <c r="T58361" i="1"/>
  <c r="T58362" i="1"/>
  <c r="T58363" i="1"/>
  <c r="T58364" i="1"/>
  <c r="T58365" i="1"/>
  <c r="T58366" i="1"/>
  <c r="T58367" i="1"/>
  <c r="T58368" i="1"/>
  <c r="T58369" i="1"/>
  <c r="T58370" i="1"/>
  <c r="T58371" i="1"/>
  <c r="T58372" i="1"/>
  <c r="T58373" i="1"/>
  <c r="T58374" i="1"/>
  <c r="T58375" i="1"/>
  <c r="T58376" i="1"/>
  <c r="T58377" i="1"/>
  <c r="T58378" i="1"/>
  <c r="T58379" i="1"/>
  <c r="T58380" i="1"/>
  <c r="T58381" i="1"/>
  <c r="T58382" i="1"/>
  <c r="T58383" i="1"/>
  <c r="T58384" i="1"/>
  <c r="T58385" i="1"/>
  <c r="T58386" i="1"/>
  <c r="T58387" i="1"/>
  <c r="T58388" i="1"/>
  <c r="T58389" i="1"/>
  <c r="T58390" i="1"/>
  <c r="T58391" i="1"/>
  <c r="T58392" i="1"/>
  <c r="T58393" i="1"/>
  <c r="T58394" i="1"/>
  <c r="T58395" i="1"/>
  <c r="T58396" i="1"/>
  <c r="T58397" i="1"/>
  <c r="T58398" i="1"/>
  <c r="T58399" i="1"/>
  <c r="T58400" i="1"/>
  <c r="T58401" i="1"/>
  <c r="T58402" i="1"/>
  <c r="T58403" i="1"/>
  <c r="T58404" i="1"/>
  <c r="T58405" i="1"/>
  <c r="T58406" i="1"/>
  <c r="T58407" i="1"/>
  <c r="T58408" i="1"/>
  <c r="T58409" i="1"/>
  <c r="T58410" i="1"/>
  <c r="T58411" i="1"/>
  <c r="T58412" i="1"/>
  <c r="T58413" i="1"/>
  <c r="T58414" i="1"/>
  <c r="T58415" i="1"/>
  <c r="T58416" i="1"/>
  <c r="T58417" i="1"/>
  <c r="T58418" i="1"/>
  <c r="T58419" i="1"/>
  <c r="T58420" i="1"/>
  <c r="T58421" i="1"/>
  <c r="T58422" i="1"/>
  <c r="T58423" i="1"/>
  <c r="T58424" i="1"/>
  <c r="T58425" i="1"/>
  <c r="T58426" i="1"/>
  <c r="T58427" i="1"/>
  <c r="T58428" i="1"/>
  <c r="T58429" i="1"/>
  <c r="T58430" i="1"/>
  <c r="T58431" i="1"/>
  <c r="T58432" i="1"/>
  <c r="T58433" i="1"/>
  <c r="T58434" i="1"/>
  <c r="T58435" i="1"/>
  <c r="T58436" i="1"/>
  <c r="T58437" i="1"/>
  <c r="T58438" i="1"/>
  <c r="T58439" i="1"/>
  <c r="T58440" i="1"/>
  <c r="T58441" i="1"/>
  <c r="T58442" i="1"/>
  <c r="T58443" i="1"/>
  <c r="T58444" i="1"/>
  <c r="T58445" i="1"/>
  <c r="T58446" i="1"/>
  <c r="T58447" i="1"/>
  <c r="T58448" i="1"/>
  <c r="T58449" i="1"/>
  <c r="T58450" i="1"/>
  <c r="T58451" i="1"/>
  <c r="T58452" i="1"/>
  <c r="T58453" i="1"/>
  <c r="T58454" i="1"/>
  <c r="T58455" i="1"/>
  <c r="T58456" i="1"/>
  <c r="T58457" i="1"/>
  <c r="T58458" i="1"/>
  <c r="T58459" i="1"/>
  <c r="T58460" i="1"/>
  <c r="T58461" i="1"/>
  <c r="T58462" i="1"/>
  <c r="T58463" i="1"/>
  <c r="T58464" i="1"/>
  <c r="T58465" i="1"/>
  <c r="T58466" i="1"/>
  <c r="T58467" i="1"/>
  <c r="T58468" i="1"/>
  <c r="T58469" i="1"/>
  <c r="T58470" i="1"/>
  <c r="T58471" i="1"/>
  <c r="T58472" i="1"/>
  <c r="T58473" i="1"/>
  <c r="T58474" i="1"/>
  <c r="T58475" i="1"/>
  <c r="T58476" i="1"/>
  <c r="T58477" i="1"/>
  <c r="T58478" i="1"/>
  <c r="T58479" i="1"/>
  <c r="T58480" i="1"/>
  <c r="T58481" i="1"/>
  <c r="T58482" i="1"/>
  <c r="T58483" i="1"/>
  <c r="T58484" i="1"/>
  <c r="T58485" i="1"/>
  <c r="T58486" i="1"/>
  <c r="T58487" i="1"/>
  <c r="T58488" i="1"/>
  <c r="T58489" i="1"/>
  <c r="T58490" i="1"/>
  <c r="T58491" i="1"/>
  <c r="T58492" i="1"/>
  <c r="T58493" i="1"/>
  <c r="T58494" i="1"/>
  <c r="T58495" i="1"/>
  <c r="T58496" i="1"/>
  <c r="T58497" i="1"/>
  <c r="T58498" i="1"/>
  <c r="T58499" i="1"/>
  <c r="T58500" i="1"/>
  <c r="T58501" i="1"/>
  <c r="T58502" i="1"/>
  <c r="T58503" i="1"/>
  <c r="T58504" i="1"/>
  <c r="T58505" i="1"/>
  <c r="T58506" i="1"/>
  <c r="T58507" i="1"/>
  <c r="T58508" i="1"/>
  <c r="T58509" i="1"/>
  <c r="T58510" i="1"/>
  <c r="T58511" i="1"/>
  <c r="T58512" i="1"/>
  <c r="T58513" i="1"/>
  <c r="T58514" i="1"/>
  <c r="T58515" i="1"/>
  <c r="T58516" i="1"/>
  <c r="T58517" i="1"/>
  <c r="T58518" i="1"/>
  <c r="T58519" i="1"/>
  <c r="T58520" i="1"/>
  <c r="T58521" i="1"/>
  <c r="T58522" i="1"/>
  <c r="T58523" i="1"/>
  <c r="T58524" i="1"/>
  <c r="T58525" i="1"/>
  <c r="T58526" i="1"/>
  <c r="T58527" i="1"/>
  <c r="T58528" i="1"/>
  <c r="T58529" i="1"/>
  <c r="T58530" i="1"/>
  <c r="T58531" i="1"/>
  <c r="T58532" i="1"/>
  <c r="T58533" i="1"/>
  <c r="T58534" i="1"/>
  <c r="T58535" i="1"/>
  <c r="T58536" i="1"/>
  <c r="T58537" i="1"/>
  <c r="T58538" i="1"/>
  <c r="T58539" i="1"/>
  <c r="T58540" i="1"/>
  <c r="T58541" i="1"/>
  <c r="T58542" i="1"/>
  <c r="T58543" i="1"/>
  <c r="T58544" i="1"/>
  <c r="T58545" i="1"/>
  <c r="T58546" i="1"/>
  <c r="T58547" i="1"/>
  <c r="T58548" i="1"/>
  <c r="T58549" i="1"/>
  <c r="T58550" i="1"/>
  <c r="T58551" i="1"/>
  <c r="T58552" i="1"/>
  <c r="T58553" i="1"/>
  <c r="T58554" i="1"/>
  <c r="T58555" i="1"/>
  <c r="T58556" i="1"/>
  <c r="T58557" i="1"/>
  <c r="T58558" i="1"/>
  <c r="T58559" i="1"/>
  <c r="T58560" i="1"/>
  <c r="T58561" i="1"/>
  <c r="T58562" i="1"/>
  <c r="T58563" i="1"/>
  <c r="T58564" i="1"/>
  <c r="T58565" i="1"/>
  <c r="T58566" i="1"/>
  <c r="T58567" i="1"/>
  <c r="T58568" i="1"/>
  <c r="T58569" i="1"/>
  <c r="T58570" i="1"/>
  <c r="T58571" i="1"/>
  <c r="T58572" i="1"/>
  <c r="T58573" i="1"/>
  <c r="T58574" i="1"/>
  <c r="T58575" i="1"/>
  <c r="T58576" i="1"/>
  <c r="T58577" i="1"/>
  <c r="T58578" i="1"/>
  <c r="T58579" i="1"/>
  <c r="T58580" i="1"/>
  <c r="T58581" i="1"/>
  <c r="T58582" i="1"/>
  <c r="T58583" i="1"/>
  <c r="T58584" i="1"/>
  <c r="T58585" i="1"/>
  <c r="T58586" i="1"/>
  <c r="T58587" i="1"/>
  <c r="T58588" i="1"/>
  <c r="T58589" i="1"/>
  <c r="T58590" i="1"/>
  <c r="T58591" i="1"/>
  <c r="T58592" i="1"/>
  <c r="T58593" i="1"/>
  <c r="T58594" i="1"/>
  <c r="T58595" i="1"/>
  <c r="T58596" i="1"/>
  <c r="T58597" i="1"/>
  <c r="T58598" i="1"/>
  <c r="T58599" i="1"/>
  <c r="T58600" i="1"/>
  <c r="T58601" i="1"/>
  <c r="T58602" i="1"/>
  <c r="T58603" i="1"/>
  <c r="T58604" i="1"/>
  <c r="T58605" i="1"/>
  <c r="T58606" i="1"/>
  <c r="T58607" i="1"/>
  <c r="T58608" i="1"/>
  <c r="T58609" i="1"/>
  <c r="T58610" i="1"/>
  <c r="T58611" i="1"/>
  <c r="T58612" i="1"/>
  <c r="T58613" i="1"/>
  <c r="T58614" i="1"/>
  <c r="T58615" i="1"/>
  <c r="T58616" i="1"/>
  <c r="T58617" i="1"/>
  <c r="T58618" i="1"/>
  <c r="T58619" i="1"/>
  <c r="T58620" i="1"/>
  <c r="T58621" i="1"/>
  <c r="T58622" i="1"/>
  <c r="T58623" i="1"/>
  <c r="T58624" i="1"/>
  <c r="T58625" i="1"/>
  <c r="T58626" i="1"/>
  <c r="T58627" i="1"/>
  <c r="T58628" i="1"/>
  <c r="T58629" i="1"/>
  <c r="T58630" i="1"/>
  <c r="T58631" i="1"/>
  <c r="T58632" i="1"/>
  <c r="T58633" i="1"/>
  <c r="T58634" i="1"/>
  <c r="T58635" i="1"/>
  <c r="T58636" i="1"/>
  <c r="T58637" i="1"/>
  <c r="T58638" i="1"/>
  <c r="T58639" i="1"/>
  <c r="T58640" i="1"/>
  <c r="T58641" i="1"/>
  <c r="T58642" i="1"/>
  <c r="T58643" i="1"/>
  <c r="T58644" i="1"/>
  <c r="T58645" i="1"/>
  <c r="T58646" i="1"/>
  <c r="T58647" i="1"/>
  <c r="T58648" i="1"/>
  <c r="T58649" i="1"/>
  <c r="T58650" i="1"/>
  <c r="T58651" i="1"/>
  <c r="T58652" i="1"/>
  <c r="T58653" i="1"/>
  <c r="T58654" i="1"/>
  <c r="T58655" i="1"/>
  <c r="T58656" i="1"/>
  <c r="T58657" i="1"/>
  <c r="T58658" i="1"/>
  <c r="T58659" i="1"/>
  <c r="T58660" i="1"/>
  <c r="T58661" i="1"/>
  <c r="T58662" i="1"/>
  <c r="T58663" i="1"/>
  <c r="T58664" i="1"/>
  <c r="T58665" i="1"/>
  <c r="T58666" i="1"/>
  <c r="T58667" i="1"/>
  <c r="T58668" i="1"/>
  <c r="T58669" i="1"/>
  <c r="T58670" i="1"/>
  <c r="T58671" i="1"/>
  <c r="T58672" i="1"/>
  <c r="T58673" i="1"/>
  <c r="T58674" i="1"/>
  <c r="T58675" i="1"/>
  <c r="T58676" i="1"/>
  <c r="T58677" i="1"/>
  <c r="T58678" i="1"/>
  <c r="T58679" i="1"/>
  <c r="T58680" i="1"/>
  <c r="T58681" i="1"/>
  <c r="T58682" i="1"/>
  <c r="T58683" i="1"/>
  <c r="T58684" i="1"/>
  <c r="T58685" i="1"/>
  <c r="T58686" i="1"/>
  <c r="T58687" i="1"/>
  <c r="T58688" i="1"/>
  <c r="T58689" i="1"/>
  <c r="T58690" i="1"/>
  <c r="T58691" i="1"/>
  <c r="T58692" i="1"/>
  <c r="T58693" i="1"/>
  <c r="T58694" i="1"/>
  <c r="T58695" i="1"/>
  <c r="T58696" i="1"/>
  <c r="T58697" i="1"/>
  <c r="T58698" i="1"/>
  <c r="T58699" i="1"/>
  <c r="T58700" i="1"/>
  <c r="T58701" i="1"/>
  <c r="T58702" i="1"/>
  <c r="T58703" i="1"/>
  <c r="T58704" i="1"/>
  <c r="T58705" i="1"/>
  <c r="T58706" i="1"/>
  <c r="T58707" i="1"/>
  <c r="T58708" i="1"/>
  <c r="T58709" i="1"/>
  <c r="T58710" i="1"/>
  <c r="T58711" i="1"/>
  <c r="T58712" i="1"/>
  <c r="T58713" i="1"/>
  <c r="T58714" i="1"/>
  <c r="T58715" i="1"/>
  <c r="T58716" i="1"/>
  <c r="T58717" i="1"/>
  <c r="T58718" i="1"/>
  <c r="T58719" i="1"/>
  <c r="T58720" i="1"/>
  <c r="T58721" i="1"/>
  <c r="T58722" i="1"/>
  <c r="T58723" i="1"/>
  <c r="T58724" i="1"/>
  <c r="T58725" i="1"/>
  <c r="T58726" i="1"/>
  <c r="T58727" i="1"/>
  <c r="T58728" i="1"/>
  <c r="T58729" i="1"/>
  <c r="T58730" i="1"/>
  <c r="T58731" i="1"/>
  <c r="T58732" i="1"/>
  <c r="T58733" i="1"/>
  <c r="T58734" i="1"/>
  <c r="T58735" i="1"/>
  <c r="T58736" i="1"/>
  <c r="T58737" i="1"/>
  <c r="T58738" i="1"/>
  <c r="T58739" i="1"/>
  <c r="T58740" i="1"/>
  <c r="T58741" i="1"/>
  <c r="T58742" i="1"/>
  <c r="T58743" i="1"/>
  <c r="T58744" i="1"/>
  <c r="T58745" i="1"/>
  <c r="T58746" i="1"/>
  <c r="T58747" i="1"/>
  <c r="T58748" i="1"/>
  <c r="T58749" i="1"/>
  <c r="T58750" i="1"/>
  <c r="T58751" i="1"/>
  <c r="T58752" i="1"/>
  <c r="T58753" i="1"/>
  <c r="T58754" i="1"/>
  <c r="T58755" i="1"/>
  <c r="T58756" i="1"/>
  <c r="T58757" i="1"/>
  <c r="T58758" i="1"/>
  <c r="T58759" i="1"/>
  <c r="T58760" i="1"/>
  <c r="T58761" i="1"/>
  <c r="T58762" i="1"/>
  <c r="T58763" i="1"/>
  <c r="T58764" i="1"/>
  <c r="T58765" i="1"/>
  <c r="T58766" i="1"/>
  <c r="T58767" i="1"/>
  <c r="T58768" i="1"/>
  <c r="T58769" i="1"/>
  <c r="T58770" i="1"/>
  <c r="T58771" i="1"/>
  <c r="T58772" i="1"/>
  <c r="T58773" i="1"/>
  <c r="T58774" i="1"/>
  <c r="T58775" i="1"/>
  <c r="T58776" i="1"/>
  <c r="T58777" i="1"/>
  <c r="T58778" i="1"/>
  <c r="T58779" i="1"/>
  <c r="T58780" i="1"/>
  <c r="T58781" i="1"/>
  <c r="T58782" i="1"/>
  <c r="T58783" i="1"/>
  <c r="T58784" i="1"/>
  <c r="T58785" i="1"/>
  <c r="T58786" i="1"/>
  <c r="T58787" i="1"/>
  <c r="T58788" i="1"/>
  <c r="T58789" i="1"/>
  <c r="T58790" i="1"/>
  <c r="T58791" i="1"/>
  <c r="T58792" i="1"/>
  <c r="T58793" i="1"/>
  <c r="T58794" i="1"/>
  <c r="T58795" i="1"/>
  <c r="T58796" i="1"/>
  <c r="T58797" i="1"/>
  <c r="T58798" i="1"/>
  <c r="T58799" i="1"/>
  <c r="T58800" i="1"/>
  <c r="T58801" i="1"/>
  <c r="T58802" i="1"/>
  <c r="T58803" i="1"/>
  <c r="T58804" i="1"/>
  <c r="T58805" i="1"/>
  <c r="T58806" i="1"/>
  <c r="T58807" i="1"/>
  <c r="T58808" i="1"/>
  <c r="T58809" i="1"/>
  <c r="T58810" i="1"/>
  <c r="T58811" i="1"/>
  <c r="T58812" i="1"/>
  <c r="T58813" i="1"/>
  <c r="T58814" i="1"/>
  <c r="T58815" i="1"/>
  <c r="T58816" i="1"/>
  <c r="T58817" i="1"/>
  <c r="T58818" i="1"/>
  <c r="T58819" i="1"/>
  <c r="T58820" i="1"/>
  <c r="T58821" i="1"/>
  <c r="T58822" i="1"/>
  <c r="T58823" i="1"/>
  <c r="T58824" i="1"/>
  <c r="T58825" i="1"/>
  <c r="T58826" i="1"/>
  <c r="T58827" i="1"/>
  <c r="T58828" i="1"/>
  <c r="T58829" i="1"/>
  <c r="T58830" i="1"/>
  <c r="T58831" i="1"/>
  <c r="T58832" i="1"/>
  <c r="T58833" i="1"/>
  <c r="T58834" i="1"/>
  <c r="T58835" i="1"/>
  <c r="T58836" i="1"/>
  <c r="T58837" i="1"/>
  <c r="T58838" i="1"/>
  <c r="T58839" i="1"/>
  <c r="T58840" i="1"/>
  <c r="T58841" i="1"/>
  <c r="T58842" i="1"/>
  <c r="T58843" i="1"/>
  <c r="T58844" i="1"/>
  <c r="T58845" i="1"/>
  <c r="T58846" i="1"/>
  <c r="T58847" i="1"/>
  <c r="T58848" i="1"/>
  <c r="T58849" i="1"/>
  <c r="T58850" i="1"/>
  <c r="T58851" i="1"/>
  <c r="T58852" i="1"/>
  <c r="T58853" i="1"/>
  <c r="T58854" i="1"/>
  <c r="T58855" i="1"/>
  <c r="T58856" i="1"/>
  <c r="T58857" i="1"/>
  <c r="T58858" i="1"/>
  <c r="T58859" i="1"/>
  <c r="T58860" i="1"/>
  <c r="T58861" i="1"/>
  <c r="T58862" i="1"/>
  <c r="T58863" i="1"/>
  <c r="T58864" i="1"/>
  <c r="T58865" i="1"/>
  <c r="T58866" i="1"/>
  <c r="T58867" i="1"/>
  <c r="T58868" i="1"/>
  <c r="T58869" i="1"/>
  <c r="T58870" i="1"/>
  <c r="T58871" i="1"/>
  <c r="T58872" i="1"/>
  <c r="T58873" i="1"/>
  <c r="T58874" i="1"/>
  <c r="T58875" i="1"/>
  <c r="T58876" i="1"/>
  <c r="T58877" i="1"/>
  <c r="T58878" i="1"/>
  <c r="T58879" i="1"/>
  <c r="T58880" i="1"/>
  <c r="T58881" i="1"/>
  <c r="T58882" i="1"/>
  <c r="T58883" i="1"/>
  <c r="T58884" i="1"/>
  <c r="T58885" i="1"/>
  <c r="T58886" i="1"/>
  <c r="T58887" i="1"/>
  <c r="T58888" i="1"/>
  <c r="T58889" i="1"/>
  <c r="T58890" i="1"/>
  <c r="T58891" i="1"/>
  <c r="T58892" i="1"/>
  <c r="T58893" i="1"/>
  <c r="T58894" i="1"/>
  <c r="T58895" i="1"/>
  <c r="T58896" i="1"/>
  <c r="T58897" i="1"/>
  <c r="T58898" i="1"/>
  <c r="T58899" i="1"/>
  <c r="T58900" i="1"/>
  <c r="T58901" i="1"/>
  <c r="T58902" i="1"/>
  <c r="T58903" i="1"/>
  <c r="T58904" i="1"/>
  <c r="T58905" i="1"/>
  <c r="T58906" i="1"/>
  <c r="T58907" i="1"/>
  <c r="T58908" i="1"/>
  <c r="T58909" i="1"/>
  <c r="T58910" i="1"/>
  <c r="T58911" i="1"/>
  <c r="T58912" i="1"/>
  <c r="T58913" i="1"/>
  <c r="T58914" i="1"/>
  <c r="T58915" i="1"/>
  <c r="T58916" i="1"/>
  <c r="T58917" i="1"/>
  <c r="T58918" i="1"/>
  <c r="T58919" i="1"/>
  <c r="T58920" i="1"/>
  <c r="T58921" i="1"/>
  <c r="T58922" i="1"/>
  <c r="T58923" i="1"/>
  <c r="T58924" i="1"/>
  <c r="T58925" i="1"/>
  <c r="T58926" i="1"/>
  <c r="T58927" i="1"/>
  <c r="T58928" i="1"/>
  <c r="T58929" i="1"/>
  <c r="T58930" i="1"/>
  <c r="T58931" i="1"/>
  <c r="T58932" i="1"/>
  <c r="T58933" i="1"/>
  <c r="T58934" i="1"/>
  <c r="T58935" i="1"/>
  <c r="T58936" i="1"/>
  <c r="T58937" i="1"/>
  <c r="T58938" i="1"/>
  <c r="T58939" i="1"/>
  <c r="T58940" i="1"/>
  <c r="T58941" i="1"/>
  <c r="T58942" i="1"/>
  <c r="T58943" i="1"/>
  <c r="T58944" i="1"/>
  <c r="T58945" i="1"/>
  <c r="T58946" i="1"/>
  <c r="T58947" i="1"/>
  <c r="T58948" i="1"/>
  <c r="T58949" i="1"/>
  <c r="T58950" i="1"/>
  <c r="T58951" i="1"/>
  <c r="T58952" i="1"/>
  <c r="T58953" i="1"/>
  <c r="T58954" i="1"/>
  <c r="T58955" i="1"/>
  <c r="T58956" i="1"/>
  <c r="T58957" i="1"/>
  <c r="T58958" i="1"/>
  <c r="T58959" i="1"/>
  <c r="T58960" i="1"/>
  <c r="T58961" i="1"/>
  <c r="T58962" i="1"/>
  <c r="T58963" i="1"/>
  <c r="T58964" i="1"/>
  <c r="T58965" i="1"/>
  <c r="T58966" i="1"/>
  <c r="T58967" i="1"/>
  <c r="T58968" i="1"/>
  <c r="T58969" i="1"/>
  <c r="T58970" i="1"/>
  <c r="T58971" i="1"/>
  <c r="T58972" i="1"/>
  <c r="T58973" i="1"/>
  <c r="T58974" i="1"/>
  <c r="T58975" i="1"/>
  <c r="T58976" i="1"/>
  <c r="T58977" i="1"/>
  <c r="T58978" i="1"/>
  <c r="T58979" i="1"/>
  <c r="T58980" i="1"/>
  <c r="T58981" i="1"/>
  <c r="T58982" i="1"/>
  <c r="T58983" i="1"/>
  <c r="T58984" i="1"/>
  <c r="T58985" i="1"/>
  <c r="T58986" i="1"/>
  <c r="T58987" i="1"/>
  <c r="T58988" i="1"/>
  <c r="T58989" i="1"/>
  <c r="T58990" i="1"/>
  <c r="T58991" i="1"/>
  <c r="T58992" i="1"/>
  <c r="T58993" i="1"/>
  <c r="T58994" i="1"/>
  <c r="T58995" i="1"/>
  <c r="T58996" i="1"/>
  <c r="T58997" i="1"/>
  <c r="T58998" i="1"/>
  <c r="T58999" i="1"/>
  <c r="T59000" i="1"/>
  <c r="T59001" i="1"/>
  <c r="T59002" i="1"/>
  <c r="T59003" i="1"/>
  <c r="T59004" i="1"/>
  <c r="T59005" i="1"/>
  <c r="T59006" i="1"/>
  <c r="T59007" i="1"/>
  <c r="T59008" i="1"/>
  <c r="T59009" i="1"/>
  <c r="T59010" i="1"/>
  <c r="T59011" i="1"/>
  <c r="T59012" i="1"/>
  <c r="T59013" i="1"/>
  <c r="T59014" i="1"/>
  <c r="T59015" i="1"/>
  <c r="T59016" i="1"/>
  <c r="T59017" i="1"/>
  <c r="T59018" i="1"/>
  <c r="T59019" i="1"/>
  <c r="T59020" i="1"/>
  <c r="T59021" i="1"/>
  <c r="T59022" i="1"/>
  <c r="T59023" i="1"/>
  <c r="T59024" i="1"/>
  <c r="T59025" i="1"/>
  <c r="T59026" i="1"/>
  <c r="T59027" i="1"/>
  <c r="T59028" i="1"/>
  <c r="T59029" i="1"/>
  <c r="T59030" i="1"/>
  <c r="T59031" i="1"/>
  <c r="T59032" i="1"/>
  <c r="T59033" i="1"/>
  <c r="T59034" i="1"/>
  <c r="T59035" i="1"/>
  <c r="T59036" i="1"/>
  <c r="T59037" i="1"/>
  <c r="T59038" i="1"/>
  <c r="T59039" i="1"/>
  <c r="T59040" i="1"/>
  <c r="T59041" i="1"/>
  <c r="T59042" i="1"/>
  <c r="T59043" i="1"/>
  <c r="T59044" i="1"/>
  <c r="T59045" i="1"/>
  <c r="T59046" i="1"/>
  <c r="T59047" i="1"/>
  <c r="T59048" i="1"/>
  <c r="T59049" i="1"/>
  <c r="T59050" i="1"/>
  <c r="T59051" i="1"/>
  <c r="T59052" i="1"/>
  <c r="T59053" i="1"/>
  <c r="T59054" i="1"/>
  <c r="T59055" i="1"/>
  <c r="T59056" i="1"/>
  <c r="T59057" i="1"/>
  <c r="T59058" i="1"/>
  <c r="T59059" i="1"/>
  <c r="T59060" i="1"/>
  <c r="T59061" i="1"/>
  <c r="T59062" i="1"/>
  <c r="T59063" i="1"/>
  <c r="T59064" i="1"/>
  <c r="T59065" i="1"/>
  <c r="T59066" i="1"/>
  <c r="T59067" i="1"/>
  <c r="T59068" i="1"/>
  <c r="T59069" i="1"/>
  <c r="T59070" i="1"/>
  <c r="T59071" i="1"/>
  <c r="T59072" i="1"/>
  <c r="T59073" i="1"/>
  <c r="T59074" i="1"/>
  <c r="T59075" i="1"/>
  <c r="T59076" i="1"/>
  <c r="T59077" i="1"/>
  <c r="T59078" i="1"/>
  <c r="T59079" i="1"/>
  <c r="T59080" i="1"/>
  <c r="T59081" i="1"/>
  <c r="T59082" i="1"/>
  <c r="T59083" i="1"/>
  <c r="T59084" i="1"/>
  <c r="T59085" i="1"/>
  <c r="T59086" i="1"/>
  <c r="T59087" i="1"/>
  <c r="T59088" i="1"/>
  <c r="T59089" i="1"/>
  <c r="T59090" i="1"/>
  <c r="T59091" i="1"/>
  <c r="T59092" i="1"/>
  <c r="T59093" i="1"/>
  <c r="T59094" i="1"/>
  <c r="T59095" i="1"/>
  <c r="T59096" i="1"/>
  <c r="T59097" i="1"/>
  <c r="T59098" i="1"/>
  <c r="T59099" i="1"/>
  <c r="T59100" i="1"/>
  <c r="T59101" i="1"/>
  <c r="T59102" i="1"/>
  <c r="T59103" i="1"/>
  <c r="T59104" i="1"/>
  <c r="T59105" i="1"/>
  <c r="T59106" i="1"/>
  <c r="T59107" i="1"/>
  <c r="T59108" i="1"/>
  <c r="T59109" i="1"/>
  <c r="T59110" i="1"/>
  <c r="T59111" i="1"/>
  <c r="T59112" i="1"/>
  <c r="T59113" i="1"/>
  <c r="T59114" i="1"/>
  <c r="T59115" i="1"/>
  <c r="T59116" i="1"/>
  <c r="T59117" i="1"/>
  <c r="T59118" i="1"/>
  <c r="T59119" i="1"/>
  <c r="T59120" i="1"/>
  <c r="T59121" i="1"/>
  <c r="T59122" i="1"/>
  <c r="T59123" i="1"/>
  <c r="T59124" i="1"/>
  <c r="T59125" i="1"/>
  <c r="T59126" i="1"/>
  <c r="T59127" i="1"/>
  <c r="T59128" i="1"/>
  <c r="T59129" i="1"/>
  <c r="T59130" i="1"/>
  <c r="T59131" i="1"/>
  <c r="T59132" i="1"/>
  <c r="T59133" i="1"/>
  <c r="T59134" i="1"/>
  <c r="T59135" i="1"/>
  <c r="T59136" i="1"/>
  <c r="T59137" i="1"/>
  <c r="T59138" i="1"/>
  <c r="T59139" i="1"/>
  <c r="T59140" i="1"/>
  <c r="T59141" i="1"/>
  <c r="T59142" i="1"/>
  <c r="T59143" i="1"/>
  <c r="T59144" i="1"/>
  <c r="T59145" i="1"/>
  <c r="T59146" i="1"/>
  <c r="T59147" i="1"/>
  <c r="T59148" i="1"/>
  <c r="T59149" i="1"/>
  <c r="T59150" i="1"/>
  <c r="T59151" i="1"/>
  <c r="T59152" i="1"/>
  <c r="T59153" i="1"/>
  <c r="T59154" i="1"/>
  <c r="T59155" i="1"/>
  <c r="T59156" i="1"/>
  <c r="T59157" i="1"/>
  <c r="T59158" i="1"/>
  <c r="T59159" i="1"/>
  <c r="T59160" i="1"/>
  <c r="T59161" i="1"/>
  <c r="T59162" i="1"/>
  <c r="T59163" i="1"/>
  <c r="T59164" i="1"/>
  <c r="T59165" i="1"/>
  <c r="T59166" i="1"/>
  <c r="T59167" i="1"/>
  <c r="T59168" i="1"/>
  <c r="T59169" i="1"/>
  <c r="T59170" i="1"/>
  <c r="T59171" i="1"/>
  <c r="T59172" i="1"/>
  <c r="T59173" i="1"/>
  <c r="T59174" i="1"/>
  <c r="T59175" i="1"/>
  <c r="T59176" i="1"/>
  <c r="T59177" i="1"/>
  <c r="T59178" i="1"/>
  <c r="T59179" i="1"/>
  <c r="T59180" i="1"/>
  <c r="T59181" i="1"/>
  <c r="T59182" i="1"/>
  <c r="T59183" i="1"/>
  <c r="T59184" i="1"/>
  <c r="T59185" i="1"/>
  <c r="T59186" i="1"/>
  <c r="T59187" i="1"/>
  <c r="T59188" i="1"/>
  <c r="T59189" i="1"/>
  <c r="T59190" i="1"/>
  <c r="T59191" i="1"/>
  <c r="T59192" i="1"/>
  <c r="T59193" i="1"/>
  <c r="T59194" i="1"/>
  <c r="T59195" i="1"/>
  <c r="T59196" i="1"/>
  <c r="T59197" i="1"/>
  <c r="T59198" i="1"/>
  <c r="T59199" i="1"/>
  <c r="T59200" i="1"/>
  <c r="T59201" i="1"/>
  <c r="T59202" i="1"/>
  <c r="T59203" i="1"/>
  <c r="T59204" i="1"/>
  <c r="T59205" i="1"/>
  <c r="T59206" i="1"/>
  <c r="T59207" i="1"/>
  <c r="T59208" i="1"/>
  <c r="T59209" i="1"/>
  <c r="T59210" i="1"/>
  <c r="T59211" i="1"/>
  <c r="T59212" i="1"/>
  <c r="T59213" i="1"/>
  <c r="T59214" i="1"/>
  <c r="T59215" i="1"/>
  <c r="T59216" i="1"/>
  <c r="T59217" i="1"/>
  <c r="T59218" i="1"/>
  <c r="T59219" i="1"/>
  <c r="T59220" i="1"/>
  <c r="T59221" i="1"/>
  <c r="T59222" i="1"/>
  <c r="T59223" i="1"/>
  <c r="T59224" i="1"/>
  <c r="T59225" i="1"/>
  <c r="T59226" i="1"/>
  <c r="T59227" i="1"/>
  <c r="T59228" i="1"/>
  <c r="T59229" i="1"/>
  <c r="T59230" i="1"/>
  <c r="T59231" i="1"/>
  <c r="T59232" i="1"/>
  <c r="T59233" i="1"/>
  <c r="T59234" i="1"/>
  <c r="T59235" i="1"/>
  <c r="T59236" i="1"/>
  <c r="T59237" i="1"/>
  <c r="T59238" i="1"/>
  <c r="T59239" i="1"/>
  <c r="T59240" i="1"/>
  <c r="T59241" i="1"/>
  <c r="T59242" i="1"/>
  <c r="T59243" i="1"/>
  <c r="T59244" i="1"/>
  <c r="T59245" i="1"/>
  <c r="T59246" i="1"/>
  <c r="T59247" i="1"/>
  <c r="T59248" i="1"/>
  <c r="T59249" i="1"/>
  <c r="T59250" i="1"/>
  <c r="T59251" i="1"/>
  <c r="T59252" i="1"/>
  <c r="T59253" i="1"/>
  <c r="T59254" i="1"/>
  <c r="T59255" i="1"/>
  <c r="T59256" i="1"/>
  <c r="T59257" i="1"/>
  <c r="T59258" i="1"/>
  <c r="T59259" i="1"/>
  <c r="T59260" i="1"/>
  <c r="T59261" i="1"/>
  <c r="T59262" i="1"/>
  <c r="T59263" i="1"/>
  <c r="T59264" i="1"/>
  <c r="T59265" i="1"/>
  <c r="T59266" i="1"/>
  <c r="T59267" i="1"/>
  <c r="T59268" i="1"/>
  <c r="T59269" i="1"/>
  <c r="T59270" i="1"/>
  <c r="T59271" i="1"/>
  <c r="T59272" i="1"/>
  <c r="T59273" i="1"/>
  <c r="T59274" i="1"/>
  <c r="T59275" i="1"/>
  <c r="T59276" i="1"/>
  <c r="T59277" i="1"/>
  <c r="T59278" i="1"/>
  <c r="T59279" i="1"/>
  <c r="T59280" i="1"/>
  <c r="T59281" i="1"/>
  <c r="T59282" i="1"/>
  <c r="T59283" i="1"/>
  <c r="T59284" i="1"/>
  <c r="T59285" i="1"/>
  <c r="T59286" i="1"/>
  <c r="T59287" i="1"/>
  <c r="T59288" i="1"/>
  <c r="T59289" i="1"/>
  <c r="T59290" i="1"/>
  <c r="T59291" i="1"/>
  <c r="T59292" i="1"/>
  <c r="T59293" i="1"/>
  <c r="T59294" i="1"/>
  <c r="T59295" i="1"/>
  <c r="T59296" i="1"/>
  <c r="T59297" i="1"/>
  <c r="T59298" i="1"/>
  <c r="T59299" i="1"/>
  <c r="T59300" i="1"/>
  <c r="T59301" i="1"/>
  <c r="T59302" i="1"/>
  <c r="T59303" i="1"/>
  <c r="T59304" i="1"/>
  <c r="T59305" i="1"/>
  <c r="T59306" i="1"/>
  <c r="T59307" i="1"/>
  <c r="T59308" i="1"/>
  <c r="T59309" i="1"/>
  <c r="T59310" i="1"/>
  <c r="T59311" i="1"/>
  <c r="T59312" i="1"/>
  <c r="T59313" i="1"/>
  <c r="T59314" i="1"/>
  <c r="T59315" i="1"/>
  <c r="T59316" i="1"/>
  <c r="T59317" i="1"/>
  <c r="T59318" i="1"/>
  <c r="T59319" i="1"/>
  <c r="T59320" i="1"/>
  <c r="T59321" i="1"/>
  <c r="T59322" i="1"/>
  <c r="T59323" i="1"/>
  <c r="T59324" i="1"/>
  <c r="T59325" i="1"/>
  <c r="T59326" i="1"/>
  <c r="T59327" i="1"/>
  <c r="T59328" i="1"/>
  <c r="T59329" i="1"/>
  <c r="T59330" i="1"/>
  <c r="T59331" i="1"/>
  <c r="T59332" i="1"/>
  <c r="T59333" i="1"/>
  <c r="T59334" i="1"/>
  <c r="T59335" i="1"/>
  <c r="T59336" i="1"/>
  <c r="T59337" i="1"/>
  <c r="T59338" i="1"/>
  <c r="T59339" i="1"/>
  <c r="T59340" i="1"/>
  <c r="T59341" i="1"/>
  <c r="T59342" i="1"/>
  <c r="T59343" i="1"/>
  <c r="T59344" i="1"/>
  <c r="T59345" i="1"/>
  <c r="T59346" i="1"/>
  <c r="T59347" i="1"/>
  <c r="T59348" i="1"/>
  <c r="T59349" i="1"/>
  <c r="T59350" i="1"/>
  <c r="T59351" i="1"/>
  <c r="T59352" i="1"/>
  <c r="T59353" i="1"/>
  <c r="T59354" i="1"/>
  <c r="T59355" i="1"/>
  <c r="T59356" i="1"/>
  <c r="T59357" i="1"/>
  <c r="T59358" i="1"/>
  <c r="T59359" i="1"/>
  <c r="T59360" i="1"/>
  <c r="T59361" i="1"/>
  <c r="T59362" i="1"/>
  <c r="T59363" i="1"/>
  <c r="T59364" i="1"/>
  <c r="T59365" i="1"/>
  <c r="T59366" i="1"/>
  <c r="T59367" i="1"/>
  <c r="T59368" i="1"/>
  <c r="T59369" i="1"/>
  <c r="T59370" i="1"/>
  <c r="T59371" i="1"/>
  <c r="T59372" i="1"/>
  <c r="T59373" i="1"/>
  <c r="T59374" i="1"/>
  <c r="T59375" i="1"/>
  <c r="T59376" i="1"/>
  <c r="T59377" i="1"/>
  <c r="T59378" i="1"/>
  <c r="T59379" i="1"/>
  <c r="T59380" i="1"/>
  <c r="T59381" i="1"/>
  <c r="T59382" i="1"/>
  <c r="T59383" i="1"/>
  <c r="T59384" i="1"/>
  <c r="T59385" i="1"/>
  <c r="T59386" i="1"/>
  <c r="T59387" i="1"/>
  <c r="T59388" i="1"/>
  <c r="T59389" i="1"/>
  <c r="T59390" i="1"/>
  <c r="T59391" i="1"/>
  <c r="T59392" i="1"/>
  <c r="T59393" i="1"/>
  <c r="T59394" i="1"/>
  <c r="T59395" i="1"/>
  <c r="T59396" i="1"/>
  <c r="T59397" i="1"/>
  <c r="T59398" i="1"/>
  <c r="T59399" i="1"/>
  <c r="T59400" i="1"/>
  <c r="T59401" i="1"/>
  <c r="T59402" i="1"/>
  <c r="T59403" i="1"/>
  <c r="T59404" i="1"/>
  <c r="T59405" i="1"/>
  <c r="T59406" i="1"/>
  <c r="T59407" i="1"/>
  <c r="T59408" i="1"/>
  <c r="T59409" i="1"/>
  <c r="T59410" i="1"/>
  <c r="T59411" i="1"/>
  <c r="T59412" i="1"/>
  <c r="T59413" i="1"/>
  <c r="T59414" i="1"/>
  <c r="T59415" i="1"/>
  <c r="T59416" i="1"/>
  <c r="T59417" i="1"/>
  <c r="T59418" i="1"/>
  <c r="T59419" i="1"/>
  <c r="T59420" i="1"/>
  <c r="T59421" i="1"/>
  <c r="T59422" i="1"/>
  <c r="T59423" i="1"/>
  <c r="T59424" i="1"/>
  <c r="T59425" i="1"/>
  <c r="T59426" i="1"/>
  <c r="T59427" i="1"/>
  <c r="T59428" i="1"/>
  <c r="T59429" i="1"/>
  <c r="T59430" i="1"/>
  <c r="T59431" i="1"/>
  <c r="T59432" i="1"/>
  <c r="T59433" i="1"/>
  <c r="T59434" i="1"/>
  <c r="T59435" i="1"/>
  <c r="T59436" i="1"/>
  <c r="T59437" i="1"/>
  <c r="T59438" i="1"/>
  <c r="T59439" i="1"/>
  <c r="T59440" i="1"/>
  <c r="T59441" i="1"/>
  <c r="T59442" i="1"/>
  <c r="T59443" i="1"/>
  <c r="T59444" i="1"/>
  <c r="T59445" i="1"/>
  <c r="T59446" i="1"/>
  <c r="T59447" i="1"/>
  <c r="T59448" i="1"/>
  <c r="T59449" i="1"/>
  <c r="T59450" i="1"/>
  <c r="T59451" i="1"/>
  <c r="T59452" i="1"/>
  <c r="T59453" i="1"/>
  <c r="T59454" i="1"/>
  <c r="T59455" i="1"/>
  <c r="T59456" i="1"/>
  <c r="T59457" i="1"/>
  <c r="T59458" i="1"/>
  <c r="T59459" i="1"/>
  <c r="T59460" i="1"/>
  <c r="T59461" i="1"/>
  <c r="T59462" i="1"/>
  <c r="T59463" i="1"/>
  <c r="T59464" i="1"/>
  <c r="T59465" i="1"/>
  <c r="T59466" i="1"/>
  <c r="T59467" i="1"/>
  <c r="T59468" i="1"/>
  <c r="T59469" i="1"/>
  <c r="T59470" i="1"/>
  <c r="T59471" i="1"/>
  <c r="T59472" i="1"/>
  <c r="T59473" i="1"/>
  <c r="T59474" i="1"/>
  <c r="T59475" i="1"/>
  <c r="T59476" i="1"/>
  <c r="T59477" i="1"/>
  <c r="T59478" i="1"/>
  <c r="T59479" i="1"/>
  <c r="T59480" i="1"/>
  <c r="T59481" i="1"/>
  <c r="T59482" i="1"/>
  <c r="T59483" i="1"/>
  <c r="T59484" i="1"/>
  <c r="T59485" i="1"/>
  <c r="T59486" i="1"/>
  <c r="T59487" i="1"/>
  <c r="T59488" i="1"/>
  <c r="T59489" i="1"/>
  <c r="T59490" i="1"/>
  <c r="T59491" i="1"/>
  <c r="T59492" i="1"/>
  <c r="T59493" i="1"/>
  <c r="T59494" i="1"/>
  <c r="T59495" i="1"/>
  <c r="T59496" i="1"/>
  <c r="T59497" i="1"/>
  <c r="T59498" i="1"/>
  <c r="T59499" i="1"/>
  <c r="T59500" i="1"/>
  <c r="T59501" i="1"/>
  <c r="T59502" i="1"/>
  <c r="T59503" i="1"/>
  <c r="T59504" i="1"/>
  <c r="T59505" i="1"/>
  <c r="T59506" i="1"/>
  <c r="T59507" i="1"/>
  <c r="T59508" i="1"/>
  <c r="T59509" i="1"/>
  <c r="T59510" i="1"/>
  <c r="T59511" i="1"/>
  <c r="T59512" i="1"/>
  <c r="T59513" i="1"/>
  <c r="T59514" i="1"/>
  <c r="T59515" i="1"/>
  <c r="T59516" i="1"/>
  <c r="T59517" i="1"/>
  <c r="T59518" i="1"/>
  <c r="T59519" i="1"/>
  <c r="T59520" i="1"/>
  <c r="T59521" i="1"/>
  <c r="T59522" i="1"/>
  <c r="T59523" i="1"/>
  <c r="T59524" i="1"/>
  <c r="T59525" i="1"/>
  <c r="T59526" i="1"/>
  <c r="T59527" i="1"/>
  <c r="T59528" i="1"/>
  <c r="T59529" i="1"/>
  <c r="T59530" i="1"/>
  <c r="T59531" i="1"/>
  <c r="T59532" i="1"/>
  <c r="T59533" i="1"/>
  <c r="T59534" i="1"/>
  <c r="T59535" i="1"/>
  <c r="T59536" i="1"/>
  <c r="T59537" i="1"/>
  <c r="T59538" i="1"/>
  <c r="T59539" i="1"/>
  <c r="T59540" i="1"/>
  <c r="T59541" i="1"/>
  <c r="T59542" i="1"/>
  <c r="T59543" i="1"/>
  <c r="T59544" i="1"/>
  <c r="T59545" i="1"/>
  <c r="T59546" i="1"/>
  <c r="T59547" i="1"/>
  <c r="T59548" i="1"/>
  <c r="T59549" i="1"/>
  <c r="T59550" i="1"/>
  <c r="T59551" i="1"/>
  <c r="T59552" i="1"/>
  <c r="T59553" i="1"/>
  <c r="T59554" i="1"/>
  <c r="T59555" i="1"/>
  <c r="T59556" i="1"/>
  <c r="T59557" i="1"/>
  <c r="T59558" i="1"/>
  <c r="T59559" i="1"/>
  <c r="T59560" i="1"/>
  <c r="T59561" i="1"/>
  <c r="T59562" i="1"/>
  <c r="T59563" i="1"/>
  <c r="T59564" i="1"/>
  <c r="T59565" i="1"/>
  <c r="T59566" i="1"/>
  <c r="T59567" i="1"/>
  <c r="T59568" i="1"/>
  <c r="T59569" i="1"/>
  <c r="T59570" i="1"/>
  <c r="T59571" i="1"/>
  <c r="T59572" i="1"/>
  <c r="T59573" i="1"/>
  <c r="T59574" i="1"/>
  <c r="T59575" i="1"/>
  <c r="T59576" i="1"/>
  <c r="T59577" i="1"/>
  <c r="T59578" i="1"/>
  <c r="T59579" i="1"/>
  <c r="T59580" i="1"/>
  <c r="T59581" i="1"/>
  <c r="T59582" i="1"/>
  <c r="T59583" i="1"/>
  <c r="T59584" i="1"/>
  <c r="T59585" i="1"/>
  <c r="T59586" i="1"/>
  <c r="T59587" i="1"/>
  <c r="T59588" i="1"/>
  <c r="T59589" i="1"/>
  <c r="T59590" i="1"/>
  <c r="T59591" i="1"/>
  <c r="T59592" i="1"/>
  <c r="T59593" i="1"/>
  <c r="T59594" i="1"/>
  <c r="T59595" i="1"/>
  <c r="T59596" i="1"/>
  <c r="T59597" i="1"/>
  <c r="T59598" i="1"/>
  <c r="T59599" i="1"/>
  <c r="T59600" i="1"/>
  <c r="T59601" i="1"/>
  <c r="T59602" i="1"/>
  <c r="T59603" i="1"/>
  <c r="T59604" i="1"/>
  <c r="T59605" i="1"/>
  <c r="T59606" i="1"/>
  <c r="T59607" i="1"/>
  <c r="T59608" i="1"/>
  <c r="T59609" i="1"/>
  <c r="T59610" i="1"/>
  <c r="T59611" i="1"/>
  <c r="T59612" i="1"/>
  <c r="T59613" i="1"/>
  <c r="T59614" i="1"/>
  <c r="T59615" i="1"/>
  <c r="T59616" i="1"/>
  <c r="T59617" i="1"/>
  <c r="T59618" i="1"/>
  <c r="T59619" i="1"/>
  <c r="T59620" i="1"/>
  <c r="T59621" i="1"/>
  <c r="T59622" i="1"/>
  <c r="T59623" i="1"/>
  <c r="T59624" i="1"/>
  <c r="T59625" i="1"/>
  <c r="T59626" i="1"/>
  <c r="T59627" i="1"/>
  <c r="T59628" i="1"/>
  <c r="T59629" i="1"/>
  <c r="T59630" i="1"/>
  <c r="T59631" i="1"/>
  <c r="T59632" i="1"/>
  <c r="T59633" i="1"/>
  <c r="T59634" i="1"/>
  <c r="T59635" i="1"/>
  <c r="T59636" i="1"/>
  <c r="T59637" i="1"/>
  <c r="T59638" i="1"/>
  <c r="T59639" i="1"/>
  <c r="T59640" i="1"/>
  <c r="T59641" i="1"/>
  <c r="T59642" i="1"/>
  <c r="T59643" i="1"/>
  <c r="T59644" i="1"/>
  <c r="T59645" i="1"/>
  <c r="T59646" i="1"/>
  <c r="T59647" i="1"/>
  <c r="T59648" i="1"/>
  <c r="T59649" i="1"/>
  <c r="T59650" i="1"/>
  <c r="T59651" i="1"/>
  <c r="T59652" i="1"/>
  <c r="T59653" i="1"/>
  <c r="T59654" i="1"/>
  <c r="T59655" i="1"/>
  <c r="T59656" i="1"/>
  <c r="T59657" i="1"/>
  <c r="T59658" i="1"/>
  <c r="T59659" i="1"/>
  <c r="T59660" i="1"/>
  <c r="T59661" i="1"/>
  <c r="T59662" i="1"/>
  <c r="T59663" i="1"/>
  <c r="T59664" i="1"/>
  <c r="T59665" i="1"/>
  <c r="T59666" i="1"/>
  <c r="T59667" i="1"/>
  <c r="T59668" i="1"/>
  <c r="T59669" i="1"/>
  <c r="T59670" i="1"/>
  <c r="T59671" i="1"/>
  <c r="T59672" i="1"/>
  <c r="T59673" i="1"/>
  <c r="T59674" i="1"/>
  <c r="T59675" i="1"/>
  <c r="T59676" i="1"/>
  <c r="T59677" i="1"/>
  <c r="T59678" i="1"/>
  <c r="T59679" i="1"/>
  <c r="T59680" i="1"/>
  <c r="T59681" i="1"/>
  <c r="T59682" i="1"/>
  <c r="T59683" i="1"/>
  <c r="T59684" i="1"/>
  <c r="T59685" i="1"/>
  <c r="T59686" i="1"/>
  <c r="T59687" i="1"/>
  <c r="T59688" i="1"/>
  <c r="T59689" i="1"/>
  <c r="T59690" i="1"/>
  <c r="T59691" i="1"/>
  <c r="T59692" i="1"/>
  <c r="T59693" i="1"/>
  <c r="T59694" i="1"/>
  <c r="T59695" i="1"/>
  <c r="T59696" i="1"/>
  <c r="T59697" i="1"/>
  <c r="T59698" i="1"/>
  <c r="T59699" i="1"/>
  <c r="T59700" i="1"/>
  <c r="T59701" i="1"/>
  <c r="T59702" i="1"/>
  <c r="T59703" i="1"/>
  <c r="T59704" i="1"/>
  <c r="T59705" i="1"/>
  <c r="T59706" i="1"/>
  <c r="T59707" i="1"/>
  <c r="T59708" i="1"/>
  <c r="T59709" i="1"/>
  <c r="T59710" i="1"/>
  <c r="T59711" i="1"/>
  <c r="T59712" i="1"/>
  <c r="T59713" i="1"/>
  <c r="T59714" i="1"/>
  <c r="T59715" i="1"/>
  <c r="T59716" i="1"/>
  <c r="T59717" i="1"/>
  <c r="T59718" i="1"/>
  <c r="T59719" i="1"/>
  <c r="T59720" i="1"/>
  <c r="T59721" i="1"/>
  <c r="T59722" i="1"/>
  <c r="T59723" i="1"/>
  <c r="T59724" i="1"/>
  <c r="T59725" i="1"/>
  <c r="T59726" i="1"/>
  <c r="T59727" i="1"/>
  <c r="T59728" i="1"/>
  <c r="T59729" i="1"/>
  <c r="T59730" i="1"/>
  <c r="T59731" i="1"/>
  <c r="T59732" i="1"/>
  <c r="T59733" i="1"/>
  <c r="T59734" i="1"/>
  <c r="T59735" i="1"/>
  <c r="T59736" i="1"/>
  <c r="T59737" i="1"/>
  <c r="T59738" i="1"/>
  <c r="T59739" i="1"/>
  <c r="T59740" i="1"/>
  <c r="T59741" i="1"/>
  <c r="T59742" i="1"/>
  <c r="T59743" i="1"/>
  <c r="T59744" i="1"/>
  <c r="T59745" i="1"/>
  <c r="T59746" i="1"/>
  <c r="T59747" i="1"/>
  <c r="T59748" i="1"/>
  <c r="T59749" i="1"/>
  <c r="T59750" i="1"/>
  <c r="T59751" i="1"/>
  <c r="T59752" i="1"/>
  <c r="T59753" i="1"/>
  <c r="T59754" i="1"/>
  <c r="T59755" i="1"/>
  <c r="T59756" i="1"/>
  <c r="T59757" i="1"/>
  <c r="T59758" i="1"/>
  <c r="T59759" i="1"/>
  <c r="T59760" i="1"/>
  <c r="T59761" i="1"/>
  <c r="T59762" i="1"/>
  <c r="T59763" i="1"/>
  <c r="T59764" i="1"/>
  <c r="T59765" i="1"/>
  <c r="T59766" i="1"/>
  <c r="T59767" i="1"/>
  <c r="T59768" i="1"/>
  <c r="T59769" i="1"/>
  <c r="T59770" i="1"/>
  <c r="T59771" i="1"/>
  <c r="T59772" i="1"/>
  <c r="T59773" i="1"/>
  <c r="T59774" i="1"/>
  <c r="T59775" i="1"/>
  <c r="T59776" i="1"/>
  <c r="T59777" i="1"/>
  <c r="T59778" i="1"/>
  <c r="T59779" i="1"/>
  <c r="T59780" i="1"/>
  <c r="T59781" i="1"/>
  <c r="T59782" i="1"/>
  <c r="T59783" i="1"/>
  <c r="T59784" i="1"/>
  <c r="T59785" i="1"/>
  <c r="T59786" i="1"/>
  <c r="T59787" i="1"/>
  <c r="T59788" i="1"/>
  <c r="T59789" i="1"/>
  <c r="T59790" i="1"/>
  <c r="T59791" i="1"/>
  <c r="T59792" i="1"/>
  <c r="T59793" i="1"/>
  <c r="T59794" i="1"/>
  <c r="T59795" i="1"/>
  <c r="T59796" i="1"/>
  <c r="T59797" i="1"/>
  <c r="T59798" i="1"/>
  <c r="T59799" i="1"/>
  <c r="T59800" i="1"/>
  <c r="T59801" i="1"/>
  <c r="T59802" i="1"/>
  <c r="T59803" i="1"/>
  <c r="T59804" i="1"/>
  <c r="T59805" i="1"/>
  <c r="T59806" i="1"/>
  <c r="T59807" i="1"/>
  <c r="T59808" i="1"/>
  <c r="T59809" i="1"/>
  <c r="T59810" i="1"/>
  <c r="T59811" i="1"/>
  <c r="T59812" i="1"/>
  <c r="T59813" i="1"/>
  <c r="T59814" i="1"/>
  <c r="T59815" i="1"/>
  <c r="T59816" i="1"/>
  <c r="T59817" i="1"/>
  <c r="T59818" i="1"/>
  <c r="T59819" i="1"/>
  <c r="T59820" i="1"/>
  <c r="T59821" i="1"/>
  <c r="T59822" i="1"/>
  <c r="T59823" i="1"/>
  <c r="T59824" i="1"/>
  <c r="T59825" i="1"/>
  <c r="T59826" i="1"/>
  <c r="T59827" i="1"/>
  <c r="T59828" i="1"/>
  <c r="T59829" i="1"/>
  <c r="T59830" i="1"/>
  <c r="T59831" i="1"/>
  <c r="T59832" i="1"/>
  <c r="T59833" i="1"/>
  <c r="T59834" i="1"/>
  <c r="T59835" i="1"/>
  <c r="T59836" i="1"/>
  <c r="T59837" i="1"/>
  <c r="T59838" i="1"/>
  <c r="T59839" i="1"/>
  <c r="T59840" i="1"/>
  <c r="T59841" i="1"/>
  <c r="T59842" i="1"/>
  <c r="T59843" i="1"/>
  <c r="T59844" i="1"/>
  <c r="T59845" i="1"/>
  <c r="T59846" i="1"/>
  <c r="T59847" i="1"/>
  <c r="T59848" i="1"/>
  <c r="T59849" i="1"/>
  <c r="T59850" i="1"/>
  <c r="T59851" i="1"/>
  <c r="T59852" i="1"/>
  <c r="T59853" i="1"/>
  <c r="T59854" i="1"/>
  <c r="T59855" i="1"/>
  <c r="T59856" i="1"/>
  <c r="T59857" i="1"/>
  <c r="T59858" i="1"/>
  <c r="T59859" i="1"/>
  <c r="T59860" i="1"/>
  <c r="T59861" i="1"/>
  <c r="T59862" i="1"/>
  <c r="T59863" i="1"/>
  <c r="T59864" i="1"/>
  <c r="T59865" i="1"/>
  <c r="T59866" i="1"/>
  <c r="T59867" i="1"/>
  <c r="T59868" i="1"/>
  <c r="T59869" i="1"/>
  <c r="T59870" i="1"/>
  <c r="T59871" i="1"/>
  <c r="T59872" i="1"/>
  <c r="T59873" i="1"/>
  <c r="T59874" i="1"/>
  <c r="T59875" i="1"/>
  <c r="T59876" i="1"/>
  <c r="T59877" i="1"/>
  <c r="T59878" i="1"/>
  <c r="T59879" i="1"/>
  <c r="T59880" i="1"/>
  <c r="T59881" i="1"/>
  <c r="T59882" i="1"/>
  <c r="T59883" i="1"/>
  <c r="T59884" i="1"/>
  <c r="T59885" i="1"/>
  <c r="T59886" i="1"/>
  <c r="T59887" i="1"/>
  <c r="T59888" i="1"/>
  <c r="T59889" i="1"/>
  <c r="T59890" i="1"/>
  <c r="T59891" i="1"/>
  <c r="T59892" i="1"/>
  <c r="T59893" i="1"/>
  <c r="T59894" i="1"/>
  <c r="T59895" i="1"/>
  <c r="T59896" i="1"/>
  <c r="T59897" i="1"/>
  <c r="T59898" i="1"/>
  <c r="T59899" i="1"/>
  <c r="T59900" i="1"/>
  <c r="T59901" i="1"/>
  <c r="T59902" i="1"/>
  <c r="T59903" i="1"/>
  <c r="T59904" i="1"/>
  <c r="T59905" i="1"/>
  <c r="T59906" i="1"/>
  <c r="T59907" i="1"/>
  <c r="T59908" i="1"/>
  <c r="T59909" i="1"/>
  <c r="T59910" i="1"/>
  <c r="T59911" i="1"/>
  <c r="T59912" i="1"/>
  <c r="T59913" i="1"/>
  <c r="T59914" i="1"/>
  <c r="T59915" i="1"/>
  <c r="T59916" i="1"/>
  <c r="T59917" i="1"/>
  <c r="T59918" i="1"/>
  <c r="T59919" i="1"/>
  <c r="T59920" i="1"/>
  <c r="T59921" i="1"/>
  <c r="T59922" i="1"/>
  <c r="T59923" i="1"/>
  <c r="T59924" i="1"/>
  <c r="T59925" i="1"/>
  <c r="T59926" i="1"/>
  <c r="T59927" i="1"/>
  <c r="T59928" i="1"/>
  <c r="T59929" i="1"/>
  <c r="T59930" i="1"/>
  <c r="T59931" i="1"/>
  <c r="T59932" i="1"/>
  <c r="T59933" i="1"/>
  <c r="T59934" i="1"/>
  <c r="T59935" i="1"/>
  <c r="T59936" i="1"/>
  <c r="T59937" i="1"/>
  <c r="T59938" i="1"/>
  <c r="T59939" i="1"/>
  <c r="T59940" i="1"/>
  <c r="T59941" i="1"/>
  <c r="T59942" i="1"/>
  <c r="T59943" i="1"/>
  <c r="T59944" i="1"/>
  <c r="T59945" i="1"/>
  <c r="T59946" i="1"/>
  <c r="T59947" i="1"/>
  <c r="T59948" i="1"/>
  <c r="T59949" i="1"/>
  <c r="T59950" i="1"/>
  <c r="T59951" i="1"/>
  <c r="T59952" i="1"/>
  <c r="T59953" i="1"/>
  <c r="T59954" i="1"/>
  <c r="T59955" i="1"/>
  <c r="T59956" i="1"/>
  <c r="T59957" i="1"/>
  <c r="T59958" i="1"/>
  <c r="T59959" i="1"/>
  <c r="T59960" i="1"/>
  <c r="T59961" i="1"/>
  <c r="T59962" i="1"/>
  <c r="T59963" i="1"/>
  <c r="T59964" i="1"/>
  <c r="T59965" i="1"/>
  <c r="T59966" i="1"/>
  <c r="T59967" i="1"/>
  <c r="T59968" i="1"/>
  <c r="T59969" i="1"/>
  <c r="T59970" i="1"/>
  <c r="T59971" i="1"/>
  <c r="T59972" i="1"/>
  <c r="T59973" i="1"/>
  <c r="T59974" i="1"/>
  <c r="T59975" i="1"/>
  <c r="T59976" i="1"/>
  <c r="T59977" i="1"/>
  <c r="T59978" i="1"/>
  <c r="T59979" i="1"/>
  <c r="T59980" i="1"/>
  <c r="T59981" i="1"/>
  <c r="T59982" i="1"/>
  <c r="T59983" i="1"/>
  <c r="T59984" i="1"/>
  <c r="T59985" i="1"/>
  <c r="T59986" i="1"/>
  <c r="T59987" i="1"/>
  <c r="T59988" i="1"/>
  <c r="T59989" i="1"/>
  <c r="T59990" i="1"/>
  <c r="T59991" i="1"/>
  <c r="T59992" i="1"/>
  <c r="T59993" i="1"/>
  <c r="T59994" i="1"/>
  <c r="T59995" i="1"/>
  <c r="T59996" i="1"/>
  <c r="T59997" i="1"/>
  <c r="T59998" i="1"/>
  <c r="T59999" i="1"/>
  <c r="T60000" i="1"/>
  <c r="T60001" i="1"/>
  <c r="T60002" i="1"/>
  <c r="T60003" i="1"/>
  <c r="T60004" i="1"/>
  <c r="T60005" i="1"/>
  <c r="T60006" i="1"/>
  <c r="T60007" i="1"/>
  <c r="T60008" i="1"/>
  <c r="T60009" i="1"/>
  <c r="T60010" i="1"/>
  <c r="T60011" i="1"/>
  <c r="T60012" i="1"/>
  <c r="T60013" i="1"/>
  <c r="T60014" i="1"/>
  <c r="T60015" i="1"/>
  <c r="T60016" i="1"/>
  <c r="T60017" i="1"/>
  <c r="T60018" i="1"/>
  <c r="T60019" i="1"/>
  <c r="T60020" i="1"/>
  <c r="T60021" i="1"/>
  <c r="T60022" i="1"/>
  <c r="T60023" i="1"/>
  <c r="T60024" i="1"/>
  <c r="T60025" i="1"/>
  <c r="T60026" i="1"/>
  <c r="T60027" i="1"/>
  <c r="T60028" i="1"/>
  <c r="T60029" i="1"/>
  <c r="T60030" i="1"/>
  <c r="T60031" i="1"/>
  <c r="T60032" i="1"/>
  <c r="T60033" i="1"/>
  <c r="T60034" i="1"/>
  <c r="T60035" i="1"/>
  <c r="T60036" i="1"/>
  <c r="T60037" i="1"/>
  <c r="T60038" i="1"/>
  <c r="T60039" i="1"/>
  <c r="T60040" i="1"/>
  <c r="T60041" i="1"/>
  <c r="T60042" i="1"/>
  <c r="T60043" i="1"/>
  <c r="T60044" i="1"/>
  <c r="T60045" i="1"/>
  <c r="T60046" i="1"/>
  <c r="T60047" i="1"/>
  <c r="T60048" i="1"/>
  <c r="T60049" i="1"/>
  <c r="T60050" i="1"/>
  <c r="T60051" i="1"/>
  <c r="T60052" i="1"/>
  <c r="T60053" i="1"/>
  <c r="T60054" i="1"/>
  <c r="T60055" i="1"/>
  <c r="T60056" i="1"/>
  <c r="T60057" i="1"/>
  <c r="T60058" i="1"/>
  <c r="T60059" i="1"/>
  <c r="T60060" i="1"/>
  <c r="T60061" i="1"/>
  <c r="T60062" i="1"/>
  <c r="T60063" i="1"/>
  <c r="T60064" i="1"/>
  <c r="T60065" i="1"/>
  <c r="T60066" i="1"/>
  <c r="T60067" i="1"/>
  <c r="T60068" i="1"/>
  <c r="T60069" i="1"/>
  <c r="T60070" i="1"/>
  <c r="T60071" i="1"/>
  <c r="T60072" i="1"/>
  <c r="T60073" i="1"/>
  <c r="T60074" i="1"/>
  <c r="T60075" i="1"/>
  <c r="T60076" i="1"/>
  <c r="T60077" i="1"/>
  <c r="T60078" i="1"/>
  <c r="T60079" i="1"/>
  <c r="T60080" i="1"/>
  <c r="T60081" i="1"/>
  <c r="T60082" i="1"/>
  <c r="T60083" i="1"/>
  <c r="T60084" i="1"/>
  <c r="T60085" i="1"/>
  <c r="T60086" i="1"/>
  <c r="T60087" i="1"/>
  <c r="T60088" i="1"/>
  <c r="T60089" i="1"/>
  <c r="T60090" i="1"/>
  <c r="T60091" i="1"/>
  <c r="T60092" i="1"/>
  <c r="T60093" i="1"/>
  <c r="T60094" i="1"/>
  <c r="T60095" i="1"/>
  <c r="T60096" i="1"/>
  <c r="T60097" i="1"/>
  <c r="T60098" i="1"/>
  <c r="T60099" i="1"/>
  <c r="T60100" i="1"/>
  <c r="T60101" i="1"/>
  <c r="T60102" i="1"/>
  <c r="T60103" i="1"/>
  <c r="T60104" i="1"/>
  <c r="T60105" i="1"/>
  <c r="T60106" i="1"/>
  <c r="T60107" i="1"/>
  <c r="T60108" i="1"/>
  <c r="T60109" i="1"/>
  <c r="T60110" i="1"/>
  <c r="T60111" i="1"/>
  <c r="T60112" i="1"/>
  <c r="T60113" i="1"/>
  <c r="T60114" i="1"/>
  <c r="T60115" i="1"/>
  <c r="T60116" i="1"/>
  <c r="T60117" i="1"/>
  <c r="T60118" i="1"/>
  <c r="T60119" i="1"/>
  <c r="T60120" i="1"/>
  <c r="T60121" i="1"/>
  <c r="T60122" i="1"/>
  <c r="T60123" i="1"/>
  <c r="T60124" i="1"/>
  <c r="T60125" i="1"/>
  <c r="T60126" i="1"/>
  <c r="T60127" i="1"/>
  <c r="T60128" i="1"/>
  <c r="T60129" i="1"/>
  <c r="T60130" i="1"/>
  <c r="T60131" i="1"/>
  <c r="T60132" i="1"/>
  <c r="T60133" i="1"/>
  <c r="T60134" i="1"/>
  <c r="T60135" i="1"/>
  <c r="T60136" i="1"/>
  <c r="T60137" i="1"/>
  <c r="T60138" i="1"/>
  <c r="T60139" i="1"/>
  <c r="T60140" i="1"/>
  <c r="T60141" i="1"/>
  <c r="T60142" i="1"/>
  <c r="T60143" i="1"/>
  <c r="T60144" i="1"/>
  <c r="T60145" i="1"/>
  <c r="T60146" i="1"/>
  <c r="T60147" i="1"/>
  <c r="T60148" i="1"/>
  <c r="T60149" i="1"/>
  <c r="T60150" i="1"/>
  <c r="T60151" i="1"/>
  <c r="T60152" i="1"/>
  <c r="T60153" i="1"/>
  <c r="T60154" i="1"/>
  <c r="T60155" i="1"/>
  <c r="T60156" i="1"/>
  <c r="T60157" i="1"/>
  <c r="T60158" i="1"/>
  <c r="T60159" i="1"/>
  <c r="T60160" i="1"/>
  <c r="T60161" i="1"/>
  <c r="T60162" i="1"/>
  <c r="T60163" i="1"/>
  <c r="T60164" i="1"/>
  <c r="T60165" i="1"/>
  <c r="T60166" i="1"/>
  <c r="T60167" i="1"/>
  <c r="T60168" i="1"/>
  <c r="T60169" i="1"/>
  <c r="T60170" i="1"/>
  <c r="T60171" i="1"/>
  <c r="T60172" i="1"/>
  <c r="T60173" i="1"/>
  <c r="T60174" i="1"/>
  <c r="T60175" i="1"/>
  <c r="T60176" i="1"/>
  <c r="T60177" i="1"/>
  <c r="T60178" i="1"/>
  <c r="T60179" i="1"/>
  <c r="T60180" i="1"/>
  <c r="T60181" i="1"/>
  <c r="T60182" i="1"/>
  <c r="T60183" i="1"/>
  <c r="T60184" i="1"/>
  <c r="T60185" i="1"/>
  <c r="T60186" i="1"/>
  <c r="T60187" i="1"/>
  <c r="T60188" i="1"/>
  <c r="T60189" i="1"/>
  <c r="T60190" i="1"/>
  <c r="T60191" i="1"/>
  <c r="T60192" i="1"/>
  <c r="T60193" i="1"/>
  <c r="T60194" i="1"/>
  <c r="T60195" i="1"/>
  <c r="T60196" i="1"/>
  <c r="T60197" i="1"/>
  <c r="T60198" i="1"/>
  <c r="T60199" i="1"/>
  <c r="T60200" i="1"/>
  <c r="T60201" i="1"/>
  <c r="T60202" i="1"/>
  <c r="T60203" i="1"/>
  <c r="T60204" i="1"/>
  <c r="T60205" i="1"/>
  <c r="T60206" i="1"/>
  <c r="T60207" i="1"/>
  <c r="T60208" i="1"/>
  <c r="T60209" i="1"/>
  <c r="T60210" i="1"/>
  <c r="T60211" i="1"/>
  <c r="T60212" i="1"/>
  <c r="T60213" i="1"/>
  <c r="T60214" i="1"/>
  <c r="T60215" i="1"/>
  <c r="T60216" i="1"/>
  <c r="T60217" i="1"/>
  <c r="T60218" i="1"/>
  <c r="T60219" i="1"/>
  <c r="T60220" i="1"/>
  <c r="T60221" i="1"/>
  <c r="T60222" i="1"/>
  <c r="T60223" i="1"/>
  <c r="T60224" i="1"/>
  <c r="T60225" i="1"/>
  <c r="T60226" i="1"/>
  <c r="T60227" i="1"/>
  <c r="T60228" i="1"/>
  <c r="T60229" i="1"/>
  <c r="T60230" i="1"/>
  <c r="T60231" i="1"/>
  <c r="T60232" i="1"/>
  <c r="T60233" i="1"/>
  <c r="T60234" i="1"/>
  <c r="T60235" i="1"/>
  <c r="T60236" i="1"/>
  <c r="T60237" i="1"/>
  <c r="T60238" i="1"/>
  <c r="T60239" i="1"/>
  <c r="T60240" i="1"/>
  <c r="T60241" i="1"/>
  <c r="T60242" i="1"/>
  <c r="T60243" i="1"/>
  <c r="T60244" i="1"/>
  <c r="T60245" i="1"/>
  <c r="T60246" i="1"/>
  <c r="T60247" i="1"/>
  <c r="T60248" i="1"/>
  <c r="T60249" i="1"/>
  <c r="T60250" i="1"/>
  <c r="T60251" i="1"/>
  <c r="T60252" i="1"/>
  <c r="T60253" i="1"/>
  <c r="T60254" i="1"/>
  <c r="T60255" i="1"/>
  <c r="T60256" i="1"/>
  <c r="T60257" i="1"/>
  <c r="T60258" i="1"/>
  <c r="T60259" i="1"/>
  <c r="T60260" i="1"/>
  <c r="T60261" i="1"/>
  <c r="T60262" i="1"/>
  <c r="T60263" i="1"/>
  <c r="T60264" i="1"/>
  <c r="T60265" i="1"/>
  <c r="T60266" i="1"/>
  <c r="T60267" i="1"/>
  <c r="T60268" i="1"/>
  <c r="T60269" i="1"/>
  <c r="T60270" i="1"/>
  <c r="T60271" i="1"/>
  <c r="T60272" i="1"/>
  <c r="T60273" i="1"/>
  <c r="T60274" i="1"/>
  <c r="T60275" i="1"/>
  <c r="T60276" i="1"/>
  <c r="T60277" i="1"/>
  <c r="T60278" i="1"/>
  <c r="T60279" i="1"/>
  <c r="T60280" i="1"/>
  <c r="T60281" i="1"/>
  <c r="T60282" i="1"/>
  <c r="T60283" i="1"/>
  <c r="T60284" i="1"/>
  <c r="T60285" i="1"/>
  <c r="T60286" i="1"/>
  <c r="T60287" i="1"/>
  <c r="T60288" i="1"/>
  <c r="T60289" i="1"/>
  <c r="T60290" i="1"/>
  <c r="T60291" i="1"/>
  <c r="T60292" i="1"/>
  <c r="T60293" i="1"/>
  <c r="T60294" i="1"/>
  <c r="T60295" i="1"/>
  <c r="T60296" i="1"/>
  <c r="T60297" i="1"/>
  <c r="T60298" i="1"/>
  <c r="T60299" i="1"/>
  <c r="T60300" i="1"/>
  <c r="T60301" i="1"/>
  <c r="T60302" i="1"/>
  <c r="T60303" i="1"/>
  <c r="T60304" i="1"/>
  <c r="T60305" i="1"/>
  <c r="T60306" i="1"/>
  <c r="T60307" i="1"/>
  <c r="T60308" i="1"/>
  <c r="T60309" i="1"/>
  <c r="T60310" i="1"/>
  <c r="T60311" i="1"/>
  <c r="T60312" i="1"/>
  <c r="T60313" i="1"/>
  <c r="T60314" i="1"/>
  <c r="T60315" i="1"/>
  <c r="T60316" i="1"/>
  <c r="T60317" i="1"/>
  <c r="T60318" i="1"/>
  <c r="T60319" i="1"/>
  <c r="T60320" i="1"/>
  <c r="T60321" i="1"/>
  <c r="T60322" i="1"/>
  <c r="T60323" i="1"/>
  <c r="T60324" i="1"/>
  <c r="T60325" i="1"/>
  <c r="T60326" i="1"/>
  <c r="T60327" i="1"/>
  <c r="T60328" i="1"/>
  <c r="T60329" i="1"/>
  <c r="T60330" i="1"/>
  <c r="T60331" i="1"/>
  <c r="T60332" i="1"/>
  <c r="T60333" i="1"/>
  <c r="T60334" i="1"/>
  <c r="T60335" i="1"/>
  <c r="T60336" i="1"/>
  <c r="T60337" i="1"/>
  <c r="T60338" i="1"/>
  <c r="T60339" i="1"/>
  <c r="T60340" i="1"/>
  <c r="T60341" i="1"/>
  <c r="T60342" i="1"/>
  <c r="T60343" i="1"/>
  <c r="T60344" i="1"/>
  <c r="T60345" i="1"/>
  <c r="T60346" i="1"/>
  <c r="T60347" i="1"/>
  <c r="T60348" i="1"/>
  <c r="T60349" i="1"/>
  <c r="T60350" i="1"/>
  <c r="T60351" i="1"/>
  <c r="T60352" i="1"/>
  <c r="T60353" i="1"/>
  <c r="T60354" i="1"/>
  <c r="T60355" i="1"/>
  <c r="T60356" i="1"/>
  <c r="T60357" i="1"/>
  <c r="T60358" i="1"/>
  <c r="T60359" i="1"/>
  <c r="T60360" i="1"/>
  <c r="T60361" i="1"/>
  <c r="T60362" i="1"/>
  <c r="T60363" i="1"/>
  <c r="T60364" i="1"/>
  <c r="T60365" i="1"/>
  <c r="T60366" i="1"/>
  <c r="T60367" i="1"/>
  <c r="T60368" i="1"/>
  <c r="T60369" i="1"/>
  <c r="T60370" i="1"/>
  <c r="T60371" i="1"/>
  <c r="T60372" i="1"/>
  <c r="T60373" i="1"/>
  <c r="T60374" i="1"/>
  <c r="T60375" i="1"/>
  <c r="T60376" i="1"/>
  <c r="T60377" i="1"/>
  <c r="T60378" i="1"/>
  <c r="T60379" i="1"/>
  <c r="T60380" i="1"/>
  <c r="T60381" i="1"/>
  <c r="T60382" i="1"/>
  <c r="T60383" i="1"/>
  <c r="T60384" i="1"/>
  <c r="T60385" i="1"/>
  <c r="T60386" i="1"/>
  <c r="T60387" i="1"/>
  <c r="T60388" i="1"/>
  <c r="T60389" i="1"/>
  <c r="T60390" i="1"/>
  <c r="T60391" i="1"/>
  <c r="T60392" i="1"/>
  <c r="T60393" i="1"/>
  <c r="T60394" i="1"/>
  <c r="T60395" i="1"/>
  <c r="T60396" i="1"/>
  <c r="T60397" i="1"/>
  <c r="T60398" i="1"/>
  <c r="T60399" i="1"/>
  <c r="T60400" i="1"/>
  <c r="T60401" i="1"/>
  <c r="T60402" i="1"/>
  <c r="T60403" i="1"/>
  <c r="T60404" i="1"/>
  <c r="T60405" i="1"/>
  <c r="T60406" i="1"/>
  <c r="T60407" i="1"/>
  <c r="T60408" i="1"/>
  <c r="T60409" i="1"/>
  <c r="T60410" i="1"/>
  <c r="T60411" i="1"/>
  <c r="T60412" i="1"/>
  <c r="T60413" i="1"/>
  <c r="T60414" i="1"/>
  <c r="T60415" i="1"/>
  <c r="T60416" i="1"/>
  <c r="T60417" i="1"/>
  <c r="T60418" i="1"/>
  <c r="T60419" i="1"/>
  <c r="T60420" i="1"/>
  <c r="T60421" i="1"/>
  <c r="T60422" i="1"/>
  <c r="T60423" i="1"/>
  <c r="T60424" i="1"/>
  <c r="T60425" i="1"/>
  <c r="T60426" i="1"/>
  <c r="T60427" i="1"/>
  <c r="T60428" i="1"/>
  <c r="T60429" i="1"/>
  <c r="T60430" i="1"/>
  <c r="T60431" i="1"/>
  <c r="T60432" i="1"/>
  <c r="T60433" i="1"/>
  <c r="T60434" i="1"/>
  <c r="T60435" i="1"/>
  <c r="T60436" i="1"/>
  <c r="T60437" i="1"/>
  <c r="T60438" i="1"/>
  <c r="T60439" i="1"/>
  <c r="T60440" i="1"/>
  <c r="T60441" i="1"/>
  <c r="T60442" i="1"/>
  <c r="T60443" i="1"/>
  <c r="T60444" i="1"/>
  <c r="T60445" i="1"/>
  <c r="T60446" i="1"/>
  <c r="T60447" i="1"/>
  <c r="T60448" i="1"/>
  <c r="T60449" i="1"/>
  <c r="T60450" i="1"/>
  <c r="T60451" i="1"/>
  <c r="T60452" i="1"/>
  <c r="T60453" i="1"/>
  <c r="T60454" i="1"/>
  <c r="T60455" i="1"/>
  <c r="T60456" i="1"/>
  <c r="T60457" i="1"/>
  <c r="T60458" i="1"/>
  <c r="T60459" i="1"/>
  <c r="T60460" i="1"/>
  <c r="T60461" i="1"/>
  <c r="T60462" i="1"/>
  <c r="T60463" i="1"/>
  <c r="T60464" i="1"/>
  <c r="T60465" i="1"/>
  <c r="T60466" i="1"/>
  <c r="T60467" i="1"/>
  <c r="T60468" i="1"/>
  <c r="T60469" i="1"/>
  <c r="T60470" i="1"/>
  <c r="T60471" i="1"/>
  <c r="T60472" i="1"/>
  <c r="T60473" i="1"/>
  <c r="T60474" i="1"/>
  <c r="T60475" i="1"/>
  <c r="T60476" i="1"/>
  <c r="T60477" i="1"/>
  <c r="T60478" i="1"/>
  <c r="T60479" i="1"/>
  <c r="T60480" i="1"/>
  <c r="T60481" i="1"/>
  <c r="T60482" i="1"/>
  <c r="T60483" i="1"/>
  <c r="T60484" i="1"/>
  <c r="T60485" i="1"/>
  <c r="T60486" i="1"/>
  <c r="T60487" i="1"/>
  <c r="T60488" i="1"/>
  <c r="T60489" i="1"/>
  <c r="T60490" i="1"/>
  <c r="T60491" i="1"/>
  <c r="T60492" i="1"/>
  <c r="T60493" i="1"/>
  <c r="T60494" i="1"/>
  <c r="T60495" i="1"/>
  <c r="T60496" i="1"/>
  <c r="T60497" i="1"/>
  <c r="T60498" i="1"/>
  <c r="T60499" i="1"/>
  <c r="T60500" i="1"/>
  <c r="T60501" i="1"/>
  <c r="T60502" i="1"/>
  <c r="T60503" i="1"/>
  <c r="T60504" i="1"/>
  <c r="T60505" i="1"/>
  <c r="T60506" i="1"/>
  <c r="T60507" i="1"/>
  <c r="T60508" i="1"/>
  <c r="T60509" i="1"/>
  <c r="T60510" i="1"/>
  <c r="T60511" i="1"/>
  <c r="T60512" i="1"/>
  <c r="T60513" i="1"/>
  <c r="T60514" i="1"/>
  <c r="T60515" i="1"/>
  <c r="T60516" i="1"/>
  <c r="T60517" i="1"/>
  <c r="T60518" i="1"/>
  <c r="T60519" i="1"/>
  <c r="T60520" i="1"/>
  <c r="T60521" i="1"/>
  <c r="T60522" i="1"/>
  <c r="T60523" i="1"/>
  <c r="T60524" i="1"/>
  <c r="T60525" i="1"/>
  <c r="T60526" i="1"/>
  <c r="T60527" i="1"/>
  <c r="T60528" i="1"/>
  <c r="T60529" i="1"/>
  <c r="T60530" i="1"/>
  <c r="T60531" i="1"/>
  <c r="T60532" i="1"/>
  <c r="T60533" i="1"/>
  <c r="T60534" i="1"/>
  <c r="T60535" i="1"/>
  <c r="T60536" i="1"/>
  <c r="T60537" i="1"/>
  <c r="T60538" i="1"/>
  <c r="T60539" i="1"/>
  <c r="T60540" i="1"/>
  <c r="T60541" i="1"/>
  <c r="T60542" i="1"/>
  <c r="T60543" i="1"/>
  <c r="T60544" i="1"/>
  <c r="T60545" i="1"/>
  <c r="T60546" i="1"/>
  <c r="T60547" i="1"/>
  <c r="T60548" i="1"/>
  <c r="T60549" i="1"/>
  <c r="T60550" i="1"/>
  <c r="T60551" i="1"/>
  <c r="T60552" i="1"/>
  <c r="T60553" i="1"/>
  <c r="T60554" i="1"/>
  <c r="T60555" i="1"/>
  <c r="T60556" i="1"/>
  <c r="T60557" i="1"/>
  <c r="T60558" i="1"/>
  <c r="T60559" i="1"/>
  <c r="T60560" i="1"/>
  <c r="T60561" i="1"/>
  <c r="T60562" i="1"/>
  <c r="T60563" i="1"/>
  <c r="T60564" i="1"/>
  <c r="T60565" i="1"/>
  <c r="T60566" i="1"/>
  <c r="T60567" i="1"/>
  <c r="T60568" i="1"/>
  <c r="T60569" i="1"/>
  <c r="T60570" i="1"/>
  <c r="T60571" i="1"/>
  <c r="T60572" i="1"/>
  <c r="T60573" i="1"/>
  <c r="T60574" i="1"/>
  <c r="T60575" i="1"/>
  <c r="T60576" i="1"/>
  <c r="T60577" i="1"/>
  <c r="T60578" i="1"/>
  <c r="T60579" i="1"/>
  <c r="T60580" i="1"/>
  <c r="T60581" i="1"/>
  <c r="T60582" i="1"/>
  <c r="T60583" i="1"/>
  <c r="T60584" i="1"/>
  <c r="T60585" i="1"/>
  <c r="T60586" i="1"/>
  <c r="T60587" i="1"/>
  <c r="T60588" i="1"/>
  <c r="T60589" i="1"/>
  <c r="T60590" i="1"/>
  <c r="T60591" i="1"/>
  <c r="T60592" i="1"/>
  <c r="T60593" i="1"/>
  <c r="T60594" i="1"/>
  <c r="T60595" i="1"/>
  <c r="T60596" i="1"/>
  <c r="T60597" i="1"/>
  <c r="T60598" i="1"/>
  <c r="T60599" i="1"/>
  <c r="T60600" i="1"/>
  <c r="T60601" i="1"/>
  <c r="T60602" i="1"/>
  <c r="T60603" i="1"/>
  <c r="T60604" i="1"/>
  <c r="T60605" i="1"/>
  <c r="T60606" i="1"/>
  <c r="T60607" i="1"/>
  <c r="T60608" i="1"/>
  <c r="T60609" i="1"/>
  <c r="T60610" i="1"/>
  <c r="T60611" i="1"/>
  <c r="T60612" i="1"/>
  <c r="T60613" i="1"/>
  <c r="T60614" i="1"/>
  <c r="T60615" i="1"/>
  <c r="T60616" i="1"/>
  <c r="T60617" i="1"/>
  <c r="T60618" i="1"/>
  <c r="T60619" i="1"/>
  <c r="T60620" i="1"/>
  <c r="T60621" i="1"/>
  <c r="T60622" i="1"/>
  <c r="T60623" i="1"/>
  <c r="T60624" i="1"/>
  <c r="T60625" i="1"/>
  <c r="T60626" i="1"/>
  <c r="T60627" i="1"/>
  <c r="T60628" i="1"/>
  <c r="T60629" i="1"/>
  <c r="T60630" i="1"/>
  <c r="T60631" i="1"/>
  <c r="T60632" i="1"/>
  <c r="T60633" i="1"/>
  <c r="T60634" i="1"/>
  <c r="T60635" i="1"/>
  <c r="T60636" i="1"/>
  <c r="T60637" i="1"/>
  <c r="T60638" i="1"/>
  <c r="T60639" i="1"/>
  <c r="T60640" i="1"/>
  <c r="T60641" i="1"/>
  <c r="T60642" i="1"/>
  <c r="T60643" i="1"/>
  <c r="T60644" i="1"/>
  <c r="T60645" i="1"/>
  <c r="T60646" i="1"/>
  <c r="T60647" i="1"/>
  <c r="T60648" i="1"/>
  <c r="T60649" i="1"/>
  <c r="T60650" i="1"/>
  <c r="T60651" i="1"/>
  <c r="T60652" i="1"/>
  <c r="T60653" i="1"/>
  <c r="T60654" i="1"/>
  <c r="T60655" i="1"/>
  <c r="T60656" i="1"/>
  <c r="T60657" i="1"/>
  <c r="T60658" i="1"/>
  <c r="T60659" i="1"/>
  <c r="T60660" i="1"/>
  <c r="T60661" i="1"/>
  <c r="T60662" i="1"/>
  <c r="T60663" i="1"/>
  <c r="T60664" i="1"/>
  <c r="T60665" i="1"/>
  <c r="T60666" i="1"/>
  <c r="T60667" i="1"/>
  <c r="T60668" i="1"/>
  <c r="T60669" i="1"/>
  <c r="T60670" i="1"/>
  <c r="T60671" i="1"/>
  <c r="T60672" i="1"/>
  <c r="T60673" i="1"/>
  <c r="T60674" i="1"/>
  <c r="T60675" i="1"/>
  <c r="T60676" i="1"/>
  <c r="T60677" i="1"/>
  <c r="T60678" i="1"/>
  <c r="T60679" i="1"/>
  <c r="T60680" i="1"/>
  <c r="T60681" i="1"/>
  <c r="T60682" i="1"/>
  <c r="T60683" i="1"/>
  <c r="T60684" i="1"/>
  <c r="T60685" i="1"/>
  <c r="T60686" i="1"/>
  <c r="T60687" i="1"/>
  <c r="T60688" i="1"/>
  <c r="T60689" i="1"/>
  <c r="T60690" i="1"/>
  <c r="T60691" i="1"/>
  <c r="T60692" i="1"/>
  <c r="T60693" i="1"/>
  <c r="T60694" i="1"/>
  <c r="T60695" i="1"/>
  <c r="T60696" i="1"/>
  <c r="T60697" i="1"/>
  <c r="T60698" i="1"/>
  <c r="T60699" i="1"/>
  <c r="T60700" i="1"/>
  <c r="T60701" i="1"/>
  <c r="T60702" i="1"/>
  <c r="T60703" i="1"/>
  <c r="T60704" i="1"/>
  <c r="T60705" i="1"/>
  <c r="T60706" i="1"/>
  <c r="T60707" i="1"/>
  <c r="T60708" i="1"/>
  <c r="T60709" i="1"/>
  <c r="T60710" i="1"/>
  <c r="T60711" i="1"/>
  <c r="T60712" i="1"/>
  <c r="T60713" i="1"/>
  <c r="T60714" i="1"/>
  <c r="T60715" i="1"/>
  <c r="T60716" i="1"/>
  <c r="T60717" i="1"/>
  <c r="T60718" i="1"/>
  <c r="T60719" i="1"/>
  <c r="T60720" i="1"/>
  <c r="T60721" i="1"/>
  <c r="T60722" i="1"/>
  <c r="T60723" i="1"/>
  <c r="T60724" i="1"/>
  <c r="T60725" i="1"/>
  <c r="T60726" i="1"/>
  <c r="T60727" i="1"/>
  <c r="T60728" i="1"/>
  <c r="T60729" i="1"/>
  <c r="T60730" i="1"/>
  <c r="T60731" i="1"/>
  <c r="T60732" i="1"/>
  <c r="T60733" i="1"/>
  <c r="T60734" i="1"/>
  <c r="T60735" i="1"/>
  <c r="T60736" i="1"/>
  <c r="T60737" i="1"/>
  <c r="T60738" i="1"/>
  <c r="T60739" i="1"/>
  <c r="T60740" i="1"/>
  <c r="T60741" i="1"/>
  <c r="T60742" i="1"/>
  <c r="T60743" i="1"/>
  <c r="T60744" i="1"/>
  <c r="T60745" i="1"/>
  <c r="T60746" i="1"/>
  <c r="T60747" i="1"/>
  <c r="T60748" i="1"/>
  <c r="T60749" i="1"/>
  <c r="T60750" i="1"/>
  <c r="T60751" i="1"/>
  <c r="T60752" i="1"/>
  <c r="T60753" i="1"/>
  <c r="T60754" i="1"/>
  <c r="T60755" i="1"/>
  <c r="T60756" i="1"/>
  <c r="T60757" i="1"/>
  <c r="T60758" i="1"/>
  <c r="T60759" i="1"/>
  <c r="T60760" i="1"/>
  <c r="T60761" i="1"/>
  <c r="T60762" i="1"/>
  <c r="T60763" i="1"/>
  <c r="T60764" i="1"/>
  <c r="T60765" i="1"/>
  <c r="T60766" i="1"/>
  <c r="T60767" i="1"/>
  <c r="T60768" i="1"/>
  <c r="T60769" i="1"/>
  <c r="T60770" i="1"/>
  <c r="T60771" i="1"/>
  <c r="T60772" i="1"/>
  <c r="T60773" i="1"/>
  <c r="T60774" i="1"/>
  <c r="T60775" i="1"/>
  <c r="T60776" i="1"/>
  <c r="T60777" i="1"/>
  <c r="T60778" i="1"/>
  <c r="T60779" i="1"/>
  <c r="T60780" i="1"/>
  <c r="T60781" i="1"/>
  <c r="T60782" i="1"/>
  <c r="T60783" i="1"/>
  <c r="T60784" i="1"/>
  <c r="T60785" i="1"/>
  <c r="T60786" i="1"/>
  <c r="T60787" i="1"/>
  <c r="T60788" i="1"/>
  <c r="T60789" i="1"/>
  <c r="T60790" i="1"/>
  <c r="T60791" i="1"/>
  <c r="T60792" i="1"/>
  <c r="T60793" i="1"/>
  <c r="T60794" i="1"/>
  <c r="T60795" i="1"/>
  <c r="T60796" i="1"/>
  <c r="T60797" i="1"/>
  <c r="T60798" i="1"/>
  <c r="T60799" i="1"/>
  <c r="T60800" i="1"/>
  <c r="T60801" i="1"/>
  <c r="T60802" i="1"/>
  <c r="T60803" i="1"/>
  <c r="T60804" i="1"/>
  <c r="T60805" i="1"/>
  <c r="T60806" i="1"/>
  <c r="T60807" i="1"/>
  <c r="T60808" i="1"/>
  <c r="T60809" i="1"/>
  <c r="T60810" i="1"/>
  <c r="T60811" i="1"/>
  <c r="T60812" i="1"/>
  <c r="T60813" i="1"/>
  <c r="T60814" i="1"/>
  <c r="T60815" i="1"/>
  <c r="T60816" i="1"/>
  <c r="T60817" i="1"/>
  <c r="T60818" i="1"/>
  <c r="T60819" i="1"/>
  <c r="T60820" i="1"/>
  <c r="T60821" i="1"/>
  <c r="T60822" i="1"/>
  <c r="T60823" i="1"/>
  <c r="T60824" i="1"/>
  <c r="T60825" i="1"/>
  <c r="T60826" i="1"/>
  <c r="T60827" i="1"/>
  <c r="T60828" i="1"/>
  <c r="T60829" i="1"/>
  <c r="T60830" i="1"/>
  <c r="T60831" i="1"/>
  <c r="T60832" i="1"/>
  <c r="T60833" i="1"/>
  <c r="T60834" i="1"/>
  <c r="T60835" i="1"/>
  <c r="T60836" i="1"/>
  <c r="T60837" i="1"/>
  <c r="T60838" i="1"/>
  <c r="T60839" i="1"/>
  <c r="T60840" i="1"/>
  <c r="T60841" i="1"/>
  <c r="T60842" i="1"/>
  <c r="T60843" i="1"/>
  <c r="T60844" i="1"/>
  <c r="T60845" i="1"/>
  <c r="T60846" i="1"/>
  <c r="T60847" i="1"/>
  <c r="T60848" i="1"/>
  <c r="T60849" i="1"/>
  <c r="T60850" i="1"/>
  <c r="T60851" i="1"/>
  <c r="T60852" i="1"/>
  <c r="T60853" i="1"/>
  <c r="T60854" i="1"/>
  <c r="T60855" i="1"/>
  <c r="T60856" i="1"/>
  <c r="T60857" i="1"/>
  <c r="T60858" i="1"/>
  <c r="T60859" i="1"/>
  <c r="T60860" i="1"/>
  <c r="T60861" i="1"/>
  <c r="T60862" i="1"/>
  <c r="T60863" i="1"/>
  <c r="T60864" i="1"/>
  <c r="T60865" i="1"/>
  <c r="T60866" i="1"/>
  <c r="T60867" i="1"/>
  <c r="T60868" i="1"/>
  <c r="T60869" i="1"/>
  <c r="T60870" i="1"/>
  <c r="T60871" i="1"/>
  <c r="T60872" i="1"/>
  <c r="T60873" i="1"/>
  <c r="T60874" i="1"/>
  <c r="T60875" i="1"/>
  <c r="T60876" i="1"/>
  <c r="T60877" i="1"/>
  <c r="T60878" i="1"/>
  <c r="T60879" i="1"/>
  <c r="T60880" i="1"/>
  <c r="T60881" i="1"/>
  <c r="T60882" i="1"/>
  <c r="T60883" i="1"/>
  <c r="T60884" i="1"/>
  <c r="T60885" i="1"/>
  <c r="T60886" i="1"/>
  <c r="T60887" i="1"/>
  <c r="T60888" i="1"/>
  <c r="T60889" i="1"/>
  <c r="T60890" i="1"/>
  <c r="T60891" i="1"/>
  <c r="T60892" i="1"/>
  <c r="T60893" i="1"/>
  <c r="T60894" i="1"/>
  <c r="T60895" i="1"/>
  <c r="T60896" i="1"/>
  <c r="T60897" i="1"/>
  <c r="T60898" i="1"/>
  <c r="T60899" i="1"/>
  <c r="T60900" i="1"/>
  <c r="T60901" i="1"/>
  <c r="T60902" i="1"/>
  <c r="T60903" i="1"/>
  <c r="T60904" i="1"/>
  <c r="T60905" i="1"/>
  <c r="T60906" i="1"/>
  <c r="T60907" i="1"/>
  <c r="T60908" i="1"/>
  <c r="T60909" i="1"/>
  <c r="T60910" i="1"/>
  <c r="T60911" i="1"/>
  <c r="T60912" i="1"/>
  <c r="T60913" i="1"/>
  <c r="T60914" i="1"/>
  <c r="T60915" i="1"/>
  <c r="T60916" i="1"/>
  <c r="T60917" i="1"/>
  <c r="T60918" i="1"/>
  <c r="T60919" i="1"/>
  <c r="T60920" i="1"/>
  <c r="T60921" i="1"/>
  <c r="T60922" i="1"/>
  <c r="T60923" i="1"/>
  <c r="T60924" i="1"/>
  <c r="T60925" i="1"/>
  <c r="T60926" i="1"/>
  <c r="T60927" i="1"/>
  <c r="T60928" i="1"/>
  <c r="T60929" i="1"/>
  <c r="T60930" i="1"/>
  <c r="T60931" i="1"/>
  <c r="T60932" i="1"/>
  <c r="T60933" i="1"/>
  <c r="T60934" i="1"/>
  <c r="T60935" i="1"/>
  <c r="T60936" i="1"/>
  <c r="T60937" i="1"/>
  <c r="T60938" i="1"/>
  <c r="T60939" i="1"/>
  <c r="T60940" i="1"/>
  <c r="T60941" i="1"/>
  <c r="T60942" i="1"/>
  <c r="T60943" i="1"/>
  <c r="T60944" i="1"/>
  <c r="T60945" i="1"/>
  <c r="T60946" i="1"/>
  <c r="T60947" i="1"/>
  <c r="T60948" i="1"/>
  <c r="T60949" i="1"/>
  <c r="T60950" i="1"/>
  <c r="T60951" i="1"/>
  <c r="T60952" i="1"/>
  <c r="T60953" i="1"/>
  <c r="T60954" i="1"/>
  <c r="T60955" i="1"/>
  <c r="T60956" i="1"/>
  <c r="T60957" i="1"/>
  <c r="T60958" i="1"/>
  <c r="T60959" i="1"/>
  <c r="T60960" i="1"/>
  <c r="T60961" i="1"/>
  <c r="T60962" i="1"/>
  <c r="T60963" i="1"/>
  <c r="T60964" i="1"/>
  <c r="T60965" i="1"/>
  <c r="T60966" i="1"/>
  <c r="T60967" i="1"/>
  <c r="T60968" i="1"/>
  <c r="T60969" i="1"/>
  <c r="T60970" i="1"/>
  <c r="T60971" i="1"/>
  <c r="T60972" i="1"/>
  <c r="T60973" i="1"/>
  <c r="T60974" i="1"/>
  <c r="T60975" i="1"/>
  <c r="T60976" i="1"/>
  <c r="T60977" i="1"/>
  <c r="T60978" i="1"/>
  <c r="T60979" i="1"/>
  <c r="T60980" i="1"/>
  <c r="T60981" i="1"/>
  <c r="T60982" i="1"/>
  <c r="T60983" i="1"/>
  <c r="T60984" i="1"/>
  <c r="T60985" i="1"/>
  <c r="T60986" i="1"/>
  <c r="T60987" i="1"/>
  <c r="T60988" i="1"/>
  <c r="T60989" i="1"/>
  <c r="T60990" i="1"/>
  <c r="T60991" i="1"/>
  <c r="T60992" i="1"/>
  <c r="T60993" i="1"/>
  <c r="T60994" i="1"/>
  <c r="T60995" i="1"/>
  <c r="T60996" i="1"/>
  <c r="T60997" i="1"/>
  <c r="T60998" i="1"/>
  <c r="T60999" i="1"/>
  <c r="T61000" i="1"/>
  <c r="T61001" i="1"/>
  <c r="T61002" i="1"/>
  <c r="T61003" i="1"/>
  <c r="T61004" i="1"/>
  <c r="T61005" i="1"/>
  <c r="T61006" i="1"/>
  <c r="T61007" i="1"/>
  <c r="T61008" i="1"/>
  <c r="T61009" i="1"/>
  <c r="T61010" i="1"/>
  <c r="T61011" i="1"/>
  <c r="T61012" i="1"/>
  <c r="T61013" i="1"/>
  <c r="T61014" i="1"/>
  <c r="T61015" i="1"/>
  <c r="T61016" i="1"/>
  <c r="T61017" i="1"/>
  <c r="T61018" i="1"/>
  <c r="T61019" i="1"/>
  <c r="T61020" i="1"/>
  <c r="T61021" i="1"/>
  <c r="T61022" i="1"/>
  <c r="T61023" i="1"/>
  <c r="T61024" i="1"/>
  <c r="T61025" i="1"/>
  <c r="T61026" i="1"/>
  <c r="T61027" i="1"/>
  <c r="T61028" i="1"/>
  <c r="T61029" i="1"/>
  <c r="T61030" i="1"/>
  <c r="T61031" i="1"/>
  <c r="T61032" i="1"/>
  <c r="T61033" i="1"/>
  <c r="T61034" i="1"/>
  <c r="T61035" i="1"/>
  <c r="T61036" i="1"/>
  <c r="T61037" i="1"/>
  <c r="T61038" i="1"/>
  <c r="T61039" i="1"/>
  <c r="T61040" i="1"/>
  <c r="T61041" i="1"/>
  <c r="T61042" i="1"/>
  <c r="T61043" i="1"/>
  <c r="T61044" i="1"/>
  <c r="T61045" i="1"/>
  <c r="T61046" i="1"/>
  <c r="T61047" i="1"/>
  <c r="T61048" i="1"/>
  <c r="T61049" i="1"/>
  <c r="T61050" i="1"/>
  <c r="T61051" i="1"/>
  <c r="T61052" i="1"/>
  <c r="T61053" i="1"/>
  <c r="T61054" i="1"/>
  <c r="T61055" i="1"/>
  <c r="T61056" i="1"/>
  <c r="T61057" i="1"/>
  <c r="T61058" i="1"/>
  <c r="T61059" i="1"/>
  <c r="T61060" i="1"/>
  <c r="T61061" i="1"/>
  <c r="T61062" i="1"/>
  <c r="T61063" i="1"/>
  <c r="T61064" i="1"/>
  <c r="T61065" i="1"/>
  <c r="T61066" i="1"/>
  <c r="T61067" i="1"/>
  <c r="T61068" i="1"/>
  <c r="T61069" i="1"/>
  <c r="T61070" i="1"/>
  <c r="T61071" i="1"/>
  <c r="T61072" i="1"/>
  <c r="T61073" i="1"/>
  <c r="T61074" i="1"/>
  <c r="T61075" i="1"/>
  <c r="T61076" i="1"/>
  <c r="T61077" i="1"/>
  <c r="T61078" i="1"/>
  <c r="T61079" i="1"/>
  <c r="T61080" i="1"/>
  <c r="T61081" i="1"/>
  <c r="T61082" i="1"/>
  <c r="T61083" i="1"/>
  <c r="T61084" i="1"/>
  <c r="T61085" i="1"/>
  <c r="T61086" i="1"/>
  <c r="T61087" i="1"/>
  <c r="T61088" i="1"/>
  <c r="T61089" i="1"/>
  <c r="T61090" i="1"/>
  <c r="T61091" i="1"/>
  <c r="T61092" i="1"/>
  <c r="T61093" i="1"/>
  <c r="T61094" i="1"/>
  <c r="T61095" i="1"/>
  <c r="T61096" i="1"/>
  <c r="T61097" i="1"/>
  <c r="T61098" i="1"/>
  <c r="T61099" i="1"/>
  <c r="T61100" i="1"/>
  <c r="T61101" i="1"/>
  <c r="T61102" i="1"/>
  <c r="T61103" i="1"/>
  <c r="T61104" i="1"/>
  <c r="T61105" i="1"/>
  <c r="T61106" i="1"/>
  <c r="T61107" i="1"/>
  <c r="T61108" i="1"/>
  <c r="T61109" i="1"/>
  <c r="T61110" i="1"/>
  <c r="T61111" i="1"/>
  <c r="T61112" i="1"/>
  <c r="T61113" i="1"/>
  <c r="T61114" i="1"/>
  <c r="T61115" i="1"/>
  <c r="T61116" i="1"/>
  <c r="T61117" i="1"/>
  <c r="T61118" i="1"/>
  <c r="T61119" i="1"/>
  <c r="T61120" i="1"/>
  <c r="T61121" i="1"/>
  <c r="T61122" i="1"/>
  <c r="T61123" i="1"/>
  <c r="T61124" i="1"/>
  <c r="T61125" i="1"/>
  <c r="T61126" i="1"/>
  <c r="T61127" i="1"/>
  <c r="T61128" i="1"/>
  <c r="T61129" i="1"/>
  <c r="T61130" i="1"/>
  <c r="T61131" i="1"/>
  <c r="T61132" i="1"/>
  <c r="T61133" i="1"/>
  <c r="T61134" i="1"/>
  <c r="T61135" i="1"/>
  <c r="T61136" i="1"/>
  <c r="T61137" i="1"/>
  <c r="T61138" i="1"/>
  <c r="T61139" i="1"/>
  <c r="T61140" i="1"/>
  <c r="T61141" i="1"/>
  <c r="T61142" i="1"/>
  <c r="T61143" i="1"/>
  <c r="T61144" i="1"/>
  <c r="T61145" i="1"/>
  <c r="T61146" i="1"/>
  <c r="T61147" i="1"/>
  <c r="T61148" i="1"/>
  <c r="T61149" i="1"/>
  <c r="T61150" i="1"/>
  <c r="T61151" i="1"/>
  <c r="T61152" i="1"/>
  <c r="T61153" i="1"/>
  <c r="T61154" i="1"/>
  <c r="T61155" i="1"/>
  <c r="T61156" i="1"/>
  <c r="T61157" i="1"/>
  <c r="T61158" i="1"/>
  <c r="T61159" i="1"/>
  <c r="T61160" i="1"/>
  <c r="T61161" i="1"/>
  <c r="T61162" i="1"/>
  <c r="T61163" i="1"/>
  <c r="T61164" i="1"/>
  <c r="T61165" i="1"/>
  <c r="T61166" i="1"/>
  <c r="T61167" i="1"/>
  <c r="T61168" i="1"/>
  <c r="T61169" i="1"/>
  <c r="T61170" i="1"/>
  <c r="T61171" i="1"/>
  <c r="T61172" i="1"/>
  <c r="T61173" i="1"/>
  <c r="T61174" i="1"/>
  <c r="T61175" i="1"/>
  <c r="T61176" i="1"/>
  <c r="T61177" i="1"/>
  <c r="T61178" i="1"/>
  <c r="T61179" i="1"/>
  <c r="T61180" i="1"/>
  <c r="T61181" i="1"/>
  <c r="T61182" i="1"/>
  <c r="T61183" i="1"/>
  <c r="T61184" i="1"/>
  <c r="T61185" i="1"/>
  <c r="T61186" i="1"/>
  <c r="T61187" i="1"/>
  <c r="T61188" i="1"/>
  <c r="T61189" i="1"/>
  <c r="T61190" i="1"/>
  <c r="T61191" i="1"/>
  <c r="T61192" i="1"/>
  <c r="T61193" i="1"/>
  <c r="T61194" i="1"/>
  <c r="T61195" i="1"/>
  <c r="T61196" i="1"/>
  <c r="T61197" i="1"/>
  <c r="T61198" i="1"/>
  <c r="T61199" i="1"/>
  <c r="T61200" i="1"/>
  <c r="T61201" i="1"/>
  <c r="T61202" i="1"/>
  <c r="T61203" i="1"/>
  <c r="T61204" i="1"/>
  <c r="T61205" i="1"/>
  <c r="T61206" i="1"/>
  <c r="T61207" i="1"/>
  <c r="T61208" i="1"/>
  <c r="T61209" i="1"/>
  <c r="T61210" i="1"/>
  <c r="T61211" i="1"/>
  <c r="T61212" i="1"/>
  <c r="T61213" i="1"/>
  <c r="T61214" i="1"/>
  <c r="T61215" i="1"/>
  <c r="T61216" i="1"/>
  <c r="T61217" i="1"/>
  <c r="T61218" i="1"/>
  <c r="T61219" i="1"/>
  <c r="T61220" i="1"/>
  <c r="T61221" i="1"/>
  <c r="T61222" i="1"/>
  <c r="T61223" i="1"/>
  <c r="T61224" i="1"/>
  <c r="T61225" i="1"/>
  <c r="T61226" i="1"/>
  <c r="T61227" i="1"/>
  <c r="T61228" i="1"/>
  <c r="T61229" i="1"/>
  <c r="T61230" i="1"/>
  <c r="T61231" i="1"/>
  <c r="T61232" i="1"/>
  <c r="T61233" i="1"/>
  <c r="T61234" i="1"/>
  <c r="T61235" i="1"/>
  <c r="T61236" i="1"/>
  <c r="T61237" i="1"/>
  <c r="T61238" i="1"/>
  <c r="T61239" i="1"/>
  <c r="T61240" i="1"/>
  <c r="T61241" i="1"/>
  <c r="T61242" i="1"/>
  <c r="T61243" i="1"/>
  <c r="T61244" i="1"/>
  <c r="T61245" i="1"/>
  <c r="T61246" i="1"/>
  <c r="T61247" i="1"/>
  <c r="T61248" i="1"/>
  <c r="T61249" i="1"/>
  <c r="T61250" i="1"/>
  <c r="T61251" i="1"/>
  <c r="T61252" i="1"/>
  <c r="T61253" i="1"/>
  <c r="T61254" i="1"/>
  <c r="T61255" i="1"/>
  <c r="T61256" i="1"/>
  <c r="T61257" i="1"/>
  <c r="T61258" i="1"/>
  <c r="T61259" i="1"/>
  <c r="T61260" i="1"/>
  <c r="T61261" i="1"/>
  <c r="T61262" i="1"/>
  <c r="T61263" i="1"/>
  <c r="T61264" i="1"/>
  <c r="T61265" i="1"/>
  <c r="T61266" i="1"/>
  <c r="T61267" i="1"/>
  <c r="T61268" i="1"/>
  <c r="T61269" i="1"/>
  <c r="T61270" i="1"/>
  <c r="T61271" i="1"/>
  <c r="T61272" i="1"/>
  <c r="T61273" i="1"/>
  <c r="T61274" i="1"/>
  <c r="T61275" i="1"/>
  <c r="T61276" i="1"/>
  <c r="T61277" i="1"/>
  <c r="T61278" i="1"/>
  <c r="T61279" i="1"/>
  <c r="T61280" i="1"/>
  <c r="T61281" i="1"/>
  <c r="T61282" i="1"/>
  <c r="T61283" i="1"/>
  <c r="T61284" i="1"/>
  <c r="T61285" i="1"/>
  <c r="T61286" i="1"/>
  <c r="T61287" i="1"/>
  <c r="T61288" i="1"/>
  <c r="T61289" i="1"/>
  <c r="T61290" i="1"/>
  <c r="T61291" i="1"/>
  <c r="T61292" i="1"/>
  <c r="T61293" i="1"/>
  <c r="T61294" i="1"/>
  <c r="T61295" i="1"/>
  <c r="T61296" i="1"/>
  <c r="T61297" i="1"/>
  <c r="T61298" i="1"/>
  <c r="T61299" i="1"/>
  <c r="T61300" i="1"/>
  <c r="T61301" i="1"/>
  <c r="T61302" i="1"/>
  <c r="T61303" i="1"/>
  <c r="T61304" i="1"/>
  <c r="T61305" i="1"/>
  <c r="T61306" i="1"/>
  <c r="T61307" i="1"/>
  <c r="T61308" i="1"/>
  <c r="T61309" i="1"/>
  <c r="T61310" i="1"/>
  <c r="T61311" i="1"/>
  <c r="T61312" i="1"/>
  <c r="T61313" i="1"/>
  <c r="T61314" i="1"/>
  <c r="T61315" i="1"/>
  <c r="T61316" i="1"/>
  <c r="T61317" i="1"/>
  <c r="T61318" i="1"/>
  <c r="T61319" i="1"/>
  <c r="T61320" i="1"/>
  <c r="T61321" i="1"/>
  <c r="T61322" i="1"/>
  <c r="T61323" i="1"/>
  <c r="T61324" i="1"/>
  <c r="T61325" i="1"/>
  <c r="T61326" i="1"/>
  <c r="T61327" i="1"/>
  <c r="T61328" i="1"/>
  <c r="T61329" i="1"/>
  <c r="T61330" i="1"/>
  <c r="T61331" i="1"/>
  <c r="T61332" i="1"/>
  <c r="T61333" i="1"/>
  <c r="T61334" i="1"/>
  <c r="T61335" i="1"/>
  <c r="T61336" i="1"/>
  <c r="T61337" i="1"/>
  <c r="T61338" i="1"/>
  <c r="T61339" i="1"/>
  <c r="T61340" i="1"/>
  <c r="T61341" i="1"/>
  <c r="T61342" i="1"/>
  <c r="T61343" i="1"/>
  <c r="T61344" i="1"/>
  <c r="T61345" i="1"/>
  <c r="T61346" i="1"/>
  <c r="T61347" i="1"/>
  <c r="T61348" i="1"/>
  <c r="T61349" i="1"/>
  <c r="T61350" i="1"/>
  <c r="T61351" i="1"/>
  <c r="T61352" i="1"/>
  <c r="T61353" i="1"/>
  <c r="T61354" i="1"/>
  <c r="T61355" i="1"/>
  <c r="T61356" i="1"/>
  <c r="T61357" i="1"/>
  <c r="T61358" i="1"/>
  <c r="T61359" i="1"/>
  <c r="T61360" i="1"/>
  <c r="T61361" i="1"/>
  <c r="T61362" i="1"/>
  <c r="T61363" i="1"/>
  <c r="T61364" i="1"/>
  <c r="T61365" i="1"/>
  <c r="T61366" i="1"/>
  <c r="T61367" i="1"/>
  <c r="T61368" i="1"/>
  <c r="T61369" i="1"/>
  <c r="T61370" i="1"/>
  <c r="T61371" i="1"/>
  <c r="T61372" i="1"/>
  <c r="T61373" i="1"/>
  <c r="T61374" i="1"/>
  <c r="T61375" i="1"/>
  <c r="T61376" i="1"/>
  <c r="T61377" i="1"/>
  <c r="T61378" i="1"/>
  <c r="T61379" i="1"/>
  <c r="T61380" i="1"/>
  <c r="T61381" i="1"/>
  <c r="T61382" i="1"/>
  <c r="T61383" i="1"/>
  <c r="T61384" i="1"/>
  <c r="T61385" i="1"/>
  <c r="T61386" i="1"/>
  <c r="T61387" i="1"/>
  <c r="T61388" i="1"/>
  <c r="T61389" i="1"/>
  <c r="T61390" i="1"/>
  <c r="T61391" i="1"/>
  <c r="T61392" i="1"/>
  <c r="T61393" i="1"/>
  <c r="T61394" i="1"/>
  <c r="T61395" i="1"/>
  <c r="T61396" i="1"/>
  <c r="T61397" i="1"/>
  <c r="T61398" i="1"/>
  <c r="T61399" i="1"/>
  <c r="T61400" i="1"/>
  <c r="T61401" i="1"/>
  <c r="T61402" i="1"/>
  <c r="T61403" i="1"/>
  <c r="T61404" i="1"/>
  <c r="T61405" i="1"/>
  <c r="T61406" i="1"/>
  <c r="T61407" i="1"/>
  <c r="T61408" i="1"/>
  <c r="T61409" i="1"/>
  <c r="T61410" i="1"/>
  <c r="T61411" i="1"/>
  <c r="T61412" i="1"/>
  <c r="T61413" i="1"/>
  <c r="T61414" i="1"/>
  <c r="T61415" i="1"/>
  <c r="T61416" i="1"/>
  <c r="T61417" i="1"/>
  <c r="T61418" i="1"/>
  <c r="T61419" i="1"/>
  <c r="T61420" i="1"/>
  <c r="T61421" i="1"/>
  <c r="T61422" i="1"/>
  <c r="T61423" i="1"/>
  <c r="T61424" i="1"/>
  <c r="T61425" i="1"/>
  <c r="T61426" i="1"/>
  <c r="T61427" i="1"/>
  <c r="T61428" i="1"/>
  <c r="T61429" i="1"/>
  <c r="T61430" i="1"/>
  <c r="T61431" i="1"/>
  <c r="T61432" i="1"/>
  <c r="T61433" i="1"/>
  <c r="T61434" i="1"/>
  <c r="T61435" i="1"/>
  <c r="T61436" i="1"/>
  <c r="T61437" i="1"/>
  <c r="T61438" i="1"/>
  <c r="T61439" i="1"/>
  <c r="T61440" i="1"/>
  <c r="T61441" i="1"/>
  <c r="T61442" i="1"/>
  <c r="T61443" i="1"/>
  <c r="T61444" i="1"/>
  <c r="T61445" i="1"/>
  <c r="T61446" i="1"/>
  <c r="T61447" i="1"/>
  <c r="T61448" i="1"/>
  <c r="T61449" i="1"/>
  <c r="T61450" i="1"/>
  <c r="T61451" i="1"/>
  <c r="T61452" i="1"/>
  <c r="T61453" i="1"/>
  <c r="T61454" i="1"/>
  <c r="T61455" i="1"/>
  <c r="T61456" i="1"/>
  <c r="T61457" i="1"/>
  <c r="T61458" i="1"/>
  <c r="T61459" i="1"/>
  <c r="T61460" i="1"/>
  <c r="T61461" i="1"/>
  <c r="T61462" i="1"/>
  <c r="T61463" i="1"/>
  <c r="T61464" i="1"/>
  <c r="T61465" i="1"/>
  <c r="T61466" i="1"/>
  <c r="T61467" i="1"/>
  <c r="T61468" i="1"/>
  <c r="T61469" i="1"/>
  <c r="T61470" i="1"/>
  <c r="T61471" i="1"/>
  <c r="T61472" i="1"/>
  <c r="T61473" i="1"/>
  <c r="T61474" i="1"/>
  <c r="T61475" i="1"/>
  <c r="T61476" i="1"/>
  <c r="T61477" i="1"/>
  <c r="T61478" i="1"/>
  <c r="T61479" i="1"/>
  <c r="T61480" i="1"/>
  <c r="T61481" i="1"/>
  <c r="T61482" i="1"/>
  <c r="T61483" i="1"/>
  <c r="T61484" i="1"/>
  <c r="T61485" i="1"/>
  <c r="T61486" i="1"/>
  <c r="T61487" i="1"/>
  <c r="T61488" i="1"/>
  <c r="T61489" i="1"/>
  <c r="T61490" i="1"/>
  <c r="T61491" i="1"/>
  <c r="T61492" i="1"/>
  <c r="T61493" i="1"/>
  <c r="T61494" i="1"/>
  <c r="T61495" i="1"/>
  <c r="T61496" i="1"/>
  <c r="T61497" i="1"/>
  <c r="T61498" i="1"/>
  <c r="T61499" i="1"/>
  <c r="T61500" i="1"/>
  <c r="T61501" i="1"/>
  <c r="T61502" i="1"/>
  <c r="T61503" i="1"/>
  <c r="T61504" i="1"/>
  <c r="T61505" i="1"/>
  <c r="T61506" i="1"/>
  <c r="T61507" i="1"/>
  <c r="T61508" i="1"/>
  <c r="T61509" i="1"/>
  <c r="T61510" i="1"/>
  <c r="T61511" i="1"/>
  <c r="T61512" i="1"/>
  <c r="T61513" i="1"/>
  <c r="T61514" i="1"/>
  <c r="T61515" i="1"/>
  <c r="T61516" i="1"/>
  <c r="T61517" i="1"/>
  <c r="T61518" i="1"/>
  <c r="T61519" i="1"/>
  <c r="T61520" i="1"/>
  <c r="T61521" i="1"/>
  <c r="T61522" i="1"/>
  <c r="T61523" i="1"/>
  <c r="T61524" i="1"/>
  <c r="T61525" i="1"/>
  <c r="T61526" i="1"/>
  <c r="T61527" i="1"/>
  <c r="T61528" i="1"/>
  <c r="T61529" i="1"/>
  <c r="T61530" i="1"/>
  <c r="T61531" i="1"/>
  <c r="T61532" i="1"/>
  <c r="T61533" i="1"/>
  <c r="T61534" i="1"/>
  <c r="T61535" i="1"/>
  <c r="T61536" i="1"/>
  <c r="T61537" i="1"/>
  <c r="T61538" i="1"/>
  <c r="T61539" i="1"/>
  <c r="T61540" i="1"/>
  <c r="T61541" i="1"/>
  <c r="T61542" i="1"/>
  <c r="T61543" i="1"/>
  <c r="T61544" i="1"/>
  <c r="T61545" i="1"/>
  <c r="T61546" i="1"/>
  <c r="T61547" i="1"/>
  <c r="T61548" i="1"/>
  <c r="T61549" i="1"/>
  <c r="T61550" i="1"/>
  <c r="T61551" i="1"/>
  <c r="T61552" i="1"/>
  <c r="T61553" i="1"/>
  <c r="T61554" i="1"/>
  <c r="T61555" i="1"/>
  <c r="T61556" i="1"/>
  <c r="T61557" i="1"/>
  <c r="T61558" i="1"/>
  <c r="T61559" i="1"/>
  <c r="T61560" i="1"/>
  <c r="T61561" i="1"/>
  <c r="T61562" i="1"/>
  <c r="T61563" i="1"/>
  <c r="T61564" i="1"/>
  <c r="T61565" i="1"/>
  <c r="T61566" i="1"/>
  <c r="T61567" i="1"/>
  <c r="T61568" i="1"/>
  <c r="T61569" i="1"/>
  <c r="T61570" i="1"/>
  <c r="T61571" i="1"/>
  <c r="T61572" i="1"/>
  <c r="T61573" i="1"/>
  <c r="T61574" i="1"/>
  <c r="T61575" i="1"/>
  <c r="T61576" i="1"/>
  <c r="T61577" i="1"/>
  <c r="T61578" i="1"/>
  <c r="T61579" i="1"/>
  <c r="T61580" i="1"/>
  <c r="T61581" i="1"/>
  <c r="T61582" i="1"/>
  <c r="T61583" i="1"/>
  <c r="T61584" i="1"/>
  <c r="T61585" i="1"/>
  <c r="T61586" i="1"/>
  <c r="T61587" i="1"/>
  <c r="T61588" i="1"/>
  <c r="T61589" i="1"/>
  <c r="T61590" i="1"/>
  <c r="T61591" i="1"/>
  <c r="T61592" i="1"/>
  <c r="T61593" i="1"/>
  <c r="T61594" i="1"/>
  <c r="T61595" i="1"/>
  <c r="T61596" i="1"/>
  <c r="T61597" i="1"/>
  <c r="T61598" i="1"/>
  <c r="T61599" i="1"/>
  <c r="T61600" i="1"/>
  <c r="T61601" i="1"/>
  <c r="T61602" i="1"/>
  <c r="T61603" i="1"/>
  <c r="T61604" i="1"/>
  <c r="T61605" i="1"/>
  <c r="T61606" i="1"/>
  <c r="T61607" i="1"/>
  <c r="T61608" i="1"/>
  <c r="T61609" i="1"/>
  <c r="T61610" i="1"/>
  <c r="T61611" i="1"/>
  <c r="T61612" i="1"/>
  <c r="T61613" i="1"/>
  <c r="T61614" i="1"/>
  <c r="T61615" i="1"/>
  <c r="T61616" i="1"/>
  <c r="T61617" i="1"/>
  <c r="T61618" i="1"/>
  <c r="T61619" i="1"/>
  <c r="T61620" i="1"/>
  <c r="T61621" i="1"/>
  <c r="T61622" i="1"/>
  <c r="T61623" i="1"/>
  <c r="T61624" i="1"/>
  <c r="T61625" i="1"/>
  <c r="T61626" i="1"/>
  <c r="T61627" i="1"/>
  <c r="T61628" i="1"/>
  <c r="T61629" i="1"/>
  <c r="T61630" i="1"/>
  <c r="T61631" i="1"/>
  <c r="T61632" i="1"/>
  <c r="T61633" i="1"/>
  <c r="T61634" i="1"/>
  <c r="T61635" i="1"/>
  <c r="T61636" i="1"/>
  <c r="T61637" i="1"/>
  <c r="T61638" i="1"/>
  <c r="T61639" i="1"/>
  <c r="T61640" i="1"/>
  <c r="T61641" i="1"/>
  <c r="T61642" i="1"/>
  <c r="T61643" i="1"/>
  <c r="T61644" i="1"/>
  <c r="T61645" i="1"/>
  <c r="T61646" i="1"/>
  <c r="T61647" i="1"/>
  <c r="T61648" i="1"/>
  <c r="T61649" i="1"/>
  <c r="T61650" i="1"/>
  <c r="T61651" i="1"/>
  <c r="T61652" i="1"/>
  <c r="T61653" i="1"/>
  <c r="T61654" i="1"/>
  <c r="T61655" i="1"/>
  <c r="T61656" i="1"/>
  <c r="T61657" i="1"/>
  <c r="T61658" i="1"/>
  <c r="T61659" i="1"/>
  <c r="T61660" i="1"/>
  <c r="T61661" i="1"/>
  <c r="T61662" i="1"/>
  <c r="T61663" i="1"/>
  <c r="T61664" i="1"/>
  <c r="T61665" i="1"/>
  <c r="T61666" i="1"/>
  <c r="T61667" i="1"/>
  <c r="T61668" i="1"/>
  <c r="T61669" i="1"/>
  <c r="T61670" i="1"/>
  <c r="T61671" i="1"/>
  <c r="T61672" i="1"/>
  <c r="T61673" i="1"/>
  <c r="T61674" i="1"/>
  <c r="T61675" i="1"/>
  <c r="T61676" i="1"/>
  <c r="T61677" i="1"/>
  <c r="T61678" i="1"/>
  <c r="T61679" i="1"/>
  <c r="T61680" i="1"/>
  <c r="T61681" i="1"/>
  <c r="T61682" i="1"/>
  <c r="T61683" i="1"/>
  <c r="T61684" i="1"/>
  <c r="T61685" i="1"/>
  <c r="T61686" i="1"/>
  <c r="T61687" i="1"/>
  <c r="T61688" i="1"/>
  <c r="T61689" i="1"/>
  <c r="T61690" i="1"/>
  <c r="T61691" i="1"/>
  <c r="T61692" i="1"/>
  <c r="T61693" i="1"/>
  <c r="T61694" i="1"/>
  <c r="T61695" i="1"/>
  <c r="T61696" i="1"/>
  <c r="T61697" i="1"/>
  <c r="T61698" i="1"/>
  <c r="T61699" i="1"/>
  <c r="T61700" i="1"/>
  <c r="T61701" i="1"/>
  <c r="T61702" i="1"/>
  <c r="T61703" i="1"/>
  <c r="T61704" i="1"/>
  <c r="T61705" i="1"/>
  <c r="T61706" i="1"/>
  <c r="T61707" i="1"/>
  <c r="T61708" i="1"/>
  <c r="T61709" i="1"/>
  <c r="T61710" i="1"/>
  <c r="T61711" i="1"/>
  <c r="T61712" i="1"/>
  <c r="T61713" i="1"/>
  <c r="T61714" i="1"/>
  <c r="T61715" i="1"/>
  <c r="T61716" i="1"/>
  <c r="T61717" i="1"/>
  <c r="T61718" i="1"/>
  <c r="T61719" i="1"/>
  <c r="T61720" i="1"/>
  <c r="T61721" i="1"/>
  <c r="T61722" i="1"/>
  <c r="T61723" i="1"/>
  <c r="T61724" i="1"/>
  <c r="T61725" i="1"/>
  <c r="T61726" i="1"/>
  <c r="T61727" i="1"/>
  <c r="T61728" i="1"/>
  <c r="T61729" i="1"/>
  <c r="T61730" i="1"/>
  <c r="T61731" i="1"/>
  <c r="T61732" i="1"/>
  <c r="T61733" i="1"/>
  <c r="T61734" i="1"/>
  <c r="T61735" i="1"/>
  <c r="T61736" i="1"/>
  <c r="T61737" i="1"/>
  <c r="T61738" i="1"/>
  <c r="T61739" i="1"/>
  <c r="T61740" i="1"/>
  <c r="T61741" i="1"/>
  <c r="T61742" i="1"/>
  <c r="T61743" i="1"/>
  <c r="T61744" i="1"/>
  <c r="T61745" i="1"/>
  <c r="T61746" i="1"/>
  <c r="T61747" i="1"/>
  <c r="T61748" i="1"/>
  <c r="T61749" i="1"/>
  <c r="T61750" i="1"/>
  <c r="T61751" i="1"/>
  <c r="T61752" i="1"/>
  <c r="T61753" i="1"/>
  <c r="T61754" i="1"/>
  <c r="T61755" i="1"/>
  <c r="T61756" i="1"/>
  <c r="T61757" i="1"/>
  <c r="T61758" i="1"/>
  <c r="T61759" i="1"/>
  <c r="T61760" i="1"/>
  <c r="T61761" i="1"/>
  <c r="T61762" i="1"/>
  <c r="T61763" i="1"/>
  <c r="T61764" i="1"/>
  <c r="T61765" i="1"/>
  <c r="T61766" i="1"/>
  <c r="T61767" i="1"/>
  <c r="T61768" i="1"/>
  <c r="T61769" i="1"/>
  <c r="T61770" i="1"/>
  <c r="T61771" i="1"/>
  <c r="T61772" i="1"/>
  <c r="T61773" i="1"/>
  <c r="T61774" i="1"/>
  <c r="T61775" i="1"/>
  <c r="T61776" i="1"/>
  <c r="T61777" i="1"/>
  <c r="T61778" i="1"/>
  <c r="T61779" i="1"/>
  <c r="T61780" i="1"/>
  <c r="T61781" i="1"/>
  <c r="T61782" i="1"/>
  <c r="T61783" i="1"/>
  <c r="T61784" i="1"/>
  <c r="T61785" i="1"/>
  <c r="T61786" i="1"/>
  <c r="T61787" i="1"/>
  <c r="T61788" i="1"/>
  <c r="T61789" i="1"/>
  <c r="T61790" i="1"/>
  <c r="T61791" i="1"/>
  <c r="T61792" i="1"/>
  <c r="T61793" i="1"/>
  <c r="T61794" i="1"/>
  <c r="T61795" i="1"/>
  <c r="T61796" i="1"/>
  <c r="T61797" i="1"/>
  <c r="T61798" i="1"/>
  <c r="T61799" i="1"/>
  <c r="T61800" i="1"/>
  <c r="T61801" i="1"/>
  <c r="T61802" i="1"/>
  <c r="T61803" i="1"/>
  <c r="T61804" i="1"/>
  <c r="T61805" i="1"/>
  <c r="T61806" i="1"/>
  <c r="T61807" i="1"/>
  <c r="T61808" i="1"/>
  <c r="T61809" i="1"/>
  <c r="T61810" i="1"/>
  <c r="T61811" i="1"/>
  <c r="T61812" i="1"/>
  <c r="T61813" i="1"/>
  <c r="T61814" i="1"/>
  <c r="T61815" i="1"/>
  <c r="T61816" i="1"/>
  <c r="T61817" i="1"/>
  <c r="T61818" i="1"/>
  <c r="T61819" i="1"/>
  <c r="T61820" i="1"/>
  <c r="T61821" i="1"/>
  <c r="T61822" i="1"/>
  <c r="T61823" i="1"/>
  <c r="T61824" i="1"/>
  <c r="T61825" i="1"/>
  <c r="T61826" i="1"/>
  <c r="T61827" i="1"/>
  <c r="T61828" i="1"/>
  <c r="T61829" i="1"/>
  <c r="T61830" i="1"/>
  <c r="T61831" i="1"/>
  <c r="T61832" i="1"/>
  <c r="T61833" i="1"/>
  <c r="T61834" i="1"/>
  <c r="T61835" i="1"/>
  <c r="T61836" i="1"/>
  <c r="T61837" i="1"/>
  <c r="T61838" i="1"/>
  <c r="T61839" i="1"/>
  <c r="T61840" i="1"/>
  <c r="T61841" i="1"/>
  <c r="T61842" i="1"/>
  <c r="T61843" i="1"/>
  <c r="T61844" i="1"/>
  <c r="T61845" i="1"/>
  <c r="T61846" i="1"/>
  <c r="T61847" i="1"/>
  <c r="T61848" i="1"/>
  <c r="T61849" i="1"/>
  <c r="T61850" i="1"/>
  <c r="T61851" i="1"/>
  <c r="T61852" i="1"/>
  <c r="T61853" i="1"/>
  <c r="T61854" i="1"/>
  <c r="T61855" i="1"/>
  <c r="T61856" i="1"/>
  <c r="T61857" i="1"/>
  <c r="T61858" i="1"/>
  <c r="T61859" i="1"/>
  <c r="T61860" i="1"/>
  <c r="T61861" i="1"/>
  <c r="T61862" i="1"/>
  <c r="T61863" i="1"/>
  <c r="T61864" i="1"/>
  <c r="T61865" i="1"/>
  <c r="T61866" i="1"/>
  <c r="T61867" i="1"/>
  <c r="T61868" i="1"/>
  <c r="T61869" i="1"/>
  <c r="T61870" i="1"/>
  <c r="T61871" i="1"/>
  <c r="T61872" i="1"/>
  <c r="T61873" i="1"/>
  <c r="T61874" i="1"/>
  <c r="T61875" i="1"/>
  <c r="T61876" i="1"/>
  <c r="T61877" i="1"/>
  <c r="T61878" i="1"/>
  <c r="T61879" i="1"/>
  <c r="T61880" i="1"/>
  <c r="T61881" i="1"/>
  <c r="T61882" i="1"/>
  <c r="T61883" i="1"/>
  <c r="T61884" i="1"/>
  <c r="T61885" i="1"/>
  <c r="T61886" i="1"/>
  <c r="T61887" i="1"/>
  <c r="T61888" i="1"/>
  <c r="T61889" i="1"/>
  <c r="T61890" i="1"/>
  <c r="T61891" i="1"/>
  <c r="T61892" i="1"/>
  <c r="T61893" i="1"/>
  <c r="T61894" i="1"/>
  <c r="T61895" i="1"/>
  <c r="T61896" i="1"/>
  <c r="T61897" i="1"/>
  <c r="T61898" i="1"/>
  <c r="T61899" i="1"/>
  <c r="T61900" i="1"/>
  <c r="T61901" i="1"/>
  <c r="T61902" i="1"/>
  <c r="T61903" i="1"/>
  <c r="T61904" i="1"/>
  <c r="T61905" i="1"/>
  <c r="T61906" i="1"/>
  <c r="T61907" i="1"/>
  <c r="T61908" i="1"/>
  <c r="T61909" i="1"/>
  <c r="T61910" i="1"/>
  <c r="T61911" i="1"/>
  <c r="T61912" i="1"/>
  <c r="T61913" i="1"/>
  <c r="T61914" i="1"/>
  <c r="T61915" i="1"/>
  <c r="T61916" i="1"/>
  <c r="T61917" i="1"/>
  <c r="T61918" i="1"/>
  <c r="T61919" i="1"/>
  <c r="T61920" i="1"/>
  <c r="T61921" i="1"/>
  <c r="T61922" i="1"/>
  <c r="T61923" i="1"/>
  <c r="T61924" i="1"/>
  <c r="T61925" i="1"/>
  <c r="T61926" i="1"/>
  <c r="T61927" i="1"/>
  <c r="T61928" i="1"/>
  <c r="T61929" i="1"/>
  <c r="T61930" i="1"/>
  <c r="T61931" i="1"/>
  <c r="T61932" i="1"/>
  <c r="T61933" i="1"/>
  <c r="T61934" i="1"/>
  <c r="T61935" i="1"/>
  <c r="T61936" i="1"/>
  <c r="T61937" i="1"/>
  <c r="T61938" i="1"/>
  <c r="T61939" i="1"/>
  <c r="T61940" i="1"/>
  <c r="T61941" i="1"/>
  <c r="T61942" i="1"/>
  <c r="T61943" i="1"/>
  <c r="T61944" i="1"/>
  <c r="T61945" i="1"/>
  <c r="T61946" i="1"/>
  <c r="T61947" i="1"/>
  <c r="T61948" i="1"/>
  <c r="T61949" i="1"/>
  <c r="T61950" i="1"/>
  <c r="T61951" i="1"/>
  <c r="T61952" i="1"/>
  <c r="T61953" i="1"/>
  <c r="T61954" i="1"/>
  <c r="T61955" i="1"/>
  <c r="T61956" i="1"/>
  <c r="T61957" i="1"/>
  <c r="T61958" i="1"/>
  <c r="T61959" i="1"/>
  <c r="T61960" i="1"/>
  <c r="T61961" i="1"/>
  <c r="T61962" i="1"/>
  <c r="T61963" i="1"/>
  <c r="T61964" i="1"/>
  <c r="T61965" i="1"/>
  <c r="T61966" i="1"/>
  <c r="T61967" i="1"/>
  <c r="T61968" i="1"/>
  <c r="T61969" i="1"/>
  <c r="T61970" i="1"/>
  <c r="T61971" i="1"/>
  <c r="T61972" i="1"/>
  <c r="T61973" i="1"/>
  <c r="T61974" i="1"/>
  <c r="T61975" i="1"/>
  <c r="T61976" i="1"/>
  <c r="T61977" i="1"/>
  <c r="T61978" i="1"/>
  <c r="T61979" i="1"/>
  <c r="T61980" i="1"/>
  <c r="T61981" i="1"/>
  <c r="T61982" i="1"/>
  <c r="T61983" i="1"/>
  <c r="T61984" i="1"/>
  <c r="T61985" i="1"/>
  <c r="T61986" i="1"/>
  <c r="T61987" i="1"/>
  <c r="T61988" i="1"/>
  <c r="T61989" i="1"/>
  <c r="T61990" i="1"/>
  <c r="T61991" i="1"/>
  <c r="T61992" i="1"/>
  <c r="T61993" i="1"/>
  <c r="T61994" i="1"/>
  <c r="T61995" i="1"/>
  <c r="T61996" i="1"/>
  <c r="T61997" i="1"/>
  <c r="T61998" i="1"/>
  <c r="T61999" i="1"/>
  <c r="T62000" i="1"/>
  <c r="T62001" i="1"/>
  <c r="T62002" i="1"/>
  <c r="T62003" i="1"/>
  <c r="T62004" i="1"/>
  <c r="T62005" i="1"/>
  <c r="T62006" i="1"/>
  <c r="T62007" i="1"/>
  <c r="T62008" i="1"/>
  <c r="T62009" i="1"/>
  <c r="T62010" i="1"/>
  <c r="T62011" i="1"/>
  <c r="T62012" i="1"/>
  <c r="T62013" i="1"/>
  <c r="T62014" i="1"/>
  <c r="T62015" i="1"/>
  <c r="T62016" i="1"/>
  <c r="T62017" i="1"/>
  <c r="T62018" i="1"/>
  <c r="T62019" i="1"/>
  <c r="T62020" i="1"/>
  <c r="T62021" i="1"/>
  <c r="T62022" i="1"/>
  <c r="T62023" i="1"/>
  <c r="T62024" i="1"/>
  <c r="T62025" i="1"/>
  <c r="T62026" i="1"/>
  <c r="T62027" i="1"/>
  <c r="T62028" i="1"/>
  <c r="T62029" i="1"/>
  <c r="T62030" i="1"/>
  <c r="T62031" i="1"/>
  <c r="T62032" i="1"/>
  <c r="T62033" i="1"/>
  <c r="T62034" i="1"/>
  <c r="T62035" i="1"/>
  <c r="T62036" i="1"/>
  <c r="T62037" i="1"/>
  <c r="T62038" i="1"/>
  <c r="T62039" i="1"/>
  <c r="T62040" i="1"/>
  <c r="T62041" i="1"/>
  <c r="T62042" i="1"/>
  <c r="T62043" i="1"/>
  <c r="T62044" i="1"/>
  <c r="T62045" i="1"/>
  <c r="T62046" i="1"/>
  <c r="T62047" i="1"/>
  <c r="T62048" i="1"/>
  <c r="T62049" i="1"/>
  <c r="T62050" i="1"/>
  <c r="T62051" i="1"/>
  <c r="T62052" i="1"/>
  <c r="T62053" i="1"/>
  <c r="T62054" i="1"/>
  <c r="T62055" i="1"/>
  <c r="T62056" i="1"/>
  <c r="T62057" i="1"/>
  <c r="T62058" i="1"/>
  <c r="T62059" i="1"/>
  <c r="T62060" i="1"/>
  <c r="T62061" i="1"/>
  <c r="T62062" i="1"/>
  <c r="T62063" i="1"/>
  <c r="T62064" i="1"/>
  <c r="T62065" i="1"/>
  <c r="T62066" i="1"/>
  <c r="T62067" i="1"/>
  <c r="T62068" i="1"/>
  <c r="T62069" i="1"/>
  <c r="T62070" i="1"/>
  <c r="T62071" i="1"/>
  <c r="T62072" i="1"/>
  <c r="T62073" i="1"/>
  <c r="T62074" i="1"/>
  <c r="T62075" i="1"/>
  <c r="T62076" i="1"/>
  <c r="T62077" i="1"/>
  <c r="T62078" i="1"/>
  <c r="T62079" i="1"/>
  <c r="T62080" i="1"/>
  <c r="T62081" i="1"/>
  <c r="T62082" i="1"/>
  <c r="T62083" i="1"/>
  <c r="T62084" i="1"/>
  <c r="T62085" i="1"/>
  <c r="T62086" i="1"/>
  <c r="T62087" i="1"/>
  <c r="T62088" i="1"/>
  <c r="T62089" i="1"/>
  <c r="T62090" i="1"/>
  <c r="T62091" i="1"/>
  <c r="T62092" i="1"/>
  <c r="T62093" i="1"/>
  <c r="T62094" i="1"/>
  <c r="T62095" i="1"/>
  <c r="T62096" i="1"/>
  <c r="T62097" i="1"/>
  <c r="T62098" i="1"/>
  <c r="T62099" i="1"/>
  <c r="T62100" i="1"/>
  <c r="T62101" i="1"/>
  <c r="T62102" i="1"/>
  <c r="T62103" i="1"/>
  <c r="T62104" i="1"/>
  <c r="T62105" i="1"/>
  <c r="T62106" i="1"/>
  <c r="T62107" i="1"/>
  <c r="T62108" i="1"/>
  <c r="T62109" i="1"/>
  <c r="T62110" i="1"/>
  <c r="T62111" i="1"/>
  <c r="T62112" i="1"/>
  <c r="T62113" i="1"/>
  <c r="T62114" i="1"/>
  <c r="T62115" i="1"/>
  <c r="T62116" i="1"/>
  <c r="T62117" i="1"/>
  <c r="T62118" i="1"/>
  <c r="T62119" i="1"/>
  <c r="T62120" i="1"/>
  <c r="T62121" i="1"/>
  <c r="T62122" i="1"/>
  <c r="T62123" i="1"/>
  <c r="T62124" i="1"/>
  <c r="T62125" i="1"/>
  <c r="T62126" i="1"/>
  <c r="T62127" i="1"/>
  <c r="T62128" i="1"/>
  <c r="T62129" i="1"/>
  <c r="T62130" i="1"/>
  <c r="T62131" i="1"/>
  <c r="T62132" i="1"/>
  <c r="T62133" i="1"/>
  <c r="T62134" i="1"/>
  <c r="T62135" i="1"/>
  <c r="T62136" i="1"/>
  <c r="T62137" i="1"/>
  <c r="T62138" i="1"/>
  <c r="T62139" i="1"/>
  <c r="T62140" i="1"/>
  <c r="T62141" i="1"/>
  <c r="T62142" i="1"/>
  <c r="T62143" i="1"/>
  <c r="T62144" i="1"/>
  <c r="T62145" i="1"/>
  <c r="T62146" i="1"/>
  <c r="T62147" i="1"/>
  <c r="T62148" i="1"/>
  <c r="T62149" i="1"/>
  <c r="T62150" i="1"/>
  <c r="T62151" i="1"/>
  <c r="T62152" i="1"/>
  <c r="T62153" i="1"/>
  <c r="T62154" i="1"/>
  <c r="T62155" i="1"/>
  <c r="T62156" i="1"/>
  <c r="T62157" i="1"/>
  <c r="T62158" i="1"/>
  <c r="T62159" i="1"/>
  <c r="T62160" i="1"/>
  <c r="T62161" i="1"/>
  <c r="T62162" i="1"/>
  <c r="T62163" i="1"/>
  <c r="T62164" i="1"/>
  <c r="T62165" i="1"/>
  <c r="T62166" i="1"/>
  <c r="T62167" i="1"/>
  <c r="T62168" i="1"/>
  <c r="T62169" i="1"/>
  <c r="T62170" i="1"/>
  <c r="T62171" i="1"/>
  <c r="T62172" i="1"/>
  <c r="T62173" i="1"/>
  <c r="T62174" i="1"/>
  <c r="T62175" i="1"/>
  <c r="T62176" i="1"/>
  <c r="T62177" i="1"/>
  <c r="T62178" i="1"/>
  <c r="T62179" i="1"/>
  <c r="T62180" i="1"/>
  <c r="T62181" i="1"/>
  <c r="T62182" i="1"/>
  <c r="T62183" i="1"/>
  <c r="T62184" i="1"/>
  <c r="T62185" i="1"/>
  <c r="T62186" i="1"/>
  <c r="T62187" i="1"/>
  <c r="T62188" i="1"/>
  <c r="T62189" i="1"/>
  <c r="T62190" i="1"/>
  <c r="T62191" i="1"/>
  <c r="T62192" i="1"/>
  <c r="T62193" i="1"/>
  <c r="T62194" i="1"/>
  <c r="T62195" i="1"/>
  <c r="T62196" i="1"/>
  <c r="T62197" i="1"/>
  <c r="T62198" i="1"/>
  <c r="T62199" i="1"/>
  <c r="T62200" i="1"/>
  <c r="T62201" i="1"/>
  <c r="T62202" i="1"/>
  <c r="T62203" i="1"/>
  <c r="T62204" i="1"/>
  <c r="T62205" i="1"/>
  <c r="T62206" i="1"/>
  <c r="T62207" i="1"/>
  <c r="T62208" i="1"/>
  <c r="T62209" i="1"/>
  <c r="T62210" i="1"/>
  <c r="T62211" i="1"/>
  <c r="T62212" i="1"/>
  <c r="T62213" i="1"/>
  <c r="T62214" i="1"/>
  <c r="T62215" i="1"/>
  <c r="T62216" i="1"/>
  <c r="T62217" i="1"/>
  <c r="T62218" i="1"/>
  <c r="T62219" i="1"/>
  <c r="T62220" i="1"/>
  <c r="T62221" i="1"/>
  <c r="T62222" i="1"/>
  <c r="T62223" i="1"/>
  <c r="T62224" i="1"/>
  <c r="T62225" i="1"/>
  <c r="T62226" i="1"/>
  <c r="T62227" i="1"/>
  <c r="T62228" i="1"/>
  <c r="T62229" i="1"/>
  <c r="T62230" i="1"/>
  <c r="T62231" i="1"/>
  <c r="T62232" i="1"/>
  <c r="T62233" i="1"/>
  <c r="T62234" i="1"/>
  <c r="T62235" i="1"/>
  <c r="T62236" i="1"/>
  <c r="T62237" i="1"/>
  <c r="T62238" i="1"/>
  <c r="T62239" i="1"/>
  <c r="T62240" i="1"/>
  <c r="T62241" i="1"/>
  <c r="T62242" i="1"/>
  <c r="T62243" i="1"/>
  <c r="T62244" i="1"/>
  <c r="T62245" i="1"/>
  <c r="T62246" i="1"/>
  <c r="T62247" i="1"/>
  <c r="T62248" i="1"/>
  <c r="T62249" i="1"/>
  <c r="T62250" i="1"/>
  <c r="T62251" i="1"/>
  <c r="T62252" i="1"/>
  <c r="T62253" i="1"/>
  <c r="T62254" i="1"/>
  <c r="T62255" i="1"/>
  <c r="T62256" i="1"/>
  <c r="T62257" i="1"/>
  <c r="T62258" i="1"/>
  <c r="T62259" i="1"/>
  <c r="T62260" i="1"/>
  <c r="T62261" i="1"/>
  <c r="T62262" i="1"/>
  <c r="T62263" i="1"/>
  <c r="T62264" i="1"/>
  <c r="T62265" i="1"/>
  <c r="T62266" i="1"/>
  <c r="T62267" i="1"/>
  <c r="T62268" i="1"/>
  <c r="T62269" i="1"/>
  <c r="T62270" i="1"/>
  <c r="T62271" i="1"/>
  <c r="T62272" i="1"/>
  <c r="T62273" i="1"/>
  <c r="T62274" i="1"/>
  <c r="T62275" i="1"/>
  <c r="T62276" i="1"/>
  <c r="T62277" i="1"/>
  <c r="T62278" i="1"/>
  <c r="T62279" i="1"/>
  <c r="T62280" i="1"/>
  <c r="T62281" i="1"/>
  <c r="T62282" i="1"/>
  <c r="T62283" i="1"/>
  <c r="T62284" i="1"/>
  <c r="T62285" i="1"/>
  <c r="T62286" i="1"/>
  <c r="T62287" i="1"/>
  <c r="T62288" i="1"/>
  <c r="T62289" i="1"/>
  <c r="T62290" i="1"/>
  <c r="T62291" i="1"/>
  <c r="T62292" i="1"/>
  <c r="T62293" i="1"/>
  <c r="T62294" i="1"/>
  <c r="T62295" i="1"/>
  <c r="T62296" i="1"/>
  <c r="T62297" i="1"/>
  <c r="T62298" i="1"/>
  <c r="T62299" i="1"/>
  <c r="T62300" i="1"/>
  <c r="T62301" i="1"/>
  <c r="T62302" i="1"/>
  <c r="T62303" i="1"/>
  <c r="T62304" i="1"/>
  <c r="T62305" i="1"/>
  <c r="T62306" i="1"/>
  <c r="T62307" i="1"/>
  <c r="T62308" i="1"/>
  <c r="T62309" i="1"/>
  <c r="T62310" i="1"/>
  <c r="T62311" i="1"/>
  <c r="T62312" i="1"/>
  <c r="T62313" i="1"/>
  <c r="T62314" i="1"/>
  <c r="T62315" i="1"/>
  <c r="T62316" i="1"/>
  <c r="T62317" i="1"/>
  <c r="T62318" i="1"/>
  <c r="T62319" i="1"/>
  <c r="T62320" i="1"/>
  <c r="T62321" i="1"/>
  <c r="T62322" i="1"/>
  <c r="T62323" i="1"/>
  <c r="T62324" i="1"/>
  <c r="T62325" i="1"/>
  <c r="T62326" i="1"/>
  <c r="T62327" i="1"/>
  <c r="T62328" i="1"/>
  <c r="T62329" i="1"/>
  <c r="T62330" i="1"/>
  <c r="T62331" i="1"/>
  <c r="T62332" i="1"/>
  <c r="T62333" i="1"/>
  <c r="T62334" i="1"/>
  <c r="T62335" i="1"/>
  <c r="T62336" i="1"/>
  <c r="T62337" i="1"/>
  <c r="T62338" i="1"/>
  <c r="T62339" i="1"/>
  <c r="T62340" i="1"/>
  <c r="T62341" i="1"/>
  <c r="T62342" i="1"/>
  <c r="T62343" i="1"/>
  <c r="T62344" i="1"/>
  <c r="T62345" i="1"/>
  <c r="T62346" i="1"/>
  <c r="T62347" i="1"/>
  <c r="T62348" i="1"/>
  <c r="T62349" i="1"/>
  <c r="T62350" i="1"/>
  <c r="T62351" i="1"/>
  <c r="T62352" i="1"/>
  <c r="T62353" i="1"/>
  <c r="T62354" i="1"/>
  <c r="T62355" i="1"/>
  <c r="T62356" i="1"/>
  <c r="T62357" i="1"/>
  <c r="T62358" i="1"/>
  <c r="T62359" i="1"/>
  <c r="T62360" i="1"/>
  <c r="T62361" i="1"/>
  <c r="T62362" i="1"/>
  <c r="T62363" i="1"/>
  <c r="T62364" i="1"/>
  <c r="T62365" i="1"/>
  <c r="T62366" i="1"/>
  <c r="T62367" i="1"/>
  <c r="T62368" i="1"/>
  <c r="T62369" i="1"/>
  <c r="T62370" i="1"/>
  <c r="T62371" i="1"/>
  <c r="T62372" i="1"/>
  <c r="T62373" i="1"/>
  <c r="T62374" i="1"/>
  <c r="T62375" i="1"/>
  <c r="T62376" i="1"/>
  <c r="T62377" i="1"/>
  <c r="T62378" i="1"/>
  <c r="T62379" i="1"/>
  <c r="T62380" i="1"/>
  <c r="T62381" i="1"/>
  <c r="T62382" i="1"/>
  <c r="T62383" i="1"/>
  <c r="T62384" i="1"/>
  <c r="T62385" i="1"/>
  <c r="T62386" i="1"/>
  <c r="T62387" i="1"/>
  <c r="T62388" i="1"/>
  <c r="T62389" i="1"/>
  <c r="T62390" i="1"/>
  <c r="T62391" i="1"/>
  <c r="T62392" i="1"/>
  <c r="T62393" i="1"/>
  <c r="T62394" i="1"/>
  <c r="T62395" i="1"/>
  <c r="T62396" i="1"/>
  <c r="T62397" i="1"/>
  <c r="T62398" i="1"/>
  <c r="T62399" i="1"/>
  <c r="T62400" i="1"/>
  <c r="T62401" i="1"/>
  <c r="T62402" i="1"/>
  <c r="T62403" i="1"/>
  <c r="T62404" i="1"/>
  <c r="T62405" i="1"/>
  <c r="T62406" i="1"/>
  <c r="T62407" i="1"/>
  <c r="T62408" i="1"/>
  <c r="T62409" i="1"/>
  <c r="T62410" i="1"/>
  <c r="T62411" i="1"/>
  <c r="T62412" i="1"/>
  <c r="T62413" i="1"/>
  <c r="T62414" i="1"/>
  <c r="T62415" i="1"/>
  <c r="T62416" i="1"/>
  <c r="T62417" i="1"/>
  <c r="T62418" i="1"/>
  <c r="T62419" i="1"/>
  <c r="T62420" i="1"/>
  <c r="T62421" i="1"/>
  <c r="T62422" i="1"/>
  <c r="T62423" i="1"/>
  <c r="T62424" i="1"/>
  <c r="T62425" i="1"/>
  <c r="T62426" i="1"/>
  <c r="T62427" i="1"/>
  <c r="T62428" i="1"/>
  <c r="T62429" i="1"/>
  <c r="T62430" i="1"/>
  <c r="T62431" i="1"/>
  <c r="T62432" i="1"/>
  <c r="T62433" i="1"/>
  <c r="T62434" i="1"/>
  <c r="T62435" i="1"/>
  <c r="T62436" i="1"/>
  <c r="T62437" i="1"/>
  <c r="T62438" i="1"/>
  <c r="T62439" i="1"/>
  <c r="T62440" i="1"/>
  <c r="T62441" i="1"/>
  <c r="T62442" i="1"/>
  <c r="T62443" i="1"/>
  <c r="T62444" i="1"/>
  <c r="T62445" i="1"/>
  <c r="T62446" i="1"/>
  <c r="T62447" i="1"/>
  <c r="T62448" i="1"/>
  <c r="T62449" i="1"/>
  <c r="T62450" i="1"/>
  <c r="T62451" i="1"/>
  <c r="T62452" i="1"/>
  <c r="T62453" i="1"/>
  <c r="T62454" i="1"/>
  <c r="T62455" i="1"/>
  <c r="T62456" i="1"/>
  <c r="T62457" i="1"/>
  <c r="T62458" i="1"/>
  <c r="T62459" i="1"/>
  <c r="T62460" i="1"/>
  <c r="T62461" i="1"/>
  <c r="T62462" i="1"/>
  <c r="T62463" i="1"/>
  <c r="T62464" i="1"/>
  <c r="T62465" i="1"/>
  <c r="T62466" i="1"/>
  <c r="T62467" i="1"/>
  <c r="T62468" i="1"/>
  <c r="T62469" i="1"/>
  <c r="T62470" i="1"/>
  <c r="T62471" i="1"/>
  <c r="T62472" i="1"/>
  <c r="T62473" i="1"/>
  <c r="T62474" i="1"/>
  <c r="T62475" i="1"/>
  <c r="T62476" i="1"/>
  <c r="T62477" i="1"/>
  <c r="T62478" i="1"/>
  <c r="T62479" i="1"/>
  <c r="T62480" i="1"/>
  <c r="T62481" i="1"/>
  <c r="T62482" i="1"/>
  <c r="T62483" i="1"/>
  <c r="T62484" i="1"/>
  <c r="T62485" i="1"/>
  <c r="T62486" i="1"/>
  <c r="T62487" i="1"/>
  <c r="T62488" i="1"/>
  <c r="T62489" i="1"/>
  <c r="T62490" i="1"/>
  <c r="T62491" i="1"/>
  <c r="T62492" i="1"/>
  <c r="T62493" i="1"/>
  <c r="T62494" i="1"/>
  <c r="T62495" i="1"/>
  <c r="T62496" i="1"/>
  <c r="T62497" i="1"/>
  <c r="T62498" i="1"/>
  <c r="T62499" i="1"/>
  <c r="T62500" i="1"/>
  <c r="T62501" i="1"/>
  <c r="T62502" i="1"/>
  <c r="T62503" i="1"/>
  <c r="T62504" i="1"/>
  <c r="T62505" i="1"/>
  <c r="T62506" i="1"/>
  <c r="T62507" i="1"/>
  <c r="T62508" i="1"/>
  <c r="T62509" i="1"/>
  <c r="T62510" i="1"/>
  <c r="T62511" i="1"/>
  <c r="T62512" i="1"/>
  <c r="T62513" i="1"/>
  <c r="T62514" i="1"/>
  <c r="T62515" i="1"/>
  <c r="T62516" i="1"/>
  <c r="T62517" i="1"/>
  <c r="T62518" i="1"/>
  <c r="T62519" i="1"/>
  <c r="T62520" i="1"/>
  <c r="T62521" i="1"/>
  <c r="T62522" i="1"/>
  <c r="T62523" i="1"/>
  <c r="T62524" i="1"/>
  <c r="T62525" i="1"/>
  <c r="T62526" i="1"/>
  <c r="T62527" i="1"/>
  <c r="T62528" i="1"/>
  <c r="T62529" i="1"/>
  <c r="T62530" i="1"/>
  <c r="T62531" i="1"/>
  <c r="T62532" i="1"/>
  <c r="T62533" i="1"/>
  <c r="T62534" i="1"/>
  <c r="T62535" i="1"/>
  <c r="T62536" i="1"/>
  <c r="T62537" i="1"/>
  <c r="T62538" i="1"/>
  <c r="T62539" i="1"/>
  <c r="T62540" i="1"/>
  <c r="T62541" i="1"/>
  <c r="T62542" i="1"/>
  <c r="T62543" i="1"/>
  <c r="T62544" i="1"/>
  <c r="T62545" i="1"/>
  <c r="T62546" i="1"/>
  <c r="T62547" i="1"/>
  <c r="T62548" i="1"/>
  <c r="T62549" i="1"/>
  <c r="T62550" i="1"/>
  <c r="T62551" i="1"/>
  <c r="T62552" i="1"/>
  <c r="T62553" i="1"/>
  <c r="T62554" i="1"/>
  <c r="T62555" i="1"/>
  <c r="T62556" i="1"/>
  <c r="T62557" i="1"/>
  <c r="T62558" i="1"/>
  <c r="T62559" i="1"/>
  <c r="T62560" i="1"/>
  <c r="T62561" i="1"/>
  <c r="T62562" i="1"/>
  <c r="T62563" i="1"/>
  <c r="T62564" i="1"/>
  <c r="T62565" i="1"/>
  <c r="T62566" i="1"/>
  <c r="T62567" i="1"/>
  <c r="T62568" i="1"/>
  <c r="T62569" i="1"/>
  <c r="T62570" i="1"/>
  <c r="T62571" i="1"/>
  <c r="T62572" i="1"/>
  <c r="T62573" i="1"/>
  <c r="T62574" i="1"/>
  <c r="T62575" i="1"/>
  <c r="T62576" i="1"/>
  <c r="T62577" i="1"/>
  <c r="T62578" i="1"/>
  <c r="T62579" i="1"/>
  <c r="T62580" i="1"/>
  <c r="T62581" i="1"/>
  <c r="T62582" i="1"/>
  <c r="T62583" i="1"/>
  <c r="T62584" i="1"/>
  <c r="T62585" i="1"/>
  <c r="T62586" i="1"/>
  <c r="T62587" i="1"/>
  <c r="T62588" i="1"/>
  <c r="T62589" i="1"/>
  <c r="T62590" i="1"/>
  <c r="T62591" i="1"/>
  <c r="T62592" i="1"/>
  <c r="T62593" i="1"/>
  <c r="T62594" i="1"/>
  <c r="T62595" i="1"/>
  <c r="T62596" i="1"/>
  <c r="T62597" i="1"/>
  <c r="T62598" i="1"/>
  <c r="T62599" i="1"/>
  <c r="T62600" i="1"/>
  <c r="T62601" i="1"/>
  <c r="T62602" i="1"/>
  <c r="T62603" i="1"/>
  <c r="T62604" i="1"/>
  <c r="T62605" i="1"/>
  <c r="T62606" i="1"/>
  <c r="T62607" i="1"/>
  <c r="T62608" i="1"/>
  <c r="T62609" i="1"/>
  <c r="T62610" i="1"/>
  <c r="T62611" i="1"/>
  <c r="T62612" i="1"/>
  <c r="T62613" i="1"/>
  <c r="T62614" i="1"/>
  <c r="T62615" i="1"/>
  <c r="T62616" i="1"/>
  <c r="T62617" i="1"/>
  <c r="T62618" i="1"/>
  <c r="T62619" i="1"/>
  <c r="T62620" i="1"/>
  <c r="T62621" i="1"/>
  <c r="T62622" i="1"/>
  <c r="T62623" i="1"/>
  <c r="T62624" i="1"/>
  <c r="T62625" i="1"/>
  <c r="T62626" i="1"/>
  <c r="T62627" i="1"/>
  <c r="T62628" i="1"/>
  <c r="T62629" i="1"/>
  <c r="T62630" i="1"/>
  <c r="T62631" i="1"/>
  <c r="T62632" i="1"/>
  <c r="T62633" i="1"/>
  <c r="T62634" i="1"/>
  <c r="T62635" i="1"/>
  <c r="T62636" i="1"/>
  <c r="T62637" i="1"/>
  <c r="T62638" i="1"/>
  <c r="T62639" i="1"/>
  <c r="T62640" i="1"/>
  <c r="T62641" i="1"/>
  <c r="T62642" i="1"/>
  <c r="T62643" i="1"/>
  <c r="T62644" i="1"/>
  <c r="T62645" i="1"/>
  <c r="T62646" i="1"/>
  <c r="T62647" i="1"/>
  <c r="T62648" i="1"/>
  <c r="T62649" i="1"/>
  <c r="T62650" i="1"/>
  <c r="T62651" i="1"/>
  <c r="T62652" i="1"/>
  <c r="T62653" i="1"/>
  <c r="T62654" i="1"/>
  <c r="T62655" i="1"/>
  <c r="T62656" i="1"/>
  <c r="T62657" i="1"/>
  <c r="T62658" i="1"/>
  <c r="T62659" i="1"/>
  <c r="T62660" i="1"/>
  <c r="T62661" i="1"/>
  <c r="T62662" i="1"/>
  <c r="T62663" i="1"/>
  <c r="T62664" i="1"/>
  <c r="T62665" i="1"/>
  <c r="T62666" i="1"/>
  <c r="T62667" i="1"/>
  <c r="T62668" i="1"/>
  <c r="T62669" i="1"/>
  <c r="T62670" i="1"/>
  <c r="T62671" i="1"/>
  <c r="T62672" i="1"/>
  <c r="T62673" i="1"/>
  <c r="T62674" i="1"/>
  <c r="T62675" i="1"/>
  <c r="T62676" i="1"/>
  <c r="T62677" i="1"/>
  <c r="T62678" i="1"/>
  <c r="T62679" i="1"/>
  <c r="T62680" i="1"/>
  <c r="T62681" i="1"/>
  <c r="T62682" i="1"/>
  <c r="T62683" i="1"/>
  <c r="T62684" i="1"/>
  <c r="T62685" i="1"/>
  <c r="T62686" i="1"/>
  <c r="T62687" i="1"/>
  <c r="T62688" i="1"/>
  <c r="T62689" i="1"/>
  <c r="T62690" i="1"/>
  <c r="T62691" i="1"/>
  <c r="T62692" i="1"/>
  <c r="T62693" i="1"/>
  <c r="T62694" i="1"/>
  <c r="T62695" i="1"/>
  <c r="T62696" i="1"/>
  <c r="T62697" i="1"/>
  <c r="T62698" i="1"/>
  <c r="T62699" i="1"/>
  <c r="T62700" i="1"/>
  <c r="T62701" i="1"/>
  <c r="T62702" i="1"/>
  <c r="T62703" i="1"/>
  <c r="T62704" i="1"/>
  <c r="T62705" i="1"/>
  <c r="T62706" i="1"/>
  <c r="T62707" i="1"/>
  <c r="T62708" i="1"/>
  <c r="T62709" i="1"/>
  <c r="T62710" i="1"/>
  <c r="T62711" i="1"/>
  <c r="T62712" i="1"/>
  <c r="T62713" i="1"/>
  <c r="T62714" i="1"/>
  <c r="T62715" i="1"/>
  <c r="T62716" i="1"/>
  <c r="T62717" i="1"/>
  <c r="T62718" i="1"/>
  <c r="T62719" i="1"/>
  <c r="T62720" i="1"/>
  <c r="T62721" i="1"/>
  <c r="T62722" i="1"/>
  <c r="T62723" i="1"/>
  <c r="T62724" i="1"/>
  <c r="T62725" i="1"/>
  <c r="T62726" i="1"/>
  <c r="T62727" i="1"/>
  <c r="T62728" i="1"/>
  <c r="T62729" i="1"/>
  <c r="T62730" i="1"/>
  <c r="T62731" i="1"/>
  <c r="T62732" i="1"/>
  <c r="T62733" i="1"/>
  <c r="T62734" i="1"/>
  <c r="T62735" i="1"/>
  <c r="T62736" i="1"/>
  <c r="T62737" i="1"/>
  <c r="T62738" i="1"/>
  <c r="T62739" i="1"/>
  <c r="T62740" i="1"/>
  <c r="T62741" i="1"/>
  <c r="T62742" i="1"/>
  <c r="T62743" i="1"/>
  <c r="T62744" i="1"/>
  <c r="T62745" i="1"/>
  <c r="T62746" i="1"/>
  <c r="T62747" i="1"/>
  <c r="T62748" i="1"/>
  <c r="T62749" i="1"/>
  <c r="T62750" i="1"/>
  <c r="T62751" i="1"/>
  <c r="T62752" i="1"/>
  <c r="T62753" i="1"/>
  <c r="T62754" i="1"/>
  <c r="T62755" i="1"/>
  <c r="T62756" i="1"/>
  <c r="T62757" i="1"/>
  <c r="T62758" i="1"/>
  <c r="T62759" i="1"/>
  <c r="T62760" i="1"/>
  <c r="T62761" i="1"/>
  <c r="T62762" i="1"/>
  <c r="T62763" i="1"/>
  <c r="T62764" i="1"/>
  <c r="T62765" i="1"/>
  <c r="T62766" i="1"/>
  <c r="T62767" i="1"/>
  <c r="T62768" i="1"/>
  <c r="T62769" i="1"/>
  <c r="T62770" i="1"/>
  <c r="T62771" i="1"/>
  <c r="T62772" i="1"/>
  <c r="T62773" i="1"/>
  <c r="T62774" i="1"/>
  <c r="T62775" i="1"/>
  <c r="T62776" i="1"/>
  <c r="T62777" i="1"/>
  <c r="T62778" i="1"/>
  <c r="T62779" i="1"/>
  <c r="T62780" i="1"/>
  <c r="T62781" i="1"/>
  <c r="T62782" i="1"/>
  <c r="T62783" i="1"/>
  <c r="T62784" i="1"/>
  <c r="T62785" i="1"/>
  <c r="T62786" i="1"/>
  <c r="T62787" i="1"/>
  <c r="T62788" i="1"/>
  <c r="T62789" i="1"/>
  <c r="T62790" i="1"/>
  <c r="T62791" i="1"/>
  <c r="T62792" i="1"/>
  <c r="T62793" i="1"/>
  <c r="T62794" i="1"/>
  <c r="T62795" i="1"/>
  <c r="T62796" i="1"/>
  <c r="T62797" i="1"/>
  <c r="T62798" i="1"/>
  <c r="T62799" i="1"/>
  <c r="T62800" i="1"/>
  <c r="T62801" i="1"/>
  <c r="T62802" i="1"/>
  <c r="T62803" i="1"/>
  <c r="T62804" i="1"/>
  <c r="T62805" i="1"/>
  <c r="T62806" i="1"/>
  <c r="T62807" i="1"/>
  <c r="T62808" i="1"/>
  <c r="T62809" i="1"/>
  <c r="T62810" i="1"/>
  <c r="T62811" i="1"/>
  <c r="T62812" i="1"/>
  <c r="T62813" i="1"/>
  <c r="T62814" i="1"/>
  <c r="T62815" i="1"/>
  <c r="T62816" i="1"/>
  <c r="T62817" i="1"/>
  <c r="T62818" i="1"/>
  <c r="T62819" i="1"/>
  <c r="T62820" i="1"/>
  <c r="T62821" i="1"/>
  <c r="T62822" i="1"/>
  <c r="T62823" i="1"/>
  <c r="T62824" i="1"/>
  <c r="T62825" i="1"/>
  <c r="T62826" i="1"/>
  <c r="T62827" i="1"/>
  <c r="T62828" i="1"/>
  <c r="T62829" i="1"/>
  <c r="T62830" i="1"/>
  <c r="T62831" i="1"/>
  <c r="T62832" i="1"/>
  <c r="T62833" i="1"/>
  <c r="T62834" i="1"/>
  <c r="T62835" i="1"/>
  <c r="T62836" i="1"/>
  <c r="T62837" i="1"/>
  <c r="T62838" i="1"/>
  <c r="T62839" i="1"/>
  <c r="T62840" i="1"/>
  <c r="T62841" i="1"/>
  <c r="T62842" i="1"/>
  <c r="T62843" i="1"/>
  <c r="T62844" i="1"/>
  <c r="T62845" i="1"/>
  <c r="T62846" i="1"/>
  <c r="T62847" i="1"/>
  <c r="T62848" i="1"/>
  <c r="T62849" i="1"/>
  <c r="T62850" i="1"/>
  <c r="T62851" i="1"/>
  <c r="T62852" i="1"/>
  <c r="T62853" i="1"/>
  <c r="T62854" i="1"/>
  <c r="T62855" i="1"/>
  <c r="T62856" i="1"/>
  <c r="T62857" i="1"/>
  <c r="T62858" i="1"/>
  <c r="T62859" i="1"/>
  <c r="T62860" i="1"/>
  <c r="T62861" i="1"/>
  <c r="T62862" i="1"/>
  <c r="T62863" i="1"/>
  <c r="T62864" i="1"/>
  <c r="T62865" i="1"/>
  <c r="T62866" i="1"/>
  <c r="T62867" i="1"/>
  <c r="T62868" i="1"/>
  <c r="T62869" i="1"/>
  <c r="T62870" i="1"/>
  <c r="T62871" i="1"/>
  <c r="T62872" i="1"/>
  <c r="T62873" i="1"/>
  <c r="T62874" i="1"/>
  <c r="T62875" i="1"/>
  <c r="T62876" i="1"/>
  <c r="T62877" i="1"/>
  <c r="T62878" i="1"/>
  <c r="T62879" i="1"/>
  <c r="T62880" i="1"/>
  <c r="T62881" i="1"/>
  <c r="T62882" i="1"/>
  <c r="T62883" i="1"/>
  <c r="T62884" i="1"/>
  <c r="T62885" i="1"/>
  <c r="T62886" i="1"/>
  <c r="T62887" i="1"/>
  <c r="T62888" i="1"/>
  <c r="T62889" i="1"/>
  <c r="T62890" i="1"/>
  <c r="T62891" i="1"/>
  <c r="T62892" i="1"/>
  <c r="T62893" i="1"/>
  <c r="T62894" i="1"/>
  <c r="T62895" i="1"/>
  <c r="T62896" i="1"/>
  <c r="T62897" i="1"/>
  <c r="T62898" i="1"/>
  <c r="T62899" i="1"/>
  <c r="T62900" i="1"/>
  <c r="T62901" i="1"/>
  <c r="T62902" i="1"/>
  <c r="T62903" i="1"/>
  <c r="T62904" i="1"/>
  <c r="T62905" i="1"/>
  <c r="T62906" i="1"/>
  <c r="T62907" i="1"/>
  <c r="T62908" i="1"/>
  <c r="T62909" i="1"/>
  <c r="T62910" i="1"/>
  <c r="T62911" i="1"/>
  <c r="T62912" i="1"/>
  <c r="T62913" i="1"/>
  <c r="T62914" i="1"/>
  <c r="T62915" i="1"/>
  <c r="T62916" i="1"/>
  <c r="T62917" i="1"/>
  <c r="T62918" i="1"/>
  <c r="T62919" i="1"/>
  <c r="T62920" i="1"/>
  <c r="T62921" i="1"/>
  <c r="T62922" i="1"/>
  <c r="T62923" i="1"/>
  <c r="T62924" i="1"/>
  <c r="T62925" i="1"/>
  <c r="T62926" i="1"/>
  <c r="T62927" i="1"/>
  <c r="T62928" i="1"/>
  <c r="T62929" i="1"/>
  <c r="T62930" i="1"/>
  <c r="T62931" i="1"/>
  <c r="T62932" i="1"/>
  <c r="T62933" i="1"/>
  <c r="T62934" i="1"/>
  <c r="T62935" i="1"/>
  <c r="T62936" i="1"/>
  <c r="T62937" i="1"/>
  <c r="T62938" i="1"/>
  <c r="T62939" i="1"/>
  <c r="T62940" i="1"/>
  <c r="T62941" i="1"/>
  <c r="T62942" i="1"/>
  <c r="T62943" i="1"/>
  <c r="T62944" i="1"/>
  <c r="T62945" i="1"/>
  <c r="T62946" i="1"/>
  <c r="T62947" i="1"/>
  <c r="T62948" i="1"/>
  <c r="T62949" i="1"/>
  <c r="T62950" i="1"/>
  <c r="T62951" i="1"/>
  <c r="T62952" i="1"/>
  <c r="T62953" i="1"/>
  <c r="T62954" i="1"/>
  <c r="T62955" i="1"/>
  <c r="T62956" i="1"/>
  <c r="T62957" i="1"/>
  <c r="T62958" i="1"/>
  <c r="T62959" i="1"/>
  <c r="T62960" i="1"/>
  <c r="T62961" i="1"/>
  <c r="T62962" i="1"/>
  <c r="T62963" i="1"/>
  <c r="T62964" i="1"/>
  <c r="T62965" i="1"/>
  <c r="T62966" i="1"/>
  <c r="T62967" i="1"/>
  <c r="T62968" i="1"/>
  <c r="T62969" i="1"/>
  <c r="T62970" i="1"/>
  <c r="T62971" i="1"/>
  <c r="T62972" i="1"/>
  <c r="T62973" i="1"/>
  <c r="T62974" i="1"/>
  <c r="T62975" i="1"/>
  <c r="T62976" i="1"/>
  <c r="T62977" i="1"/>
  <c r="T62978" i="1"/>
  <c r="T62979" i="1"/>
  <c r="T62980" i="1"/>
  <c r="T62981" i="1"/>
  <c r="T62982" i="1"/>
  <c r="T62983" i="1"/>
  <c r="T62984" i="1"/>
  <c r="T62985" i="1"/>
  <c r="T62986" i="1"/>
  <c r="T62987" i="1"/>
  <c r="T62988" i="1"/>
  <c r="T62989" i="1"/>
  <c r="T62990" i="1"/>
  <c r="T62991" i="1"/>
  <c r="T62992" i="1"/>
  <c r="T62993" i="1"/>
  <c r="T62994" i="1"/>
  <c r="T62995" i="1"/>
  <c r="T62996" i="1"/>
  <c r="T62997" i="1"/>
  <c r="T62998" i="1"/>
  <c r="T62999" i="1"/>
  <c r="T63000" i="1"/>
  <c r="T63001" i="1"/>
  <c r="T63002" i="1"/>
  <c r="T63003" i="1"/>
  <c r="T63004" i="1"/>
  <c r="T63005" i="1"/>
  <c r="T63006" i="1"/>
  <c r="T63007" i="1"/>
  <c r="T63008" i="1"/>
  <c r="T63009" i="1"/>
  <c r="T63010" i="1"/>
  <c r="T63011" i="1"/>
  <c r="T63012" i="1"/>
  <c r="T63013" i="1"/>
  <c r="T63014" i="1"/>
  <c r="T63015" i="1"/>
  <c r="T63016" i="1"/>
  <c r="T63017" i="1"/>
  <c r="T63018" i="1"/>
  <c r="T63019" i="1"/>
  <c r="T63020" i="1"/>
  <c r="T63021" i="1"/>
  <c r="T63022" i="1"/>
  <c r="T63023" i="1"/>
  <c r="T63024" i="1"/>
  <c r="T63025" i="1"/>
  <c r="T63026" i="1"/>
  <c r="T63027" i="1"/>
  <c r="T63028" i="1"/>
  <c r="T63029" i="1"/>
  <c r="T63030" i="1"/>
  <c r="T63031" i="1"/>
  <c r="T63032" i="1"/>
  <c r="T63033" i="1"/>
  <c r="T63034" i="1"/>
  <c r="T63035" i="1"/>
  <c r="T63036" i="1"/>
  <c r="T63037" i="1"/>
  <c r="T63038" i="1"/>
  <c r="T63039" i="1"/>
  <c r="T63040" i="1"/>
  <c r="T63041" i="1"/>
  <c r="T63042" i="1"/>
  <c r="T63043" i="1"/>
  <c r="T63044" i="1"/>
  <c r="T63045" i="1"/>
  <c r="T63046" i="1"/>
  <c r="T63047" i="1"/>
  <c r="T63048" i="1"/>
  <c r="T63049" i="1"/>
  <c r="T63050" i="1"/>
  <c r="T63051" i="1"/>
  <c r="T63052" i="1"/>
  <c r="T63053" i="1"/>
  <c r="T63054" i="1"/>
  <c r="T63055" i="1"/>
  <c r="T63056" i="1"/>
  <c r="T63057" i="1"/>
  <c r="T63058" i="1"/>
  <c r="T63059" i="1"/>
  <c r="T63060" i="1"/>
  <c r="T63061" i="1"/>
  <c r="T63062" i="1"/>
  <c r="T63063" i="1"/>
  <c r="T63064" i="1"/>
  <c r="T63065" i="1"/>
  <c r="T63066" i="1"/>
  <c r="T63067" i="1"/>
  <c r="T63068" i="1"/>
  <c r="T63069" i="1"/>
  <c r="T63070" i="1"/>
  <c r="T63071" i="1"/>
  <c r="T63072" i="1"/>
  <c r="T63073" i="1"/>
  <c r="T63074" i="1"/>
  <c r="T63075" i="1"/>
  <c r="T63076" i="1"/>
  <c r="T63077" i="1"/>
  <c r="T63078" i="1"/>
  <c r="T63079" i="1"/>
  <c r="T63080" i="1"/>
  <c r="T63081" i="1"/>
  <c r="T63082" i="1"/>
  <c r="T63083" i="1"/>
  <c r="T63084" i="1"/>
  <c r="T63085" i="1"/>
  <c r="T63086" i="1"/>
  <c r="T63087" i="1"/>
  <c r="T63088" i="1"/>
  <c r="T63089" i="1"/>
  <c r="T63090" i="1"/>
  <c r="T63091" i="1"/>
  <c r="T63092" i="1"/>
  <c r="T63093" i="1"/>
  <c r="T63094" i="1"/>
  <c r="T63095" i="1"/>
  <c r="T63096" i="1"/>
  <c r="T63097" i="1"/>
  <c r="T63098" i="1"/>
  <c r="T63099" i="1"/>
  <c r="T63100" i="1"/>
  <c r="T63101" i="1"/>
  <c r="T63102" i="1"/>
  <c r="T63103" i="1"/>
  <c r="T63104" i="1"/>
  <c r="T63105" i="1"/>
  <c r="T63106" i="1"/>
  <c r="T63107" i="1"/>
  <c r="T63108" i="1"/>
  <c r="T63109" i="1"/>
  <c r="T63110" i="1"/>
  <c r="T63111" i="1"/>
  <c r="T63112" i="1"/>
  <c r="T63113" i="1"/>
  <c r="T63114" i="1"/>
  <c r="T63115" i="1"/>
  <c r="T63116" i="1"/>
  <c r="T63117" i="1"/>
  <c r="T63118" i="1"/>
  <c r="T63119" i="1"/>
  <c r="T63120" i="1"/>
  <c r="T63121" i="1"/>
  <c r="T63122" i="1"/>
  <c r="T63123" i="1"/>
  <c r="T63124" i="1"/>
  <c r="T63125" i="1"/>
  <c r="T63126" i="1"/>
  <c r="T63127" i="1"/>
  <c r="T63128" i="1"/>
  <c r="T63129" i="1"/>
  <c r="T63130" i="1"/>
  <c r="T63131" i="1"/>
  <c r="T63132" i="1"/>
  <c r="T63133" i="1"/>
  <c r="T63134" i="1"/>
  <c r="T63135" i="1"/>
  <c r="T63136" i="1"/>
  <c r="T63137" i="1"/>
  <c r="T63138" i="1"/>
  <c r="T63139" i="1"/>
  <c r="T63140" i="1"/>
  <c r="T63141" i="1"/>
  <c r="T63142" i="1"/>
  <c r="T63143" i="1"/>
  <c r="T63144" i="1"/>
  <c r="T63145" i="1"/>
  <c r="T63146" i="1"/>
  <c r="T63147" i="1"/>
  <c r="T63148" i="1"/>
  <c r="T63149" i="1"/>
  <c r="T63150" i="1"/>
  <c r="T63151" i="1"/>
  <c r="T63152" i="1"/>
  <c r="T63153" i="1"/>
  <c r="T63154" i="1"/>
  <c r="T63155" i="1"/>
  <c r="T63156" i="1"/>
  <c r="T63157" i="1"/>
  <c r="T63158" i="1"/>
  <c r="T63159" i="1"/>
  <c r="T63160" i="1"/>
  <c r="T63161" i="1"/>
  <c r="T63162" i="1"/>
  <c r="T63163" i="1"/>
  <c r="T63164" i="1"/>
  <c r="T63165" i="1"/>
  <c r="T63166" i="1"/>
  <c r="T63167" i="1"/>
  <c r="T63168" i="1"/>
  <c r="T63169" i="1"/>
  <c r="T63170" i="1"/>
  <c r="T63171" i="1"/>
  <c r="T63172" i="1"/>
  <c r="T63173" i="1"/>
  <c r="T63174" i="1"/>
  <c r="T63175" i="1"/>
  <c r="T63176" i="1"/>
  <c r="T63177" i="1"/>
  <c r="T63178" i="1"/>
  <c r="T63179" i="1"/>
  <c r="T63180" i="1"/>
  <c r="T63181" i="1"/>
  <c r="T63182" i="1"/>
  <c r="T63183" i="1"/>
  <c r="T63184" i="1"/>
  <c r="T63185" i="1"/>
  <c r="T63186" i="1"/>
  <c r="T63187" i="1"/>
  <c r="T63188" i="1"/>
  <c r="T63189" i="1"/>
  <c r="T63190" i="1"/>
  <c r="T63191" i="1"/>
  <c r="T63192" i="1"/>
  <c r="T63193" i="1"/>
  <c r="T63194" i="1"/>
  <c r="T63195" i="1"/>
  <c r="T63196" i="1"/>
  <c r="T63197" i="1"/>
  <c r="T63198" i="1"/>
  <c r="T63199" i="1"/>
  <c r="T63200" i="1"/>
  <c r="T63201" i="1"/>
  <c r="T63202" i="1"/>
  <c r="T63203" i="1"/>
  <c r="T63204" i="1"/>
  <c r="T63205" i="1"/>
  <c r="T63206" i="1"/>
  <c r="T63207" i="1"/>
  <c r="T63208" i="1"/>
  <c r="T63209" i="1"/>
  <c r="T63210" i="1"/>
  <c r="T63211" i="1"/>
  <c r="T63212" i="1"/>
  <c r="T63213" i="1"/>
  <c r="T63214" i="1"/>
  <c r="T63215" i="1"/>
  <c r="T63216" i="1"/>
  <c r="T63217" i="1"/>
  <c r="T63218" i="1"/>
  <c r="T63219" i="1"/>
  <c r="T63220" i="1"/>
  <c r="T63221" i="1"/>
  <c r="T63222" i="1"/>
  <c r="T63223" i="1"/>
  <c r="T63224" i="1"/>
  <c r="T63225" i="1"/>
  <c r="T63226" i="1"/>
  <c r="T63227" i="1"/>
  <c r="T63228" i="1"/>
  <c r="T63229" i="1"/>
  <c r="T63230" i="1"/>
  <c r="T63231" i="1"/>
  <c r="T63232" i="1"/>
  <c r="T63233" i="1"/>
  <c r="T63234" i="1"/>
  <c r="T63235" i="1"/>
  <c r="T63236" i="1"/>
  <c r="T63237" i="1"/>
  <c r="T63238" i="1"/>
  <c r="T63239" i="1"/>
  <c r="T63240" i="1"/>
  <c r="T63241" i="1"/>
  <c r="T63242" i="1"/>
  <c r="T63243" i="1"/>
  <c r="T63244" i="1"/>
  <c r="T63245" i="1"/>
  <c r="T63246" i="1"/>
  <c r="T63247" i="1"/>
  <c r="T63248" i="1"/>
  <c r="T63249" i="1"/>
  <c r="T63250" i="1"/>
  <c r="T63251" i="1"/>
  <c r="T63252" i="1"/>
  <c r="T63253" i="1"/>
  <c r="T63254" i="1"/>
  <c r="T63255" i="1"/>
  <c r="T63256" i="1"/>
  <c r="T63257" i="1"/>
  <c r="T63258" i="1"/>
  <c r="T63259" i="1"/>
  <c r="T63260" i="1"/>
  <c r="T63261" i="1"/>
  <c r="T63262" i="1"/>
  <c r="T63263" i="1"/>
  <c r="T63264" i="1"/>
  <c r="T63265" i="1"/>
  <c r="T63266" i="1"/>
  <c r="T63267" i="1"/>
  <c r="T63268" i="1"/>
  <c r="T63269" i="1"/>
  <c r="T63270" i="1"/>
  <c r="T63271" i="1"/>
  <c r="T63272" i="1"/>
  <c r="T63273" i="1"/>
  <c r="T63274" i="1"/>
  <c r="T63275" i="1"/>
  <c r="T63276" i="1"/>
  <c r="T63277" i="1"/>
  <c r="T63278" i="1"/>
  <c r="T63279" i="1"/>
  <c r="T63280" i="1"/>
  <c r="T63281" i="1"/>
  <c r="T63282" i="1"/>
  <c r="T63283" i="1"/>
  <c r="T63284" i="1"/>
  <c r="T63285" i="1"/>
  <c r="T63286" i="1"/>
  <c r="T63287" i="1"/>
  <c r="T63288" i="1"/>
  <c r="T63289" i="1"/>
  <c r="T63290" i="1"/>
  <c r="T63291" i="1"/>
  <c r="T63292" i="1"/>
  <c r="T63293" i="1"/>
  <c r="T63294" i="1"/>
  <c r="T63295" i="1"/>
  <c r="T63296" i="1"/>
  <c r="T63297" i="1"/>
  <c r="T63298" i="1"/>
  <c r="T63299" i="1"/>
  <c r="T63300" i="1"/>
  <c r="T63301" i="1"/>
  <c r="T63302" i="1"/>
  <c r="T63303" i="1"/>
  <c r="T63304" i="1"/>
  <c r="T63305" i="1"/>
  <c r="T63306" i="1"/>
  <c r="T63307" i="1"/>
  <c r="T63308" i="1"/>
  <c r="T63309" i="1"/>
  <c r="T63310" i="1"/>
  <c r="T63311" i="1"/>
  <c r="T63312" i="1"/>
  <c r="T63313" i="1"/>
  <c r="T63314" i="1"/>
  <c r="T63315" i="1"/>
  <c r="T63316" i="1"/>
  <c r="T63317" i="1"/>
  <c r="T63318" i="1"/>
  <c r="T63319" i="1"/>
  <c r="T63320" i="1"/>
  <c r="T63321" i="1"/>
  <c r="T63322" i="1"/>
  <c r="T63323" i="1"/>
  <c r="T63324" i="1"/>
  <c r="T63325" i="1"/>
  <c r="T63326" i="1"/>
  <c r="T63327" i="1"/>
  <c r="T63328" i="1"/>
  <c r="T63329" i="1"/>
  <c r="T63330" i="1"/>
  <c r="T63331" i="1"/>
  <c r="T63332" i="1"/>
  <c r="T63333" i="1"/>
  <c r="T63334" i="1"/>
  <c r="T63335" i="1"/>
  <c r="T63336" i="1"/>
  <c r="T63337" i="1"/>
  <c r="T63338" i="1"/>
  <c r="T63339" i="1"/>
  <c r="T63340" i="1"/>
  <c r="T63341" i="1"/>
  <c r="T63342" i="1"/>
  <c r="T63343" i="1"/>
  <c r="T63344" i="1"/>
  <c r="T63345" i="1"/>
  <c r="T63346" i="1"/>
  <c r="T63347" i="1"/>
  <c r="T63348" i="1"/>
  <c r="T63349" i="1"/>
  <c r="T63350" i="1"/>
  <c r="T63351" i="1"/>
  <c r="T63352" i="1"/>
  <c r="T63353" i="1"/>
  <c r="T63354" i="1"/>
  <c r="T63355" i="1"/>
  <c r="T63356" i="1"/>
  <c r="T63357" i="1"/>
  <c r="T63358" i="1"/>
  <c r="T63359" i="1"/>
  <c r="T63360" i="1"/>
  <c r="T63361" i="1"/>
  <c r="T63362" i="1"/>
  <c r="T63363" i="1"/>
  <c r="T63364" i="1"/>
  <c r="T63365" i="1"/>
  <c r="T63366" i="1"/>
  <c r="T63367" i="1"/>
  <c r="T63368" i="1"/>
  <c r="T63369" i="1"/>
  <c r="T63370" i="1"/>
  <c r="T63371" i="1"/>
  <c r="T63372" i="1"/>
  <c r="T63373" i="1"/>
  <c r="T63374" i="1"/>
  <c r="T63375" i="1"/>
  <c r="T63376" i="1"/>
  <c r="T63377" i="1"/>
  <c r="T63378" i="1"/>
  <c r="T63379" i="1"/>
  <c r="T63380" i="1"/>
  <c r="T63381" i="1"/>
  <c r="T63382" i="1"/>
  <c r="T63383" i="1"/>
  <c r="T63384" i="1"/>
  <c r="T63385" i="1"/>
  <c r="T63386" i="1"/>
  <c r="T63387" i="1"/>
  <c r="T63388" i="1"/>
  <c r="T63389" i="1"/>
  <c r="T63390" i="1"/>
  <c r="T63391" i="1"/>
  <c r="T63392" i="1"/>
  <c r="T63393" i="1"/>
  <c r="T63394" i="1"/>
  <c r="T63395" i="1"/>
  <c r="T63396" i="1"/>
  <c r="T63397" i="1"/>
  <c r="T63398" i="1"/>
  <c r="T63399" i="1"/>
  <c r="T63400" i="1"/>
  <c r="T63401" i="1"/>
  <c r="T63402" i="1"/>
  <c r="T63403" i="1"/>
  <c r="T63404" i="1"/>
  <c r="T63405" i="1"/>
  <c r="T63406" i="1"/>
  <c r="T63407" i="1"/>
  <c r="T63408" i="1"/>
  <c r="T63409" i="1"/>
  <c r="T63410" i="1"/>
  <c r="T63411" i="1"/>
  <c r="T63412" i="1"/>
  <c r="T63413" i="1"/>
  <c r="T63414" i="1"/>
  <c r="T63415" i="1"/>
  <c r="T63416" i="1"/>
  <c r="T63417" i="1"/>
  <c r="T63418" i="1"/>
  <c r="T63419" i="1"/>
  <c r="T63420" i="1"/>
  <c r="T63421" i="1"/>
  <c r="T63422" i="1"/>
  <c r="T63423" i="1"/>
  <c r="T63424" i="1"/>
  <c r="T63425" i="1"/>
  <c r="T63426" i="1"/>
  <c r="T63427" i="1"/>
  <c r="T63428" i="1"/>
  <c r="T63429" i="1"/>
  <c r="T63430" i="1"/>
  <c r="T63431" i="1"/>
  <c r="T63432" i="1"/>
  <c r="T63433" i="1"/>
  <c r="T63434" i="1"/>
  <c r="T63435" i="1"/>
  <c r="T63436" i="1"/>
  <c r="T63437" i="1"/>
  <c r="T63438" i="1"/>
  <c r="T63439" i="1"/>
  <c r="T63440" i="1"/>
  <c r="T63441" i="1"/>
  <c r="T63442" i="1"/>
  <c r="T63443" i="1"/>
  <c r="T63444" i="1"/>
  <c r="T63445" i="1"/>
  <c r="T63446" i="1"/>
  <c r="T63447" i="1"/>
  <c r="T63448" i="1"/>
  <c r="T63449" i="1"/>
  <c r="T63450" i="1"/>
  <c r="T63451" i="1"/>
  <c r="T63452" i="1"/>
  <c r="T63453" i="1"/>
  <c r="T63454" i="1"/>
  <c r="T63455" i="1"/>
  <c r="T63456" i="1"/>
  <c r="T63457" i="1"/>
  <c r="T63458" i="1"/>
  <c r="T63459" i="1"/>
  <c r="T63460" i="1"/>
  <c r="T63461" i="1"/>
  <c r="T63462" i="1"/>
  <c r="T63463" i="1"/>
  <c r="T63464" i="1"/>
  <c r="T63465" i="1"/>
  <c r="T63466" i="1"/>
  <c r="T63467" i="1"/>
  <c r="T63468" i="1"/>
  <c r="T63469" i="1"/>
  <c r="T63470" i="1"/>
  <c r="T63471" i="1"/>
  <c r="T63472" i="1"/>
  <c r="T63473" i="1"/>
  <c r="T63474" i="1"/>
  <c r="T63475" i="1"/>
  <c r="T63476" i="1"/>
  <c r="T63477" i="1"/>
  <c r="T63478" i="1"/>
  <c r="T63479" i="1"/>
  <c r="T63480" i="1"/>
  <c r="T63481" i="1"/>
  <c r="T63482" i="1"/>
  <c r="T63483" i="1"/>
  <c r="T63484" i="1"/>
  <c r="T63485" i="1"/>
  <c r="T63486" i="1"/>
  <c r="T63487" i="1"/>
  <c r="T63488" i="1"/>
  <c r="T63489" i="1"/>
  <c r="T63490" i="1"/>
  <c r="T63491" i="1"/>
  <c r="T63492" i="1"/>
  <c r="T63493" i="1"/>
  <c r="T63494" i="1"/>
  <c r="T63495" i="1"/>
  <c r="T63496" i="1"/>
  <c r="T63497" i="1"/>
  <c r="T63498" i="1"/>
  <c r="T63499" i="1"/>
  <c r="T63500" i="1"/>
  <c r="T63501" i="1"/>
  <c r="T63502" i="1"/>
  <c r="T63503" i="1"/>
  <c r="T63504" i="1"/>
  <c r="T63505" i="1"/>
  <c r="T63506" i="1"/>
  <c r="T63507" i="1"/>
  <c r="T63508" i="1"/>
  <c r="T63509" i="1"/>
  <c r="T63510" i="1"/>
  <c r="T63511" i="1"/>
  <c r="T63512" i="1"/>
  <c r="T63513" i="1"/>
  <c r="T63514" i="1"/>
  <c r="T63515" i="1"/>
  <c r="T63516" i="1"/>
  <c r="T63517" i="1"/>
  <c r="T63518" i="1"/>
  <c r="T63519" i="1"/>
  <c r="T63520" i="1"/>
  <c r="T63521" i="1"/>
  <c r="T63522" i="1"/>
  <c r="T63523" i="1"/>
  <c r="T63524" i="1"/>
  <c r="T63525" i="1"/>
  <c r="T63526" i="1"/>
  <c r="T63527" i="1"/>
  <c r="T63528" i="1"/>
  <c r="T63529" i="1"/>
  <c r="T63530" i="1"/>
  <c r="T63531" i="1"/>
  <c r="T63532" i="1"/>
  <c r="T63533" i="1"/>
  <c r="T63534" i="1"/>
  <c r="T63535" i="1"/>
  <c r="T63536" i="1"/>
  <c r="T63537" i="1"/>
  <c r="T63538" i="1"/>
  <c r="T63539" i="1"/>
  <c r="T63540" i="1"/>
  <c r="T63541" i="1"/>
  <c r="T63542" i="1"/>
  <c r="T63543" i="1"/>
  <c r="T63544" i="1"/>
  <c r="T63545" i="1"/>
  <c r="T63546" i="1"/>
  <c r="T63547" i="1"/>
  <c r="T63548" i="1"/>
  <c r="T63549" i="1"/>
  <c r="T63550" i="1"/>
  <c r="T63551" i="1"/>
  <c r="T63552" i="1"/>
  <c r="T63553" i="1"/>
  <c r="T63554" i="1"/>
  <c r="T63555" i="1"/>
  <c r="T63556" i="1"/>
  <c r="T63557" i="1"/>
  <c r="T63558" i="1"/>
  <c r="T63559" i="1"/>
  <c r="T63560" i="1"/>
  <c r="T63561" i="1"/>
  <c r="T63562" i="1"/>
  <c r="T63563" i="1"/>
  <c r="T63564" i="1"/>
  <c r="T63565" i="1"/>
  <c r="T63566" i="1"/>
  <c r="T63567" i="1"/>
  <c r="T63568" i="1"/>
  <c r="T63569" i="1"/>
  <c r="T63570" i="1"/>
  <c r="T63571" i="1"/>
  <c r="T63572" i="1"/>
  <c r="T63573" i="1"/>
  <c r="T63574" i="1"/>
  <c r="T63575" i="1"/>
  <c r="T63576" i="1"/>
  <c r="T63577" i="1"/>
  <c r="T63578" i="1"/>
  <c r="T63579" i="1"/>
  <c r="T63580" i="1"/>
  <c r="T63581" i="1"/>
  <c r="T63582" i="1"/>
  <c r="T63583" i="1"/>
  <c r="T63584" i="1"/>
  <c r="T63585" i="1"/>
  <c r="T63586" i="1"/>
  <c r="T63587" i="1"/>
  <c r="T63588" i="1"/>
  <c r="T63589" i="1"/>
  <c r="T63590" i="1"/>
  <c r="T63591" i="1"/>
  <c r="T63592" i="1"/>
  <c r="T63593" i="1"/>
  <c r="T63594" i="1"/>
  <c r="T63595" i="1"/>
  <c r="T63596" i="1"/>
  <c r="T63597" i="1"/>
  <c r="T63598" i="1"/>
  <c r="T63599" i="1"/>
  <c r="T63600" i="1"/>
  <c r="T63601" i="1"/>
  <c r="T63602" i="1"/>
  <c r="T63603" i="1"/>
  <c r="T63604" i="1"/>
  <c r="T63605" i="1"/>
  <c r="T63606" i="1"/>
  <c r="T63607" i="1"/>
  <c r="T63608" i="1"/>
  <c r="T63609" i="1"/>
  <c r="T63610" i="1"/>
  <c r="T63611" i="1"/>
  <c r="T63612" i="1"/>
  <c r="T63613" i="1"/>
  <c r="T63614" i="1"/>
  <c r="T63615" i="1"/>
  <c r="T63616" i="1"/>
  <c r="T63617" i="1"/>
  <c r="T63618" i="1"/>
  <c r="T63619" i="1"/>
  <c r="T63620" i="1"/>
  <c r="T63621" i="1"/>
  <c r="T63622" i="1"/>
  <c r="T63623" i="1"/>
  <c r="T63624" i="1"/>
  <c r="T63625" i="1"/>
  <c r="T63626" i="1"/>
  <c r="T63627" i="1"/>
  <c r="T63628" i="1"/>
  <c r="T63629" i="1"/>
  <c r="T63630" i="1"/>
  <c r="T63631" i="1"/>
  <c r="T63632" i="1"/>
  <c r="T63633" i="1"/>
  <c r="T63634" i="1"/>
  <c r="T63635" i="1"/>
  <c r="T63636" i="1"/>
  <c r="T63637" i="1"/>
  <c r="T63638" i="1"/>
  <c r="T63639" i="1"/>
  <c r="T63640" i="1"/>
  <c r="T63641" i="1"/>
  <c r="T63642" i="1"/>
  <c r="T63643" i="1"/>
  <c r="T63644" i="1"/>
  <c r="T63645" i="1"/>
  <c r="T63646" i="1"/>
  <c r="T63647" i="1"/>
  <c r="T63648" i="1"/>
  <c r="T63649" i="1"/>
  <c r="T63650" i="1"/>
  <c r="T63651" i="1"/>
  <c r="T63652" i="1"/>
  <c r="T63653" i="1"/>
  <c r="T63654" i="1"/>
  <c r="T63655" i="1"/>
  <c r="T63656" i="1"/>
  <c r="T63657" i="1"/>
  <c r="T63658" i="1"/>
  <c r="T63659" i="1"/>
  <c r="T63660" i="1"/>
  <c r="T63661" i="1"/>
  <c r="T63662" i="1"/>
  <c r="T63663" i="1"/>
  <c r="T63664" i="1"/>
  <c r="T63665" i="1"/>
  <c r="T63666" i="1"/>
  <c r="T63667" i="1"/>
  <c r="T63668" i="1"/>
  <c r="T63669" i="1"/>
  <c r="T63670" i="1"/>
  <c r="T63671" i="1"/>
  <c r="T63672" i="1"/>
  <c r="T63673" i="1"/>
  <c r="T63674" i="1"/>
  <c r="T63675" i="1"/>
  <c r="T63676" i="1"/>
  <c r="T63677" i="1"/>
  <c r="T63678" i="1"/>
  <c r="T63679" i="1"/>
  <c r="T63680" i="1"/>
  <c r="T63681" i="1"/>
  <c r="T63682" i="1"/>
  <c r="T63683" i="1"/>
  <c r="T63684" i="1"/>
  <c r="T63685" i="1"/>
  <c r="T63686" i="1"/>
  <c r="T63687" i="1"/>
  <c r="T63688" i="1"/>
  <c r="T63689" i="1"/>
  <c r="T63690" i="1"/>
  <c r="T63691" i="1"/>
  <c r="T63692" i="1"/>
  <c r="T63693" i="1"/>
  <c r="T63694" i="1"/>
  <c r="T63695" i="1"/>
  <c r="T63696" i="1"/>
  <c r="T63697" i="1"/>
  <c r="T63698" i="1"/>
  <c r="T63699" i="1"/>
  <c r="T63700" i="1"/>
  <c r="T63701" i="1"/>
  <c r="T63702" i="1"/>
  <c r="T63703" i="1"/>
  <c r="T63704" i="1"/>
  <c r="T63705" i="1"/>
  <c r="T63706" i="1"/>
  <c r="T63707" i="1"/>
  <c r="T63708" i="1"/>
  <c r="T63709" i="1"/>
  <c r="T63710" i="1"/>
  <c r="T63711" i="1"/>
  <c r="T63712" i="1"/>
  <c r="T63713" i="1"/>
  <c r="T63714" i="1"/>
  <c r="T63715" i="1"/>
  <c r="T63716" i="1"/>
  <c r="T63717" i="1"/>
  <c r="T63718" i="1"/>
  <c r="T63719" i="1"/>
  <c r="T63720" i="1"/>
  <c r="T63721" i="1"/>
  <c r="T63722" i="1"/>
  <c r="T63723" i="1"/>
  <c r="T63724" i="1"/>
  <c r="T63725" i="1"/>
  <c r="T63726" i="1"/>
  <c r="T63727" i="1"/>
  <c r="T63728" i="1"/>
  <c r="T63729" i="1"/>
  <c r="T63730" i="1"/>
  <c r="T63731" i="1"/>
  <c r="T63732" i="1"/>
  <c r="T63733" i="1"/>
  <c r="T63734" i="1"/>
  <c r="T63735" i="1"/>
  <c r="T63736" i="1"/>
  <c r="T63737" i="1"/>
  <c r="T63738" i="1"/>
  <c r="T63739" i="1"/>
  <c r="T63740" i="1"/>
  <c r="T63741" i="1"/>
  <c r="T63742" i="1"/>
  <c r="T63743" i="1"/>
  <c r="T63744" i="1"/>
  <c r="T63745" i="1"/>
  <c r="T63746" i="1"/>
  <c r="T63747" i="1"/>
  <c r="T63748" i="1"/>
  <c r="T63749" i="1"/>
  <c r="T63750" i="1"/>
  <c r="T63751" i="1"/>
  <c r="T63752" i="1"/>
  <c r="T63753" i="1"/>
  <c r="T63754" i="1"/>
  <c r="T63755" i="1"/>
  <c r="T63756" i="1"/>
  <c r="T63757" i="1"/>
  <c r="T63758" i="1"/>
  <c r="T63759" i="1"/>
  <c r="T63760" i="1"/>
  <c r="T63761" i="1"/>
  <c r="T63762" i="1"/>
  <c r="T63763" i="1"/>
  <c r="T63764" i="1"/>
  <c r="T63765" i="1"/>
  <c r="T63766" i="1"/>
  <c r="T63767" i="1"/>
  <c r="T63768" i="1"/>
  <c r="T63769" i="1"/>
  <c r="T63770" i="1"/>
  <c r="T63771" i="1"/>
  <c r="T63772" i="1"/>
  <c r="T63773" i="1"/>
  <c r="T63774" i="1"/>
  <c r="T63775" i="1"/>
  <c r="T63776" i="1"/>
  <c r="T63777" i="1"/>
  <c r="T63778" i="1"/>
  <c r="T63779" i="1"/>
  <c r="T63780" i="1"/>
  <c r="T63781" i="1"/>
  <c r="T63782" i="1"/>
  <c r="T63783" i="1"/>
  <c r="T63784" i="1"/>
  <c r="T63785" i="1"/>
  <c r="T63786" i="1"/>
  <c r="T63787" i="1"/>
  <c r="T63788" i="1"/>
  <c r="T63789" i="1"/>
  <c r="T63790" i="1"/>
  <c r="T63791" i="1"/>
  <c r="T63792" i="1"/>
  <c r="T63793" i="1"/>
  <c r="T63794" i="1"/>
  <c r="T63795" i="1"/>
  <c r="T63796" i="1"/>
  <c r="T63797" i="1"/>
  <c r="T63798" i="1"/>
  <c r="T63799" i="1"/>
  <c r="T63800" i="1"/>
  <c r="T63801" i="1"/>
  <c r="T63802" i="1"/>
  <c r="T63803" i="1"/>
  <c r="T63804" i="1"/>
  <c r="T63805" i="1"/>
  <c r="T63806" i="1"/>
  <c r="T63807" i="1"/>
  <c r="T63808" i="1"/>
  <c r="T63809" i="1"/>
  <c r="T63810" i="1"/>
  <c r="T63811" i="1"/>
  <c r="T63812" i="1"/>
  <c r="T63813" i="1"/>
  <c r="T63814" i="1"/>
  <c r="T63815" i="1"/>
  <c r="T63816" i="1"/>
  <c r="T63817" i="1"/>
  <c r="T63818" i="1"/>
  <c r="T63819" i="1"/>
  <c r="T63820" i="1"/>
  <c r="T63821" i="1"/>
  <c r="T63822" i="1"/>
  <c r="T63823" i="1"/>
  <c r="T63824" i="1"/>
  <c r="T63825" i="1"/>
  <c r="T63826" i="1"/>
  <c r="T63827" i="1"/>
  <c r="T63828" i="1"/>
  <c r="T63829" i="1"/>
  <c r="T63830" i="1"/>
  <c r="T63831" i="1"/>
  <c r="T63832" i="1"/>
  <c r="T63833" i="1"/>
  <c r="T63834" i="1"/>
  <c r="T63835" i="1"/>
  <c r="T63836" i="1"/>
  <c r="T63837" i="1"/>
  <c r="T63838" i="1"/>
  <c r="T63839" i="1"/>
  <c r="T63840" i="1"/>
  <c r="T63841" i="1"/>
  <c r="T63842" i="1"/>
  <c r="T63843" i="1"/>
  <c r="T63844" i="1"/>
  <c r="T63845" i="1"/>
  <c r="T63846" i="1"/>
  <c r="T63847" i="1"/>
  <c r="T63848" i="1"/>
  <c r="T63849" i="1"/>
  <c r="T63850" i="1"/>
  <c r="T63851" i="1"/>
  <c r="T63852" i="1"/>
  <c r="T63853" i="1"/>
  <c r="T63854" i="1"/>
  <c r="T63855" i="1"/>
  <c r="T63856" i="1"/>
  <c r="T63857" i="1"/>
  <c r="T63858" i="1"/>
  <c r="T63859" i="1"/>
  <c r="T63860" i="1"/>
  <c r="T63861" i="1"/>
  <c r="T63862" i="1"/>
  <c r="T63863" i="1"/>
  <c r="T63864" i="1"/>
  <c r="T63865" i="1"/>
  <c r="T63866" i="1"/>
  <c r="T63867" i="1"/>
  <c r="T63868" i="1"/>
  <c r="T63869" i="1"/>
  <c r="T63870" i="1"/>
  <c r="T63871" i="1"/>
  <c r="T63872" i="1"/>
  <c r="T63873" i="1"/>
  <c r="T63874" i="1"/>
  <c r="T63875" i="1"/>
  <c r="T63876" i="1"/>
  <c r="T63877" i="1"/>
  <c r="T63878" i="1"/>
  <c r="T63879" i="1"/>
  <c r="T63880" i="1"/>
  <c r="T63881" i="1"/>
  <c r="T63882" i="1"/>
  <c r="T63883" i="1"/>
  <c r="T63884" i="1"/>
  <c r="T63885" i="1"/>
  <c r="T63886" i="1"/>
  <c r="T63887" i="1"/>
  <c r="T63888" i="1"/>
  <c r="T63889" i="1"/>
  <c r="T63890" i="1"/>
  <c r="T63891" i="1"/>
  <c r="T63892" i="1"/>
  <c r="T63893" i="1"/>
  <c r="T63894" i="1"/>
  <c r="T63895" i="1"/>
  <c r="T63896" i="1"/>
  <c r="T63897" i="1"/>
  <c r="T63898" i="1"/>
  <c r="T63899" i="1"/>
  <c r="T63900" i="1"/>
  <c r="T63901" i="1"/>
  <c r="T63902" i="1"/>
  <c r="T63903" i="1"/>
  <c r="T63904" i="1"/>
  <c r="T63905" i="1"/>
  <c r="T63906" i="1"/>
  <c r="T63907" i="1"/>
  <c r="T63908" i="1"/>
  <c r="T63909" i="1"/>
  <c r="T63910" i="1"/>
  <c r="T63911" i="1"/>
  <c r="T63912" i="1"/>
  <c r="T63913" i="1"/>
  <c r="T63914" i="1"/>
  <c r="T63915" i="1"/>
  <c r="T63916" i="1"/>
  <c r="T63917" i="1"/>
  <c r="T63918" i="1"/>
  <c r="T63919" i="1"/>
  <c r="T63920" i="1"/>
  <c r="T63921" i="1"/>
  <c r="T63922" i="1"/>
  <c r="T63923" i="1"/>
  <c r="T63924" i="1"/>
  <c r="T63925" i="1"/>
  <c r="T63926" i="1"/>
  <c r="T63927" i="1"/>
  <c r="T63928" i="1"/>
  <c r="T63929" i="1"/>
  <c r="T63930" i="1"/>
  <c r="T63931" i="1"/>
  <c r="T63932" i="1"/>
  <c r="T63933" i="1"/>
  <c r="T63934" i="1"/>
  <c r="T63935" i="1"/>
  <c r="T63936" i="1"/>
  <c r="T63937" i="1"/>
  <c r="T63938" i="1"/>
  <c r="T63939" i="1"/>
  <c r="T63940" i="1"/>
  <c r="T63941" i="1"/>
  <c r="T63942" i="1"/>
  <c r="T63943" i="1"/>
  <c r="T63944" i="1"/>
  <c r="T63945" i="1"/>
  <c r="T63946" i="1"/>
  <c r="T63947" i="1"/>
  <c r="T63948" i="1"/>
  <c r="T63949" i="1"/>
  <c r="T63950" i="1"/>
  <c r="T63951" i="1"/>
  <c r="T63952" i="1"/>
  <c r="T63953" i="1"/>
  <c r="T63954" i="1"/>
  <c r="T63955" i="1"/>
  <c r="T63956" i="1"/>
  <c r="T63957" i="1"/>
  <c r="T63958" i="1"/>
  <c r="T63959" i="1"/>
  <c r="T63960" i="1"/>
  <c r="T63961" i="1"/>
  <c r="T63962" i="1"/>
  <c r="T63963" i="1"/>
  <c r="T63964" i="1"/>
  <c r="T63965" i="1"/>
  <c r="T63966" i="1"/>
  <c r="T63967" i="1"/>
  <c r="T63968" i="1"/>
  <c r="T63969" i="1"/>
  <c r="T63970" i="1"/>
  <c r="T63971" i="1"/>
  <c r="T63972" i="1"/>
  <c r="T63973" i="1"/>
  <c r="T63974" i="1"/>
  <c r="T63975" i="1"/>
  <c r="T63976" i="1"/>
  <c r="T63977" i="1"/>
  <c r="T63978" i="1"/>
  <c r="T63979" i="1"/>
  <c r="T63980" i="1"/>
  <c r="T63981" i="1"/>
  <c r="T63982" i="1"/>
  <c r="T63983" i="1"/>
  <c r="T63984" i="1"/>
  <c r="T63985" i="1"/>
  <c r="T63986" i="1"/>
  <c r="T63987" i="1"/>
  <c r="T63988" i="1"/>
  <c r="T63989" i="1"/>
  <c r="T63990" i="1"/>
  <c r="T63991" i="1"/>
  <c r="T63992" i="1"/>
  <c r="T63993" i="1"/>
  <c r="T63994" i="1"/>
  <c r="T63995" i="1"/>
  <c r="T63996" i="1"/>
  <c r="T63997" i="1"/>
  <c r="T63998" i="1"/>
  <c r="T63999" i="1"/>
  <c r="T64000" i="1"/>
  <c r="T64001" i="1"/>
  <c r="T64002" i="1"/>
  <c r="T64003" i="1"/>
  <c r="T64004" i="1"/>
  <c r="T64005" i="1"/>
  <c r="T64006" i="1"/>
  <c r="T64007" i="1"/>
  <c r="T64008" i="1"/>
  <c r="T64009" i="1"/>
  <c r="T64010" i="1"/>
  <c r="T64011" i="1"/>
  <c r="T64012" i="1"/>
  <c r="T64013" i="1"/>
  <c r="T64014" i="1"/>
  <c r="T64015" i="1"/>
  <c r="T64016" i="1"/>
  <c r="T64017" i="1"/>
  <c r="T64018" i="1"/>
  <c r="T64019" i="1"/>
  <c r="T64020" i="1"/>
  <c r="T64021" i="1"/>
  <c r="T64022" i="1"/>
  <c r="T64023" i="1"/>
  <c r="T64024" i="1"/>
  <c r="T64025" i="1"/>
  <c r="T64026" i="1"/>
  <c r="T64027" i="1"/>
  <c r="T64028" i="1"/>
  <c r="T64029" i="1"/>
  <c r="T64030" i="1"/>
  <c r="T64031" i="1"/>
  <c r="T64032" i="1"/>
  <c r="T64033" i="1"/>
  <c r="T64034" i="1"/>
  <c r="T64035" i="1"/>
  <c r="T64036" i="1"/>
  <c r="T64037" i="1"/>
  <c r="T64038" i="1"/>
  <c r="T64039" i="1"/>
  <c r="T64040" i="1"/>
  <c r="T64041" i="1"/>
  <c r="T64042" i="1"/>
  <c r="T64043" i="1"/>
  <c r="T64044" i="1"/>
  <c r="T64045" i="1"/>
  <c r="T64046" i="1"/>
  <c r="T64047" i="1"/>
  <c r="T64048" i="1"/>
  <c r="T64049" i="1"/>
  <c r="T64050" i="1"/>
  <c r="T64051" i="1"/>
  <c r="T64052" i="1"/>
  <c r="T64053" i="1"/>
  <c r="T64054" i="1"/>
  <c r="T64055" i="1"/>
  <c r="T64056" i="1"/>
  <c r="T64057" i="1"/>
  <c r="T64058" i="1"/>
  <c r="T64059" i="1"/>
  <c r="T64060" i="1"/>
  <c r="T64061" i="1"/>
  <c r="T64062" i="1"/>
  <c r="T64063" i="1"/>
  <c r="T64064" i="1"/>
  <c r="T64065" i="1"/>
  <c r="T64066" i="1"/>
  <c r="T64067" i="1"/>
  <c r="T64068" i="1"/>
  <c r="T64069" i="1"/>
  <c r="T64070" i="1"/>
  <c r="T64071" i="1"/>
  <c r="T64072" i="1"/>
  <c r="T64073" i="1"/>
  <c r="T64074" i="1"/>
  <c r="T64075" i="1"/>
  <c r="T64076" i="1"/>
  <c r="T64077" i="1"/>
  <c r="T64078" i="1"/>
  <c r="T64079" i="1"/>
  <c r="T64080" i="1"/>
  <c r="T64081" i="1"/>
  <c r="T64082" i="1"/>
  <c r="T64083" i="1"/>
  <c r="T64084" i="1"/>
  <c r="T64085" i="1"/>
  <c r="T64086" i="1"/>
  <c r="T64087" i="1"/>
  <c r="T64088" i="1"/>
  <c r="T64089" i="1"/>
  <c r="T64090" i="1"/>
  <c r="T64091" i="1"/>
  <c r="T64092" i="1"/>
  <c r="T64093" i="1"/>
  <c r="T64094" i="1"/>
  <c r="T64095" i="1"/>
  <c r="T64096" i="1"/>
  <c r="T64097" i="1"/>
  <c r="T64098" i="1"/>
  <c r="T64099" i="1"/>
  <c r="T64100" i="1"/>
  <c r="T64101" i="1"/>
  <c r="T64102" i="1"/>
  <c r="T64103" i="1"/>
  <c r="T64104" i="1"/>
  <c r="T64105" i="1"/>
  <c r="T64106" i="1"/>
  <c r="T64107" i="1"/>
  <c r="T64108" i="1"/>
  <c r="T64109" i="1"/>
  <c r="T64110" i="1"/>
  <c r="T64111" i="1"/>
  <c r="T64112" i="1"/>
  <c r="T64113" i="1"/>
  <c r="T64114" i="1"/>
  <c r="T64115" i="1"/>
  <c r="T64116" i="1"/>
  <c r="T64117" i="1"/>
  <c r="T64118" i="1"/>
  <c r="T64119" i="1"/>
  <c r="T64120" i="1"/>
  <c r="T64121" i="1"/>
  <c r="T64122" i="1"/>
  <c r="T64123" i="1"/>
  <c r="T64124" i="1"/>
  <c r="T64125" i="1"/>
  <c r="T64126" i="1"/>
  <c r="T64127" i="1"/>
  <c r="T64128" i="1"/>
  <c r="T64129" i="1"/>
  <c r="T64130" i="1"/>
  <c r="T64131" i="1"/>
  <c r="T64132" i="1"/>
  <c r="T64133" i="1"/>
  <c r="T64134" i="1"/>
  <c r="T64135" i="1"/>
  <c r="T64136" i="1"/>
  <c r="T64137" i="1"/>
  <c r="T64138" i="1"/>
  <c r="T64139" i="1"/>
  <c r="T64140" i="1"/>
  <c r="T64141" i="1"/>
  <c r="T64142" i="1"/>
  <c r="T64143" i="1"/>
  <c r="T64144" i="1"/>
  <c r="T64145" i="1"/>
  <c r="T64146" i="1"/>
  <c r="T64147" i="1"/>
  <c r="T64148" i="1"/>
  <c r="T64149" i="1"/>
  <c r="T64150" i="1"/>
  <c r="T64151" i="1"/>
  <c r="T64152" i="1"/>
  <c r="T64153" i="1"/>
  <c r="T64154" i="1"/>
  <c r="T64155" i="1"/>
  <c r="T64156" i="1"/>
  <c r="T64157" i="1"/>
  <c r="T64158" i="1"/>
  <c r="T64159" i="1"/>
  <c r="T64160" i="1"/>
  <c r="T64161" i="1"/>
  <c r="T64162" i="1"/>
  <c r="T64163" i="1"/>
  <c r="T64164" i="1"/>
  <c r="T64165" i="1"/>
  <c r="T64166" i="1"/>
  <c r="T64167" i="1"/>
  <c r="T64168" i="1"/>
  <c r="T64169" i="1"/>
  <c r="T64170" i="1"/>
  <c r="T64171" i="1"/>
  <c r="T64172" i="1"/>
  <c r="T64173" i="1"/>
  <c r="T64174" i="1"/>
  <c r="T64175" i="1"/>
  <c r="T64176" i="1"/>
  <c r="T64177" i="1"/>
  <c r="T64178" i="1"/>
  <c r="T64179" i="1"/>
  <c r="T64180" i="1"/>
  <c r="T64181" i="1"/>
  <c r="T64182" i="1"/>
  <c r="T64183" i="1"/>
  <c r="T64184" i="1"/>
  <c r="T64185" i="1"/>
  <c r="T64186" i="1"/>
  <c r="T64187" i="1"/>
  <c r="T64188" i="1"/>
  <c r="T64189" i="1"/>
  <c r="T64190" i="1"/>
  <c r="T64191" i="1"/>
  <c r="T64192" i="1"/>
  <c r="T64193" i="1"/>
  <c r="T64194" i="1"/>
  <c r="T64195" i="1"/>
  <c r="T64196" i="1"/>
  <c r="T64197" i="1"/>
  <c r="T64198" i="1"/>
  <c r="T64199" i="1"/>
  <c r="T64200" i="1"/>
  <c r="T64201" i="1"/>
  <c r="T64202" i="1"/>
  <c r="T64203" i="1"/>
  <c r="T64204" i="1"/>
  <c r="T64205" i="1"/>
  <c r="T64206" i="1"/>
  <c r="T64207" i="1"/>
  <c r="T64208" i="1"/>
  <c r="T64209" i="1"/>
  <c r="T64210" i="1"/>
  <c r="T64211" i="1"/>
  <c r="T64212" i="1"/>
  <c r="T64213" i="1"/>
  <c r="T64214" i="1"/>
  <c r="T64215" i="1"/>
  <c r="T64216" i="1"/>
  <c r="T64217" i="1"/>
  <c r="T64218" i="1"/>
  <c r="T64219" i="1"/>
  <c r="T64220" i="1"/>
  <c r="T64221" i="1"/>
  <c r="T64222" i="1"/>
  <c r="T64223" i="1"/>
  <c r="T64224" i="1"/>
  <c r="T64225" i="1"/>
  <c r="T64226" i="1"/>
  <c r="T64227" i="1"/>
  <c r="T64228" i="1"/>
  <c r="T64229" i="1"/>
  <c r="T64230" i="1"/>
  <c r="T64231" i="1"/>
  <c r="T64232" i="1"/>
  <c r="T64233" i="1"/>
  <c r="T64234" i="1"/>
  <c r="T64235" i="1"/>
  <c r="T64236" i="1"/>
  <c r="T64237" i="1"/>
  <c r="T64238" i="1"/>
  <c r="T64239" i="1"/>
  <c r="T64240" i="1"/>
  <c r="T64241" i="1"/>
  <c r="T64242" i="1"/>
  <c r="T64243" i="1"/>
  <c r="T64244" i="1"/>
  <c r="T64245" i="1"/>
  <c r="T64246" i="1"/>
  <c r="T64247" i="1"/>
  <c r="T64248" i="1"/>
  <c r="T64249" i="1"/>
  <c r="T64250" i="1"/>
  <c r="T64251" i="1"/>
  <c r="T64252" i="1"/>
  <c r="T64253" i="1"/>
  <c r="T64254" i="1"/>
  <c r="T64255" i="1"/>
  <c r="T64256" i="1"/>
  <c r="T64257" i="1"/>
  <c r="T64258" i="1"/>
  <c r="T64259" i="1"/>
  <c r="T64260" i="1"/>
  <c r="T64261" i="1"/>
  <c r="T64262" i="1"/>
  <c r="T64263" i="1"/>
  <c r="T64264" i="1"/>
  <c r="T64265" i="1"/>
  <c r="T64266" i="1"/>
  <c r="T64267" i="1"/>
  <c r="T64268" i="1"/>
  <c r="T64269" i="1"/>
  <c r="T64270" i="1"/>
  <c r="T64271" i="1"/>
  <c r="T64272" i="1"/>
  <c r="T64273" i="1"/>
  <c r="T64274" i="1"/>
  <c r="T64275" i="1"/>
  <c r="T64276" i="1"/>
  <c r="T64277" i="1"/>
  <c r="T64278" i="1"/>
  <c r="T64279" i="1"/>
  <c r="T64280" i="1"/>
  <c r="T64281" i="1"/>
  <c r="T64282" i="1"/>
  <c r="T64283" i="1"/>
  <c r="T64284" i="1"/>
  <c r="T64285" i="1"/>
  <c r="T64286" i="1"/>
  <c r="T64287" i="1"/>
  <c r="T64288" i="1"/>
  <c r="T64289" i="1"/>
  <c r="T64290" i="1"/>
  <c r="T64291" i="1"/>
  <c r="T64292" i="1"/>
  <c r="T64293" i="1"/>
  <c r="T64294" i="1"/>
  <c r="T64295" i="1"/>
  <c r="T64296" i="1"/>
  <c r="T64297" i="1"/>
  <c r="T64298" i="1"/>
  <c r="T64299" i="1"/>
  <c r="T64300" i="1"/>
  <c r="T64301" i="1"/>
  <c r="T64302" i="1"/>
  <c r="T64303" i="1"/>
  <c r="T64304" i="1"/>
  <c r="T64305" i="1"/>
  <c r="T64306" i="1"/>
  <c r="T64307" i="1"/>
  <c r="T64308" i="1"/>
  <c r="T64309" i="1"/>
  <c r="T64310" i="1"/>
  <c r="T64311" i="1"/>
  <c r="T64312" i="1"/>
  <c r="T64313" i="1"/>
  <c r="T64314" i="1"/>
  <c r="T64315" i="1"/>
  <c r="T64316" i="1"/>
  <c r="T64317" i="1"/>
  <c r="T64318" i="1"/>
  <c r="T64319" i="1"/>
  <c r="T64320" i="1"/>
  <c r="T64321" i="1"/>
  <c r="T64322" i="1"/>
  <c r="T64323" i="1"/>
  <c r="T64324" i="1"/>
  <c r="T64325" i="1"/>
  <c r="T64326" i="1"/>
  <c r="T64327" i="1"/>
  <c r="T64328" i="1"/>
  <c r="T64329" i="1"/>
  <c r="T64330" i="1"/>
  <c r="T64331" i="1"/>
  <c r="T64332" i="1"/>
  <c r="T64333" i="1"/>
  <c r="T64334" i="1"/>
  <c r="T64335" i="1"/>
  <c r="T64336" i="1"/>
  <c r="T64337" i="1"/>
  <c r="T64338" i="1"/>
  <c r="T64339" i="1"/>
  <c r="T64340" i="1"/>
  <c r="T64341" i="1"/>
  <c r="T64342" i="1"/>
  <c r="T64343" i="1"/>
  <c r="T64344" i="1"/>
  <c r="T64345" i="1"/>
  <c r="T64346" i="1"/>
  <c r="T64347" i="1"/>
  <c r="T64348" i="1"/>
  <c r="T64349" i="1"/>
  <c r="T64350" i="1"/>
  <c r="T64351" i="1"/>
  <c r="T64352" i="1"/>
  <c r="T64353" i="1"/>
  <c r="T64354" i="1"/>
  <c r="T64355" i="1"/>
  <c r="T64356" i="1"/>
  <c r="T64357" i="1"/>
  <c r="T64358" i="1"/>
  <c r="T64359" i="1"/>
  <c r="T64360" i="1"/>
  <c r="T64361" i="1"/>
  <c r="T64362" i="1"/>
  <c r="T64363" i="1"/>
  <c r="T64364" i="1"/>
  <c r="T64365" i="1"/>
  <c r="T64366" i="1"/>
  <c r="T64367" i="1"/>
  <c r="T64368" i="1"/>
  <c r="T64369" i="1"/>
  <c r="T64370" i="1"/>
  <c r="T64371" i="1"/>
  <c r="T64372" i="1"/>
  <c r="T64373" i="1"/>
  <c r="T64374" i="1"/>
  <c r="T64375" i="1"/>
  <c r="T64376" i="1"/>
  <c r="T64377" i="1"/>
  <c r="T64378" i="1"/>
  <c r="T64379" i="1"/>
  <c r="T64380" i="1"/>
  <c r="T64381" i="1"/>
  <c r="T64382" i="1"/>
  <c r="T64383" i="1"/>
  <c r="T64384" i="1"/>
  <c r="T64385" i="1"/>
  <c r="T64386" i="1"/>
  <c r="T64387" i="1"/>
  <c r="T64388" i="1"/>
  <c r="T64389" i="1"/>
  <c r="T64390" i="1"/>
  <c r="T64391" i="1"/>
  <c r="T64392" i="1"/>
  <c r="T64393" i="1"/>
  <c r="T64394" i="1"/>
  <c r="T64395" i="1"/>
  <c r="T64396" i="1"/>
  <c r="T64397" i="1"/>
  <c r="T64398" i="1"/>
  <c r="T64399" i="1"/>
  <c r="T64400" i="1"/>
  <c r="T64401" i="1"/>
  <c r="T64402" i="1"/>
  <c r="T64403" i="1"/>
  <c r="T64404" i="1"/>
  <c r="T64405" i="1"/>
  <c r="T64406" i="1"/>
  <c r="T64407" i="1"/>
  <c r="T64408" i="1"/>
  <c r="T64409" i="1"/>
  <c r="T64410" i="1"/>
  <c r="T64411" i="1"/>
  <c r="T64412" i="1"/>
  <c r="T64413" i="1"/>
  <c r="T64414" i="1"/>
  <c r="T64415" i="1"/>
  <c r="T64416" i="1"/>
  <c r="T64417" i="1"/>
  <c r="T64418" i="1"/>
  <c r="T64419" i="1"/>
  <c r="T64420" i="1"/>
  <c r="T64421" i="1"/>
  <c r="T64422" i="1"/>
  <c r="T64423" i="1"/>
  <c r="T64424" i="1"/>
  <c r="T64425" i="1"/>
  <c r="T64426" i="1"/>
  <c r="T64427" i="1"/>
  <c r="T64428" i="1"/>
  <c r="T64429" i="1"/>
  <c r="T64430" i="1"/>
  <c r="T64431" i="1"/>
  <c r="T64432" i="1"/>
  <c r="T64433" i="1"/>
  <c r="T64434" i="1"/>
  <c r="T64435" i="1"/>
  <c r="T64436" i="1"/>
  <c r="T64437" i="1"/>
  <c r="T64438" i="1"/>
  <c r="T64439" i="1"/>
  <c r="T64440" i="1"/>
  <c r="T64441" i="1"/>
  <c r="T64442" i="1"/>
  <c r="T64443" i="1"/>
  <c r="T64444" i="1"/>
  <c r="T64445" i="1"/>
  <c r="T64446" i="1"/>
  <c r="T64447" i="1"/>
  <c r="T64448" i="1"/>
  <c r="T64449" i="1"/>
  <c r="T64450" i="1"/>
  <c r="T64451" i="1"/>
  <c r="T64452" i="1"/>
  <c r="T64453" i="1"/>
  <c r="T64454" i="1"/>
  <c r="T64455" i="1"/>
  <c r="T64456" i="1"/>
  <c r="T64457" i="1"/>
  <c r="T64458" i="1"/>
  <c r="T64459" i="1"/>
  <c r="T64460" i="1"/>
  <c r="T64461" i="1"/>
  <c r="T64462" i="1"/>
  <c r="T64463" i="1"/>
  <c r="T64464" i="1"/>
  <c r="T64465" i="1"/>
  <c r="T64466" i="1"/>
  <c r="T64467" i="1"/>
  <c r="T64468" i="1"/>
  <c r="T64469" i="1"/>
  <c r="T64470" i="1"/>
  <c r="T64471" i="1"/>
  <c r="T64472" i="1"/>
  <c r="T64473" i="1"/>
  <c r="T64474" i="1"/>
  <c r="T64475" i="1"/>
  <c r="T64476" i="1"/>
  <c r="T64477" i="1"/>
  <c r="T64478" i="1"/>
  <c r="T64479" i="1"/>
  <c r="T64480" i="1"/>
  <c r="T64481" i="1"/>
  <c r="T64482" i="1"/>
  <c r="T64483" i="1"/>
  <c r="T64484" i="1"/>
  <c r="T64485" i="1"/>
  <c r="T64486" i="1"/>
  <c r="T64487" i="1"/>
  <c r="T64488" i="1"/>
  <c r="T64489" i="1"/>
  <c r="T64490" i="1"/>
  <c r="T64491" i="1"/>
  <c r="T64492" i="1"/>
  <c r="T64493" i="1"/>
  <c r="T64494" i="1"/>
  <c r="T64495" i="1"/>
  <c r="T64496" i="1"/>
  <c r="T64497" i="1"/>
  <c r="T64498" i="1"/>
  <c r="T64499" i="1"/>
  <c r="T64500" i="1"/>
  <c r="T64501" i="1"/>
  <c r="T64502" i="1"/>
  <c r="T64503" i="1"/>
  <c r="T64504" i="1"/>
  <c r="T64505" i="1"/>
  <c r="T64506" i="1"/>
  <c r="T64507" i="1"/>
  <c r="T64508" i="1"/>
  <c r="T64509" i="1"/>
  <c r="T64510" i="1"/>
  <c r="T64511" i="1"/>
  <c r="T64512" i="1"/>
  <c r="T64513" i="1"/>
  <c r="T64514" i="1"/>
  <c r="T64515" i="1"/>
  <c r="T64516" i="1"/>
  <c r="T64517" i="1"/>
  <c r="T64518" i="1"/>
  <c r="T64519" i="1"/>
  <c r="T64520" i="1"/>
  <c r="T64521" i="1"/>
  <c r="T64522" i="1"/>
  <c r="T64523" i="1"/>
  <c r="T64524" i="1"/>
  <c r="T64525" i="1"/>
  <c r="T64526" i="1"/>
  <c r="T64527" i="1"/>
  <c r="T64528" i="1"/>
  <c r="T64529" i="1"/>
  <c r="T64530" i="1"/>
  <c r="T64531" i="1"/>
  <c r="T64532" i="1"/>
  <c r="T64533" i="1"/>
  <c r="T64534" i="1"/>
  <c r="T64535" i="1"/>
  <c r="T64536" i="1"/>
  <c r="T64537" i="1"/>
  <c r="T64538" i="1"/>
  <c r="T64539" i="1"/>
  <c r="T64540" i="1"/>
  <c r="T64541" i="1"/>
  <c r="T64542" i="1"/>
  <c r="T64543" i="1"/>
  <c r="T64544" i="1"/>
  <c r="T64545" i="1"/>
  <c r="T64546" i="1"/>
  <c r="T64547" i="1"/>
  <c r="T64548" i="1"/>
  <c r="T64549" i="1"/>
  <c r="T64550" i="1"/>
  <c r="T64551" i="1"/>
  <c r="T64552" i="1"/>
  <c r="T64553" i="1"/>
  <c r="T64554" i="1"/>
  <c r="T64555" i="1"/>
  <c r="T64556" i="1"/>
  <c r="T64557" i="1"/>
  <c r="T64558" i="1"/>
  <c r="T64559" i="1"/>
  <c r="T64560" i="1"/>
  <c r="T64561" i="1"/>
  <c r="T64562" i="1"/>
  <c r="T64563" i="1"/>
  <c r="T64564" i="1"/>
  <c r="T64565" i="1"/>
  <c r="T64566" i="1"/>
  <c r="T64567" i="1"/>
  <c r="T64568" i="1"/>
  <c r="T64569" i="1"/>
  <c r="T64570" i="1"/>
  <c r="T64571" i="1"/>
  <c r="T64572" i="1"/>
  <c r="T64573" i="1"/>
  <c r="T64574" i="1"/>
  <c r="T64575" i="1"/>
  <c r="T64576" i="1"/>
  <c r="T64577" i="1"/>
  <c r="T64578" i="1"/>
  <c r="T64579" i="1"/>
  <c r="T64580" i="1"/>
  <c r="T64581" i="1"/>
  <c r="T64582" i="1"/>
  <c r="T64583" i="1"/>
  <c r="T64584" i="1"/>
  <c r="T64585" i="1"/>
  <c r="T64586" i="1"/>
  <c r="T64587" i="1"/>
  <c r="T64588" i="1"/>
  <c r="T64589" i="1"/>
  <c r="T64590" i="1"/>
  <c r="T64591" i="1"/>
  <c r="T64592" i="1"/>
  <c r="T64593" i="1"/>
  <c r="T64594" i="1"/>
  <c r="T64595" i="1"/>
  <c r="T64596" i="1"/>
  <c r="T64597" i="1"/>
  <c r="T64598" i="1"/>
  <c r="T64599" i="1"/>
  <c r="T64600" i="1"/>
  <c r="T64601" i="1"/>
  <c r="T64602" i="1"/>
  <c r="T64603" i="1"/>
  <c r="T64604" i="1"/>
  <c r="T64605" i="1"/>
  <c r="T64606" i="1"/>
  <c r="T64607" i="1"/>
  <c r="T64608" i="1"/>
  <c r="T64609" i="1"/>
  <c r="T64610" i="1"/>
  <c r="T64611" i="1"/>
  <c r="T64612" i="1"/>
  <c r="T64613" i="1"/>
  <c r="T64614" i="1"/>
  <c r="T64615" i="1"/>
  <c r="T64616" i="1"/>
  <c r="T64617" i="1"/>
  <c r="T64618" i="1"/>
  <c r="T64619" i="1"/>
  <c r="T64620" i="1"/>
  <c r="T64621" i="1"/>
  <c r="T64622" i="1"/>
  <c r="T64623" i="1"/>
  <c r="T64624" i="1"/>
  <c r="T64625" i="1"/>
  <c r="T64626" i="1"/>
  <c r="T64627" i="1"/>
  <c r="T64628" i="1"/>
  <c r="T64629" i="1"/>
  <c r="T64630" i="1"/>
  <c r="T64631" i="1"/>
  <c r="T64632" i="1"/>
  <c r="T64633" i="1"/>
  <c r="T64634" i="1"/>
  <c r="T64635" i="1"/>
  <c r="T64636" i="1"/>
  <c r="T64637" i="1"/>
  <c r="T64638" i="1"/>
  <c r="T64639" i="1"/>
  <c r="T64640" i="1"/>
  <c r="T64641" i="1"/>
  <c r="T64642" i="1"/>
  <c r="T64643" i="1"/>
  <c r="T64644" i="1"/>
  <c r="T64645" i="1"/>
  <c r="T64646" i="1"/>
  <c r="T64647" i="1"/>
  <c r="T64648" i="1"/>
  <c r="T64649" i="1"/>
  <c r="T64650" i="1"/>
  <c r="T64651" i="1"/>
  <c r="T64652" i="1"/>
  <c r="T64653" i="1"/>
  <c r="T64654" i="1"/>
  <c r="T64655" i="1"/>
  <c r="T64656" i="1"/>
  <c r="T64657" i="1"/>
  <c r="T64658" i="1"/>
  <c r="T64659" i="1"/>
  <c r="T64660" i="1"/>
  <c r="T64661" i="1"/>
  <c r="T64662" i="1"/>
  <c r="T64663" i="1"/>
  <c r="T64664" i="1"/>
  <c r="T64665" i="1"/>
  <c r="T64666" i="1"/>
  <c r="T64667" i="1"/>
  <c r="T64668" i="1"/>
  <c r="T64669" i="1"/>
  <c r="T64670" i="1"/>
  <c r="T64671" i="1"/>
  <c r="T64672" i="1"/>
  <c r="T64673" i="1"/>
  <c r="T64674" i="1"/>
  <c r="T64675" i="1"/>
  <c r="T64676" i="1"/>
  <c r="T64677" i="1"/>
  <c r="T64678" i="1"/>
  <c r="T64679" i="1"/>
  <c r="T64680" i="1"/>
  <c r="T64681" i="1"/>
  <c r="T64682" i="1"/>
  <c r="T64683" i="1"/>
  <c r="T64684" i="1"/>
  <c r="T64685" i="1"/>
  <c r="T64686" i="1"/>
  <c r="T64687" i="1"/>
  <c r="T64688" i="1"/>
  <c r="T64689" i="1"/>
  <c r="T64690" i="1"/>
  <c r="T64691" i="1"/>
  <c r="T64692" i="1"/>
  <c r="T64693" i="1"/>
  <c r="T64694" i="1"/>
  <c r="T64695" i="1"/>
  <c r="T64696" i="1"/>
  <c r="T64697" i="1"/>
  <c r="T64698" i="1"/>
  <c r="T64699" i="1"/>
  <c r="T64700" i="1"/>
  <c r="T64701" i="1"/>
  <c r="T64702" i="1"/>
  <c r="T64703" i="1"/>
  <c r="T64704" i="1"/>
  <c r="T64705" i="1"/>
  <c r="T64706" i="1"/>
  <c r="T64707" i="1"/>
  <c r="T64708" i="1"/>
  <c r="T64709" i="1"/>
  <c r="T64710" i="1"/>
  <c r="T64711" i="1"/>
  <c r="T64712" i="1"/>
  <c r="T64713" i="1"/>
  <c r="T64714" i="1"/>
  <c r="T64715" i="1"/>
  <c r="T64716" i="1"/>
  <c r="T64717" i="1"/>
  <c r="T64718" i="1"/>
  <c r="T64719" i="1"/>
  <c r="T64720" i="1"/>
  <c r="T64721" i="1"/>
  <c r="T64722" i="1"/>
  <c r="T64723" i="1"/>
  <c r="T64724" i="1"/>
  <c r="T64725" i="1"/>
  <c r="T64726" i="1"/>
  <c r="T64727" i="1"/>
  <c r="T64728" i="1"/>
  <c r="T64729" i="1"/>
  <c r="T64730" i="1"/>
  <c r="T64731" i="1"/>
  <c r="T64732" i="1"/>
  <c r="T64733" i="1"/>
  <c r="T64734" i="1"/>
  <c r="T64735" i="1"/>
  <c r="T64736" i="1"/>
  <c r="T64737" i="1"/>
  <c r="T64738" i="1"/>
  <c r="T64739" i="1"/>
  <c r="T64740" i="1"/>
  <c r="T64741" i="1"/>
  <c r="T64742" i="1"/>
  <c r="T64743" i="1"/>
  <c r="T64744" i="1"/>
  <c r="T64745" i="1"/>
  <c r="T64746" i="1"/>
  <c r="T64747" i="1"/>
  <c r="T64748" i="1"/>
  <c r="T64749" i="1"/>
  <c r="T64750" i="1"/>
  <c r="T64751" i="1"/>
  <c r="T64752" i="1"/>
  <c r="T64753" i="1"/>
  <c r="T64754" i="1"/>
  <c r="T64755" i="1"/>
  <c r="T64756" i="1"/>
  <c r="T64757" i="1"/>
  <c r="T64758" i="1"/>
  <c r="T64759" i="1"/>
  <c r="T64760" i="1"/>
  <c r="T64761" i="1"/>
  <c r="T64762" i="1"/>
  <c r="T64763" i="1"/>
  <c r="T64764" i="1"/>
  <c r="T64765" i="1"/>
  <c r="T64766" i="1"/>
  <c r="T64767" i="1"/>
  <c r="T64768" i="1"/>
  <c r="T64769" i="1"/>
  <c r="T64770" i="1"/>
  <c r="T64771" i="1"/>
  <c r="T64772" i="1"/>
  <c r="T64773" i="1"/>
  <c r="T64774" i="1"/>
  <c r="T64775" i="1"/>
  <c r="T64776" i="1"/>
  <c r="T64777" i="1"/>
  <c r="T64778" i="1"/>
  <c r="T64779" i="1"/>
  <c r="T64780" i="1"/>
  <c r="T64781" i="1"/>
  <c r="T64782" i="1"/>
  <c r="T64783" i="1"/>
  <c r="T64784" i="1"/>
  <c r="T64785" i="1"/>
  <c r="T64786" i="1"/>
  <c r="T64787" i="1"/>
  <c r="T64788" i="1"/>
  <c r="T64789" i="1"/>
  <c r="T64790" i="1"/>
  <c r="T64791" i="1"/>
  <c r="T64792" i="1"/>
  <c r="T64793" i="1"/>
  <c r="T64794" i="1"/>
  <c r="T64795" i="1"/>
  <c r="T64796" i="1"/>
  <c r="T64797" i="1"/>
  <c r="T64798" i="1"/>
  <c r="T64799" i="1"/>
  <c r="T64800" i="1"/>
  <c r="T64801" i="1"/>
  <c r="T64802" i="1"/>
  <c r="T64803" i="1"/>
  <c r="T64804" i="1"/>
  <c r="T64805" i="1"/>
  <c r="T64806" i="1"/>
  <c r="T64807" i="1"/>
  <c r="T64808" i="1"/>
  <c r="T64809" i="1"/>
  <c r="T64810" i="1"/>
  <c r="T64811" i="1"/>
  <c r="T64812" i="1"/>
  <c r="T64813" i="1"/>
  <c r="T64814" i="1"/>
  <c r="T64815" i="1"/>
  <c r="T64816" i="1"/>
  <c r="T64817" i="1"/>
  <c r="T64818" i="1"/>
  <c r="T64819" i="1"/>
  <c r="T64820" i="1"/>
  <c r="T64821" i="1"/>
  <c r="T64822" i="1"/>
  <c r="T64823" i="1"/>
  <c r="T64824" i="1"/>
  <c r="T64825" i="1"/>
  <c r="T64826" i="1"/>
  <c r="T64827" i="1"/>
  <c r="T64828" i="1"/>
  <c r="T64829" i="1"/>
  <c r="T64830" i="1"/>
  <c r="T64831" i="1"/>
  <c r="T64832" i="1"/>
  <c r="T64833" i="1"/>
  <c r="T64834" i="1"/>
  <c r="T64835" i="1"/>
  <c r="T64836" i="1"/>
  <c r="T64837" i="1"/>
  <c r="T64838" i="1"/>
  <c r="T64839" i="1"/>
  <c r="T64840" i="1"/>
  <c r="T64841" i="1"/>
  <c r="T64842" i="1"/>
  <c r="T64843" i="1"/>
  <c r="T64844" i="1"/>
  <c r="T64845" i="1"/>
  <c r="T64846" i="1"/>
  <c r="T64847" i="1"/>
  <c r="T64848" i="1"/>
  <c r="T64849" i="1"/>
  <c r="T64850" i="1"/>
  <c r="T64851" i="1"/>
  <c r="T64852" i="1"/>
  <c r="T64853" i="1"/>
  <c r="T64854" i="1"/>
  <c r="T64855" i="1"/>
  <c r="T64856" i="1"/>
  <c r="T64857" i="1"/>
  <c r="T64858" i="1"/>
  <c r="T64859" i="1"/>
  <c r="T64860" i="1"/>
  <c r="T64861" i="1"/>
  <c r="T64862" i="1"/>
  <c r="T64863" i="1"/>
  <c r="T64864" i="1"/>
  <c r="T64865" i="1"/>
  <c r="T64866" i="1"/>
  <c r="T64867" i="1"/>
  <c r="T64868" i="1"/>
  <c r="T64869" i="1"/>
  <c r="T64870" i="1"/>
  <c r="T64871" i="1"/>
  <c r="T64872" i="1"/>
  <c r="T64873" i="1"/>
  <c r="T64874" i="1"/>
  <c r="T64875" i="1"/>
  <c r="T64876" i="1"/>
  <c r="T64877" i="1"/>
  <c r="T64878" i="1"/>
  <c r="T64879" i="1"/>
  <c r="T64880" i="1"/>
  <c r="T64881" i="1"/>
  <c r="T64882" i="1"/>
  <c r="T64883" i="1"/>
  <c r="T64884" i="1"/>
  <c r="T64885" i="1"/>
  <c r="T64886" i="1"/>
  <c r="T64887" i="1"/>
  <c r="T64888" i="1"/>
  <c r="T64889" i="1"/>
  <c r="T64890" i="1"/>
  <c r="T64891" i="1"/>
  <c r="T64892" i="1"/>
  <c r="T64893" i="1"/>
  <c r="T64894" i="1"/>
  <c r="T64895" i="1"/>
  <c r="T64896" i="1"/>
  <c r="T64897" i="1"/>
  <c r="T64898" i="1"/>
  <c r="T64899" i="1"/>
  <c r="T64900" i="1"/>
  <c r="T64901" i="1"/>
  <c r="T64902" i="1"/>
  <c r="T64903" i="1"/>
  <c r="T64904" i="1"/>
  <c r="T64905" i="1"/>
  <c r="T64906" i="1"/>
  <c r="T64907" i="1"/>
  <c r="T64908" i="1"/>
  <c r="T64909" i="1"/>
  <c r="T64910" i="1"/>
  <c r="T64911" i="1"/>
  <c r="T64912" i="1"/>
  <c r="T64913" i="1"/>
  <c r="T64914" i="1"/>
  <c r="T64915" i="1"/>
  <c r="T64916" i="1"/>
  <c r="T64917" i="1"/>
  <c r="T64918" i="1"/>
  <c r="T64919" i="1"/>
  <c r="T64920" i="1"/>
  <c r="T64921" i="1"/>
  <c r="T64922" i="1"/>
  <c r="T64923" i="1"/>
  <c r="T64924" i="1"/>
  <c r="T64925" i="1"/>
  <c r="T64926" i="1"/>
  <c r="T64927" i="1"/>
  <c r="T64928" i="1"/>
  <c r="T64929" i="1"/>
  <c r="T64930" i="1"/>
  <c r="T64931" i="1"/>
  <c r="T64932" i="1"/>
  <c r="T64933" i="1"/>
  <c r="T64934" i="1"/>
  <c r="T64935" i="1"/>
  <c r="T64936" i="1"/>
  <c r="T64937" i="1"/>
  <c r="T64938" i="1"/>
  <c r="T64939" i="1"/>
  <c r="T64940" i="1"/>
  <c r="T64941" i="1"/>
  <c r="T64942" i="1"/>
  <c r="T64943" i="1"/>
  <c r="T64944" i="1"/>
  <c r="T64945" i="1"/>
  <c r="T64946" i="1"/>
  <c r="T64947" i="1"/>
  <c r="T64948" i="1"/>
  <c r="T64949" i="1"/>
  <c r="T64950" i="1"/>
  <c r="T64951" i="1"/>
  <c r="T64952" i="1"/>
  <c r="T64953" i="1"/>
  <c r="T64954" i="1"/>
  <c r="T64955" i="1"/>
  <c r="T64956" i="1"/>
  <c r="T64957" i="1"/>
  <c r="T64958" i="1"/>
  <c r="T64959" i="1"/>
  <c r="T64960" i="1"/>
  <c r="T64961" i="1"/>
  <c r="T64962" i="1"/>
  <c r="T64963" i="1"/>
  <c r="T64964" i="1"/>
  <c r="T64965" i="1"/>
  <c r="T64966" i="1"/>
  <c r="T64967" i="1"/>
  <c r="T64968" i="1"/>
  <c r="T64969" i="1"/>
  <c r="T64970" i="1"/>
  <c r="T64971" i="1"/>
  <c r="T64972" i="1"/>
  <c r="T64973" i="1"/>
  <c r="T64974" i="1"/>
  <c r="T64975" i="1"/>
  <c r="T64976" i="1"/>
  <c r="T64977" i="1"/>
  <c r="T64978" i="1"/>
  <c r="T64979" i="1"/>
  <c r="T64980" i="1"/>
  <c r="T64981" i="1"/>
  <c r="T64982" i="1"/>
  <c r="T64983" i="1"/>
  <c r="T64984" i="1"/>
  <c r="T64985" i="1"/>
  <c r="T64986" i="1"/>
  <c r="T64987" i="1"/>
  <c r="T64988" i="1"/>
  <c r="T64989" i="1"/>
  <c r="T64990" i="1"/>
  <c r="T64991" i="1"/>
  <c r="T64992" i="1"/>
  <c r="T64993" i="1"/>
  <c r="T64994" i="1"/>
  <c r="T64995" i="1"/>
  <c r="T64996" i="1"/>
  <c r="T64997" i="1"/>
  <c r="T64998" i="1"/>
  <c r="T64999" i="1"/>
  <c r="T65000" i="1"/>
  <c r="T65001" i="1"/>
  <c r="T65002" i="1"/>
  <c r="T65003" i="1"/>
  <c r="T65004" i="1"/>
  <c r="T65005" i="1"/>
  <c r="T65006" i="1"/>
  <c r="T65007" i="1"/>
  <c r="T65008" i="1"/>
  <c r="T65009" i="1"/>
  <c r="T65010" i="1"/>
  <c r="T65011" i="1"/>
  <c r="T65012" i="1"/>
  <c r="T65013" i="1"/>
  <c r="T65014" i="1"/>
  <c r="T65015" i="1"/>
  <c r="T65016" i="1"/>
  <c r="T65017" i="1"/>
  <c r="T65018" i="1"/>
  <c r="T65019" i="1"/>
  <c r="T65020" i="1"/>
  <c r="T65021" i="1"/>
  <c r="T65022" i="1"/>
  <c r="T65023" i="1"/>
  <c r="T65024" i="1"/>
  <c r="T65025" i="1"/>
  <c r="T65026" i="1"/>
  <c r="T65027" i="1"/>
  <c r="T65028" i="1"/>
  <c r="T65029" i="1"/>
  <c r="T65030" i="1"/>
  <c r="T65031" i="1"/>
  <c r="T65032" i="1"/>
  <c r="T65033" i="1"/>
  <c r="T65034" i="1"/>
  <c r="T65035" i="1"/>
  <c r="T65036" i="1"/>
  <c r="T65037" i="1"/>
  <c r="T65038" i="1"/>
  <c r="T65039" i="1"/>
  <c r="T65040" i="1"/>
  <c r="T65041" i="1"/>
  <c r="T65042" i="1"/>
  <c r="T65043" i="1"/>
  <c r="T65044" i="1"/>
  <c r="T65045" i="1"/>
  <c r="T65046" i="1"/>
  <c r="T65047" i="1"/>
  <c r="T65048" i="1"/>
  <c r="T65049" i="1"/>
  <c r="T65050" i="1"/>
  <c r="T65051" i="1"/>
  <c r="T65052" i="1"/>
  <c r="T65053" i="1"/>
  <c r="T65054" i="1"/>
  <c r="T65055" i="1"/>
  <c r="T65056" i="1"/>
  <c r="T65057" i="1"/>
  <c r="T65058" i="1"/>
  <c r="T65059" i="1"/>
  <c r="T65060" i="1"/>
  <c r="T65061" i="1"/>
  <c r="T65062" i="1"/>
  <c r="T65063" i="1"/>
  <c r="T65064" i="1"/>
  <c r="T65065" i="1"/>
  <c r="T65066" i="1"/>
  <c r="T65067" i="1"/>
  <c r="T65068" i="1"/>
  <c r="T65069" i="1"/>
  <c r="T65070" i="1"/>
  <c r="T65071" i="1"/>
  <c r="T65072" i="1"/>
  <c r="T65073" i="1"/>
  <c r="T65074" i="1"/>
  <c r="T65075" i="1"/>
  <c r="T65076" i="1"/>
  <c r="T65077" i="1"/>
  <c r="T65078" i="1"/>
  <c r="T65079" i="1"/>
  <c r="T65080" i="1"/>
  <c r="T65081" i="1"/>
  <c r="T65082" i="1"/>
  <c r="T65083" i="1"/>
  <c r="T65084" i="1"/>
  <c r="T65085" i="1"/>
  <c r="T65086" i="1"/>
  <c r="T65087" i="1"/>
  <c r="T65088" i="1"/>
  <c r="T65089" i="1"/>
  <c r="T65090" i="1"/>
  <c r="T65091" i="1"/>
  <c r="T65092" i="1"/>
  <c r="T65093" i="1"/>
  <c r="T65094" i="1"/>
  <c r="T65095" i="1"/>
  <c r="T65096" i="1"/>
  <c r="T65097" i="1"/>
  <c r="T65098" i="1"/>
  <c r="T65099" i="1"/>
  <c r="T65100" i="1"/>
  <c r="T65101" i="1"/>
  <c r="T65102" i="1"/>
  <c r="T65103" i="1"/>
  <c r="T65104" i="1"/>
  <c r="T65105" i="1"/>
  <c r="T65106" i="1"/>
  <c r="T65107" i="1"/>
  <c r="T65108" i="1"/>
  <c r="T65109" i="1"/>
  <c r="T65110" i="1"/>
  <c r="T65111" i="1"/>
  <c r="T65112" i="1"/>
  <c r="T65113" i="1"/>
  <c r="T65114" i="1"/>
  <c r="T65115" i="1"/>
  <c r="T65116" i="1"/>
  <c r="T65117" i="1"/>
  <c r="T65118" i="1"/>
  <c r="T65119" i="1"/>
  <c r="T65120" i="1"/>
  <c r="T65121" i="1"/>
  <c r="T65122" i="1"/>
  <c r="T65123" i="1"/>
  <c r="T65124" i="1"/>
  <c r="T65125" i="1"/>
  <c r="T65126" i="1"/>
  <c r="T65127" i="1"/>
  <c r="T65128" i="1"/>
  <c r="T65129" i="1"/>
  <c r="T65130" i="1"/>
  <c r="T65131" i="1"/>
  <c r="T65132" i="1"/>
  <c r="T65133" i="1"/>
  <c r="T65134" i="1"/>
  <c r="T65135" i="1"/>
  <c r="T65136" i="1"/>
  <c r="T65137" i="1"/>
  <c r="T65138" i="1"/>
  <c r="T65139" i="1"/>
  <c r="T65140" i="1"/>
  <c r="T65141" i="1"/>
  <c r="T65142" i="1"/>
  <c r="T65143" i="1"/>
  <c r="T65144" i="1"/>
  <c r="T65145" i="1"/>
  <c r="T65146" i="1"/>
  <c r="T65147" i="1"/>
  <c r="T65148" i="1"/>
  <c r="T65149" i="1"/>
  <c r="T65150" i="1"/>
  <c r="T65151" i="1"/>
  <c r="T65152" i="1"/>
  <c r="T65153" i="1"/>
  <c r="T65154" i="1"/>
  <c r="T65155" i="1"/>
  <c r="T65156" i="1"/>
  <c r="T65157" i="1"/>
  <c r="T65158" i="1"/>
  <c r="T65159" i="1"/>
  <c r="T65160" i="1"/>
  <c r="T65161" i="1"/>
  <c r="T65162" i="1"/>
  <c r="T65163" i="1"/>
  <c r="T65164" i="1"/>
  <c r="T65165" i="1"/>
  <c r="T65166" i="1"/>
  <c r="T65167" i="1"/>
  <c r="T65168" i="1"/>
  <c r="T65169" i="1"/>
  <c r="T65170" i="1"/>
  <c r="T65171" i="1"/>
  <c r="T65172" i="1"/>
  <c r="T65173" i="1"/>
  <c r="T65174" i="1"/>
  <c r="T65175" i="1"/>
  <c r="T65176" i="1"/>
  <c r="T65177" i="1"/>
  <c r="T65178" i="1"/>
  <c r="T65179" i="1"/>
  <c r="T65180" i="1"/>
  <c r="T65181" i="1"/>
  <c r="T65182" i="1"/>
  <c r="T65183" i="1"/>
  <c r="T65184" i="1"/>
  <c r="T65185" i="1"/>
  <c r="T65186" i="1"/>
  <c r="T65187" i="1"/>
  <c r="T65188" i="1"/>
  <c r="T65189" i="1"/>
  <c r="T65190" i="1"/>
  <c r="T65191" i="1"/>
  <c r="T65192" i="1"/>
  <c r="T65193" i="1"/>
  <c r="T65194" i="1"/>
  <c r="T65195" i="1"/>
  <c r="T65196" i="1"/>
  <c r="T65197" i="1"/>
  <c r="T65198" i="1"/>
  <c r="T65199" i="1"/>
  <c r="T65200" i="1"/>
  <c r="T65201" i="1"/>
  <c r="T65202" i="1"/>
  <c r="T65203" i="1"/>
  <c r="T65204" i="1"/>
  <c r="T65205" i="1"/>
  <c r="T65206" i="1"/>
  <c r="T65207" i="1"/>
  <c r="T65208" i="1"/>
  <c r="T65209" i="1"/>
  <c r="T65210" i="1"/>
  <c r="T65211" i="1"/>
  <c r="T65212" i="1"/>
  <c r="T65213" i="1"/>
  <c r="T65214" i="1"/>
  <c r="T65215" i="1"/>
  <c r="T65216" i="1"/>
  <c r="T65217" i="1"/>
  <c r="T65218" i="1"/>
  <c r="T65219" i="1"/>
  <c r="T65220" i="1"/>
  <c r="T65221" i="1"/>
  <c r="T65222" i="1"/>
  <c r="T65223" i="1"/>
  <c r="T65224" i="1"/>
  <c r="T65225" i="1"/>
  <c r="T65226" i="1"/>
  <c r="T65227" i="1"/>
  <c r="T65228" i="1"/>
  <c r="T65229" i="1"/>
  <c r="T65230" i="1"/>
  <c r="T65231" i="1"/>
  <c r="T65232" i="1"/>
  <c r="T65233" i="1"/>
  <c r="T65234" i="1"/>
  <c r="T65235" i="1"/>
  <c r="T65236" i="1"/>
  <c r="T65237" i="1"/>
  <c r="T65238" i="1"/>
  <c r="T65239" i="1"/>
  <c r="T65240" i="1"/>
  <c r="T65241" i="1"/>
  <c r="T65242" i="1"/>
  <c r="T65243" i="1"/>
  <c r="T65244" i="1"/>
  <c r="T65245" i="1"/>
  <c r="T65246" i="1"/>
  <c r="T65247" i="1"/>
  <c r="T65248" i="1"/>
  <c r="T65249" i="1"/>
  <c r="T65250" i="1"/>
  <c r="T65251" i="1"/>
  <c r="T65252" i="1"/>
  <c r="T65253" i="1"/>
  <c r="T65254" i="1"/>
  <c r="T65255" i="1"/>
  <c r="T65256" i="1"/>
  <c r="T65257" i="1"/>
  <c r="T65258" i="1"/>
  <c r="T65259" i="1"/>
  <c r="T65260" i="1"/>
  <c r="T65261" i="1"/>
  <c r="T65262" i="1"/>
  <c r="T65263" i="1"/>
  <c r="T65264" i="1"/>
  <c r="T65265" i="1"/>
  <c r="T65266" i="1"/>
  <c r="T65267" i="1"/>
  <c r="T65268" i="1"/>
  <c r="T65269" i="1"/>
  <c r="T65270" i="1"/>
  <c r="T65271" i="1"/>
  <c r="T65272" i="1"/>
  <c r="T65273" i="1"/>
  <c r="T65274" i="1"/>
  <c r="T65275" i="1"/>
  <c r="T65276" i="1"/>
  <c r="T65277" i="1"/>
  <c r="T65278" i="1"/>
  <c r="T65279" i="1"/>
  <c r="T65280" i="1"/>
  <c r="T65281" i="1"/>
  <c r="T65282" i="1"/>
  <c r="T65283" i="1"/>
  <c r="T65284" i="1"/>
  <c r="T65285" i="1"/>
  <c r="T65286" i="1"/>
  <c r="T65287" i="1"/>
  <c r="T65288" i="1"/>
  <c r="T65289" i="1"/>
  <c r="T65290" i="1"/>
  <c r="T65291" i="1"/>
  <c r="T65292" i="1"/>
  <c r="T65293" i="1"/>
  <c r="T65294" i="1"/>
  <c r="T65295" i="1"/>
  <c r="T65296" i="1"/>
  <c r="T65297" i="1"/>
  <c r="T65298" i="1"/>
  <c r="T65299" i="1"/>
  <c r="T65300" i="1"/>
  <c r="T65301" i="1"/>
  <c r="T65302" i="1"/>
  <c r="T65303" i="1"/>
  <c r="T65304" i="1"/>
  <c r="T65305" i="1"/>
  <c r="T65306" i="1"/>
  <c r="T65307" i="1"/>
  <c r="T65308" i="1"/>
  <c r="T65309" i="1"/>
  <c r="T65310" i="1"/>
  <c r="T65311" i="1"/>
  <c r="T65312" i="1"/>
  <c r="T65313" i="1"/>
  <c r="T65314" i="1"/>
  <c r="T65315" i="1"/>
  <c r="T65316" i="1"/>
  <c r="T65317" i="1"/>
  <c r="T65318" i="1"/>
  <c r="T65319" i="1"/>
  <c r="T65320" i="1"/>
  <c r="T65321" i="1"/>
  <c r="T65322" i="1"/>
  <c r="T65323" i="1"/>
  <c r="T65324" i="1"/>
  <c r="T65325" i="1"/>
  <c r="T65326" i="1"/>
  <c r="T65327" i="1"/>
  <c r="T65328" i="1"/>
  <c r="T65329" i="1"/>
  <c r="T65330" i="1"/>
  <c r="T65331" i="1"/>
  <c r="T65332" i="1"/>
  <c r="T65333" i="1"/>
  <c r="T65334" i="1"/>
  <c r="T65335" i="1"/>
  <c r="T65336" i="1"/>
  <c r="T65337" i="1"/>
  <c r="T65338" i="1"/>
  <c r="T65339" i="1"/>
  <c r="T65340" i="1"/>
  <c r="T65341" i="1"/>
  <c r="T65342" i="1"/>
  <c r="T65343" i="1"/>
  <c r="T65344" i="1"/>
  <c r="T65345" i="1"/>
  <c r="T65346" i="1"/>
  <c r="T65347" i="1"/>
  <c r="T65348" i="1"/>
  <c r="T65349" i="1"/>
  <c r="T65350" i="1"/>
  <c r="T65351" i="1"/>
  <c r="T65352" i="1"/>
  <c r="T65353" i="1"/>
  <c r="T65354" i="1"/>
  <c r="T65355" i="1"/>
  <c r="T65356" i="1"/>
  <c r="T65357" i="1"/>
  <c r="T65358" i="1"/>
  <c r="T65359" i="1"/>
  <c r="T65360" i="1"/>
  <c r="T65361" i="1"/>
  <c r="T65362" i="1"/>
  <c r="T65363" i="1"/>
  <c r="T65364" i="1"/>
  <c r="T65365" i="1"/>
  <c r="T65366" i="1"/>
  <c r="T65367" i="1"/>
  <c r="T65368" i="1"/>
  <c r="T65369" i="1"/>
  <c r="T65370" i="1"/>
  <c r="T65371" i="1"/>
  <c r="T65372" i="1"/>
  <c r="T65373" i="1"/>
  <c r="T65374" i="1"/>
  <c r="T65375" i="1"/>
  <c r="T65376" i="1"/>
  <c r="T65377" i="1"/>
  <c r="T65378" i="1"/>
  <c r="T65379" i="1"/>
  <c r="T65380" i="1"/>
  <c r="T65381" i="1"/>
  <c r="T65382" i="1"/>
  <c r="T65383" i="1"/>
  <c r="T65384" i="1"/>
  <c r="T65385" i="1"/>
  <c r="T65386" i="1"/>
  <c r="T65387" i="1"/>
  <c r="T65388" i="1"/>
  <c r="T65389" i="1"/>
  <c r="T65390" i="1"/>
  <c r="T65391" i="1"/>
  <c r="T65392" i="1"/>
  <c r="T65393" i="1"/>
  <c r="T65394" i="1"/>
  <c r="T65395" i="1"/>
  <c r="T65396" i="1"/>
  <c r="T65397" i="1"/>
  <c r="T65398" i="1"/>
  <c r="T65399" i="1"/>
  <c r="T65400" i="1"/>
  <c r="T65401" i="1"/>
  <c r="T65402" i="1"/>
  <c r="T65403" i="1"/>
  <c r="T65404" i="1"/>
  <c r="T65405" i="1"/>
  <c r="T65406" i="1"/>
  <c r="T65407" i="1"/>
  <c r="T65408" i="1"/>
  <c r="T65409" i="1"/>
  <c r="T65410" i="1"/>
  <c r="T65411" i="1"/>
  <c r="T65412" i="1"/>
  <c r="T65413" i="1"/>
  <c r="T65414" i="1"/>
  <c r="T65415" i="1"/>
  <c r="T65416" i="1"/>
  <c r="T65417" i="1"/>
  <c r="T65418" i="1"/>
  <c r="T65419" i="1"/>
  <c r="T65420" i="1"/>
  <c r="T65421" i="1"/>
  <c r="T65422" i="1"/>
  <c r="T65423" i="1"/>
  <c r="T65424" i="1"/>
  <c r="T65425" i="1"/>
  <c r="T65426" i="1"/>
  <c r="T65427" i="1"/>
  <c r="T65428" i="1"/>
  <c r="T65429" i="1"/>
  <c r="T65430" i="1"/>
  <c r="T65431" i="1"/>
  <c r="T65432" i="1"/>
  <c r="T65433" i="1"/>
  <c r="T65434" i="1"/>
  <c r="T65435" i="1"/>
  <c r="T65436" i="1"/>
  <c r="T65437" i="1"/>
  <c r="T65438" i="1"/>
  <c r="T65439" i="1"/>
  <c r="T65440" i="1"/>
  <c r="T65441" i="1"/>
  <c r="T65442" i="1"/>
  <c r="T65443" i="1"/>
  <c r="T65444" i="1"/>
  <c r="T65445" i="1"/>
  <c r="T65446" i="1"/>
  <c r="T65447" i="1"/>
  <c r="T65448" i="1"/>
  <c r="T65449" i="1"/>
  <c r="T65450" i="1"/>
  <c r="T65451" i="1"/>
  <c r="T65452" i="1"/>
  <c r="T65453" i="1"/>
  <c r="T65454" i="1"/>
  <c r="T65455" i="1"/>
  <c r="T65456" i="1"/>
  <c r="T65457" i="1"/>
  <c r="T65458" i="1"/>
  <c r="T65459" i="1"/>
  <c r="T65460" i="1"/>
  <c r="T65461" i="1"/>
  <c r="T65462" i="1"/>
  <c r="T65463" i="1"/>
  <c r="T65464" i="1"/>
  <c r="T65465" i="1"/>
  <c r="T65466" i="1"/>
  <c r="T65467" i="1"/>
  <c r="T65468" i="1"/>
  <c r="T65469" i="1"/>
  <c r="T65470" i="1"/>
  <c r="T65471" i="1"/>
  <c r="T65472" i="1"/>
  <c r="T65473" i="1"/>
  <c r="T65474" i="1"/>
  <c r="T65475" i="1"/>
  <c r="T65476" i="1"/>
  <c r="T65477" i="1"/>
  <c r="T65478" i="1"/>
  <c r="T65479" i="1"/>
  <c r="T65480" i="1"/>
  <c r="T65481" i="1"/>
  <c r="T65482" i="1"/>
  <c r="T65483" i="1"/>
  <c r="T65484" i="1"/>
  <c r="T65485" i="1"/>
  <c r="T65486" i="1"/>
  <c r="T65487" i="1"/>
  <c r="T65488" i="1"/>
  <c r="T65489" i="1"/>
  <c r="T65490" i="1"/>
  <c r="T65491" i="1"/>
  <c r="T65492" i="1"/>
  <c r="T65493" i="1"/>
  <c r="T65494" i="1"/>
  <c r="T65495" i="1"/>
  <c r="T65496" i="1"/>
  <c r="T65497" i="1"/>
  <c r="T65498" i="1"/>
  <c r="T65499" i="1"/>
  <c r="T65500" i="1"/>
  <c r="T65501" i="1"/>
  <c r="T65502" i="1"/>
  <c r="T65503" i="1"/>
  <c r="T65504" i="1"/>
  <c r="T65505" i="1"/>
  <c r="T65506" i="1"/>
  <c r="T65507" i="1"/>
  <c r="T65508" i="1"/>
  <c r="T65509" i="1"/>
  <c r="T65510" i="1"/>
  <c r="T65511" i="1"/>
  <c r="T65512" i="1"/>
  <c r="T65513" i="1"/>
  <c r="T65514" i="1"/>
  <c r="T65515" i="1"/>
  <c r="T65516" i="1"/>
  <c r="T65517" i="1"/>
  <c r="T65518" i="1"/>
  <c r="T65519" i="1"/>
  <c r="T65520" i="1"/>
  <c r="T65521" i="1"/>
  <c r="T65522" i="1"/>
  <c r="T65523" i="1"/>
  <c r="T65524" i="1"/>
  <c r="T65525" i="1"/>
  <c r="T65526" i="1"/>
  <c r="T65527" i="1"/>
  <c r="T65528" i="1"/>
  <c r="T65529" i="1"/>
  <c r="T65530" i="1"/>
  <c r="T65531" i="1"/>
  <c r="T65532" i="1"/>
  <c r="T65533" i="1"/>
  <c r="T65534" i="1"/>
  <c r="T65535" i="1"/>
  <c r="T65536" i="1"/>
  <c r="T65537" i="1"/>
  <c r="T65538" i="1"/>
  <c r="T65539" i="1"/>
  <c r="T65540" i="1"/>
  <c r="T65541" i="1"/>
  <c r="T65542" i="1"/>
  <c r="T65543" i="1"/>
  <c r="T65544" i="1"/>
  <c r="T65545" i="1"/>
  <c r="T65546" i="1"/>
  <c r="T65547" i="1"/>
  <c r="T65548" i="1"/>
  <c r="T65549" i="1"/>
  <c r="T65550" i="1"/>
  <c r="T65551" i="1"/>
  <c r="T65552" i="1"/>
  <c r="T65553" i="1"/>
  <c r="T65554" i="1"/>
  <c r="T65555" i="1"/>
  <c r="T65556" i="1"/>
  <c r="T65557" i="1"/>
  <c r="T65558" i="1"/>
  <c r="T65559" i="1"/>
  <c r="T65560" i="1"/>
  <c r="T65561" i="1"/>
  <c r="T65562" i="1"/>
  <c r="T65563" i="1"/>
  <c r="T65564" i="1"/>
  <c r="T65565" i="1"/>
  <c r="T65566" i="1"/>
  <c r="T65567" i="1"/>
  <c r="T65568" i="1"/>
  <c r="T65569" i="1"/>
  <c r="T65570" i="1"/>
  <c r="T65571" i="1"/>
  <c r="T65572" i="1"/>
  <c r="T65573" i="1"/>
  <c r="T65574" i="1"/>
  <c r="T65575" i="1"/>
  <c r="T65576" i="1"/>
  <c r="T65577" i="1"/>
  <c r="T65578" i="1"/>
  <c r="T65579" i="1"/>
  <c r="T65580" i="1"/>
  <c r="T65581" i="1"/>
  <c r="T65582" i="1"/>
  <c r="T65583" i="1"/>
  <c r="T65584" i="1"/>
  <c r="T65585" i="1"/>
  <c r="T65586" i="1"/>
  <c r="T65587" i="1"/>
  <c r="T65588" i="1"/>
  <c r="T65589" i="1"/>
  <c r="T65590" i="1"/>
  <c r="T65591" i="1"/>
  <c r="T65592" i="1"/>
  <c r="T65593" i="1"/>
  <c r="T65594" i="1"/>
  <c r="T65595" i="1"/>
  <c r="T65596" i="1"/>
  <c r="T65597" i="1"/>
  <c r="T65598" i="1"/>
  <c r="T65599" i="1"/>
  <c r="T65600" i="1"/>
  <c r="T65601" i="1"/>
  <c r="T65602" i="1"/>
  <c r="T65603" i="1"/>
  <c r="T65604" i="1"/>
  <c r="T65605" i="1"/>
  <c r="T65606" i="1"/>
  <c r="T65607" i="1"/>
  <c r="T65608" i="1"/>
  <c r="T65609" i="1"/>
  <c r="T65610" i="1"/>
  <c r="T65611" i="1"/>
  <c r="T65612" i="1"/>
  <c r="T65613" i="1"/>
  <c r="T65614" i="1"/>
  <c r="T65615" i="1"/>
  <c r="T65616" i="1"/>
  <c r="T65617" i="1"/>
  <c r="T65618" i="1"/>
  <c r="T65619" i="1"/>
  <c r="T65620" i="1"/>
  <c r="T65621" i="1"/>
  <c r="T65622" i="1"/>
  <c r="T65623" i="1"/>
  <c r="T65624" i="1"/>
  <c r="T65625" i="1"/>
  <c r="T65626" i="1"/>
  <c r="T65627" i="1"/>
  <c r="T65628" i="1"/>
  <c r="T65629" i="1"/>
  <c r="T65630" i="1"/>
  <c r="T65631" i="1"/>
  <c r="T65632" i="1"/>
  <c r="T65633" i="1"/>
  <c r="T65634" i="1"/>
  <c r="T65635" i="1"/>
  <c r="T65636" i="1"/>
  <c r="T65637" i="1"/>
  <c r="T65638" i="1"/>
  <c r="T65639" i="1"/>
  <c r="T65640" i="1"/>
  <c r="T65641" i="1"/>
  <c r="T65642" i="1"/>
  <c r="T65643" i="1"/>
  <c r="T65644" i="1"/>
  <c r="T65645" i="1"/>
  <c r="T65646" i="1"/>
  <c r="T65647" i="1"/>
  <c r="T65648" i="1"/>
  <c r="T65649" i="1"/>
  <c r="T65650" i="1"/>
  <c r="T65651" i="1"/>
  <c r="T65652" i="1"/>
  <c r="T65653" i="1"/>
  <c r="T65654" i="1"/>
  <c r="T65655" i="1"/>
  <c r="T65656" i="1"/>
  <c r="T65657" i="1"/>
  <c r="T65658" i="1"/>
  <c r="T65659" i="1"/>
  <c r="T65660" i="1"/>
  <c r="T65661" i="1"/>
  <c r="T65662" i="1"/>
  <c r="T65663" i="1"/>
  <c r="T65664" i="1"/>
  <c r="T65665" i="1"/>
  <c r="T65666" i="1"/>
  <c r="T65667" i="1"/>
  <c r="T65668" i="1"/>
  <c r="T65669" i="1"/>
  <c r="T65670" i="1"/>
  <c r="T65671" i="1"/>
  <c r="T65672" i="1"/>
  <c r="T65673" i="1"/>
  <c r="T65674" i="1"/>
  <c r="T65675" i="1"/>
  <c r="T65676" i="1"/>
  <c r="T65677" i="1"/>
  <c r="T65678" i="1"/>
  <c r="T65679" i="1"/>
  <c r="T65680" i="1"/>
  <c r="T65681" i="1"/>
  <c r="T65682" i="1"/>
  <c r="T65683" i="1"/>
  <c r="T65684" i="1"/>
  <c r="T65685" i="1"/>
  <c r="T65686" i="1"/>
  <c r="T65687" i="1"/>
  <c r="T65688" i="1"/>
  <c r="T65689" i="1"/>
  <c r="T65690" i="1"/>
  <c r="T65691" i="1"/>
  <c r="T65692" i="1"/>
  <c r="T65693" i="1"/>
  <c r="T65694" i="1"/>
  <c r="T65695" i="1"/>
  <c r="T65696" i="1"/>
  <c r="T65697" i="1"/>
  <c r="T65698" i="1"/>
  <c r="T65699" i="1"/>
  <c r="T65700" i="1"/>
  <c r="T65701" i="1"/>
  <c r="T65702" i="1"/>
  <c r="T65703" i="1"/>
  <c r="T65704" i="1"/>
  <c r="T65705" i="1"/>
  <c r="T65706" i="1"/>
  <c r="T65707" i="1"/>
  <c r="T65708" i="1"/>
  <c r="T65709" i="1"/>
  <c r="T65710" i="1"/>
  <c r="T65711" i="1"/>
  <c r="T65712" i="1"/>
  <c r="T65713" i="1"/>
  <c r="T65714" i="1"/>
  <c r="T65715" i="1"/>
  <c r="T65716" i="1"/>
  <c r="T65717" i="1"/>
  <c r="T65718" i="1"/>
  <c r="T65719" i="1"/>
  <c r="T65720" i="1"/>
  <c r="T65721" i="1"/>
  <c r="T65722" i="1"/>
  <c r="T65723" i="1"/>
  <c r="T65724" i="1"/>
  <c r="T65725" i="1"/>
  <c r="T65726" i="1"/>
  <c r="T65727" i="1"/>
  <c r="T65728" i="1"/>
  <c r="T65729" i="1"/>
  <c r="T65730" i="1"/>
  <c r="T65731" i="1"/>
  <c r="T65732" i="1"/>
  <c r="T65733" i="1"/>
  <c r="T65734" i="1"/>
  <c r="T65735" i="1"/>
  <c r="T65736" i="1"/>
  <c r="T65737" i="1"/>
  <c r="T65738" i="1"/>
  <c r="T65739" i="1"/>
  <c r="T65740" i="1"/>
  <c r="T65741" i="1"/>
  <c r="T65742" i="1"/>
  <c r="T65743" i="1"/>
  <c r="T65744" i="1"/>
  <c r="T65745" i="1"/>
  <c r="T65746" i="1"/>
  <c r="T65747" i="1"/>
  <c r="T65748" i="1"/>
  <c r="T65749" i="1"/>
  <c r="T65750" i="1"/>
  <c r="T65751" i="1"/>
  <c r="T65752" i="1"/>
  <c r="T65753" i="1"/>
  <c r="T65754" i="1"/>
  <c r="T65755" i="1"/>
  <c r="T65756" i="1"/>
  <c r="T65757" i="1"/>
  <c r="T65758" i="1"/>
  <c r="T65759" i="1"/>
  <c r="T65760" i="1"/>
  <c r="T65761" i="1"/>
  <c r="T65762" i="1"/>
  <c r="T65763" i="1"/>
  <c r="T65764" i="1"/>
  <c r="T65765" i="1"/>
  <c r="T65766" i="1"/>
  <c r="T65767" i="1"/>
  <c r="T65768" i="1"/>
  <c r="T65769" i="1"/>
  <c r="T65770" i="1"/>
  <c r="T65771" i="1"/>
  <c r="T65772" i="1"/>
  <c r="T65773" i="1"/>
  <c r="T65774" i="1"/>
  <c r="T65775" i="1"/>
  <c r="T65776" i="1"/>
  <c r="T65777" i="1"/>
  <c r="T65778" i="1"/>
  <c r="T65779" i="1"/>
  <c r="T65780" i="1"/>
  <c r="T65781" i="1"/>
  <c r="T65782" i="1"/>
  <c r="T65783" i="1"/>
  <c r="T65784" i="1"/>
  <c r="T65785" i="1"/>
  <c r="T65786" i="1"/>
  <c r="T65787" i="1"/>
  <c r="T65788" i="1"/>
  <c r="T65789" i="1"/>
  <c r="T65790" i="1"/>
  <c r="T65791" i="1"/>
  <c r="T65792" i="1"/>
  <c r="T65793" i="1"/>
  <c r="T65794" i="1"/>
  <c r="T65795" i="1"/>
  <c r="T65796" i="1"/>
  <c r="T65797" i="1"/>
  <c r="T65798" i="1"/>
  <c r="T65799" i="1"/>
  <c r="T65800" i="1"/>
  <c r="T65801" i="1"/>
  <c r="T65802" i="1"/>
  <c r="T65803" i="1"/>
  <c r="T65804" i="1"/>
  <c r="T65805" i="1"/>
  <c r="T65806" i="1"/>
  <c r="T65807" i="1"/>
  <c r="T65808" i="1"/>
  <c r="T65809" i="1"/>
  <c r="T65810" i="1"/>
  <c r="T65811" i="1"/>
  <c r="T65812" i="1"/>
  <c r="T65813" i="1"/>
  <c r="T65814" i="1"/>
  <c r="T65815" i="1"/>
  <c r="T65816" i="1"/>
  <c r="T65817" i="1"/>
  <c r="T65818" i="1"/>
  <c r="T65819" i="1"/>
  <c r="T65820" i="1"/>
  <c r="T65821" i="1"/>
  <c r="T65822" i="1"/>
  <c r="T65823" i="1"/>
  <c r="T65824" i="1"/>
  <c r="T65825" i="1"/>
  <c r="T65826" i="1"/>
  <c r="T65827" i="1"/>
  <c r="T65828" i="1"/>
  <c r="T65829" i="1"/>
  <c r="T65830" i="1"/>
  <c r="T65831" i="1"/>
  <c r="T65832" i="1"/>
  <c r="T65833" i="1"/>
  <c r="T65834" i="1"/>
  <c r="T65835" i="1"/>
  <c r="T65836" i="1"/>
  <c r="T65837" i="1"/>
  <c r="T65838" i="1"/>
  <c r="T65839" i="1"/>
  <c r="T65840" i="1"/>
  <c r="T65841" i="1"/>
  <c r="T65842" i="1"/>
  <c r="T65843" i="1"/>
  <c r="T65844" i="1"/>
  <c r="T65845" i="1"/>
  <c r="T65846" i="1"/>
  <c r="T65847" i="1"/>
  <c r="T65848" i="1"/>
  <c r="T65849" i="1"/>
  <c r="T65850" i="1"/>
  <c r="T65851" i="1"/>
  <c r="T65852" i="1"/>
  <c r="T65853" i="1"/>
  <c r="T65854" i="1"/>
  <c r="T65855" i="1"/>
  <c r="T65856" i="1"/>
  <c r="T65857" i="1"/>
  <c r="T65858" i="1"/>
  <c r="T65859" i="1"/>
  <c r="T65860" i="1"/>
  <c r="T65861" i="1"/>
  <c r="T65862" i="1"/>
  <c r="T65863" i="1"/>
  <c r="T65864" i="1"/>
  <c r="T65865" i="1"/>
  <c r="T65866" i="1"/>
  <c r="T65867" i="1"/>
  <c r="T65868" i="1"/>
  <c r="T65869" i="1"/>
  <c r="T65870" i="1"/>
  <c r="T65871" i="1"/>
  <c r="T65872" i="1"/>
  <c r="T65873" i="1"/>
  <c r="T65874" i="1"/>
  <c r="T65875" i="1"/>
  <c r="T65876" i="1"/>
  <c r="T65877" i="1"/>
  <c r="T65878" i="1"/>
  <c r="T65879" i="1"/>
  <c r="T65880" i="1"/>
  <c r="T65881" i="1"/>
  <c r="T65882" i="1"/>
  <c r="T65883" i="1"/>
  <c r="T65884" i="1"/>
  <c r="T65885" i="1"/>
  <c r="T65886" i="1"/>
  <c r="T65887" i="1"/>
  <c r="T65888" i="1"/>
  <c r="T65889" i="1"/>
  <c r="T65890" i="1"/>
  <c r="T65891" i="1"/>
  <c r="T65892" i="1"/>
  <c r="T65893" i="1"/>
  <c r="T65894" i="1"/>
  <c r="T65895" i="1"/>
  <c r="T65896" i="1"/>
  <c r="T65897" i="1"/>
  <c r="T65898" i="1"/>
  <c r="T65899" i="1"/>
  <c r="T65900" i="1"/>
  <c r="T65901" i="1"/>
  <c r="T65902" i="1"/>
  <c r="T65903" i="1"/>
  <c r="T65904" i="1"/>
  <c r="T65905" i="1"/>
  <c r="T65906" i="1"/>
  <c r="T65907" i="1"/>
  <c r="T65908" i="1"/>
  <c r="T65909" i="1"/>
  <c r="T65910" i="1"/>
  <c r="T65911" i="1"/>
  <c r="T65912" i="1"/>
  <c r="T65913" i="1"/>
  <c r="T65914" i="1"/>
  <c r="T65915" i="1"/>
  <c r="T65916" i="1"/>
  <c r="T65917" i="1"/>
  <c r="T65918" i="1"/>
  <c r="T65919" i="1"/>
  <c r="T65920" i="1"/>
  <c r="T65921" i="1"/>
  <c r="T65922" i="1"/>
  <c r="T65923" i="1"/>
  <c r="T65924" i="1"/>
  <c r="T65925" i="1"/>
  <c r="T65926" i="1"/>
  <c r="T65927" i="1"/>
  <c r="T65928" i="1"/>
  <c r="T65929" i="1"/>
  <c r="T65930" i="1"/>
  <c r="T65931" i="1"/>
  <c r="T65932" i="1"/>
  <c r="T65933" i="1"/>
  <c r="T65934" i="1"/>
  <c r="T65935" i="1"/>
  <c r="T65936" i="1"/>
  <c r="T65937" i="1"/>
  <c r="T65938" i="1"/>
  <c r="T65939" i="1"/>
  <c r="T65940" i="1"/>
  <c r="T65941" i="1"/>
  <c r="T65942" i="1"/>
  <c r="T65943" i="1"/>
  <c r="T65944" i="1"/>
  <c r="T65945" i="1"/>
  <c r="T65946" i="1"/>
  <c r="T65947" i="1"/>
  <c r="T65948" i="1"/>
  <c r="T65949" i="1"/>
  <c r="T65950" i="1"/>
  <c r="T65951" i="1"/>
  <c r="T65952" i="1"/>
  <c r="T65953" i="1"/>
  <c r="T65954" i="1"/>
  <c r="T65955" i="1"/>
  <c r="T65956" i="1"/>
  <c r="T65957" i="1"/>
  <c r="T65958" i="1"/>
  <c r="T65959" i="1"/>
  <c r="T65960" i="1"/>
  <c r="T65961" i="1"/>
  <c r="T65962" i="1"/>
  <c r="T65963" i="1"/>
  <c r="T65964" i="1"/>
  <c r="T65965" i="1"/>
  <c r="T65966" i="1"/>
  <c r="T65967" i="1"/>
  <c r="T65968" i="1"/>
  <c r="T65969" i="1"/>
  <c r="T65970" i="1"/>
  <c r="T65971" i="1"/>
  <c r="T65972" i="1"/>
  <c r="T65973" i="1"/>
  <c r="T65974" i="1"/>
  <c r="T65975" i="1"/>
  <c r="T65976" i="1"/>
  <c r="T65977" i="1"/>
  <c r="T65978" i="1"/>
  <c r="T65979" i="1"/>
  <c r="T65980" i="1"/>
  <c r="T65981" i="1"/>
  <c r="T65982" i="1"/>
  <c r="T65983" i="1"/>
  <c r="T65984" i="1"/>
  <c r="T65985" i="1"/>
  <c r="T65986" i="1"/>
  <c r="T65987" i="1"/>
  <c r="T65988" i="1"/>
  <c r="T65989" i="1"/>
  <c r="T65990" i="1"/>
  <c r="T65991" i="1"/>
  <c r="T65992" i="1"/>
  <c r="T65993" i="1"/>
  <c r="T65994" i="1"/>
  <c r="T65995" i="1"/>
  <c r="T65996" i="1"/>
  <c r="T65997" i="1"/>
  <c r="T65998" i="1"/>
  <c r="T65999" i="1"/>
  <c r="T66000" i="1"/>
  <c r="T66001" i="1"/>
  <c r="T66002" i="1"/>
  <c r="T66003" i="1"/>
  <c r="T66004" i="1"/>
  <c r="T66005" i="1"/>
  <c r="T66006" i="1"/>
  <c r="T66007" i="1"/>
  <c r="T66008" i="1"/>
  <c r="T66009" i="1"/>
  <c r="T66010" i="1"/>
  <c r="T66011" i="1"/>
  <c r="T66012" i="1"/>
  <c r="T66013" i="1"/>
  <c r="T66014" i="1"/>
  <c r="T66015" i="1"/>
  <c r="T66016" i="1"/>
  <c r="T66017" i="1"/>
  <c r="T66018" i="1"/>
  <c r="T66019" i="1"/>
  <c r="T66020" i="1"/>
  <c r="T66021" i="1"/>
  <c r="T66022" i="1"/>
  <c r="T66023" i="1"/>
  <c r="T66024" i="1"/>
  <c r="T66025" i="1"/>
  <c r="T66026" i="1"/>
  <c r="T66027" i="1"/>
  <c r="T66028" i="1"/>
  <c r="T66029" i="1"/>
  <c r="T66030" i="1"/>
  <c r="T66031" i="1"/>
  <c r="T66032" i="1"/>
  <c r="T66033" i="1"/>
  <c r="T66034" i="1"/>
  <c r="T66035" i="1"/>
  <c r="T66036" i="1"/>
  <c r="T66037" i="1"/>
  <c r="T66038" i="1"/>
  <c r="T66039" i="1"/>
  <c r="T66040" i="1"/>
  <c r="T66041" i="1"/>
  <c r="T66042" i="1"/>
  <c r="T66043" i="1"/>
  <c r="T66044" i="1"/>
  <c r="T66045" i="1"/>
  <c r="T66046" i="1"/>
  <c r="T66047" i="1"/>
  <c r="T66048" i="1"/>
  <c r="T66049" i="1"/>
  <c r="T66050" i="1"/>
  <c r="T66051" i="1"/>
  <c r="T66052" i="1"/>
  <c r="T66053" i="1"/>
  <c r="T66054" i="1"/>
  <c r="T66055" i="1"/>
  <c r="T66056" i="1"/>
  <c r="T66057" i="1"/>
  <c r="T66058" i="1"/>
  <c r="T66059" i="1"/>
  <c r="T66060" i="1"/>
  <c r="T66061" i="1"/>
  <c r="T66062" i="1"/>
  <c r="T66063" i="1"/>
  <c r="T66064" i="1"/>
  <c r="T66065" i="1"/>
  <c r="T66066" i="1"/>
  <c r="T66067" i="1"/>
  <c r="T66068" i="1"/>
  <c r="T66069" i="1"/>
  <c r="T66070" i="1"/>
  <c r="T66071" i="1"/>
  <c r="T66072" i="1"/>
  <c r="T66073" i="1"/>
  <c r="T66074" i="1"/>
  <c r="T66075" i="1"/>
  <c r="T66076" i="1"/>
  <c r="T66077" i="1"/>
  <c r="T66078" i="1"/>
  <c r="T66079" i="1"/>
  <c r="T66080" i="1"/>
  <c r="T66081" i="1"/>
  <c r="T66082" i="1"/>
  <c r="T66083" i="1"/>
  <c r="T66084" i="1"/>
  <c r="T66085" i="1"/>
  <c r="T66086" i="1"/>
  <c r="T66087" i="1"/>
  <c r="T66088" i="1"/>
  <c r="T66089" i="1"/>
  <c r="T66090" i="1"/>
  <c r="T66091" i="1"/>
  <c r="T66092" i="1"/>
  <c r="T66093" i="1"/>
  <c r="T66094" i="1"/>
  <c r="T66095" i="1"/>
  <c r="T66096" i="1"/>
  <c r="T66097" i="1"/>
  <c r="T66098" i="1"/>
  <c r="T66099" i="1"/>
  <c r="T66100" i="1"/>
  <c r="T66101" i="1"/>
  <c r="T66102" i="1"/>
  <c r="T66103" i="1"/>
  <c r="T66104" i="1"/>
  <c r="T66105" i="1"/>
  <c r="T66106" i="1"/>
  <c r="T66107" i="1"/>
  <c r="T66108" i="1"/>
  <c r="T66109" i="1"/>
  <c r="T66110" i="1"/>
  <c r="T66111" i="1"/>
  <c r="T66112" i="1"/>
  <c r="T66113" i="1"/>
  <c r="T66114" i="1"/>
  <c r="T66115" i="1"/>
  <c r="T66116" i="1"/>
  <c r="T66117" i="1"/>
  <c r="T66118" i="1"/>
  <c r="T66119" i="1"/>
  <c r="T66120" i="1"/>
  <c r="T66121" i="1"/>
  <c r="T66122" i="1"/>
  <c r="T66123" i="1"/>
  <c r="T66124" i="1"/>
  <c r="T66125" i="1"/>
  <c r="T66126" i="1"/>
  <c r="T66127" i="1"/>
  <c r="T66128" i="1"/>
  <c r="T66129" i="1"/>
  <c r="T66130" i="1"/>
  <c r="T66131" i="1"/>
  <c r="T66132" i="1"/>
  <c r="T66133" i="1"/>
  <c r="T66134" i="1"/>
  <c r="T66135" i="1"/>
  <c r="T66136" i="1"/>
  <c r="T66137" i="1"/>
  <c r="T66138" i="1"/>
  <c r="T66139" i="1"/>
  <c r="T66140" i="1"/>
  <c r="T66141" i="1"/>
  <c r="T66142" i="1"/>
  <c r="T66143" i="1"/>
  <c r="T66144" i="1"/>
  <c r="T66145" i="1"/>
  <c r="T66146" i="1"/>
  <c r="T66147" i="1"/>
  <c r="T66148" i="1"/>
  <c r="T66149" i="1"/>
  <c r="T66150" i="1"/>
  <c r="T66151" i="1"/>
  <c r="T66152" i="1"/>
  <c r="T66153" i="1"/>
  <c r="T66154" i="1"/>
  <c r="T66155" i="1"/>
  <c r="T66156" i="1"/>
  <c r="T66157" i="1"/>
  <c r="T66158" i="1"/>
  <c r="T66159" i="1"/>
  <c r="T66160" i="1"/>
  <c r="T66161" i="1"/>
  <c r="T66162" i="1"/>
  <c r="T66163" i="1"/>
  <c r="T66164" i="1"/>
  <c r="T66165" i="1"/>
  <c r="T66166" i="1"/>
  <c r="T66167" i="1"/>
  <c r="T66168" i="1"/>
  <c r="T66169" i="1"/>
  <c r="T66170" i="1"/>
  <c r="T66171" i="1"/>
  <c r="T66172" i="1"/>
  <c r="T66173" i="1"/>
  <c r="T66174" i="1"/>
  <c r="T66175" i="1"/>
  <c r="T66176" i="1"/>
  <c r="T66177" i="1"/>
  <c r="T66178" i="1"/>
  <c r="T66179" i="1"/>
  <c r="T66180" i="1"/>
  <c r="T66181" i="1"/>
  <c r="T66182" i="1"/>
  <c r="T66183" i="1"/>
  <c r="T66184" i="1"/>
  <c r="T66185" i="1"/>
  <c r="T66186" i="1"/>
  <c r="T66187" i="1"/>
  <c r="T66188" i="1"/>
  <c r="T66189" i="1"/>
  <c r="T66190" i="1"/>
  <c r="T66191" i="1"/>
  <c r="T66192" i="1"/>
  <c r="T66193" i="1"/>
  <c r="T66194" i="1"/>
  <c r="T66195" i="1"/>
  <c r="T66196" i="1"/>
  <c r="T66197" i="1"/>
  <c r="T66198" i="1"/>
  <c r="T66199" i="1"/>
  <c r="T66200" i="1"/>
  <c r="T66201" i="1"/>
  <c r="T66202" i="1"/>
  <c r="T66203" i="1"/>
  <c r="T66204" i="1"/>
  <c r="T66205" i="1"/>
  <c r="T66206" i="1"/>
  <c r="T66207" i="1"/>
  <c r="T66208" i="1"/>
  <c r="T66209" i="1"/>
  <c r="T66210" i="1"/>
  <c r="T66211" i="1"/>
  <c r="T66212" i="1"/>
  <c r="T66213" i="1"/>
  <c r="T66214" i="1"/>
  <c r="T66215" i="1"/>
  <c r="T66216" i="1"/>
  <c r="T66217" i="1"/>
  <c r="T66218" i="1"/>
  <c r="T66219" i="1"/>
  <c r="T66220" i="1"/>
  <c r="T66221" i="1"/>
  <c r="T66222" i="1"/>
  <c r="T66223" i="1"/>
  <c r="T66224" i="1"/>
  <c r="T66225" i="1"/>
  <c r="T66226" i="1"/>
  <c r="T66227" i="1"/>
  <c r="T66228" i="1"/>
  <c r="T66229" i="1"/>
  <c r="T66230" i="1"/>
  <c r="T66231" i="1"/>
  <c r="T66232" i="1"/>
  <c r="T66233" i="1"/>
  <c r="T66234" i="1"/>
  <c r="T66235" i="1"/>
  <c r="T66236" i="1"/>
  <c r="T66237" i="1"/>
  <c r="T66238" i="1"/>
  <c r="T66239" i="1"/>
  <c r="T66240" i="1"/>
  <c r="T66241" i="1"/>
  <c r="T66242" i="1"/>
  <c r="T66243" i="1"/>
  <c r="T66244" i="1"/>
  <c r="T66245" i="1"/>
  <c r="T66246" i="1"/>
  <c r="T66247" i="1"/>
  <c r="T66248" i="1"/>
  <c r="T66249" i="1"/>
  <c r="T66250" i="1"/>
  <c r="T66251" i="1"/>
  <c r="T66252" i="1"/>
  <c r="T66253" i="1"/>
  <c r="T66254" i="1"/>
  <c r="T66255" i="1"/>
  <c r="T66256" i="1"/>
  <c r="T66257" i="1"/>
  <c r="T66258" i="1"/>
  <c r="T66259" i="1"/>
  <c r="T66260" i="1"/>
  <c r="T66261" i="1"/>
  <c r="T66262" i="1"/>
  <c r="T66263" i="1"/>
  <c r="T66264" i="1"/>
  <c r="T66265" i="1"/>
  <c r="T66266" i="1"/>
  <c r="T66267" i="1"/>
  <c r="T66268" i="1"/>
  <c r="T66269" i="1"/>
  <c r="T66270" i="1"/>
  <c r="T66271" i="1"/>
  <c r="T66272" i="1"/>
  <c r="T66273" i="1"/>
  <c r="T66274" i="1"/>
  <c r="T66275" i="1"/>
  <c r="T66276" i="1"/>
  <c r="T66277" i="1"/>
  <c r="T66278" i="1"/>
  <c r="T66279" i="1"/>
  <c r="T66280" i="1"/>
  <c r="T66281" i="1"/>
  <c r="T66282" i="1"/>
  <c r="T66283" i="1"/>
  <c r="T66284" i="1"/>
  <c r="T66285" i="1"/>
  <c r="T66286" i="1"/>
  <c r="T66287" i="1"/>
  <c r="T66288" i="1"/>
  <c r="T66289" i="1"/>
  <c r="T66290" i="1"/>
  <c r="T66291" i="1"/>
  <c r="T66292" i="1"/>
  <c r="T66293" i="1"/>
  <c r="T66294" i="1"/>
  <c r="T66295" i="1"/>
  <c r="T66296" i="1"/>
  <c r="T66297" i="1"/>
  <c r="T66298" i="1"/>
  <c r="T66299" i="1"/>
  <c r="T66300" i="1"/>
  <c r="T66301" i="1"/>
  <c r="T66302" i="1"/>
  <c r="T66303" i="1"/>
  <c r="T66304" i="1"/>
  <c r="T66305" i="1"/>
  <c r="T66306" i="1"/>
  <c r="T66307" i="1"/>
  <c r="T66308" i="1"/>
  <c r="T66309" i="1"/>
  <c r="T66310" i="1"/>
  <c r="T66311" i="1"/>
  <c r="T66312" i="1"/>
  <c r="T66313" i="1"/>
  <c r="T66314" i="1"/>
  <c r="T66315" i="1"/>
  <c r="T66316" i="1"/>
  <c r="T66317" i="1"/>
  <c r="T66318" i="1"/>
  <c r="T66319" i="1"/>
  <c r="T66320" i="1"/>
  <c r="T66321" i="1"/>
  <c r="T66322" i="1"/>
  <c r="T66323" i="1"/>
  <c r="T66324" i="1"/>
  <c r="T66325" i="1"/>
  <c r="T66326" i="1"/>
  <c r="T66327" i="1"/>
  <c r="T66328" i="1"/>
  <c r="T66329" i="1"/>
  <c r="T66330" i="1"/>
  <c r="T66331" i="1"/>
  <c r="T66332" i="1"/>
  <c r="T66333" i="1"/>
  <c r="T66334" i="1"/>
  <c r="T66335" i="1"/>
  <c r="T66336" i="1"/>
  <c r="T66337" i="1"/>
  <c r="T66338" i="1"/>
  <c r="T66339" i="1"/>
  <c r="T66340" i="1"/>
  <c r="T66341" i="1"/>
  <c r="T66342" i="1"/>
  <c r="T66343" i="1"/>
  <c r="T66344" i="1"/>
  <c r="T66345" i="1"/>
  <c r="T66346" i="1"/>
  <c r="T66347" i="1"/>
  <c r="T66348" i="1"/>
  <c r="T66349" i="1"/>
  <c r="T66350" i="1"/>
  <c r="T66351" i="1"/>
  <c r="T66352" i="1"/>
  <c r="T66353" i="1"/>
  <c r="T66354" i="1"/>
  <c r="T66355" i="1"/>
  <c r="T66356" i="1"/>
  <c r="T66357" i="1"/>
  <c r="T66358" i="1"/>
  <c r="T66359" i="1"/>
  <c r="T66360" i="1"/>
  <c r="T66361" i="1"/>
  <c r="T66362" i="1"/>
  <c r="T66363" i="1"/>
  <c r="T66364" i="1"/>
  <c r="T66365" i="1"/>
  <c r="T66366" i="1"/>
  <c r="T66367" i="1"/>
  <c r="T66368" i="1"/>
  <c r="T66369" i="1"/>
  <c r="T66370" i="1"/>
  <c r="T66371" i="1"/>
  <c r="T66372" i="1"/>
  <c r="T66373" i="1"/>
  <c r="T66374" i="1"/>
  <c r="T66375" i="1"/>
  <c r="T66376" i="1"/>
  <c r="T66377" i="1"/>
  <c r="T66378" i="1"/>
  <c r="T66379" i="1"/>
  <c r="T66380" i="1"/>
  <c r="T66381" i="1"/>
  <c r="T66382" i="1"/>
  <c r="T66383" i="1"/>
  <c r="T66384" i="1"/>
  <c r="T66385" i="1"/>
  <c r="T66386" i="1"/>
  <c r="T66387" i="1"/>
  <c r="T66388" i="1"/>
  <c r="T66389" i="1"/>
  <c r="T66390" i="1"/>
  <c r="T66391" i="1"/>
  <c r="T66392" i="1"/>
  <c r="T66393" i="1"/>
  <c r="T66394" i="1"/>
  <c r="T66395" i="1"/>
  <c r="T66396" i="1"/>
  <c r="T66397" i="1"/>
  <c r="T66398" i="1"/>
  <c r="T66399" i="1"/>
  <c r="T66400" i="1"/>
  <c r="T66401" i="1"/>
  <c r="T66402" i="1"/>
  <c r="T66403" i="1"/>
  <c r="T66404" i="1"/>
  <c r="T66405" i="1"/>
  <c r="T66406" i="1"/>
  <c r="T66407" i="1"/>
  <c r="T66408" i="1"/>
  <c r="T66409" i="1"/>
  <c r="T66410" i="1"/>
  <c r="T66411" i="1"/>
  <c r="T66412" i="1"/>
  <c r="T66413" i="1"/>
  <c r="T66414" i="1"/>
  <c r="T66415" i="1"/>
  <c r="T66416" i="1"/>
  <c r="T66417" i="1"/>
  <c r="T66418" i="1"/>
  <c r="T66419" i="1"/>
  <c r="T66420" i="1"/>
  <c r="T66421" i="1"/>
  <c r="T66422" i="1"/>
  <c r="T66423" i="1"/>
  <c r="T66424" i="1"/>
  <c r="T66425" i="1"/>
  <c r="T66426" i="1"/>
  <c r="T66427" i="1"/>
  <c r="T66428" i="1"/>
  <c r="T66429" i="1"/>
  <c r="T66430" i="1"/>
  <c r="T66431" i="1"/>
  <c r="T66432" i="1"/>
  <c r="T66433" i="1"/>
  <c r="T66434" i="1"/>
  <c r="T66435" i="1"/>
  <c r="T66436" i="1"/>
  <c r="T66437" i="1"/>
  <c r="T66438" i="1"/>
  <c r="T66439" i="1"/>
  <c r="T66440" i="1"/>
  <c r="T66441" i="1"/>
  <c r="T66442" i="1"/>
  <c r="T66443" i="1"/>
  <c r="T66444" i="1"/>
  <c r="T66445" i="1"/>
  <c r="T66446" i="1"/>
  <c r="T66447" i="1"/>
  <c r="T66448" i="1"/>
  <c r="T66449" i="1"/>
  <c r="T66450" i="1"/>
  <c r="T66451" i="1"/>
  <c r="T66452" i="1"/>
  <c r="T66453" i="1"/>
  <c r="T66454" i="1"/>
  <c r="T66455" i="1"/>
  <c r="T66456" i="1"/>
  <c r="T66457" i="1"/>
  <c r="T66458" i="1"/>
  <c r="T66459" i="1"/>
  <c r="T66460" i="1"/>
  <c r="T66461" i="1"/>
  <c r="T66462" i="1"/>
  <c r="T66463" i="1"/>
  <c r="T66464" i="1"/>
  <c r="T66465" i="1"/>
  <c r="T66466" i="1"/>
  <c r="T66467" i="1"/>
  <c r="T66468" i="1"/>
  <c r="T66469" i="1"/>
  <c r="T66470" i="1"/>
  <c r="T66471" i="1"/>
  <c r="T66472" i="1"/>
  <c r="T66473" i="1"/>
  <c r="T66474" i="1"/>
  <c r="T66475" i="1"/>
  <c r="T66476" i="1"/>
  <c r="T66477" i="1"/>
  <c r="T66478" i="1"/>
  <c r="T66479" i="1"/>
  <c r="T66480" i="1"/>
  <c r="T66481" i="1"/>
  <c r="T66482" i="1"/>
  <c r="T66483" i="1"/>
  <c r="T66484" i="1"/>
  <c r="T66485" i="1"/>
  <c r="T66486" i="1"/>
  <c r="T66487" i="1"/>
  <c r="T66488" i="1"/>
  <c r="T66489" i="1"/>
  <c r="T66490" i="1"/>
  <c r="T66491" i="1"/>
  <c r="T66492" i="1"/>
  <c r="T66493" i="1"/>
  <c r="T66494" i="1"/>
  <c r="T66495" i="1"/>
  <c r="T66496" i="1"/>
  <c r="T66497" i="1"/>
  <c r="T66498" i="1"/>
  <c r="T66499" i="1"/>
  <c r="T66500" i="1"/>
  <c r="T66501" i="1"/>
  <c r="T66502" i="1"/>
  <c r="T66503" i="1"/>
  <c r="T66504" i="1"/>
  <c r="T66505" i="1"/>
  <c r="T66506" i="1"/>
  <c r="T66507" i="1"/>
  <c r="T66508" i="1"/>
  <c r="T66509" i="1"/>
  <c r="T66510" i="1"/>
  <c r="T66511" i="1"/>
  <c r="T66512" i="1"/>
  <c r="T66513" i="1"/>
  <c r="T66514" i="1"/>
  <c r="T66515" i="1"/>
  <c r="T66516" i="1"/>
  <c r="T66517" i="1"/>
  <c r="T66518" i="1"/>
  <c r="T66519" i="1"/>
  <c r="T66520" i="1"/>
  <c r="T66521" i="1"/>
  <c r="T66522" i="1"/>
  <c r="T66523" i="1"/>
  <c r="T66524" i="1"/>
  <c r="T66525" i="1"/>
  <c r="T66526" i="1"/>
  <c r="T66527" i="1"/>
  <c r="T66528" i="1"/>
  <c r="T66529" i="1"/>
  <c r="T66530" i="1"/>
  <c r="T66531" i="1"/>
  <c r="T66532" i="1"/>
  <c r="T66533" i="1"/>
  <c r="T66534" i="1"/>
  <c r="T66535" i="1"/>
  <c r="T66536" i="1"/>
  <c r="T66537" i="1"/>
  <c r="T66538" i="1"/>
  <c r="T66539" i="1"/>
  <c r="T66540" i="1"/>
  <c r="T66541" i="1"/>
  <c r="T66542" i="1"/>
  <c r="T66543" i="1"/>
  <c r="T66544" i="1"/>
  <c r="T66545" i="1"/>
  <c r="T66546" i="1"/>
  <c r="T66547" i="1"/>
  <c r="T66548" i="1"/>
  <c r="T66549" i="1"/>
  <c r="T66550" i="1"/>
  <c r="T66551" i="1"/>
  <c r="T66552" i="1"/>
  <c r="T66553" i="1"/>
  <c r="T66554" i="1"/>
  <c r="T66555" i="1"/>
  <c r="T66556" i="1"/>
  <c r="T66557" i="1"/>
  <c r="T66558" i="1"/>
  <c r="T66559" i="1"/>
  <c r="T66560" i="1"/>
  <c r="T66561" i="1"/>
  <c r="T66562" i="1"/>
  <c r="T66563" i="1"/>
  <c r="T66564" i="1"/>
  <c r="T66565" i="1"/>
  <c r="T66566" i="1"/>
  <c r="T66567" i="1"/>
  <c r="T66568" i="1"/>
  <c r="T66569" i="1"/>
  <c r="T66570" i="1"/>
  <c r="T66571" i="1"/>
  <c r="T66572" i="1"/>
  <c r="T66573" i="1"/>
  <c r="T66574" i="1"/>
  <c r="T66575" i="1"/>
  <c r="T66576" i="1"/>
  <c r="T66577" i="1"/>
  <c r="T66578" i="1"/>
  <c r="T66579" i="1"/>
  <c r="T66580" i="1"/>
  <c r="T66581" i="1"/>
  <c r="T66582" i="1"/>
  <c r="T66583" i="1"/>
  <c r="T66584" i="1"/>
  <c r="T66585" i="1"/>
  <c r="T66586" i="1"/>
  <c r="T66587" i="1"/>
  <c r="T66588" i="1"/>
  <c r="T66589" i="1"/>
  <c r="T66590" i="1"/>
  <c r="T66591" i="1"/>
  <c r="T66592" i="1"/>
  <c r="T66593" i="1"/>
  <c r="T66594" i="1"/>
  <c r="T66595" i="1"/>
  <c r="T66596" i="1"/>
  <c r="T66597" i="1"/>
  <c r="T66598" i="1"/>
  <c r="T66599" i="1"/>
  <c r="T66600" i="1"/>
  <c r="T66601" i="1"/>
  <c r="T66602" i="1"/>
  <c r="T66603" i="1"/>
  <c r="T66604" i="1"/>
  <c r="T66605" i="1"/>
  <c r="T66606" i="1"/>
  <c r="T66607" i="1"/>
  <c r="T66608" i="1"/>
  <c r="T66609" i="1"/>
  <c r="T66610" i="1"/>
  <c r="T66611" i="1"/>
  <c r="T66612" i="1"/>
  <c r="T66613" i="1"/>
  <c r="T66614" i="1"/>
  <c r="T66615" i="1"/>
  <c r="T66616" i="1"/>
  <c r="T66617" i="1"/>
  <c r="T66618" i="1"/>
  <c r="T66619" i="1"/>
  <c r="T66620" i="1"/>
  <c r="T66621" i="1"/>
  <c r="T66622" i="1"/>
  <c r="T66623" i="1"/>
  <c r="T66624" i="1"/>
  <c r="T66625" i="1"/>
  <c r="T66626" i="1"/>
  <c r="T66627" i="1"/>
  <c r="T66628" i="1"/>
  <c r="T66629" i="1"/>
  <c r="T66630" i="1"/>
  <c r="T66631" i="1"/>
  <c r="T66632" i="1"/>
  <c r="T66633" i="1"/>
  <c r="T66634" i="1"/>
  <c r="T66635" i="1"/>
  <c r="T66636" i="1"/>
  <c r="T66637" i="1"/>
  <c r="T66638" i="1"/>
  <c r="T66639" i="1"/>
  <c r="T66640" i="1"/>
  <c r="T66641" i="1"/>
  <c r="T66642" i="1"/>
  <c r="T66643" i="1"/>
  <c r="T66644" i="1"/>
  <c r="T66645" i="1"/>
  <c r="T66646" i="1"/>
  <c r="T66647" i="1"/>
  <c r="T66648" i="1"/>
  <c r="T66649" i="1"/>
  <c r="T66650" i="1"/>
  <c r="T66651" i="1"/>
  <c r="T66652" i="1"/>
  <c r="T66653" i="1"/>
  <c r="T66654" i="1"/>
  <c r="T66655" i="1"/>
  <c r="T66656" i="1"/>
  <c r="T66657" i="1"/>
  <c r="T66658" i="1"/>
  <c r="T66659" i="1"/>
  <c r="T66660" i="1"/>
  <c r="T66661" i="1"/>
  <c r="T66662" i="1"/>
  <c r="T66663" i="1"/>
  <c r="T66664" i="1"/>
  <c r="T66665" i="1"/>
  <c r="T66666" i="1"/>
  <c r="T66667" i="1"/>
  <c r="T66668" i="1"/>
  <c r="T66669" i="1"/>
  <c r="T66670" i="1"/>
  <c r="T66671" i="1"/>
  <c r="T66672" i="1"/>
  <c r="T66673" i="1"/>
  <c r="T66674" i="1"/>
  <c r="T66675" i="1"/>
  <c r="T66676" i="1"/>
  <c r="T66677" i="1"/>
  <c r="T66678" i="1"/>
  <c r="T66679" i="1"/>
  <c r="T66680" i="1"/>
  <c r="T66681" i="1"/>
  <c r="T66682" i="1"/>
  <c r="T66683" i="1"/>
  <c r="T66684" i="1"/>
  <c r="T66685" i="1"/>
  <c r="T66686" i="1"/>
  <c r="T66687" i="1"/>
  <c r="T66688" i="1"/>
  <c r="T66689" i="1"/>
  <c r="T66690" i="1"/>
  <c r="T66691" i="1"/>
  <c r="T66692" i="1"/>
  <c r="T66693" i="1"/>
  <c r="T66694" i="1"/>
  <c r="T66695" i="1"/>
  <c r="T66696" i="1"/>
  <c r="T66697" i="1"/>
  <c r="T66698" i="1"/>
  <c r="T66699" i="1"/>
  <c r="T66700" i="1"/>
  <c r="T66701" i="1"/>
  <c r="T66702" i="1"/>
  <c r="T66703" i="1"/>
  <c r="T66704" i="1"/>
  <c r="T66705" i="1"/>
  <c r="T66706" i="1"/>
  <c r="T66707" i="1"/>
  <c r="T66708" i="1"/>
  <c r="T66709" i="1"/>
  <c r="T66710" i="1"/>
  <c r="T66711" i="1"/>
  <c r="T66712" i="1"/>
  <c r="T66713" i="1"/>
  <c r="T66714" i="1"/>
  <c r="T66715" i="1"/>
  <c r="T66716" i="1"/>
  <c r="T66717" i="1"/>
  <c r="T66718" i="1"/>
  <c r="T66719" i="1"/>
  <c r="T66720" i="1"/>
  <c r="T66721" i="1"/>
  <c r="T66722" i="1"/>
  <c r="T66723" i="1"/>
  <c r="T66724" i="1"/>
  <c r="T66725" i="1"/>
  <c r="T66726" i="1"/>
  <c r="T66727" i="1"/>
  <c r="T66728" i="1"/>
  <c r="T66729" i="1"/>
  <c r="T66730" i="1"/>
  <c r="T66731" i="1"/>
  <c r="T66732" i="1"/>
  <c r="T66733" i="1"/>
  <c r="T66734" i="1"/>
  <c r="T66735" i="1"/>
  <c r="T66736" i="1"/>
  <c r="T66737" i="1"/>
  <c r="T66738" i="1"/>
  <c r="T66739" i="1"/>
  <c r="T66740" i="1"/>
  <c r="T66741" i="1"/>
  <c r="T66742" i="1"/>
  <c r="T66743" i="1"/>
  <c r="T66744" i="1"/>
  <c r="T66745" i="1"/>
  <c r="T66746" i="1"/>
  <c r="T66747" i="1"/>
  <c r="T66748" i="1"/>
  <c r="T66749" i="1"/>
  <c r="T66750" i="1"/>
  <c r="T66751" i="1"/>
  <c r="T66752" i="1"/>
  <c r="T66753" i="1"/>
  <c r="T66754" i="1"/>
  <c r="T66755" i="1"/>
  <c r="T66756" i="1"/>
  <c r="T66757" i="1"/>
  <c r="T66758" i="1"/>
  <c r="T66759" i="1"/>
  <c r="T66760" i="1"/>
  <c r="T66761" i="1"/>
  <c r="T66762" i="1"/>
  <c r="T66763" i="1"/>
  <c r="T66764" i="1"/>
  <c r="T66765" i="1"/>
  <c r="T66766" i="1"/>
  <c r="T66767" i="1"/>
  <c r="T66768" i="1"/>
  <c r="T66769" i="1"/>
  <c r="T66770" i="1"/>
  <c r="T66771" i="1"/>
  <c r="T66772" i="1"/>
  <c r="T66773" i="1"/>
  <c r="T66774" i="1"/>
  <c r="T66775" i="1"/>
  <c r="T66776" i="1"/>
  <c r="T66777" i="1"/>
  <c r="T66778" i="1"/>
  <c r="T66779" i="1"/>
  <c r="T66780" i="1"/>
  <c r="T66781" i="1"/>
  <c r="T66782" i="1"/>
  <c r="T66783" i="1"/>
  <c r="T66784" i="1"/>
  <c r="T66785" i="1"/>
  <c r="T66786" i="1"/>
  <c r="T66787" i="1"/>
  <c r="T66788" i="1"/>
  <c r="T66789" i="1"/>
  <c r="T66790" i="1"/>
  <c r="T66791" i="1"/>
  <c r="T66792" i="1"/>
  <c r="T66793" i="1"/>
  <c r="T66794" i="1"/>
  <c r="T66795" i="1"/>
  <c r="T66796" i="1"/>
  <c r="T66797" i="1"/>
  <c r="T66798" i="1"/>
  <c r="T66799" i="1"/>
  <c r="T66800" i="1"/>
  <c r="T66801" i="1"/>
  <c r="T66802" i="1"/>
  <c r="T66803" i="1"/>
  <c r="T66804" i="1"/>
  <c r="T66805" i="1"/>
  <c r="T66806" i="1"/>
  <c r="T66807" i="1"/>
  <c r="T66808" i="1"/>
  <c r="T66809" i="1"/>
  <c r="T66810" i="1"/>
  <c r="T66811" i="1"/>
  <c r="T66812" i="1"/>
  <c r="T66813" i="1"/>
  <c r="T66814" i="1"/>
  <c r="T66815" i="1"/>
  <c r="T66816" i="1"/>
  <c r="T66817" i="1"/>
  <c r="T66818" i="1"/>
  <c r="T66819" i="1"/>
  <c r="T66820" i="1"/>
  <c r="T66821" i="1"/>
  <c r="T66822" i="1"/>
  <c r="T66823" i="1"/>
  <c r="T66824" i="1"/>
  <c r="T66825" i="1"/>
  <c r="T66826" i="1"/>
  <c r="T66827" i="1"/>
  <c r="T66828" i="1"/>
  <c r="T66829" i="1"/>
  <c r="T66830" i="1"/>
  <c r="T66831" i="1"/>
  <c r="T66832" i="1"/>
  <c r="T66833" i="1"/>
  <c r="T66834" i="1"/>
  <c r="T66835" i="1"/>
  <c r="T66836" i="1"/>
  <c r="T66837" i="1"/>
  <c r="T66838" i="1"/>
  <c r="T66839" i="1"/>
  <c r="T66840" i="1"/>
  <c r="T66841" i="1"/>
  <c r="T66842" i="1"/>
  <c r="T66843" i="1"/>
  <c r="T66844" i="1"/>
  <c r="T66845" i="1"/>
  <c r="T66846" i="1"/>
  <c r="T66847" i="1"/>
  <c r="T66848" i="1"/>
  <c r="T66849" i="1"/>
  <c r="T66850" i="1"/>
  <c r="T66851" i="1"/>
  <c r="T66852" i="1"/>
  <c r="T66853" i="1"/>
  <c r="T66854" i="1"/>
  <c r="T66855" i="1"/>
  <c r="T66856" i="1"/>
  <c r="T66857" i="1"/>
  <c r="T66858" i="1"/>
  <c r="T66859" i="1"/>
  <c r="T66860" i="1"/>
  <c r="T66861" i="1"/>
  <c r="T66862" i="1"/>
  <c r="T66863" i="1"/>
  <c r="T66864" i="1"/>
  <c r="T66865" i="1"/>
  <c r="T66866" i="1"/>
  <c r="T66867" i="1"/>
  <c r="T66868" i="1"/>
  <c r="T66869" i="1"/>
  <c r="T66870" i="1"/>
  <c r="T66871" i="1"/>
  <c r="T66872" i="1"/>
  <c r="T66873" i="1"/>
  <c r="T66874" i="1"/>
  <c r="T66875" i="1"/>
  <c r="T66876" i="1"/>
  <c r="T66877" i="1"/>
  <c r="T66878" i="1"/>
  <c r="T66879" i="1"/>
  <c r="T66880" i="1"/>
  <c r="T66881" i="1"/>
  <c r="T66882" i="1"/>
  <c r="T66883" i="1"/>
  <c r="T66884" i="1"/>
  <c r="T66885" i="1"/>
  <c r="T66886" i="1"/>
  <c r="T66887" i="1"/>
  <c r="T66888" i="1"/>
  <c r="T66889" i="1"/>
  <c r="T66890" i="1"/>
  <c r="T66891" i="1"/>
  <c r="T66892" i="1"/>
  <c r="T66893" i="1"/>
  <c r="T66894" i="1"/>
  <c r="T66895" i="1"/>
  <c r="T66896" i="1"/>
  <c r="T66897" i="1"/>
  <c r="T66898" i="1"/>
  <c r="T66899" i="1"/>
  <c r="T66900" i="1"/>
  <c r="T66901" i="1"/>
  <c r="T66902" i="1"/>
  <c r="T66903" i="1"/>
  <c r="T66904" i="1"/>
  <c r="T66905" i="1"/>
  <c r="T66906" i="1"/>
  <c r="T66907" i="1"/>
  <c r="T66908" i="1"/>
  <c r="T66909" i="1"/>
  <c r="T66910" i="1"/>
  <c r="T66911" i="1"/>
  <c r="T66912" i="1"/>
  <c r="T66913" i="1"/>
  <c r="T66914" i="1"/>
  <c r="T66915" i="1"/>
  <c r="T66916" i="1"/>
  <c r="T66917" i="1"/>
  <c r="T66918" i="1"/>
  <c r="T66919" i="1"/>
  <c r="T66920" i="1"/>
  <c r="T66921" i="1"/>
  <c r="T66922" i="1"/>
  <c r="T66923" i="1"/>
  <c r="T66924" i="1"/>
  <c r="T66925" i="1"/>
  <c r="T66926" i="1"/>
  <c r="T66927" i="1"/>
  <c r="T66928" i="1"/>
  <c r="T66929" i="1"/>
  <c r="T66930" i="1"/>
  <c r="T66931" i="1"/>
  <c r="T66932" i="1"/>
  <c r="T66933" i="1"/>
  <c r="T66934" i="1"/>
  <c r="T66935" i="1"/>
  <c r="T66936" i="1"/>
  <c r="T66937" i="1"/>
  <c r="T66938" i="1"/>
  <c r="T66939" i="1"/>
  <c r="T66940" i="1"/>
  <c r="T66941" i="1"/>
  <c r="T66942" i="1"/>
  <c r="T66943" i="1"/>
  <c r="T66944" i="1"/>
  <c r="T66945" i="1"/>
  <c r="T66946" i="1"/>
  <c r="T66947" i="1"/>
  <c r="T66948" i="1"/>
  <c r="T66949" i="1"/>
  <c r="T66950" i="1"/>
  <c r="T66951" i="1"/>
  <c r="T66952" i="1"/>
  <c r="T66953" i="1"/>
  <c r="T66954" i="1"/>
  <c r="T66955" i="1"/>
  <c r="T66956" i="1"/>
  <c r="T66957" i="1"/>
  <c r="T66958" i="1"/>
  <c r="T66959" i="1"/>
  <c r="T66960" i="1"/>
  <c r="T66961" i="1"/>
  <c r="T66962" i="1"/>
  <c r="T66963" i="1"/>
  <c r="T66964" i="1"/>
  <c r="T66965" i="1"/>
  <c r="T66966" i="1"/>
  <c r="T66967" i="1"/>
  <c r="T66968" i="1"/>
  <c r="T66969" i="1"/>
  <c r="T66970" i="1"/>
  <c r="T66971" i="1"/>
  <c r="T66972" i="1"/>
  <c r="T66973" i="1"/>
  <c r="T66974" i="1"/>
  <c r="T66975" i="1"/>
  <c r="T66976" i="1"/>
  <c r="T66977" i="1"/>
  <c r="T66978" i="1"/>
  <c r="T66979" i="1"/>
  <c r="T66980" i="1"/>
  <c r="T66981" i="1"/>
  <c r="T66982" i="1"/>
  <c r="T66983" i="1"/>
  <c r="T66984" i="1"/>
  <c r="T66985" i="1"/>
  <c r="T66986" i="1"/>
  <c r="T66987" i="1"/>
  <c r="T66988" i="1"/>
  <c r="T66989" i="1"/>
  <c r="T66990" i="1"/>
  <c r="T66991" i="1"/>
  <c r="T66992" i="1"/>
  <c r="T66993" i="1"/>
  <c r="T66994" i="1"/>
  <c r="T66995" i="1"/>
  <c r="T66996" i="1"/>
  <c r="T66997" i="1"/>
  <c r="T66998" i="1"/>
  <c r="T66999" i="1"/>
  <c r="T67000" i="1"/>
  <c r="T67001" i="1"/>
  <c r="T67002" i="1"/>
  <c r="T67003" i="1"/>
  <c r="T67004" i="1"/>
  <c r="T67005" i="1"/>
  <c r="T67006" i="1"/>
  <c r="T67007" i="1"/>
  <c r="T67008" i="1"/>
  <c r="T67009" i="1"/>
  <c r="T67010" i="1"/>
  <c r="T67011" i="1"/>
  <c r="T67012" i="1"/>
  <c r="T67013" i="1"/>
  <c r="T67014" i="1"/>
  <c r="T67015" i="1"/>
  <c r="T67016" i="1"/>
  <c r="T67017" i="1"/>
  <c r="T67018" i="1"/>
  <c r="T67019" i="1"/>
  <c r="T67020" i="1"/>
  <c r="T67021" i="1"/>
  <c r="T67022" i="1"/>
  <c r="T67023" i="1"/>
  <c r="T67024" i="1"/>
  <c r="T67025" i="1"/>
  <c r="T67026" i="1"/>
  <c r="T67027" i="1"/>
  <c r="T67028" i="1"/>
  <c r="T67029" i="1"/>
  <c r="T67030" i="1"/>
  <c r="T67031" i="1"/>
  <c r="T67032" i="1"/>
  <c r="T67033" i="1"/>
  <c r="T67034" i="1"/>
  <c r="T67035" i="1"/>
  <c r="T67036" i="1"/>
  <c r="T67037" i="1"/>
  <c r="T67038" i="1"/>
  <c r="T67039" i="1"/>
  <c r="T67040" i="1"/>
  <c r="T67041" i="1"/>
  <c r="T67042" i="1"/>
  <c r="T67043" i="1"/>
  <c r="T67044" i="1"/>
  <c r="T67045" i="1"/>
  <c r="T67046" i="1"/>
  <c r="T67047" i="1"/>
  <c r="T67048" i="1"/>
  <c r="T67049" i="1"/>
  <c r="T67050" i="1"/>
  <c r="T67051" i="1"/>
  <c r="T67052" i="1"/>
  <c r="T67053" i="1"/>
  <c r="T67054" i="1"/>
  <c r="T67055" i="1"/>
  <c r="T67056" i="1"/>
  <c r="T67057" i="1"/>
  <c r="T67058" i="1"/>
  <c r="T67059" i="1"/>
  <c r="T67060" i="1"/>
  <c r="T67061" i="1"/>
  <c r="T67062" i="1"/>
  <c r="T67063" i="1"/>
  <c r="T67064" i="1"/>
  <c r="T67065" i="1"/>
  <c r="T67066" i="1"/>
  <c r="T67067" i="1"/>
  <c r="T67068" i="1"/>
  <c r="T67069" i="1"/>
  <c r="T67070" i="1"/>
  <c r="T67071" i="1"/>
  <c r="T67072" i="1"/>
  <c r="T67073" i="1"/>
  <c r="T67074" i="1"/>
  <c r="T67075" i="1"/>
  <c r="T67076" i="1"/>
  <c r="T67077" i="1"/>
  <c r="T67078" i="1"/>
  <c r="T67079" i="1"/>
  <c r="T67080" i="1"/>
  <c r="T67081" i="1"/>
  <c r="T67082" i="1"/>
  <c r="T67083" i="1"/>
  <c r="T67084" i="1"/>
  <c r="T67085" i="1"/>
  <c r="T67086" i="1"/>
  <c r="T67087" i="1"/>
  <c r="T67088" i="1"/>
  <c r="T67089" i="1"/>
  <c r="T67090" i="1"/>
  <c r="T67091" i="1"/>
  <c r="T67092" i="1"/>
  <c r="T67093" i="1"/>
  <c r="T67094" i="1"/>
  <c r="T67095" i="1"/>
  <c r="T67096" i="1"/>
  <c r="T67097" i="1"/>
  <c r="T67098" i="1"/>
  <c r="T67099" i="1"/>
  <c r="T67100" i="1"/>
  <c r="T67101" i="1"/>
  <c r="T67102" i="1"/>
  <c r="T67103" i="1"/>
  <c r="T67104" i="1"/>
  <c r="T67105" i="1"/>
  <c r="T67106" i="1"/>
  <c r="T67107" i="1"/>
  <c r="T67108" i="1"/>
  <c r="T67109" i="1"/>
  <c r="T67110" i="1"/>
  <c r="T67111" i="1"/>
  <c r="T67112" i="1"/>
  <c r="T67113" i="1"/>
  <c r="T67114" i="1"/>
  <c r="T67115" i="1"/>
  <c r="T67116" i="1"/>
  <c r="T67117" i="1"/>
  <c r="T67118" i="1"/>
  <c r="T67119" i="1"/>
  <c r="T67120" i="1"/>
  <c r="T67121" i="1"/>
  <c r="T67122" i="1"/>
  <c r="T67123" i="1"/>
  <c r="T67124" i="1"/>
  <c r="T67125" i="1"/>
  <c r="T67126" i="1"/>
  <c r="T67127" i="1"/>
  <c r="T67128" i="1"/>
  <c r="T67129" i="1"/>
  <c r="T67130" i="1"/>
  <c r="T67131" i="1"/>
  <c r="T67132" i="1"/>
  <c r="T67133" i="1"/>
  <c r="T67134" i="1"/>
  <c r="T67135" i="1"/>
  <c r="T67136" i="1"/>
  <c r="T67137" i="1"/>
  <c r="T67138" i="1"/>
  <c r="T67139" i="1"/>
  <c r="T67140" i="1"/>
  <c r="T67141" i="1"/>
  <c r="T67142" i="1"/>
  <c r="T67143" i="1"/>
  <c r="T67144" i="1"/>
  <c r="T67145" i="1"/>
  <c r="T67146" i="1"/>
  <c r="T67147" i="1"/>
  <c r="T67148" i="1"/>
  <c r="T67149" i="1"/>
  <c r="T67150" i="1"/>
  <c r="T67151" i="1"/>
  <c r="T67152" i="1"/>
  <c r="T67153" i="1"/>
  <c r="T67154" i="1"/>
  <c r="T67155" i="1"/>
  <c r="T67156" i="1"/>
  <c r="T67157" i="1"/>
  <c r="T67158" i="1"/>
  <c r="T67159" i="1"/>
  <c r="T67160" i="1"/>
  <c r="T67161" i="1"/>
  <c r="T67162" i="1"/>
  <c r="T67163" i="1"/>
  <c r="T67164" i="1"/>
  <c r="T67165" i="1"/>
  <c r="T67166" i="1"/>
  <c r="T67167" i="1"/>
  <c r="T67168" i="1"/>
  <c r="T67169" i="1"/>
  <c r="T67170" i="1"/>
  <c r="T67171" i="1"/>
  <c r="T67172" i="1"/>
  <c r="T67173" i="1"/>
  <c r="T67174" i="1"/>
  <c r="T67175" i="1"/>
  <c r="T67176" i="1"/>
  <c r="T67177" i="1"/>
  <c r="T67178" i="1"/>
  <c r="T67179" i="1"/>
  <c r="T67180" i="1"/>
  <c r="T67181" i="1"/>
  <c r="T67182" i="1"/>
  <c r="T67183" i="1"/>
  <c r="T67184" i="1"/>
  <c r="T67185" i="1"/>
  <c r="T67186" i="1"/>
  <c r="T67187" i="1"/>
  <c r="T67188" i="1"/>
  <c r="T67189" i="1"/>
  <c r="T67190" i="1"/>
  <c r="T67191" i="1"/>
  <c r="T67192" i="1"/>
  <c r="T67193" i="1"/>
  <c r="T67194" i="1"/>
  <c r="T67195" i="1"/>
  <c r="T67196" i="1"/>
  <c r="T67197" i="1"/>
  <c r="T67198" i="1"/>
  <c r="T67199" i="1"/>
  <c r="T67200" i="1"/>
  <c r="T67201" i="1"/>
  <c r="T67202" i="1"/>
  <c r="T67203" i="1"/>
  <c r="T67204" i="1"/>
  <c r="T67205" i="1"/>
  <c r="T67206" i="1"/>
  <c r="T67207" i="1"/>
  <c r="T67208" i="1"/>
  <c r="T67209" i="1"/>
  <c r="T67210" i="1"/>
  <c r="T67211" i="1"/>
  <c r="T67212" i="1"/>
  <c r="T67213" i="1"/>
  <c r="T67214" i="1"/>
  <c r="T67215" i="1"/>
  <c r="T67216" i="1"/>
  <c r="T67217" i="1"/>
  <c r="T67218" i="1"/>
  <c r="T67219" i="1"/>
  <c r="T67220" i="1"/>
  <c r="T67221" i="1"/>
  <c r="T67222" i="1"/>
  <c r="T67223" i="1"/>
  <c r="T67224" i="1"/>
  <c r="T67225" i="1"/>
  <c r="T67226" i="1"/>
  <c r="T67227" i="1"/>
  <c r="T67228" i="1"/>
  <c r="T67229" i="1"/>
  <c r="T67230" i="1"/>
  <c r="T67231" i="1"/>
  <c r="T67232" i="1"/>
  <c r="T67233" i="1"/>
  <c r="T67234" i="1"/>
  <c r="T67235" i="1"/>
  <c r="T67236" i="1"/>
  <c r="T67237" i="1"/>
  <c r="T67238" i="1"/>
  <c r="T67239" i="1"/>
  <c r="T67240" i="1"/>
  <c r="T67241" i="1"/>
  <c r="T67242" i="1"/>
  <c r="T67243" i="1"/>
  <c r="T67244" i="1"/>
  <c r="T67245" i="1"/>
  <c r="T67246" i="1"/>
  <c r="T67247" i="1"/>
  <c r="T67248" i="1"/>
  <c r="T67249" i="1"/>
  <c r="T67250" i="1"/>
  <c r="T67251" i="1"/>
  <c r="T67252" i="1"/>
  <c r="T67253" i="1"/>
  <c r="T67254" i="1"/>
  <c r="T67255" i="1"/>
  <c r="T67256" i="1"/>
  <c r="T67257" i="1"/>
  <c r="T67258" i="1"/>
  <c r="T67259" i="1"/>
  <c r="T67260" i="1"/>
  <c r="T67261" i="1"/>
  <c r="T67262" i="1"/>
  <c r="T67263" i="1"/>
  <c r="T67264" i="1"/>
  <c r="T67265" i="1"/>
  <c r="T67266" i="1"/>
  <c r="T67267" i="1"/>
  <c r="T67268" i="1"/>
  <c r="T67269" i="1"/>
  <c r="T67270" i="1"/>
  <c r="T67271" i="1"/>
  <c r="T67272" i="1"/>
  <c r="T67273" i="1"/>
  <c r="T67274" i="1"/>
  <c r="T67275" i="1"/>
  <c r="T67276" i="1"/>
  <c r="T67277" i="1"/>
  <c r="T67278" i="1"/>
  <c r="T67279" i="1"/>
  <c r="T67280" i="1"/>
  <c r="T67281" i="1"/>
  <c r="T67282" i="1"/>
  <c r="T67283" i="1"/>
  <c r="T67284" i="1"/>
  <c r="T67285" i="1"/>
  <c r="T67286" i="1"/>
  <c r="T67287" i="1"/>
  <c r="T67288" i="1"/>
  <c r="T67289" i="1"/>
  <c r="T67290" i="1"/>
  <c r="T67291" i="1"/>
  <c r="T67292" i="1"/>
  <c r="T67293" i="1"/>
  <c r="T67294" i="1"/>
  <c r="T67295" i="1"/>
  <c r="T67296" i="1"/>
  <c r="T67297" i="1"/>
  <c r="T67298" i="1"/>
  <c r="T67299" i="1"/>
  <c r="T67300" i="1"/>
  <c r="T67301" i="1"/>
  <c r="T67302" i="1"/>
  <c r="T67303" i="1"/>
  <c r="T67304" i="1"/>
  <c r="T67305" i="1"/>
  <c r="T67306" i="1"/>
  <c r="T67307" i="1"/>
  <c r="T67308" i="1"/>
  <c r="T67309" i="1"/>
  <c r="T67310" i="1"/>
  <c r="T67311" i="1"/>
  <c r="T67312" i="1"/>
  <c r="T67313" i="1"/>
  <c r="T67314" i="1"/>
  <c r="T67315" i="1"/>
  <c r="T67316" i="1"/>
  <c r="T67317" i="1"/>
  <c r="T67318" i="1"/>
  <c r="T67319" i="1"/>
  <c r="T67320" i="1"/>
  <c r="T67321" i="1"/>
  <c r="T67322" i="1"/>
  <c r="T67323" i="1"/>
  <c r="T67324" i="1"/>
  <c r="T67325" i="1"/>
  <c r="T67326" i="1"/>
  <c r="T67327" i="1"/>
  <c r="T67328" i="1"/>
  <c r="T67329" i="1"/>
  <c r="T67330" i="1"/>
  <c r="T67331" i="1"/>
  <c r="T67332" i="1"/>
  <c r="T67333" i="1"/>
  <c r="T67334" i="1"/>
  <c r="T67335" i="1"/>
  <c r="T67336" i="1"/>
  <c r="T67337" i="1"/>
  <c r="T67338" i="1"/>
  <c r="T67339" i="1"/>
  <c r="T67340" i="1"/>
  <c r="T67341" i="1"/>
  <c r="T67342" i="1"/>
  <c r="T67343" i="1"/>
  <c r="T67344" i="1"/>
  <c r="T67345" i="1"/>
  <c r="T67346" i="1"/>
  <c r="T67347" i="1"/>
  <c r="T67348" i="1"/>
  <c r="T67349" i="1"/>
  <c r="T67350" i="1"/>
  <c r="T67351" i="1"/>
  <c r="T67352" i="1"/>
  <c r="T67353" i="1"/>
  <c r="T67354" i="1"/>
  <c r="T67355" i="1"/>
  <c r="T67356" i="1"/>
  <c r="T67357" i="1"/>
  <c r="T67358" i="1"/>
  <c r="T67359" i="1"/>
  <c r="T67360" i="1"/>
  <c r="T67361" i="1"/>
  <c r="T67362" i="1"/>
  <c r="T67363" i="1"/>
  <c r="T67364" i="1"/>
  <c r="T67365" i="1"/>
  <c r="T67366" i="1"/>
  <c r="T67367" i="1"/>
  <c r="T67368" i="1"/>
  <c r="T67369" i="1"/>
  <c r="T67370" i="1"/>
  <c r="T67371" i="1"/>
  <c r="T67372" i="1"/>
  <c r="T67373" i="1"/>
  <c r="T67374" i="1"/>
  <c r="T67375" i="1"/>
  <c r="T67376" i="1"/>
  <c r="T67377" i="1"/>
  <c r="T67378" i="1"/>
  <c r="T67379" i="1"/>
  <c r="T67380" i="1"/>
  <c r="T67381" i="1"/>
  <c r="T67382" i="1"/>
  <c r="T67383" i="1"/>
  <c r="T67384" i="1"/>
  <c r="T67385" i="1"/>
  <c r="T67386" i="1"/>
  <c r="T67387" i="1"/>
  <c r="T67388" i="1"/>
  <c r="T67389" i="1"/>
  <c r="T67390" i="1"/>
  <c r="T67391" i="1"/>
  <c r="T67392" i="1"/>
  <c r="T67393" i="1"/>
  <c r="T67394" i="1"/>
  <c r="T67395" i="1"/>
  <c r="T67396" i="1"/>
  <c r="T67397" i="1"/>
  <c r="T67398" i="1"/>
  <c r="T67399" i="1"/>
  <c r="T67400" i="1"/>
  <c r="T67401" i="1"/>
  <c r="T67402" i="1"/>
  <c r="T67403" i="1"/>
  <c r="T67404" i="1"/>
  <c r="T67405" i="1"/>
  <c r="T67406" i="1"/>
  <c r="T67407" i="1"/>
  <c r="T67408" i="1"/>
  <c r="T67409" i="1"/>
  <c r="T67410" i="1"/>
  <c r="T67411" i="1"/>
  <c r="T67412" i="1"/>
  <c r="T67413" i="1"/>
  <c r="T67414" i="1"/>
  <c r="T67415" i="1"/>
  <c r="T67416" i="1"/>
  <c r="T67417" i="1"/>
  <c r="T67418" i="1"/>
  <c r="T67419" i="1"/>
  <c r="T67420" i="1"/>
  <c r="T67421" i="1"/>
  <c r="T67422" i="1"/>
  <c r="T67423" i="1"/>
  <c r="T67424" i="1"/>
  <c r="T67425" i="1"/>
  <c r="T67426" i="1"/>
  <c r="T67427" i="1"/>
  <c r="T67428" i="1"/>
  <c r="T67429" i="1"/>
  <c r="T67430" i="1"/>
  <c r="T67431" i="1"/>
  <c r="T67432" i="1"/>
  <c r="T67433" i="1"/>
  <c r="T67434" i="1"/>
  <c r="T67435" i="1"/>
  <c r="T67436" i="1"/>
  <c r="T67437" i="1"/>
  <c r="T67438" i="1"/>
  <c r="T67439" i="1"/>
  <c r="T67440" i="1"/>
  <c r="T67441" i="1"/>
  <c r="T67442" i="1"/>
  <c r="T67443" i="1"/>
  <c r="T67444" i="1"/>
  <c r="T67445" i="1"/>
  <c r="T67446" i="1"/>
  <c r="T67447" i="1"/>
  <c r="T67448" i="1"/>
  <c r="T67449" i="1"/>
  <c r="T67450" i="1"/>
  <c r="T67451" i="1"/>
  <c r="T67452" i="1"/>
  <c r="T67453" i="1"/>
  <c r="T67454" i="1"/>
  <c r="T67455" i="1"/>
  <c r="T67456" i="1"/>
  <c r="T67457" i="1"/>
  <c r="T67458" i="1"/>
  <c r="T67459" i="1"/>
  <c r="T67460" i="1"/>
  <c r="T67461" i="1"/>
  <c r="T67462" i="1"/>
  <c r="T67463" i="1"/>
  <c r="T67464" i="1"/>
  <c r="T67465" i="1"/>
  <c r="T67466" i="1"/>
  <c r="T67467" i="1"/>
  <c r="T67468" i="1"/>
  <c r="T67469" i="1"/>
  <c r="T67470" i="1"/>
  <c r="T67471" i="1"/>
  <c r="T67472" i="1"/>
  <c r="T67473" i="1"/>
  <c r="T67474" i="1"/>
  <c r="T67475" i="1"/>
  <c r="T67476" i="1"/>
  <c r="T67477" i="1"/>
  <c r="T67478" i="1"/>
  <c r="T67479" i="1"/>
  <c r="T67480" i="1"/>
  <c r="T67481" i="1"/>
  <c r="T67482" i="1"/>
  <c r="T67483" i="1"/>
  <c r="T67484" i="1"/>
  <c r="T67485" i="1"/>
  <c r="T67486" i="1"/>
  <c r="T67487" i="1"/>
  <c r="T67488" i="1"/>
  <c r="T67489" i="1"/>
  <c r="T67490" i="1"/>
  <c r="T67491" i="1"/>
  <c r="T67492" i="1"/>
  <c r="T67493" i="1"/>
  <c r="T67494" i="1"/>
  <c r="T67495" i="1"/>
  <c r="T67496" i="1"/>
  <c r="T67497" i="1"/>
  <c r="T67498" i="1"/>
  <c r="T67499" i="1"/>
  <c r="T67500" i="1"/>
  <c r="T67501" i="1"/>
  <c r="T67502" i="1"/>
  <c r="T67503" i="1"/>
  <c r="T67504" i="1"/>
  <c r="T67505" i="1"/>
  <c r="T67506" i="1"/>
  <c r="T67507" i="1"/>
  <c r="T67508" i="1"/>
  <c r="T67509" i="1"/>
  <c r="T67510" i="1"/>
  <c r="T67511" i="1"/>
  <c r="T67512" i="1"/>
  <c r="T67513" i="1"/>
  <c r="T67514" i="1"/>
  <c r="T67515" i="1"/>
  <c r="T67516" i="1"/>
  <c r="T67517" i="1"/>
  <c r="T67518" i="1"/>
  <c r="T67519" i="1"/>
  <c r="T67520" i="1"/>
  <c r="T67521" i="1"/>
  <c r="T67522" i="1"/>
  <c r="T67523" i="1"/>
  <c r="T67524" i="1"/>
  <c r="T67525" i="1"/>
  <c r="T67526" i="1"/>
  <c r="T67527" i="1"/>
  <c r="T67528" i="1"/>
  <c r="T67529" i="1"/>
  <c r="T67530" i="1"/>
  <c r="T67531" i="1"/>
  <c r="T67532" i="1"/>
  <c r="T67533" i="1"/>
  <c r="T67534" i="1"/>
  <c r="T67535" i="1"/>
  <c r="T67536" i="1"/>
  <c r="T67537" i="1"/>
  <c r="T67538" i="1"/>
  <c r="T67539" i="1"/>
  <c r="T67540" i="1"/>
  <c r="T67541" i="1"/>
  <c r="T67542" i="1"/>
  <c r="T67543" i="1"/>
  <c r="T67544" i="1"/>
  <c r="T67545" i="1"/>
  <c r="T67546" i="1"/>
  <c r="T67547" i="1"/>
  <c r="T67548" i="1"/>
  <c r="T67549" i="1"/>
  <c r="T67550" i="1"/>
  <c r="T67551" i="1"/>
  <c r="T67552" i="1"/>
  <c r="T67553" i="1"/>
  <c r="T67554" i="1"/>
  <c r="T67555" i="1"/>
  <c r="T67556" i="1"/>
  <c r="T67557" i="1"/>
  <c r="T67558" i="1"/>
  <c r="T67559" i="1"/>
  <c r="T67560" i="1"/>
  <c r="T67561" i="1"/>
  <c r="T67562" i="1"/>
  <c r="T67563" i="1"/>
  <c r="T67564" i="1"/>
  <c r="T67565" i="1"/>
  <c r="T67566" i="1"/>
  <c r="T67567" i="1"/>
  <c r="T67568" i="1"/>
  <c r="T67569" i="1"/>
  <c r="T67570" i="1"/>
  <c r="T67571" i="1"/>
  <c r="T67572" i="1"/>
  <c r="T67573" i="1"/>
  <c r="T67574" i="1"/>
  <c r="T67575" i="1"/>
  <c r="T67576" i="1"/>
  <c r="T67577" i="1"/>
  <c r="T67578" i="1"/>
  <c r="T67579" i="1"/>
  <c r="T67580" i="1"/>
  <c r="T67581" i="1"/>
  <c r="T67582" i="1"/>
  <c r="T67583" i="1"/>
  <c r="T67584" i="1"/>
  <c r="T67585" i="1"/>
  <c r="T67586" i="1"/>
  <c r="T67587" i="1"/>
  <c r="T67588" i="1"/>
  <c r="T67589" i="1"/>
  <c r="T67590" i="1"/>
  <c r="T67591" i="1"/>
  <c r="T67592" i="1"/>
  <c r="T67593" i="1"/>
  <c r="T67594" i="1"/>
  <c r="T67595" i="1"/>
  <c r="T67596" i="1"/>
  <c r="T67597" i="1"/>
  <c r="T67598" i="1"/>
  <c r="T67599" i="1"/>
  <c r="T67600" i="1"/>
  <c r="T67601" i="1"/>
  <c r="T67602" i="1"/>
  <c r="T67603" i="1"/>
  <c r="T67604" i="1"/>
  <c r="T67605" i="1"/>
  <c r="T67606" i="1"/>
  <c r="T67607" i="1"/>
  <c r="T67608" i="1"/>
  <c r="T67609" i="1"/>
  <c r="T67610" i="1"/>
  <c r="T67611" i="1"/>
  <c r="T67612" i="1"/>
  <c r="T67613" i="1"/>
  <c r="T67614" i="1"/>
  <c r="T67615" i="1"/>
  <c r="T67616" i="1"/>
  <c r="T67617" i="1"/>
  <c r="T67618" i="1"/>
  <c r="T67619" i="1"/>
  <c r="T67620" i="1"/>
  <c r="T67621" i="1"/>
  <c r="T67622" i="1"/>
  <c r="T67623" i="1"/>
  <c r="T67624" i="1"/>
  <c r="T67625" i="1"/>
  <c r="T67626" i="1"/>
  <c r="T67627" i="1"/>
  <c r="T67628" i="1"/>
  <c r="T67629" i="1"/>
  <c r="T67630" i="1"/>
  <c r="T67631" i="1"/>
  <c r="T67632" i="1"/>
  <c r="T67633" i="1"/>
  <c r="T67634" i="1"/>
  <c r="T67635" i="1"/>
  <c r="T67636" i="1"/>
  <c r="T67637" i="1"/>
  <c r="T67638" i="1"/>
  <c r="T67639" i="1"/>
  <c r="T67640" i="1"/>
  <c r="T67641" i="1"/>
  <c r="T67642" i="1"/>
  <c r="T67643" i="1"/>
  <c r="T67644" i="1"/>
  <c r="T67645" i="1"/>
  <c r="T67646" i="1"/>
  <c r="T67647" i="1"/>
  <c r="T67648" i="1"/>
  <c r="T67649" i="1"/>
  <c r="T67650" i="1"/>
  <c r="T67651" i="1"/>
  <c r="T67652" i="1"/>
  <c r="T67653" i="1"/>
  <c r="T67654" i="1"/>
  <c r="T67655" i="1"/>
  <c r="T67656" i="1"/>
  <c r="T67657" i="1"/>
  <c r="T67658" i="1"/>
  <c r="T67659" i="1"/>
  <c r="T67660" i="1"/>
  <c r="T67661" i="1"/>
  <c r="T67662" i="1"/>
  <c r="T67663" i="1"/>
  <c r="T67664" i="1"/>
  <c r="T67665" i="1"/>
  <c r="T67666" i="1"/>
  <c r="T67667" i="1"/>
  <c r="T67668" i="1"/>
  <c r="T67669" i="1"/>
  <c r="T67670" i="1"/>
  <c r="T67671" i="1"/>
  <c r="T67672" i="1"/>
  <c r="T67673" i="1"/>
  <c r="T67674" i="1"/>
  <c r="T67675" i="1"/>
  <c r="T67676" i="1"/>
  <c r="T67677" i="1"/>
  <c r="T67678" i="1"/>
  <c r="T67679" i="1"/>
  <c r="T67680" i="1"/>
  <c r="T67681" i="1"/>
  <c r="T67682" i="1"/>
  <c r="T67683" i="1"/>
  <c r="T67684" i="1"/>
  <c r="T67685" i="1"/>
  <c r="T67686" i="1"/>
  <c r="T67687" i="1"/>
  <c r="T67688" i="1"/>
  <c r="T67689" i="1"/>
  <c r="T67690" i="1"/>
  <c r="T67691" i="1"/>
  <c r="T67692" i="1"/>
  <c r="T67693" i="1"/>
  <c r="T67694" i="1"/>
  <c r="T67695" i="1"/>
  <c r="T67696" i="1"/>
  <c r="T67697" i="1"/>
  <c r="T67698" i="1"/>
  <c r="T67699" i="1"/>
  <c r="T67700" i="1"/>
  <c r="T67701" i="1"/>
  <c r="T67702" i="1"/>
  <c r="T67703" i="1"/>
  <c r="T67704" i="1"/>
  <c r="T67705" i="1"/>
  <c r="T67706" i="1"/>
  <c r="T67707" i="1"/>
  <c r="T67708" i="1"/>
  <c r="T67709" i="1"/>
  <c r="T67710" i="1"/>
  <c r="T67711" i="1"/>
  <c r="T67712" i="1"/>
  <c r="T67713" i="1"/>
  <c r="T67714" i="1"/>
  <c r="T67715" i="1"/>
  <c r="T67716" i="1"/>
  <c r="T67717" i="1"/>
  <c r="T67718" i="1"/>
  <c r="T67719" i="1"/>
  <c r="T67720" i="1"/>
  <c r="T67721" i="1"/>
  <c r="T67722" i="1"/>
  <c r="T67723" i="1"/>
  <c r="T67724" i="1"/>
  <c r="T67725" i="1"/>
  <c r="T67726" i="1"/>
  <c r="T67727" i="1"/>
  <c r="T67728" i="1"/>
  <c r="T67729" i="1"/>
  <c r="T67730" i="1"/>
  <c r="T67731" i="1"/>
  <c r="T67732" i="1"/>
  <c r="T67733" i="1"/>
  <c r="T67734" i="1"/>
  <c r="T67735" i="1"/>
  <c r="T67736" i="1"/>
  <c r="T67737" i="1"/>
  <c r="T67738" i="1"/>
  <c r="T67739" i="1"/>
  <c r="T67740" i="1"/>
  <c r="T67741" i="1"/>
  <c r="T67742" i="1"/>
  <c r="T67743" i="1"/>
  <c r="T67744" i="1"/>
  <c r="T67745" i="1"/>
  <c r="T67746" i="1"/>
  <c r="T67747" i="1"/>
  <c r="T67748" i="1"/>
  <c r="T67749" i="1"/>
  <c r="T67750" i="1"/>
  <c r="T67751" i="1"/>
  <c r="T67752" i="1"/>
  <c r="T67753" i="1"/>
  <c r="T67754" i="1"/>
  <c r="T67755" i="1"/>
  <c r="T67756" i="1"/>
  <c r="T67757" i="1"/>
  <c r="T67758" i="1"/>
  <c r="T67759" i="1"/>
  <c r="T67760" i="1"/>
  <c r="T67761" i="1"/>
  <c r="T67762" i="1"/>
  <c r="T67763" i="1"/>
  <c r="T67764" i="1"/>
  <c r="T67765" i="1"/>
  <c r="T67766" i="1"/>
  <c r="T67767" i="1"/>
  <c r="T67768" i="1"/>
  <c r="T67769" i="1"/>
  <c r="T67770" i="1"/>
  <c r="T67771" i="1"/>
  <c r="T67772" i="1"/>
  <c r="T67773" i="1"/>
  <c r="T67774" i="1"/>
  <c r="T67775" i="1"/>
  <c r="T67776" i="1"/>
  <c r="T67777" i="1"/>
  <c r="T67778" i="1"/>
  <c r="T67779" i="1"/>
  <c r="T67780" i="1"/>
  <c r="T67781" i="1"/>
  <c r="T67782" i="1"/>
  <c r="T67783" i="1"/>
  <c r="T67784" i="1"/>
  <c r="T67785" i="1"/>
  <c r="T67786" i="1"/>
  <c r="T67787" i="1"/>
  <c r="T67788" i="1"/>
  <c r="T67789" i="1"/>
  <c r="T67790" i="1"/>
  <c r="T67791" i="1"/>
  <c r="T67792" i="1"/>
  <c r="T67793" i="1"/>
  <c r="T67794" i="1"/>
  <c r="T67795" i="1"/>
  <c r="T67796" i="1"/>
  <c r="T67797" i="1"/>
  <c r="T67798" i="1"/>
  <c r="T67799" i="1"/>
  <c r="T67800" i="1"/>
  <c r="T67801" i="1"/>
  <c r="T67802" i="1"/>
  <c r="T67803" i="1"/>
  <c r="T67804" i="1"/>
  <c r="T67805" i="1"/>
  <c r="T67806" i="1"/>
  <c r="T67807" i="1"/>
  <c r="T67808" i="1"/>
  <c r="T67809" i="1"/>
  <c r="T67810" i="1"/>
  <c r="T67811" i="1"/>
  <c r="T67812" i="1"/>
  <c r="T67813" i="1"/>
  <c r="T67814" i="1"/>
  <c r="T67815" i="1"/>
  <c r="T67816" i="1"/>
  <c r="T67817" i="1"/>
  <c r="T67818" i="1"/>
  <c r="T67819" i="1"/>
  <c r="T67820" i="1"/>
  <c r="T67821" i="1"/>
  <c r="T67822" i="1"/>
  <c r="T67823" i="1"/>
  <c r="T67824" i="1"/>
  <c r="T67825" i="1"/>
  <c r="T67826" i="1"/>
  <c r="T67827" i="1"/>
  <c r="T67828" i="1"/>
  <c r="T67829" i="1"/>
  <c r="T67830" i="1"/>
  <c r="T67831" i="1"/>
  <c r="T67832" i="1"/>
  <c r="T67833" i="1"/>
  <c r="T67834" i="1"/>
  <c r="T67835" i="1"/>
  <c r="T67836" i="1"/>
  <c r="T67837" i="1"/>
  <c r="T67838" i="1"/>
  <c r="T67839" i="1"/>
  <c r="T67840" i="1"/>
  <c r="T67841" i="1"/>
  <c r="T67842" i="1"/>
  <c r="T67843" i="1"/>
  <c r="T67844" i="1"/>
  <c r="T67845" i="1"/>
  <c r="T67846" i="1"/>
  <c r="T67847" i="1"/>
  <c r="T67848" i="1"/>
  <c r="T67849" i="1"/>
  <c r="T67850" i="1"/>
  <c r="T67851" i="1"/>
  <c r="T67852" i="1"/>
  <c r="T67853" i="1"/>
  <c r="T67854" i="1"/>
  <c r="T67855" i="1"/>
  <c r="T67856" i="1"/>
  <c r="T67857" i="1"/>
  <c r="T67858" i="1"/>
  <c r="T67859" i="1"/>
  <c r="T67860" i="1"/>
  <c r="T67861" i="1"/>
  <c r="T67862" i="1"/>
  <c r="T67863" i="1"/>
  <c r="T67864" i="1"/>
  <c r="T67865" i="1"/>
  <c r="T67866" i="1"/>
  <c r="T67867" i="1"/>
  <c r="T67868" i="1"/>
  <c r="T67869" i="1"/>
  <c r="T67870" i="1"/>
  <c r="T67871" i="1"/>
  <c r="T67872" i="1"/>
  <c r="T67873" i="1"/>
  <c r="T67874" i="1"/>
  <c r="T67875" i="1"/>
  <c r="T67876" i="1"/>
  <c r="T67877" i="1"/>
  <c r="T67878" i="1"/>
  <c r="T67879" i="1"/>
  <c r="T67880" i="1"/>
  <c r="T67881" i="1"/>
  <c r="T67882" i="1"/>
  <c r="T67883" i="1"/>
  <c r="T67884" i="1"/>
  <c r="T67885" i="1"/>
  <c r="T67886" i="1"/>
  <c r="T67887" i="1"/>
  <c r="T67888" i="1"/>
  <c r="T67889" i="1"/>
  <c r="T67890" i="1"/>
  <c r="T67891" i="1"/>
  <c r="T67892" i="1"/>
  <c r="T67893" i="1"/>
  <c r="T67894" i="1"/>
  <c r="T67895" i="1"/>
  <c r="T67896" i="1"/>
  <c r="T67897" i="1"/>
  <c r="T67898" i="1"/>
  <c r="T67899" i="1"/>
  <c r="T67900" i="1"/>
  <c r="T67901" i="1"/>
  <c r="T67902" i="1"/>
  <c r="T67903" i="1"/>
  <c r="T67904" i="1"/>
  <c r="T67905" i="1"/>
  <c r="T67906" i="1"/>
  <c r="T67907" i="1"/>
  <c r="T67908" i="1"/>
  <c r="T67909" i="1"/>
  <c r="T67910" i="1"/>
  <c r="T67911" i="1"/>
  <c r="T67912" i="1"/>
  <c r="T67913" i="1"/>
  <c r="T67914" i="1"/>
  <c r="T67915" i="1"/>
  <c r="T67916" i="1"/>
  <c r="T67917" i="1"/>
  <c r="T67918" i="1"/>
  <c r="T67919" i="1"/>
  <c r="T67920" i="1"/>
  <c r="T67921" i="1"/>
  <c r="T67922" i="1"/>
  <c r="T67923" i="1"/>
  <c r="T67924" i="1"/>
  <c r="T67925" i="1"/>
  <c r="T67926" i="1"/>
  <c r="T67927" i="1"/>
  <c r="T67928" i="1"/>
  <c r="T67929" i="1"/>
  <c r="T67930" i="1"/>
  <c r="T67931" i="1"/>
  <c r="T67932" i="1"/>
  <c r="T67933" i="1"/>
  <c r="T67934" i="1"/>
  <c r="T67935" i="1"/>
  <c r="T67936" i="1"/>
  <c r="T67937" i="1"/>
  <c r="T67938" i="1"/>
  <c r="T67939" i="1"/>
  <c r="T67940" i="1"/>
  <c r="T67941" i="1"/>
  <c r="T67942" i="1"/>
  <c r="T67943" i="1"/>
  <c r="T67944" i="1"/>
  <c r="T67945" i="1"/>
  <c r="T67946" i="1"/>
  <c r="T67947" i="1"/>
  <c r="T67948" i="1"/>
  <c r="T67949" i="1"/>
  <c r="T67950" i="1"/>
  <c r="T67951" i="1"/>
  <c r="T67952" i="1"/>
  <c r="T67953" i="1"/>
  <c r="T67954" i="1"/>
  <c r="T67955" i="1"/>
  <c r="T67956" i="1"/>
  <c r="T67957" i="1"/>
  <c r="T67958" i="1"/>
  <c r="T67959" i="1"/>
  <c r="T67960" i="1"/>
  <c r="T67961" i="1"/>
  <c r="T67962" i="1"/>
  <c r="T67963" i="1"/>
  <c r="T67964" i="1"/>
  <c r="T67965" i="1"/>
  <c r="T67966" i="1"/>
  <c r="T67967" i="1"/>
  <c r="T67968" i="1"/>
  <c r="T67969" i="1"/>
  <c r="T67970" i="1"/>
  <c r="T67971" i="1"/>
  <c r="T67972" i="1"/>
  <c r="T67973" i="1"/>
  <c r="T67974" i="1"/>
  <c r="T67975" i="1"/>
  <c r="T67976" i="1"/>
  <c r="T67977" i="1"/>
  <c r="T67978" i="1"/>
  <c r="T67979" i="1"/>
  <c r="T67980" i="1"/>
  <c r="T67981" i="1"/>
  <c r="T67982" i="1"/>
  <c r="T67983" i="1"/>
  <c r="T67984" i="1"/>
  <c r="T67985" i="1"/>
  <c r="T67986" i="1"/>
  <c r="T67987" i="1"/>
  <c r="T67988" i="1"/>
  <c r="T67989" i="1"/>
  <c r="T67990" i="1"/>
  <c r="T67991" i="1"/>
  <c r="T67992" i="1"/>
  <c r="T67993" i="1"/>
  <c r="T67994" i="1"/>
  <c r="T67995" i="1"/>
  <c r="T67996" i="1"/>
  <c r="T67997" i="1"/>
  <c r="T67998" i="1"/>
  <c r="T67999" i="1"/>
  <c r="T68000" i="1"/>
  <c r="T68001" i="1"/>
  <c r="T68002" i="1"/>
  <c r="T68003" i="1"/>
  <c r="T68004" i="1"/>
  <c r="T68005" i="1"/>
  <c r="T68006" i="1"/>
  <c r="T68007" i="1"/>
  <c r="T68008" i="1"/>
  <c r="T68009" i="1"/>
  <c r="T68010" i="1"/>
  <c r="T68011" i="1"/>
  <c r="T68012" i="1"/>
  <c r="T68013" i="1"/>
  <c r="T68014" i="1"/>
  <c r="T68015" i="1"/>
  <c r="T68016" i="1"/>
  <c r="T68017" i="1"/>
  <c r="T68018" i="1"/>
  <c r="T68019" i="1"/>
  <c r="T68020" i="1"/>
  <c r="T68021" i="1"/>
  <c r="T68022" i="1"/>
  <c r="T68023" i="1"/>
  <c r="T68024" i="1"/>
  <c r="T68025" i="1"/>
  <c r="T68026" i="1"/>
  <c r="T68027" i="1"/>
  <c r="T68028" i="1"/>
  <c r="T68029" i="1"/>
  <c r="T68030" i="1"/>
  <c r="T68031" i="1"/>
  <c r="T68032" i="1"/>
  <c r="T68033" i="1"/>
  <c r="T68034" i="1"/>
  <c r="T68035" i="1"/>
  <c r="T68036" i="1"/>
  <c r="T68037" i="1"/>
  <c r="T68038" i="1"/>
  <c r="T68039" i="1"/>
  <c r="T68040" i="1"/>
  <c r="T68041" i="1"/>
  <c r="T68042" i="1"/>
  <c r="T68043" i="1"/>
  <c r="T68044" i="1"/>
  <c r="T68045" i="1"/>
  <c r="T68046" i="1"/>
  <c r="T68047" i="1"/>
  <c r="T68048" i="1"/>
  <c r="T68049" i="1"/>
  <c r="T68050" i="1"/>
  <c r="T68051" i="1"/>
  <c r="T68052" i="1"/>
  <c r="T68053" i="1"/>
  <c r="T68054" i="1"/>
  <c r="T68055" i="1"/>
  <c r="T68056" i="1"/>
  <c r="T68057" i="1"/>
  <c r="T68058" i="1"/>
  <c r="T68059" i="1"/>
  <c r="T68060" i="1"/>
  <c r="T68061" i="1"/>
  <c r="T68062" i="1"/>
  <c r="T68063" i="1"/>
  <c r="T68064" i="1"/>
  <c r="T68065" i="1"/>
  <c r="T68066" i="1"/>
  <c r="T68067" i="1"/>
  <c r="T68068" i="1"/>
  <c r="T68069" i="1"/>
  <c r="T68070" i="1"/>
  <c r="T68071" i="1"/>
  <c r="T68072" i="1"/>
  <c r="T68073" i="1"/>
  <c r="T68074" i="1"/>
  <c r="T68075" i="1"/>
  <c r="T68076" i="1"/>
  <c r="T68077" i="1"/>
  <c r="T68078" i="1"/>
  <c r="T68079" i="1"/>
  <c r="T68080" i="1"/>
  <c r="T68081" i="1"/>
  <c r="T68082" i="1"/>
  <c r="T68083" i="1"/>
  <c r="T68084" i="1"/>
  <c r="T68085" i="1"/>
  <c r="T68086" i="1"/>
  <c r="T68087" i="1"/>
  <c r="T68088" i="1"/>
  <c r="T68089" i="1"/>
  <c r="T68090" i="1"/>
  <c r="T68091" i="1"/>
  <c r="T68092" i="1"/>
  <c r="T68093" i="1"/>
  <c r="T68094" i="1"/>
  <c r="T68095" i="1"/>
  <c r="T68096" i="1"/>
  <c r="T68097" i="1"/>
  <c r="T68098" i="1"/>
  <c r="T68099" i="1"/>
  <c r="T68100" i="1"/>
  <c r="T68101" i="1"/>
  <c r="T68102" i="1"/>
  <c r="T68103" i="1"/>
  <c r="T68104" i="1"/>
  <c r="T68105" i="1"/>
  <c r="T68106" i="1"/>
  <c r="T68107" i="1"/>
  <c r="T68108" i="1"/>
  <c r="T68109" i="1"/>
  <c r="T68110" i="1"/>
  <c r="T68111" i="1"/>
  <c r="T68112" i="1"/>
  <c r="T68113" i="1"/>
  <c r="T68114" i="1"/>
  <c r="T68115" i="1"/>
  <c r="T68116" i="1"/>
  <c r="T68117" i="1"/>
  <c r="T68118" i="1"/>
  <c r="T68119" i="1"/>
  <c r="T68120" i="1"/>
  <c r="T68121" i="1"/>
  <c r="T68122" i="1"/>
  <c r="T68123" i="1"/>
  <c r="T68124" i="1"/>
  <c r="T68125" i="1"/>
  <c r="T68126" i="1"/>
  <c r="T68127" i="1"/>
  <c r="T68128" i="1"/>
  <c r="T68129" i="1"/>
  <c r="T68130" i="1"/>
  <c r="T68131" i="1"/>
  <c r="T68132" i="1"/>
  <c r="T68133" i="1"/>
  <c r="T68134" i="1"/>
  <c r="T68135" i="1"/>
  <c r="T68136" i="1"/>
  <c r="T68137" i="1"/>
  <c r="T68138" i="1"/>
  <c r="T68139" i="1"/>
  <c r="T68140" i="1"/>
  <c r="T68141" i="1"/>
  <c r="T68142" i="1"/>
  <c r="T68143" i="1"/>
  <c r="T68144" i="1"/>
  <c r="T68145" i="1"/>
  <c r="T68146" i="1"/>
  <c r="T68147" i="1"/>
  <c r="T68148" i="1"/>
  <c r="T68149" i="1"/>
  <c r="T68150" i="1"/>
  <c r="T68151" i="1"/>
  <c r="T68152" i="1"/>
  <c r="T68153" i="1"/>
  <c r="T68154" i="1"/>
  <c r="T68155" i="1"/>
  <c r="T68156" i="1"/>
  <c r="T68157" i="1"/>
  <c r="T68158" i="1"/>
  <c r="T68159" i="1"/>
  <c r="T68160" i="1"/>
  <c r="T68161" i="1"/>
  <c r="T68162" i="1"/>
  <c r="T68163" i="1"/>
  <c r="T68164" i="1"/>
  <c r="T68165" i="1"/>
  <c r="T68166" i="1"/>
  <c r="T68167" i="1"/>
  <c r="T68168" i="1"/>
  <c r="T68169" i="1"/>
  <c r="T68170" i="1"/>
  <c r="T68171" i="1"/>
  <c r="T68172" i="1"/>
  <c r="T68173" i="1"/>
  <c r="T68174" i="1"/>
  <c r="T68175" i="1"/>
  <c r="T68176" i="1"/>
  <c r="T68177" i="1"/>
  <c r="T68178" i="1"/>
  <c r="T68179" i="1"/>
  <c r="T68180" i="1"/>
  <c r="T68181" i="1"/>
  <c r="T68182" i="1"/>
  <c r="T68183" i="1"/>
  <c r="T68184" i="1"/>
  <c r="T68185" i="1"/>
  <c r="T68186" i="1"/>
  <c r="T68187" i="1"/>
  <c r="T68188" i="1"/>
  <c r="T68189" i="1"/>
  <c r="T68190" i="1"/>
  <c r="T68191" i="1"/>
  <c r="T68192" i="1"/>
  <c r="T68193" i="1"/>
  <c r="T68194" i="1"/>
  <c r="T68195" i="1"/>
  <c r="T68196" i="1"/>
  <c r="T68197" i="1"/>
  <c r="T68198" i="1"/>
  <c r="T68199" i="1"/>
  <c r="T68200" i="1"/>
  <c r="T68201" i="1"/>
  <c r="T68202" i="1"/>
  <c r="T68203" i="1"/>
  <c r="T68204" i="1"/>
  <c r="T68205" i="1"/>
  <c r="T68206" i="1"/>
  <c r="T68207" i="1"/>
  <c r="T68208" i="1"/>
  <c r="T68209" i="1"/>
  <c r="T68210" i="1"/>
  <c r="T68211" i="1"/>
  <c r="T68212" i="1"/>
  <c r="T68213" i="1"/>
  <c r="T68214" i="1"/>
  <c r="T68215" i="1"/>
  <c r="T68216" i="1"/>
  <c r="T68217" i="1"/>
  <c r="T68218" i="1"/>
  <c r="T68219" i="1"/>
  <c r="T68220" i="1"/>
  <c r="T68221" i="1"/>
  <c r="T68222" i="1"/>
  <c r="T68223" i="1"/>
  <c r="T68224" i="1"/>
  <c r="T68225" i="1"/>
  <c r="T68226" i="1"/>
  <c r="T68227" i="1"/>
  <c r="T68228" i="1"/>
  <c r="T68229" i="1"/>
  <c r="T68230" i="1"/>
  <c r="T68231" i="1"/>
  <c r="T68232" i="1"/>
  <c r="T68233" i="1"/>
  <c r="T68234" i="1"/>
  <c r="T68235" i="1"/>
  <c r="T68236" i="1"/>
  <c r="T68237" i="1"/>
  <c r="T68238" i="1"/>
  <c r="T68239" i="1"/>
  <c r="T68240" i="1"/>
  <c r="T68241" i="1"/>
  <c r="T68242" i="1"/>
  <c r="T68243" i="1"/>
  <c r="T68244" i="1"/>
  <c r="T68245" i="1"/>
  <c r="T68246" i="1"/>
  <c r="T68247" i="1"/>
  <c r="T68248" i="1"/>
  <c r="T68249" i="1"/>
  <c r="T68250" i="1"/>
  <c r="T68251" i="1"/>
  <c r="T68252" i="1"/>
  <c r="T68253" i="1"/>
  <c r="T68254" i="1"/>
  <c r="T68255" i="1"/>
  <c r="T68256" i="1"/>
  <c r="T68257" i="1"/>
  <c r="T68258" i="1"/>
  <c r="T68259" i="1"/>
  <c r="T68260" i="1"/>
  <c r="T68261" i="1"/>
  <c r="T68262" i="1"/>
  <c r="T68263" i="1"/>
  <c r="T68264" i="1"/>
  <c r="T68265" i="1"/>
  <c r="T68266" i="1"/>
  <c r="T68267" i="1"/>
  <c r="T68268" i="1"/>
  <c r="T68269" i="1"/>
  <c r="T68270" i="1"/>
  <c r="T68271" i="1"/>
  <c r="T68272" i="1"/>
  <c r="T68273" i="1"/>
  <c r="T68274" i="1"/>
  <c r="T68275" i="1"/>
  <c r="T68276" i="1"/>
  <c r="T68277" i="1"/>
  <c r="T68278" i="1"/>
  <c r="T68279" i="1"/>
  <c r="T68280" i="1"/>
  <c r="T68281" i="1"/>
  <c r="T68282" i="1"/>
  <c r="T68283" i="1"/>
  <c r="T68284" i="1"/>
  <c r="T68285" i="1"/>
  <c r="T68286" i="1"/>
  <c r="T68287" i="1"/>
  <c r="T68288" i="1"/>
  <c r="T68289" i="1"/>
  <c r="T68290" i="1"/>
  <c r="T68291" i="1"/>
  <c r="T68292" i="1"/>
  <c r="T68293" i="1"/>
  <c r="T68294" i="1"/>
  <c r="T68295" i="1"/>
  <c r="T68296" i="1"/>
  <c r="T68297" i="1"/>
  <c r="T68298" i="1"/>
  <c r="T68299" i="1"/>
  <c r="T68300" i="1"/>
  <c r="T68301" i="1"/>
  <c r="T68302" i="1"/>
  <c r="T68303" i="1"/>
  <c r="T68304" i="1"/>
  <c r="T68305" i="1"/>
  <c r="T68306" i="1"/>
  <c r="T68307" i="1"/>
  <c r="T68308" i="1"/>
  <c r="T68309" i="1"/>
  <c r="T68310" i="1"/>
  <c r="T68311" i="1"/>
  <c r="T68312" i="1"/>
  <c r="T68313" i="1"/>
  <c r="T68314" i="1"/>
  <c r="T68315" i="1"/>
  <c r="T68316" i="1"/>
  <c r="T68317" i="1"/>
  <c r="T68318" i="1"/>
  <c r="T68319" i="1"/>
  <c r="T68320" i="1"/>
  <c r="T68321" i="1"/>
  <c r="T68322" i="1"/>
  <c r="T68323" i="1"/>
  <c r="T68324" i="1"/>
  <c r="T68325" i="1"/>
  <c r="T68326" i="1"/>
  <c r="T68327" i="1"/>
  <c r="T68328" i="1"/>
  <c r="T68329" i="1"/>
  <c r="T68330" i="1"/>
  <c r="T68331" i="1"/>
  <c r="T68332" i="1"/>
  <c r="T68333" i="1"/>
  <c r="T68334" i="1"/>
  <c r="T68335" i="1"/>
  <c r="T68336" i="1"/>
  <c r="T68337" i="1"/>
  <c r="T68338" i="1"/>
  <c r="T68339" i="1"/>
  <c r="T68340" i="1"/>
  <c r="T68341" i="1"/>
  <c r="T68342" i="1"/>
  <c r="T68343" i="1"/>
  <c r="T68344" i="1"/>
  <c r="T68345" i="1"/>
  <c r="T68346" i="1"/>
  <c r="T68347" i="1"/>
  <c r="T68348" i="1"/>
  <c r="T68349" i="1"/>
  <c r="T68350" i="1"/>
  <c r="T68351" i="1"/>
  <c r="T68352" i="1"/>
  <c r="T68353" i="1"/>
  <c r="T68354" i="1"/>
  <c r="T68355" i="1"/>
  <c r="T68356" i="1"/>
  <c r="T68357" i="1"/>
  <c r="T68358" i="1"/>
  <c r="T68359" i="1"/>
  <c r="T68360" i="1"/>
  <c r="T68361" i="1"/>
  <c r="T68362" i="1"/>
  <c r="T68363" i="1"/>
  <c r="T68364" i="1"/>
  <c r="T68365" i="1"/>
  <c r="T68366" i="1"/>
  <c r="T68367" i="1"/>
  <c r="T68368" i="1"/>
  <c r="T68369" i="1"/>
  <c r="T68370" i="1"/>
  <c r="T68371" i="1"/>
  <c r="T68372" i="1"/>
  <c r="T68373" i="1"/>
  <c r="T68374" i="1"/>
  <c r="T68375" i="1"/>
  <c r="T68376" i="1"/>
  <c r="T68377" i="1"/>
  <c r="T68378" i="1"/>
  <c r="T68379" i="1"/>
  <c r="T68380" i="1"/>
  <c r="T68381" i="1"/>
  <c r="T68382" i="1"/>
  <c r="T68383" i="1"/>
  <c r="T68384" i="1"/>
  <c r="T68385" i="1"/>
  <c r="T68386" i="1"/>
  <c r="T68387" i="1"/>
  <c r="T68388" i="1"/>
  <c r="T68389" i="1"/>
  <c r="T68390" i="1"/>
  <c r="T68391" i="1"/>
  <c r="T68392" i="1"/>
  <c r="T68393" i="1"/>
  <c r="T68394" i="1"/>
  <c r="T68395" i="1"/>
  <c r="T68396" i="1"/>
  <c r="T68397" i="1"/>
  <c r="T68398" i="1"/>
  <c r="T68399" i="1"/>
  <c r="T68400" i="1"/>
  <c r="T68401" i="1"/>
  <c r="T68402" i="1"/>
  <c r="T68403" i="1"/>
  <c r="T68404" i="1"/>
  <c r="T68405" i="1"/>
  <c r="T68406" i="1"/>
  <c r="T68407" i="1"/>
  <c r="T68408" i="1"/>
  <c r="T68409" i="1"/>
  <c r="T68410" i="1"/>
  <c r="T68411" i="1"/>
  <c r="T68412" i="1"/>
  <c r="T68413" i="1"/>
  <c r="T68414" i="1"/>
  <c r="T68415" i="1"/>
  <c r="T68416" i="1"/>
  <c r="T68417" i="1"/>
  <c r="T68418" i="1"/>
  <c r="T68419" i="1"/>
  <c r="T68420" i="1"/>
  <c r="T68421" i="1"/>
  <c r="T68422" i="1"/>
  <c r="T68423" i="1"/>
  <c r="T68424" i="1"/>
  <c r="T68425" i="1"/>
  <c r="T68426" i="1"/>
  <c r="T68427" i="1"/>
  <c r="T68428" i="1"/>
  <c r="T68429" i="1"/>
  <c r="T68430" i="1"/>
  <c r="T68431" i="1"/>
  <c r="T68432" i="1"/>
  <c r="T68433" i="1"/>
  <c r="T68434" i="1"/>
  <c r="T68435" i="1"/>
  <c r="T68436" i="1"/>
  <c r="T68437" i="1"/>
  <c r="T68438" i="1"/>
  <c r="T68439" i="1"/>
  <c r="T68440" i="1"/>
  <c r="T68441" i="1"/>
  <c r="T68442" i="1"/>
  <c r="T68443" i="1"/>
  <c r="T68444" i="1"/>
  <c r="T68445" i="1"/>
  <c r="T68446" i="1"/>
  <c r="T68447" i="1"/>
  <c r="T68448" i="1"/>
  <c r="T68449" i="1"/>
  <c r="T68450" i="1"/>
  <c r="T68451" i="1"/>
  <c r="T68452" i="1"/>
  <c r="T68453" i="1"/>
  <c r="T68454" i="1"/>
  <c r="T68455" i="1"/>
  <c r="T68456" i="1"/>
  <c r="T68457" i="1"/>
  <c r="T68458" i="1"/>
  <c r="T68459" i="1"/>
  <c r="T68460" i="1"/>
  <c r="T68461" i="1"/>
  <c r="T68462" i="1"/>
  <c r="T68463" i="1"/>
  <c r="T68464" i="1"/>
  <c r="T68465" i="1"/>
  <c r="T68466" i="1"/>
  <c r="T68467" i="1"/>
  <c r="T68468" i="1"/>
  <c r="T68469" i="1"/>
  <c r="T68470" i="1"/>
  <c r="T68471" i="1"/>
  <c r="T68472" i="1"/>
  <c r="T68473" i="1"/>
  <c r="T68474" i="1"/>
  <c r="T68475" i="1"/>
  <c r="T68476" i="1"/>
  <c r="T68477" i="1"/>
  <c r="T68478" i="1"/>
  <c r="T68479" i="1"/>
  <c r="T68480" i="1"/>
  <c r="T68481" i="1"/>
  <c r="T68482" i="1"/>
  <c r="T68483" i="1"/>
  <c r="T68484" i="1"/>
  <c r="T68485" i="1"/>
  <c r="T68486" i="1"/>
  <c r="T68487" i="1"/>
  <c r="T68488" i="1"/>
  <c r="T68489" i="1"/>
  <c r="T68490" i="1"/>
  <c r="T68491" i="1"/>
  <c r="T68492" i="1"/>
  <c r="T68493" i="1"/>
  <c r="T68494" i="1"/>
  <c r="T68495" i="1"/>
  <c r="T68496" i="1"/>
  <c r="T68497" i="1"/>
  <c r="T68498" i="1"/>
  <c r="T68499" i="1"/>
  <c r="T68500" i="1"/>
  <c r="T68501" i="1"/>
  <c r="T68502" i="1"/>
  <c r="T68503" i="1"/>
  <c r="T68504" i="1"/>
  <c r="T68505" i="1"/>
  <c r="T68506" i="1"/>
  <c r="T68507" i="1"/>
  <c r="T68508" i="1"/>
  <c r="T68509" i="1"/>
  <c r="T68510" i="1"/>
  <c r="T68511" i="1"/>
  <c r="T68512" i="1"/>
  <c r="T68513" i="1"/>
  <c r="T68514" i="1"/>
  <c r="T68515" i="1"/>
  <c r="T68516" i="1"/>
  <c r="T68517" i="1"/>
  <c r="T68518" i="1"/>
  <c r="T68519" i="1"/>
  <c r="T68520" i="1"/>
  <c r="T68521" i="1"/>
  <c r="T68522" i="1"/>
  <c r="T68523" i="1"/>
  <c r="T68524" i="1"/>
  <c r="T68525" i="1"/>
  <c r="T68526" i="1"/>
  <c r="T68527" i="1"/>
  <c r="T68528" i="1"/>
  <c r="T68529" i="1"/>
  <c r="T68530" i="1"/>
  <c r="T68531" i="1"/>
  <c r="T68532" i="1"/>
  <c r="T68533" i="1"/>
  <c r="T68534" i="1"/>
  <c r="T68535" i="1"/>
  <c r="T68536" i="1"/>
  <c r="T68537" i="1"/>
  <c r="T68538" i="1"/>
  <c r="T68539" i="1"/>
  <c r="T68540" i="1"/>
  <c r="T68541" i="1"/>
  <c r="T68542" i="1"/>
  <c r="T68543" i="1"/>
  <c r="T68544" i="1"/>
  <c r="T68545" i="1"/>
  <c r="T68546" i="1"/>
  <c r="T68547" i="1"/>
  <c r="T68548" i="1"/>
  <c r="T68549" i="1"/>
  <c r="T68550" i="1"/>
  <c r="T68551" i="1"/>
  <c r="T68552" i="1"/>
  <c r="T68553" i="1"/>
  <c r="T68554" i="1"/>
  <c r="T68555" i="1"/>
  <c r="T68556" i="1"/>
  <c r="T68557" i="1"/>
  <c r="T68558" i="1"/>
  <c r="T68559" i="1"/>
  <c r="T68560" i="1"/>
  <c r="T68561" i="1"/>
  <c r="T68562" i="1"/>
  <c r="T68563" i="1"/>
  <c r="T68564" i="1"/>
  <c r="T68565" i="1"/>
  <c r="T68566" i="1"/>
  <c r="T68567" i="1"/>
  <c r="T68568" i="1"/>
  <c r="T68569" i="1"/>
  <c r="T68570" i="1"/>
  <c r="T68571" i="1"/>
  <c r="T68572" i="1"/>
  <c r="T68573" i="1"/>
  <c r="T68574" i="1"/>
  <c r="T68575" i="1"/>
  <c r="T68576" i="1"/>
  <c r="T68577" i="1"/>
  <c r="T68578" i="1"/>
  <c r="T68579" i="1"/>
  <c r="T68580" i="1"/>
  <c r="T68581" i="1"/>
  <c r="T68582" i="1"/>
  <c r="T68583" i="1"/>
  <c r="T68584" i="1"/>
  <c r="T68585" i="1"/>
  <c r="T68586" i="1"/>
  <c r="T68587" i="1"/>
  <c r="T68588" i="1"/>
  <c r="T68589" i="1"/>
  <c r="T68590" i="1"/>
  <c r="T68591" i="1"/>
  <c r="T68592" i="1"/>
  <c r="T68593" i="1"/>
  <c r="T68594" i="1"/>
  <c r="T68595" i="1"/>
  <c r="T68596" i="1"/>
  <c r="T68597" i="1"/>
  <c r="T68598" i="1"/>
  <c r="T68599" i="1"/>
  <c r="T68600" i="1"/>
  <c r="T68601" i="1"/>
  <c r="T68602" i="1"/>
  <c r="T68603" i="1"/>
  <c r="T68604" i="1"/>
  <c r="T68605" i="1"/>
  <c r="T68606" i="1"/>
  <c r="T68607" i="1"/>
  <c r="T68608" i="1"/>
  <c r="T68609" i="1"/>
  <c r="T68610" i="1"/>
  <c r="T68611" i="1"/>
  <c r="T68612" i="1"/>
  <c r="T68613" i="1"/>
  <c r="T68614" i="1"/>
  <c r="T68615" i="1"/>
  <c r="T68616" i="1"/>
  <c r="T68617" i="1"/>
  <c r="T68618" i="1"/>
  <c r="T68619" i="1"/>
  <c r="T68620" i="1"/>
  <c r="T68621" i="1"/>
  <c r="T68622" i="1"/>
  <c r="T68623" i="1"/>
  <c r="T68624" i="1"/>
  <c r="T68625" i="1"/>
  <c r="T68626" i="1"/>
  <c r="T68627" i="1"/>
  <c r="T68628" i="1"/>
  <c r="T68629" i="1"/>
  <c r="T68630" i="1"/>
  <c r="T68631" i="1"/>
  <c r="T68632" i="1"/>
  <c r="T68633" i="1"/>
  <c r="T68634" i="1"/>
  <c r="T68635" i="1"/>
  <c r="T68636" i="1"/>
  <c r="T68637" i="1"/>
  <c r="T68638" i="1"/>
  <c r="T68639" i="1"/>
  <c r="T68640" i="1"/>
  <c r="T68641" i="1"/>
  <c r="T68642" i="1"/>
  <c r="T68643" i="1"/>
  <c r="T68644" i="1"/>
  <c r="T68645" i="1"/>
  <c r="T68646" i="1"/>
  <c r="T68647" i="1"/>
  <c r="T68648" i="1"/>
  <c r="T68649" i="1"/>
  <c r="T68650" i="1"/>
  <c r="T68651" i="1"/>
  <c r="T68652" i="1"/>
  <c r="T68653" i="1"/>
  <c r="T68654" i="1"/>
  <c r="T68655" i="1"/>
  <c r="T68656" i="1"/>
  <c r="T68657" i="1"/>
  <c r="T68658" i="1"/>
  <c r="T68659" i="1"/>
  <c r="T68660" i="1"/>
  <c r="T68661" i="1"/>
  <c r="T68662" i="1"/>
  <c r="T68663" i="1"/>
  <c r="T68664" i="1"/>
  <c r="T68665" i="1"/>
  <c r="T68666" i="1"/>
  <c r="T68667" i="1"/>
  <c r="T68668" i="1"/>
  <c r="T68669" i="1"/>
  <c r="T68670" i="1"/>
  <c r="T68671" i="1"/>
  <c r="T68672" i="1"/>
  <c r="T68673" i="1"/>
  <c r="T68674" i="1"/>
  <c r="T68675" i="1"/>
  <c r="T68676" i="1"/>
  <c r="T68677" i="1"/>
  <c r="T68678" i="1"/>
  <c r="T68679" i="1"/>
  <c r="T68680" i="1"/>
  <c r="T68681" i="1"/>
  <c r="T68682" i="1"/>
  <c r="T68683" i="1"/>
  <c r="T68684" i="1"/>
  <c r="T68685" i="1"/>
  <c r="T68686" i="1"/>
  <c r="T68687" i="1"/>
  <c r="T68688" i="1"/>
  <c r="T68689" i="1"/>
  <c r="T68690" i="1"/>
  <c r="T68691" i="1"/>
  <c r="T68692" i="1"/>
  <c r="T68693" i="1"/>
  <c r="T68694" i="1"/>
  <c r="T68695" i="1"/>
  <c r="T68696" i="1"/>
  <c r="T68697" i="1"/>
  <c r="T68698" i="1"/>
  <c r="T68699" i="1"/>
  <c r="T68700" i="1"/>
  <c r="T68701" i="1"/>
  <c r="T68702" i="1"/>
  <c r="T68703" i="1"/>
  <c r="T68704" i="1"/>
  <c r="T68705" i="1"/>
  <c r="T68706" i="1"/>
  <c r="T68707" i="1"/>
  <c r="T68708" i="1"/>
  <c r="T68709" i="1"/>
  <c r="T68710" i="1"/>
  <c r="T68711" i="1"/>
  <c r="T68712" i="1"/>
  <c r="T68713" i="1"/>
  <c r="T68714" i="1"/>
  <c r="T68715" i="1"/>
  <c r="T68716" i="1"/>
  <c r="T68717" i="1"/>
  <c r="T68718" i="1"/>
  <c r="T68719" i="1"/>
  <c r="T68720" i="1"/>
  <c r="T68721" i="1"/>
  <c r="T68722" i="1"/>
  <c r="T68723" i="1"/>
  <c r="T68724" i="1"/>
  <c r="T68725" i="1"/>
  <c r="T68726" i="1"/>
  <c r="T68727" i="1"/>
  <c r="T68728" i="1"/>
  <c r="T68729" i="1"/>
  <c r="T68730" i="1"/>
  <c r="T68731" i="1"/>
  <c r="T68732" i="1"/>
  <c r="T68733" i="1"/>
  <c r="T68734" i="1"/>
  <c r="T68735" i="1"/>
  <c r="T68736" i="1"/>
  <c r="T68737" i="1"/>
  <c r="T68738" i="1"/>
  <c r="T68739" i="1"/>
  <c r="T68740" i="1"/>
  <c r="T68741" i="1"/>
  <c r="T68742" i="1"/>
  <c r="T68743" i="1"/>
  <c r="T68744" i="1"/>
  <c r="T68745" i="1"/>
  <c r="T68746" i="1"/>
  <c r="T68747" i="1"/>
  <c r="T68748" i="1"/>
  <c r="T68749" i="1"/>
  <c r="T68750" i="1"/>
  <c r="T68751" i="1"/>
  <c r="T68752" i="1"/>
  <c r="T68753" i="1"/>
  <c r="T68754" i="1"/>
  <c r="T68755" i="1"/>
  <c r="T68756" i="1"/>
  <c r="T68757" i="1"/>
  <c r="T68758" i="1"/>
  <c r="T68759" i="1"/>
  <c r="T68760" i="1"/>
  <c r="T68761" i="1"/>
  <c r="T68762" i="1"/>
  <c r="T68763" i="1"/>
  <c r="T68764" i="1"/>
  <c r="T68765" i="1"/>
  <c r="T68766" i="1"/>
  <c r="T68767" i="1"/>
  <c r="T68768" i="1"/>
  <c r="T68769" i="1"/>
  <c r="T68770" i="1"/>
  <c r="T68771" i="1"/>
  <c r="T68772" i="1"/>
  <c r="T68773" i="1"/>
  <c r="T68774" i="1"/>
  <c r="T68775" i="1"/>
  <c r="T68776" i="1"/>
  <c r="T68777" i="1"/>
  <c r="T68778" i="1"/>
  <c r="T68779" i="1"/>
  <c r="T68780" i="1"/>
  <c r="T68781" i="1"/>
  <c r="T68782" i="1"/>
  <c r="T68783" i="1"/>
  <c r="T68784" i="1"/>
  <c r="T68785" i="1"/>
  <c r="T68786" i="1"/>
  <c r="T68787" i="1"/>
  <c r="T68788" i="1"/>
  <c r="T68789" i="1"/>
  <c r="T68790" i="1"/>
  <c r="T68791" i="1"/>
  <c r="T68792" i="1"/>
  <c r="T68793" i="1"/>
  <c r="T68794" i="1"/>
  <c r="T68795" i="1"/>
  <c r="T68796" i="1"/>
  <c r="T68797" i="1"/>
  <c r="T68798" i="1"/>
  <c r="T68799" i="1"/>
  <c r="T68800" i="1"/>
  <c r="T68801" i="1"/>
  <c r="T68802" i="1"/>
  <c r="T68803" i="1"/>
  <c r="T68804" i="1"/>
  <c r="T68805" i="1"/>
  <c r="T68806" i="1"/>
  <c r="T68807" i="1"/>
  <c r="T68808" i="1"/>
  <c r="T68809" i="1"/>
  <c r="T68810" i="1"/>
  <c r="T68811" i="1"/>
  <c r="T68812" i="1"/>
  <c r="T68813" i="1"/>
  <c r="T68814" i="1"/>
  <c r="T68815" i="1"/>
  <c r="T68816" i="1"/>
  <c r="T68817" i="1"/>
  <c r="T68818" i="1"/>
  <c r="T68819" i="1"/>
  <c r="T68820" i="1"/>
  <c r="T68821" i="1"/>
  <c r="T68822" i="1"/>
  <c r="T68823" i="1"/>
  <c r="T68824" i="1"/>
  <c r="T68825" i="1"/>
  <c r="T68826" i="1"/>
  <c r="T68827" i="1"/>
  <c r="T68828" i="1"/>
  <c r="T68829" i="1"/>
  <c r="T68830" i="1"/>
  <c r="T68831" i="1"/>
  <c r="T68832" i="1"/>
  <c r="T68833" i="1"/>
  <c r="T68834" i="1"/>
  <c r="T68835" i="1"/>
  <c r="T68836" i="1"/>
  <c r="T68837" i="1"/>
  <c r="T68838" i="1"/>
  <c r="T68839" i="1"/>
  <c r="T68840" i="1"/>
  <c r="T68841" i="1"/>
  <c r="T68842" i="1"/>
  <c r="T68843" i="1"/>
  <c r="T68844" i="1"/>
  <c r="T68845" i="1"/>
  <c r="T68846" i="1"/>
  <c r="T68847" i="1"/>
  <c r="T68848" i="1"/>
  <c r="T68849" i="1"/>
  <c r="T68850" i="1"/>
  <c r="T68851" i="1"/>
  <c r="T68852" i="1"/>
  <c r="T68853" i="1"/>
  <c r="T68854" i="1"/>
  <c r="T68855" i="1"/>
  <c r="T68856" i="1"/>
  <c r="T68857" i="1"/>
  <c r="T68858" i="1"/>
  <c r="T68859" i="1"/>
  <c r="T68860" i="1"/>
  <c r="T68861" i="1"/>
  <c r="T68862" i="1"/>
  <c r="T68863" i="1"/>
  <c r="T68864" i="1"/>
  <c r="T68865" i="1"/>
  <c r="T68866" i="1"/>
  <c r="T68867" i="1"/>
  <c r="T68868" i="1"/>
  <c r="T68869" i="1"/>
  <c r="T68870" i="1"/>
  <c r="T68871" i="1"/>
  <c r="T68872" i="1"/>
  <c r="T68873" i="1"/>
  <c r="T68874" i="1"/>
  <c r="T68875" i="1"/>
  <c r="T68876" i="1"/>
  <c r="T68877" i="1"/>
  <c r="T68878" i="1"/>
  <c r="T68879" i="1"/>
  <c r="T68880" i="1"/>
  <c r="T68881" i="1"/>
  <c r="T68882" i="1"/>
  <c r="T68883" i="1"/>
  <c r="T68884" i="1"/>
  <c r="T68885" i="1"/>
  <c r="T68886" i="1"/>
  <c r="T68887" i="1"/>
  <c r="T68888" i="1"/>
  <c r="T68889" i="1"/>
  <c r="T68890" i="1"/>
  <c r="T68891" i="1"/>
  <c r="T68892" i="1"/>
  <c r="T68893" i="1"/>
  <c r="T68894" i="1"/>
  <c r="T68895" i="1"/>
  <c r="T68896" i="1"/>
  <c r="T68897" i="1"/>
  <c r="T68898" i="1"/>
  <c r="T68899" i="1"/>
  <c r="T68900" i="1"/>
  <c r="T68901" i="1"/>
  <c r="T68902" i="1"/>
  <c r="T68903" i="1"/>
  <c r="T68904" i="1"/>
  <c r="T68905" i="1"/>
  <c r="T68906" i="1"/>
  <c r="T68907" i="1"/>
  <c r="T68908" i="1"/>
  <c r="T68909" i="1"/>
  <c r="T68910" i="1"/>
  <c r="T68911" i="1"/>
  <c r="T68912" i="1"/>
  <c r="T68913" i="1"/>
  <c r="T68914" i="1"/>
  <c r="T68915" i="1"/>
  <c r="T68916" i="1"/>
  <c r="T68917" i="1"/>
  <c r="T68918" i="1"/>
  <c r="T68919" i="1"/>
  <c r="T68920" i="1"/>
  <c r="T68921" i="1"/>
  <c r="T68922" i="1"/>
  <c r="T68923" i="1"/>
  <c r="T68924" i="1"/>
  <c r="T68925" i="1"/>
  <c r="T68926" i="1"/>
  <c r="T68927" i="1"/>
  <c r="T68928" i="1"/>
  <c r="T68929" i="1"/>
  <c r="T68930" i="1"/>
  <c r="T68931" i="1"/>
  <c r="T68932" i="1"/>
  <c r="T68933" i="1"/>
  <c r="T68934" i="1"/>
  <c r="T68935" i="1"/>
  <c r="T68936" i="1"/>
  <c r="T68937" i="1"/>
  <c r="T68938" i="1"/>
  <c r="T68939" i="1"/>
  <c r="T68940" i="1"/>
  <c r="T68941" i="1"/>
  <c r="T68942" i="1"/>
  <c r="T68943" i="1"/>
  <c r="T68944" i="1"/>
  <c r="T68945" i="1"/>
  <c r="T68946" i="1"/>
  <c r="T68947" i="1"/>
  <c r="T68948" i="1"/>
  <c r="T68949" i="1"/>
  <c r="T68950" i="1"/>
  <c r="T68951" i="1"/>
  <c r="T68952" i="1"/>
  <c r="T68953" i="1"/>
  <c r="T68954" i="1"/>
  <c r="T68955" i="1"/>
  <c r="T68956" i="1"/>
  <c r="T68957" i="1"/>
  <c r="T68958" i="1"/>
  <c r="T68959" i="1"/>
  <c r="T68960" i="1"/>
  <c r="T68961" i="1"/>
  <c r="T68962" i="1"/>
  <c r="T68963" i="1"/>
  <c r="T68964" i="1"/>
  <c r="T68965" i="1"/>
  <c r="T68966" i="1"/>
  <c r="T68967" i="1"/>
  <c r="T68968" i="1"/>
  <c r="T68969" i="1"/>
  <c r="T68970" i="1"/>
  <c r="T68971" i="1"/>
  <c r="T68972" i="1"/>
  <c r="T68973" i="1"/>
  <c r="T68974" i="1"/>
  <c r="T68975" i="1"/>
  <c r="T68976" i="1"/>
  <c r="T68977" i="1"/>
  <c r="T68978" i="1"/>
  <c r="T68979" i="1"/>
  <c r="T68980" i="1"/>
  <c r="T68981" i="1"/>
  <c r="T68982" i="1"/>
  <c r="T68983" i="1"/>
  <c r="T68984" i="1"/>
  <c r="T68985" i="1"/>
  <c r="T68986" i="1"/>
  <c r="T68987" i="1"/>
  <c r="T68988" i="1"/>
  <c r="T68989" i="1"/>
  <c r="T68990" i="1"/>
  <c r="T68991" i="1"/>
  <c r="T68992" i="1"/>
  <c r="T68993" i="1"/>
  <c r="T68994" i="1"/>
  <c r="T68995" i="1"/>
  <c r="T68996" i="1"/>
  <c r="T68997" i="1"/>
  <c r="T68998" i="1"/>
  <c r="T68999" i="1"/>
  <c r="T69000" i="1"/>
  <c r="T69001" i="1"/>
  <c r="T69002" i="1"/>
  <c r="T69003" i="1"/>
  <c r="T69004" i="1"/>
  <c r="T69005" i="1"/>
  <c r="T69006" i="1"/>
  <c r="T69007" i="1"/>
  <c r="T69008" i="1"/>
  <c r="T69009" i="1"/>
  <c r="T69010" i="1"/>
  <c r="T69011" i="1"/>
  <c r="T69012" i="1"/>
  <c r="T69013" i="1"/>
  <c r="T69014" i="1"/>
  <c r="T69015" i="1"/>
  <c r="T69016" i="1"/>
  <c r="T69017" i="1"/>
  <c r="T69018" i="1"/>
  <c r="T69019" i="1"/>
  <c r="T69020" i="1"/>
  <c r="T69021" i="1"/>
  <c r="T69022" i="1"/>
  <c r="T69023" i="1"/>
  <c r="T69024" i="1"/>
  <c r="T69025" i="1"/>
  <c r="T69026" i="1"/>
  <c r="T69027" i="1"/>
  <c r="T69028" i="1"/>
  <c r="T69029" i="1"/>
  <c r="T69030" i="1"/>
  <c r="T69031" i="1"/>
  <c r="T69032" i="1"/>
  <c r="T69033" i="1"/>
  <c r="T69034" i="1"/>
  <c r="T69035" i="1"/>
  <c r="T69036" i="1"/>
  <c r="T69037" i="1"/>
  <c r="T69038" i="1"/>
  <c r="T69039" i="1"/>
  <c r="T69040" i="1"/>
  <c r="T69041" i="1"/>
  <c r="T69042" i="1"/>
  <c r="T69043" i="1"/>
  <c r="T69044" i="1"/>
  <c r="T69045" i="1"/>
  <c r="T69046" i="1"/>
  <c r="T69047" i="1"/>
  <c r="T69048" i="1"/>
  <c r="T69049" i="1"/>
  <c r="T69050" i="1"/>
  <c r="T69051" i="1"/>
  <c r="T69052" i="1"/>
  <c r="T69053" i="1"/>
  <c r="T69054" i="1"/>
  <c r="T69055" i="1"/>
  <c r="T69056" i="1"/>
  <c r="T69057" i="1"/>
  <c r="T69058" i="1"/>
  <c r="T69059" i="1"/>
  <c r="T69060" i="1"/>
  <c r="T69061" i="1"/>
  <c r="T69062" i="1"/>
  <c r="T69063" i="1"/>
  <c r="T69064" i="1"/>
  <c r="T69065" i="1"/>
  <c r="T69066" i="1"/>
  <c r="T69067" i="1"/>
  <c r="T69068" i="1"/>
  <c r="T69069" i="1"/>
  <c r="T69070" i="1"/>
  <c r="T69071" i="1"/>
  <c r="T69072" i="1"/>
  <c r="T69073" i="1"/>
  <c r="T69074" i="1"/>
  <c r="T69075" i="1"/>
  <c r="T69076" i="1"/>
  <c r="T69077" i="1"/>
  <c r="T69078" i="1"/>
  <c r="T69079" i="1"/>
  <c r="T69080" i="1"/>
  <c r="T69081" i="1"/>
  <c r="T69082" i="1"/>
  <c r="T69083" i="1"/>
  <c r="T69084" i="1"/>
  <c r="T69085" i="1"/>
  <c r="T69086" i="1"/>
  <c r="T69087" i="1"/>
  <c r="T69088" i="1"/>
  <c r="T69089" i="1"/>
  <c r="T69090" i="1"/>
  <c r="T69091" i="1"/>
  <c r="T69092" i="1"/>
  <c r="T69093" i="1"/>
  <c r="T69094" i="1"/>
  <c r="T69095" i="1"/>
  <c r="T69096" i="1"/>
  <c r="T69097" i="1"/>
  <c r="T69098" i="1"/>
  <c r="T69099" i="1"/>
  <c r="T69100" i="1"/>
  <c r="T69101" i="1"/>
  <c r="T69102" i="1"/>
  <c r="T69103" i="1"/>
  <c r="T69104" i="1"/>
  <c r="T69105" i="1"/>
  <c r="T69106" i="1"/>
  <c r="T69107" i="1"/>
  <c r="T69108" i="1"/>
  <c r="T69109" i="1"/>
  <c r="T69110" i="1"/>
  <c r="T69111" i="1"/>
  <c r="T69112" i="1"/>
  <c r="T69113" i="1"/>
  <c r="T69114" i="1"/>
  <c r="T69115" i="1"/>
  <c r="T69116" i="1"/>
  <c r="T69117" i="1"/>
  <c r="T69118" i="1"/>
  <c r="T69119" i="1"/>
  <c r="T69120" i="1"/>
  <c r="T69121" i="1"/>
  <c r="T69122" i="1"/>
  <c r="T69123" i="1"/>
  <c r="T69124" i="1"/>
  <c r="T69125" i="1"/>
  <c r="T69126" i="1"/>
  <c r="T69127" i="1"/>
  <c r="T69128" i="1"/>
  <c r="T69129" i="1"/>
  <c r="T69130" i="1"/>
  <c r="T69131" i="1"/>
  <c r="T69132" i="1"/>
  <c r="T69133" i="1"/>
  <c r="T69134" i="1"/>
  <c r="T69135" i="1"/>
  <c r="T69136" i="1"/>
  <c r="T69137" i="1"/>
  <c r="T69138" i="1"/>
  <c r="T69139" i="1"/>
  <c r="T69140" i="1"/>
  <c r="T69141" i="1"/>
  <c r="T69142" i="1"/>
  <c r="T69143" i="1"/>
  <c r="T69144" i="1"/>
  <c r="T69145" i="1"/>
  <c r="T69146" i="1"/>
  <c r="T69147" i="1"/>
  <c r="T69148" i="1"/>
  <c r="T69149" i="1"/>
  <c r="T69150" i="1"/>
  <c r="T69151" i="1"/>
  <c r="T69152" i="1"/>
  <c r="T69153" i="1"/>
  <c r="T69154" i="1"/>
  <c r="T69155" i="1"/>
  <c r="T69156" i="1"/>
  <c r="T69157" i="1"/>
  <c r="T69158" i="1"/>
  <c r="T69159" i="1"/>
  <c r="T69160" i="1"/>
  <c r="T69161" i="1"/>
  <c r="T69162" i="1"/>
  <c r="T69163" i="1"/>
  <c r="T69164" i="1"/>
  <c r="T69165" i="1"/>
  <c r="T69166" i="1"/>
  <c r="T69167" i="1"/>
  <c r="T69168" i="1"/>
  <c r="T69169" i="1"/>
  <c r="T69170" i="1"/>
  <c r="T69171" i="1"/>
  <c r="T69172" i="1"/>
  <c r="T69173" i="1"/>
  <c r="T69174" i="1"/>
  <c r="T69175" i="1"/>
  <c r="T69176" i="1"/>
  <c r="T69177" i="1"/>
  <c r="T69178" i="1"/>
  <c r="T69179" i="1"/>
  <c r="T69180" i="1"/>
  <c r="T69181" i="1"/>
  <c r="T69182" i="1"/>
  <c r="T69183" i="1"/>
  <c r="T69184" i="1"/>
  <c r="T69185" i="1"/>
  <c r="T69186" i="1"/>
  <c r="T69187" i="1"/>
  <c r="T69188" i="1"/>
  <c r="T69189" i="1"/>
  <c r="T69190" i="1"/>
  <c r="T69191" i="1"/>
  <c r="T69192" i="1"/>
  <c r="T69193" i="1"/>
  <c r="T69194" i="1"/>
  <c r="T69195" i="1"/>
  <c r="T69196" i="1"/>
  <c r="T69197" i="1"/>
  <c r="T69198" i="1"/>
  <c r="T69199" i="1"/>
  <c r="T69200" i="1"/>
  <c r="T69201" i="1"/>
  <c r="T69202" i="1"/>
  <c r="T69203" i="1"/>
  <c r="T69204" i="1"/>
  <c r="T69205" i="1"/>
  <c r="T69206" i="1"/>
  <c r="T69207" i="1"/>
  <c r="T69208" i="1"/>
  <c r="T69209" i="1"/>
  <c r="T69210" i="1"/>
  <c r="T69211" i="1"/>
  <c r="T69212" i="1"/>
  <c r="T69213" i="1"/>
  <c r="T69214" i="1"/>
  <c r="T69215" i="1"/>
  <c r="T69216" i="1"/>
  <c r="T69217" i="1"/>
  <c r="T69218" i="1"/>
  <c r="T69219" i="1"/>
  <c r="T69220" i="1"/>
  <c r="T69221" i="1"/>
  <c r="T69222" i="1"/>
  <c r="T69223" i="1"/>
  <c r="T69224" i="1"/>
  <c r="T69225" i="1"/>
  <c r="T69226" i="1"/>
  <c r="T69227" i="1"/>
  <c r="T69228" i="1"/>
  <c r="T69229" i="1"/>
  <c r="T69230" i="1"/>
  <c r="T69231" i="1"/>
  <c r="T69232" i="1"/>
  <c r="T69233" i="1"/>
  <c r="T69234" i="1"/>
  <c r="T69235" i="1"/>
  <c r="T69236" i="1"/>
  <c r="T69237" i="1"/>
  <c r="T69238" i="1"/>
  <c r="T69239" i="1"/>
  <c r="T69240" i="1"/>
  <c r="T69241" i="1"/>
  <c r="T69242" i="1"/>
  <c r="T69243" i="1"/>
  <c r="T69244" i="1"/>
  <c r="T69245" i="1"/>
  <c r="T69246" i="1"/>
  <c r="T69247" i="1"/>
  <c r="T69248" i="1"/>
  <c r="T69249" i="1"/>
  <c r="T69250" i="1"/>
  <c r="T69251" i="1"/>
  <c r="T69252" i="1"/>
  <c r="T69253" i="1"/>
  <c r="T69254" i="1"/>
  <c r="T69255" i="1"/>
  <c r="T69256" i="1"/>
  <c r="T69257" i="1"/>
  <c r="T69258" i="1"/>
  <c r="T69259" i="1"/>
  <c r="T69260" i="1"/>
  <c r="T69261" i="1"/>
  <c r="T69262" i="1"/>
  <c r="T69263" i="1"/>
  <c r="T69264" i="1"/>
  <c r="T69265" i="1"/>
  <c r="T69266" i="1"/>
  <c r="T69267" i="1"/>
  <c r="T69268" i="1"/>
  <c r="T69269" i="1"/>
  <c r="T69270" i="1"/>
  <c r="T69271" i="1"/>
  <c r="T69272" i="1"/>
  <c r="T69273" i="1"/>
  <c r="T69274" i="1"/>
  <c r="T69275" i="1"/>
  <c r="T69276" i="1"/>
  <c r="T69277" i="1"/>
  <c r="T69278" i="1"/>
  <c r="T69279" i="1"/>
  <c r="T69280" i="1"/>
  <c r="T69281" i="1"/>
  <c r="T69282" i="1"/>
  <c r="T69283" i="1"/>
  <c r="T69284" i="1"/>
  <c r="T69285" i="1"/>
  <c r="T69286" i="1"/>
  <c r="T69287" i="1"/>
  <c r="T69288" i="1"/>
  <c r="T69289" i="1"/>
  <c r="T69290" i="1"/>
  <c r="T69291" i="1"/>
  <c r="T69292" i="1"/>
  <c r="T69293" i="1"/>
  <c r="T69294" i="1"/>
  <c r="T69295" i="1"/>
  <c r="T69296" i="1"/>
  <c r="T69297" i="1"/>
  <c r="T69298" i="1"/>
  <c r="T69299" i="1"/>
  <c r="T69300" i="1"/>
  <c r="T69301" i="1"/>
  <c r="T69302" i="1"/>
  <c r="T69303" i="1"/>
  <c r="T69304" i="1"/>
  <c r="T69305" i="1"/>
  <c r="T69306" i="1"/>
  <c r="T69307" i="1"/>
  <c r="T69308" i="1"/>
  <c r="T69309" i="1"/>
  <c r="T69310" i="1"/>
  <c r="T69311" i="1"/>
  <c r="T69312" i="1"/>
  <c r="T69313" i="1"/>
  <c r="T69314" i="1"/>
  <c r="T69315" i="1"/>
  <c r="T69316" i="1"/>
  <c r="T69317" i="1"/>
  <c r="T69318" i="1"/>
  <c r="T69319" i="1"/>
  <c r="T69320" i="1"/>
  <c r="T69321" i="1"/>
  <c r="T69322" i="1"/>
  <c r="T69323" i="1"/>
  <c r="T69324" i="1"/>
  <c r="T69325" i="1"/>
  <c r="T69326" i="1"/>
  <c r="T69327" i="1"/>
  <c r="T69328" i="1"/>
  <c r="T69329" i="1"/>
  <c r="T69330" i="1"/>
  <c r="T69331" i="1"/>
  <c r="T69332" i="1"/>
  <c r="T69333" i="1"/>
  <c r="T69334" i="1"/>
  <c r="T69335" i="1"/>
  <c r="T69336" i="1"/>
  <c r="T69337" i="1"/>
  <c r="T69338" i="1"/>
  <c r="T69339" i="1"/>
  <c r="T69340" i="1"/>
  <c r="T69341" i="1"/>
  <c r="T69342" i="1"/>
  <c r="T69343" i="1"/>
  <c r="T69344" i="1"/>
  <c r="T69345" i="1"/>
  <c r="T69346" i="1"/>
  <c r="T69347" i="1"/>
  <c r="T69348" i="1"/>
  <c r="T69349" i="1"/>
  <c r="T69350" i="1"/>
  <c r="T69351" i="1"/>
  <c r="T69352" i="1"/>
  <c r="T69353" i="1"/>
  <c r="T69354" i="1"/>
  <c r="T69355" i="1"/>
  <c r="T69356" i="1"/>
  <c r="T69357" i="1"/>
  <c r="T69358" i="1"/>
  <c r="T69359" i="1"/>
  <c r="T69360" i="1"/>
  <c r="T69361" i="1"/>
  <c r="T69362" i="1"/>
  <c r="T69363" i="1"/>
  <c r="T69364" i="1"/>
  <c r="T69365" i="1"/>
  <c r="T69366" i="1"/>
  <c r="T69367" i="1"/>
  <c r="T69368" i="1"/>
  <c r="T69369" i="1"/>
  <c r="T69370" i="1"/>
  <c r="T69371" i="1"/>
  <c r="T69372" i="1"/>
  <c r="T69373" i="1"/>
  <c r="T69374" i="1"/>
  <c r="T69375" i="1"/>
  <c r="T69376" i="1"/>
  <c r="T69377" i="1"/>
  <c r="T69378" i="1"/>
  <c r="T69379" i="1"/>
  <c r="T69380" i="1"/>
  <c r="T69381" i="1"/>
  <c r="T69382" i="1"/>
  <c r="T69383" i="1"/>
  <c r="T69384" i="1"/>
  <c r="T69385" i="1"/>
  <c r="T69386" i="1"/>
  <c r="T69387" i="1"/>
  <c r="T69388" i="1"/>
  <c r="T69389" i="1"/>
  <c r="T69390" i="1"/>
  <c r="T69391" i="1"/>
  <c r="T69392" i="1"/>
  <c r="T69393" i="1"/>
  <c r="T69394" i="1"/>
  <c r="T69395" i="1"/>
  <c r="T69396" i="1"/>
  <c r="T69397" i="1"/>
  <c r="T69398" i="1"/>
  <c r="T69399" i="1"/>
  <c r="T69400" i="1"/>
  <c r="T69401" i="1"/>
  <c r="T69402" i="1"/>
  <c r="T69403" i="1"/>
  <c r="T69404" i="1"/>
  <c r="T69405" i="1"/>
  <c r="T69406" i="1"/>
  <c r="T69407" i="1"/>
  <c r="T69408" i="1"/>
  <c r="T69409" i="1"/>
  <c r="T69410" i="1"/>
  <c r="T69411" i="1"/>
  <c r="T69412" i="1"/>
  <c r="T69413" i="1"/>
  <c r="T69414" i="1"/>
  <c r="T69415" i="1"/>
  <c r="T69416" i="1"/>
  <c r="T69417" i="1"/>
  <c r="T69418" i="1"/>
  <c r="T69419" i="1"/>
  <c r="T69420" i="1"/>
  <c r="T69421" i="1"/>
  <c r="T69422" i="1"/>
  <c r="T69423" i="1"/>
  <c r="T69424" i="1"/>
  <c r="T69425" i="1"/>
  <c r="T69426" i="1"/>
  <c r="T69427" i="1"/>
  <c r="T69428" i="1"/>
  <c r="T69429" i="1"/>
  <c r="T69430" i="1"/>
  <c r="T69431" i="1"/>
  <c r="T69432" i="1"/>
  <c r="T69433" i="1"/>
  <c r="T69434" i="1"/>
  <c r="T69435" i="1"/>
  <c r="T69436" i="1"/>
  <c r="T69437" i="1"/>
  <c r="T69438" i="1"/>
  <c r="T69439" i="1"/>
  <c r="T69440" i="1"/>
  <c r="T69441" i="1"/>
  <c r="T69442" i="1"/>
  <c r="T69443" i="1"/>
  <c r="T69444" i="1"/>
  <c r="T69445" i="1"/>
  <c r="T69446" i="1"/>
  <c r="T69447" i="1"/>
  <c r="T69448" i="1"/>
  <c r="T69449" i="1"/>
  <c r="T69450" i="1"/>
  <c r="T69451" i="1"/>
  <c r="T69452" i="1"/>
  <c r="T69453" i="1"/>
  <c r="T69454" i="1"/>
  <c r="T69455" i="1"/>
  <c r="T69456" i="1"/>
  <c r="T69457" i="1"/>
  <c r="T69458" i="1"/>
  <c r="T69459" i="1"/>
  <c r="T69460" i="1"/>
  <c r="T69461" i="1"/>
  <c r="T69462" i="1"/>
  <c r="T69463" i="1"/>
  <c r="T69464" i="1"/>
  <c r="T69465" i="1"/>
  <c r="T69466" i="1"/>
  <c r="T69467" i="1"/>
  <c r="T69468" i="1"/>
  <c r="T69469" i="1"/>
  <c r="T69470" i="1"/>
  <c r="T69471" i="1"/>
  <c r="T69472" i="1"/>
  <c r="T69473" i="1"/>
  <c r="T69474" i="1"/>
  <c r="T69475" i="1"/>
  <c r="T69476" i="1"/>
  <c r="T69477" i="1"/>
  <c r="T69478" i="1"/>
  <c r="T69479" i="1"/>
  <c r="T69480" i="1"/>
  <c r="T69481" i="1"/>
  <c r="T69482" i="1"/>
  <c r="T69483" i="1"/>
  <c r="T69484" i="1"/>
  <c r="T69485" i="1"/>
  <c r="T69486" i="1"/>
  <c r="T69487" i="1"/>
  <c r="T69488" i="1"/>
  <c r="T69489" i="1"/>
  <c r="T69490" i="1"/>
  <c r="T69491" i="1"/>
  <c r="T69492" i="1"/>
  <c r="T69493" i="1"/>
  <c r="T69494" i="1"/>
  <c r="T69495" i="1"/>
  <c r="T69496" i="1"/>
  <c r="T69497" i="1"/>
  <c r="T69498" i="1"/>
  <c r="T69499" i="1"/>
  <c r="T69500" i="1"/>
  <c r="T69501" i="1"/>
  <c r="T69502" i="1"/>
  <c r="T69503" i="1"/>
  <c r="T69504" i="1"/>
  <c r="T69505" i="1"/>
  <c r="T69506" i="1"/>
  <c r="T69507" i="1"/>
  <c r="T69508" i="1"/>
  <c r="T69509" i="1"/>
  <c r="T69510" i="1"/>
  <c r="T69511" i="1"/>
  <c r="T69512" i="1"/>
  <c r="T69513" i="1"/>
  <c r="T69514" i="1"/>
  <c r="T69515" i="1"/>
  <c r="T69516" i="1"/>
  <c r="T69517" i="1"/>
  <c r="T69518" i="1"/>
  <c r="T69519" i="1"/>
  <c r="T69520" i="1"/>
  <c r="T69521" i="1"/>
  <c r="T69522" i="1"/>
  <c r="T69523" i="1"/>
  <c r="T69524" i="1"/>
  <c r="T69525" i="1"/>
  <c r="T69526" i="1"/>
  <c r="T69527" i="1"/>
  <c r="T69528" i="1"/>
  <c r="T69529" i="1"/>
  <c r="T69530" i="1"/>
  <c r="T69531" i="1"/>
  <c r="T69532" i="1"/>
  <c r="T69533" i="1"/>
  <c r="T69534" i="1"/>
  <c r="T69535" i="1"/>
  <c r="T69536" i="1"/>
  <c r="T69537" i="1"/>
  <c r="T69538" i="1"/>
  <c r="T69539" i="1"/>
  <c r="T69540" i="1"/>
  <c r="T69541" i="1"/>
  <c r="T69542" i="1"/>
  <c r="T69543" i="1"/>
  <c r="T69544" i="1"/>
  <c r="T69545" i="1"/>
  <c r="T69546" i="1"/>
  <c r="T69547" i="1"/>
  <c r="T69548" i="1"/>
  <c r="T69549" i="1"/>
  <c r="T69550" i="1"/>
  <c r="T69551" i="1"/>
  <c r="T69552" i="1"/>
  <c r="T69553" i="1"/>
  <c r="T69554" i="1"/>
  <c r="T69555" i="1"/>
  <c r="T69556" i="1"/>
  <c r="T69557" i="1"/>
  <c r="T69558" i="1"/>
  <c r="T69559" i="1"/>
  <c r="T69560" i="1"/>
  <c r="T69561" i="1"/>
  <c r="T69562" i="1"/>
  <c r="T69563" i="1"/>
  <c r="T69564" i="1"/>
  <c r="T69565" i="1"/>
  <c r="T69566" i="1"/>
  <c r="T69567" i="1"/>
  <c r="T69568" i="1"/>
  <c r="T69569" i="1"/>
  <c r="T69570" i="1"/>
  <c r="T69571" i="1"/>
  <c r="T69572" i="1"/>
  <c r="T69573" i="1"/>
  <c r="T69574" i="1"/>
  <c r="T69575" i="1"/>
  <c r="T69576" i="1"/>
  <c r="T69577" i="1"/>
  <c r="T69578" i="1"/>
  <c r="T69579" i="1"/>
  <c r="T69580" i="1"/>
  <c r="T69581" i="1"/>
  <c r="T69582" i="1"/>
  <c r="T69583" i="1"/>
  <c r="T69584" i="1"/>
  <c r="T69585" i="1"/>
  <c r="T69586" i="1"/>
  <c r="T69587" i="1"/>
  <c r="T69588" i="1"/>
  <c r="T69589" i="1"/>
  <c r="T69590" i="1"/>
  <c r="T69591" i="1"/>
  <c r="T69592" i="1"/>
  <c r="T69593" i="1"/>
  <c r="T69594" i="1"/>
  <c r="T69595" i="1"/>
  <c r="T69596" i="1"/>
  <c r="T69597" i="1"/>
  <c r="T69598" i="1"/>
  <c r="T69599" i="1"/>
  <c r="T69600" i="1"/>
  <c r="T69601" i="1"/>
  <c r="T69602" i="1"/>
  <c r="T69603" i="1"/>
  <c r="T69604" i="1"/>
  <c r="T69605" i="1"/>
  <c r="T69606" i="1"/>
  <c r="T69607" i="1"/>
  <c r="T69608" i="1"/>
  <c r="T69609" i="1"/>
  <c r="T69610" i="1"/>
  <c r="T69611" i="1"/>
  <c r="T69612" i="1"/>
  <c r="T69613" i="1"/>
  <c r="T69614" i="1"/>
  <c r="T69615" i="1"/>
  <c r="T69616" i="1"/>
  <c r="T69617" i="1"/>
  <c r="T69618" i="1"/>
  <c r="T69619" i="1"/>
  <c r="T69620" i="1"/>
  <c r="T69621" i="1"/>
  <c r="T69622" i="1"/>
  <c r="T69623" i="1"/>
  <c r="T69624" i="1"/>
  <c r="T69625" i="1"/>
  <c r="T69626" i="1"/>
  <c r="T69627" i="1"/>
  <c r="T69628" i="1"/>
  <c r="T69629" i="1"/>
  <c r="T69630" i="1"/>
  <c r="T69631" i="1"/>
  <c r="T69632" i="1"/>
  <c r="T69633" i="1"/>
  <c r="T69634" i="1"/>
  <c r="T69635" i="1"/>
  <c r="T69636" i="1"/>
  <c r="T69637" i="1"/>
  <c r="T69638" i="1"/>
  <c r="T69639" i="1"/>
  <c r="T69640" i="1"/>
  <c r="T69641" i="1"/>
  <c r="T69642" i="1"/>
  <c r="T69643" i="1"/>
  <c r="T69644" i="1"/>
  <c r="T69645" i="1"/>
  <c r="T69646" i="1"/>
  <c r="T69647" i="1"/>
  <c r="T69648" i="1"/>
  <c r="T69649" i="1"/>
  <c r="T69650" i="1"/>
  <c r="T69651" i="1"/>
  <c r="T69652" i="1"/>
  <c r="T69653" i="1"/>
  <c r="T69654" i="1"/>
  <c r="T69655" i="1"/>
  <c r="T69656" i="1"/>
  <c r="T69657" i="1"/>
  <c r="T69658" i="1"/>
  <c r="T69659" i="1"/>
  <c r="T69660" i="1"/>
  <c r="T69661" i="1"/>
  <c r="T69662" i="1"/>
  <c r="T69663" i="1"/>
  <c r="T69664" i="1"/>
  <c r="T69665" i="1"/>
  <c r="T69666" i="1"/>
  <c r="T69667" i="1"/>
  <c r="T69668" i="1"/>
  <c r="T69669" i="1"/>
  <c r="T69670" i="1"/>
  <c r="T69671" i="1"/>
  <c r="T69672" i="1"/>
  <c r="T69673" i="1"/>
  <c r="T69674" i="1"/>
  <c r="T69675" i="1"/>
  <c r="T69676" i="1"/>
  <c r="T69677" i="1"/>
  <c r="T69678" i="1"/>
  <c r="T69679" i="1"/>
  <c r="T69680" i="1"/>
  <c r="T69681" i="1"/>
  <c r="T69682" i="1"/>
  <c r="T69683" i="1"/>
  <c r="T69684" i="1"/>
  <c r="T69685" i="1"/>
  <c r="T69686" i="1"/>
  <c r="T69687" i="1"/>
  <c r="T69688" i="1"/>
  <c r="T69689" i="1"/>
  <c r="T69690" i="1"/>
  <c r="T69691" i="1"/>
  <c r="T69692" i="1"/>
  <c r="T69693" i="1"/>
  <c r="T69694" i="1"/>
  <c r="T69695" i="1"/>
  <c r="T69696" i="1"/>
  <c r="T69697" i="1"/>
  <c r="T69698" i="1"/>
  <c r="T69699" i="1"/>
  <c r="T69700" i="1"/>
  <c r="T69701" i="1"/>
  <c r="T69702" i="1"/>
  <c r="T69703" i="1"/>
  <c r="T69704" i="1"/>
  <c r="T69705" i="1"/>
  <c r="T69706" i="1"/>
  <c r="T69707" i="1"/>
  <c r="T69708" i="1"/>
  <c r="T69709" i="1"/>
  <c r="T69710" i="1"/>
  <c r="T69711" i="1"/>
  <c r="T69712" i="1"/>
  <c r="T69713" i="1"/>
  <c r="T69714" i="1"/>
  <c r="T69715" i="1"/>
  <c r="T69716" i="1"/>
  <c r="T69717" i="1"/>
  <c r="T69718" i="1"/>
  <c r="T69719" i="1"/>
  <c r="T69720" i="1"/>
  <c r="T69721" i="1"/>
  <c r="T69722" i="1"/>
  <c r="T69723" i="1"/>
  <c r="T69724" i="1"/>
  <c r="T69725" i="1"/>
  <c r="T69726" i="1"/>
  <c r="T69727" i="1"/>
  <c r="T69728" i="1"/>
  <c r="T69729" i="1"/>
  <c r="T69730" i="1"/>
  <c r="T69731" i="1"/>
  <c r="T69732" i="1"/>
  <c r="T69733" i="1"/>
  <c r="T69734" i="1"/>
  <c r="T69735" i="1"/>
  <c r="T69736" i="1"/>
  <c r="T69737" i="1"/>
  <c r="T69738" i="1"/>
  <c r="T69739" i="1"/>
  <c r="T69740" i="1"/>
  <c r="T69741" i="1"/>
  <c r="T69742" i="1"/>
  <c r="T69743" i="1"/>
  <c r="T69744" i="1"/>
  <c r="T69745" i="1"/>
  <c r="T69746" i="1"/>
  <c r="T69747" i="1"/>
  <c r="T69748" i="1"/>
  <c r="T69749" i="1"/>
  <c r="T69750" i="1"/>
  <c r="T69751" i="1"/>
  <c r="T69752" i="1"/>
  <c r="T69753" i="1"/>
  <c r="T69754" i="1"/>
  <c r="T69755" i="1"/>
  <c r="T69756" i="1"/>
  <c r="T69757" i="1"/>
  <c r="T69758" i="1"/>
  <c r="T69759" i="1"/>
  <c r="T69760" i="1"/>
  <c r="T69761" i="1"/>
  <c r="T69762" i="1"/>
  <c r="T69763" i="1"/>
  <c r="T69764" i="1"/>
  <c r="T69765" i="1"/>
  <c r="T69766" i="1"/>
  <c r="T69767" i="1"/>
  <c r="T69768" i="1"/>
  <c r="T69769" i="1"/>
  <c r="T69770" i="1"/>
  <c r="T69771" i="1"/>
  <c r="T69772" i="1"/>
  <c r="T69773" i="1"/>
  <c r="T69774" i="1"/>
  <c r="T69775" i="1"/>
  <c r="T69776" i="1"/>
  <c r="T69777" i="1"/>
  <c r="T69778" i="1"/>
  <c r="T69779" i="1"/>
  <c r="T69780" i="1"/>
  <c r="T69781" i="1"/>
  <c r="T69782" i="1"/>
  <c r="T69783" i="1"/>
  <c r="T69784" i="1"/>
  <c r="T69785" i="1"/>
  <c r="T69786" i="1"/>
  <c r="T69787" i="1"/>
  <c r="T69788" i="1"/>
  <c r="T69789" i="1"/>
  <c r="T69790" i="1"/>
  <c r="T69791" i="1"/>
  <c r="T69792" i="1"/>
  <c r="T69793" i="1"/>
  <c r="T69794" i="1"/>
  <c r="T69795" i="1"/>
  <c r="T69796" i="1"/>
  <c r="T69797" i="1"/>
  <c r="T69798" i="1"/>
  <c r="T69799" i="1"/>
  <c r="T69800" i="1"/>
  <c r="T69801" i="1"/>
  <c r="T69802" i="1"/>
  <c r="T69803" i="1"/>
  <c r="T69804" i="1"/>
  <c r="T69805" i="1"/>
  <c r="T69806" i="1"/>
  <c r="T69807" i="1"/>
  <c r="T69808" i="1"/>
  <c r="T69809" i="1"/>
  <c r="T69810" i="1"/>
  <c r="T69811" i="1"/>
  <c r="T69812" i="1"/>
  <c r="T69813" i="1"/>
  <c r="T69814" i="1"/>
  <c r="T69815" i="1"/>
  <c r="T69816" i="1"/>
  <c r="T69817" i="1"/>
  <c r="T69818" i="1"/>
  <c r="T69819" i="1"/>
  <c r="T69820" i="1"/>
  <c r="T69821" i="1"/>
  <c r="T69822" i="1"/>
  <c r="T69823" i="1"/>
  <c r="T69824" i="1"/>
  <c r="T69825" i="1"/>
  <c r="T69826" i="1"/>
  <c r="T69827" i="1"/>
  <c r="T69828" i="1"/>
  <c r="T69829" i="1"/>
  <c r="T69830" i="1"/>
  <c r="T69831" i="1"/>
  <c r="T69832" i="1"/>
  <c r="T69833" i="1"/>
  <c r="T69834" i="1"/>
  <c r="T69835" i="1"/>
  <c r="T69836" i="1"/>
  <c r="T69837" i="1"/>
  <c r="T69838" i="1"/>
  <c r="T69839" i="1"/>
  <c r="T69840" i="1"/>
  <c r="T69841" i="1"/>
  <c r="T69842" i="1"/>
  <c r="T69843" i="1"/>
  <c r="T69844" i="1"/>
  <c r="T69845" i="1"/>
  <c r="T69846" i="1"/>
  <c r="T69847" i="1"/>
  <c r="T69848" i="1"/>
  <c r="T69849" i="1"/>
  <c r="T69850" i="1"/>
  <c r="T69851" i="1"/>
  <c r="T69852" i="1"/>
  <c r="T69853" i="1"/>
  <c r="T69854" i="1"/>
  <c r="T69855" i="1"/>
  <c r="T69856" i="1"/>
  <c r="T69857" i="1"/>
  <c r="T69858" i="1"/>
  <c r="T69859" i="1"/>
  <c r="T69860" i="1"/>
  <c r="T69861" i="1"/>
  <c r="T69862" i="1"/>
  <c r="T69863" i="1"/>
  <c r="T69864" i="1"/>
  <c r="T69865" i="1"/>
  <c r="T69866" i="1"/>
  <c r="T69867" i="1"/>
  <c r="T69868" i="1"/>
  <c r="T69869" i="1"/>
  <c r="T69870" i="1"/>
  <c r="T69871" i="1"/>
  <c r="T69872" i="1"/>
  <c r="T69873" i="1"/>
  <c r="T69874" i="1"/>
  <c r="T69875" i="1"/>
  <c r="T69876" i="1"/>
  <c r="T69877" i="1"/>
  <c r="T69878" i="1"/>
  <c r="T69879" i="1"/>
  <c r="T69880" i="1"/>
  <c r="T69881" i="1"/>
  <c r="T69882" i="1"/>
  <c r="T69883" i="1"/>
  <c r="T69884" i="1"/>
  <c r="T69885" i="1"/>
  <c r="T69886" i="1"/>
  <c r="T69887" i="1"/>
  <c r="T69888" i="1"/>
  <c r="T69889" i="1"/>
  <c r="T69890" i="1"/>
  <c r="T69891" i="1"/>
  <c r="T69892" i="1"/>
  <c r="T69893" i="1"/>
  <c r="T69894" i="1"/>
  <c r="T69895" i="1"/>
  <c r="T69896" i="1"/>
  <c r="T69897" i="1"/>
  <c r="T69898" i="1"/>
  <c r="T69899" i="1"/>
  <c r="T69900" i="1"/>
  <c r="T69901" i="1"/>
  <c r="T69902" i="1"/>
  <c r="T69903" i="1"/>
  <c r="T69904" i="1"/>
  <c r="T69905" i="1"/>
  <c r="T69906" i="1"/>
  <c r="T69907" i="1"/>
  <c r="T69908" i="1"/>
  <c r="T69909" i="1"/>
  <c r="T69910" i="1"/>
  <c r="T69911" i="1"/>
  <c r="T69912" i="1"/>
  <c r="T69913" i="1"/>
  <c r="T69914" i="1"/>
  <c r="T69915" i="1"/>
  <c r="T69916" i="1"/>
  <c r="T69917" i="1"/>
  <c r="T69918" i="1"/>
  <c r="T69919" i="1"/>
  <c r="T69920" i="1"/>
  <c r="T69921" i="1"/>
  <c r="T69922" i="1"/>
  <c r="T69923" i="1"/>
  <c r="T69924" i="1"/>
  <c r="T69925" i="1"/>
  <c r="T69926" i="1"/>
  <c r="T69927" i="1"/>
  <c r="T69928" i="1"/>
  <c r="T69929" i="1"/>
  <c r="T69930" i="1"/>
  <c r="T69931" i="1"/>
  <c r="T69932" i="1"/>
  <c r="T69933" i="1"/>
  <c r="T69934" i="1"/>
  <c r="T69935" i="1"/>
  <c r="T69936" i="1"/>
  <c r="T69937" i="1"/>
  <c r="T69938" i="1"/>
  <c r="T69939" i="1"/>
  <c r="T69940" i="1"/>
  <c r="T69941" i="1"/>
  <c r="T69942" i="1"/>
  <c r="T69943" i="1"/>
  <c r="T69944" i="1"/>
  <c r="T69945" i="1"/>
  <c r="T69946" i="1"/>
  <c r="T69947" i="1"/>
  <c r="T69948" i="1"/>
  <c r="T69949" i="1"/>
  <c r="T69950" i="1"/>
  <c r="T69951" i="1"/>
  <c r="T69952" i="1"/>
  <c r="T69953" i="1"/>
  <c r="T69954" i="1"/>
  <c r="T69955" i="1"/>
  <c r="T69956" i="1"/>
  <c r="T69957" i="1"/>
  <c r="T69958" i="1"/>
  <c r="T69959" i="1"/>
  <c r="T69960" i="1"/>
  <c r="T69961" i="1"/>
  <c r="T69962" i="1"/>
  <c r="T69963" i="1"/>
  <c r="T69964" i="1"/>
  <c r="T69965" i="1"/>
  <c r="T69966" i="1"/>
  <c r="T69967" i="1"/>
  <c r="T69968" i="1"/>
  <c r="T69969" i="1"/>
  <c r="T69970" i="1"/>
  <c r="T69971" i="1"/>
  <c r="T69972" i="1"/>
  <c r="T69973" i="1"/>
  <c r="T69974" i="1"/>
  <c r="T69975" i="1"/>
  <c r="T69976" i="1"/>
  <c r="T69977" i="1"/>
  <c r="T69978" i="1"/>
  <c r="T69979" i="1"/>
  <c r="T69980" i="1"/>
  <c r="T69981" i="1"/>
  <c r="T69982" i="1"/>
  <c r="T69983" i="1"/>
  <c r="T69984" i="1"/>
  <c r="T69985" i="1"/>
  <c r="T69986" i="1"/>
  <c r="T69987" i="1"/>
  <c r="T69988" i="1"/>
  <c r="T69989" i="1"/>
  <c r="T69990" i="1"/>
  <c r="T69991" i="1"/>
  <c r="T69992" i="1"/>
  <c r="T69993" i="1"/>
  <c r="T69994" i="1"/>
  <c r="T69995" i="1"/>
  <c r="T69996" i="1"/>
  <c r="T69997" i="1"/>
  <c r="T69998" i="1"/>
  <c r="T69999" i="1"/>
  <c r="T70000" i="1"/>
  <c r="T70001" i="1"/>
  <c r="T70002" i="1"/>
  <c r="T70003" i="1"/>
  <c r="T70004" i="1"/>
  <c r="T70005" i="1"/>
  <c r="T70006" i="1"/>
  <c r="T70007" i="1"/>
  <c r="T70008" i="1"/>
  <c r="T70009" i="1"/>
  <c r="T70010" i="1"/>
  <c r="T70011" i="1"/>
  <c r="T70012" i="1"/>
  <c r="T70013" i="1"/>
  <c r="T70014" i="1"/>
  <c r="T70015" i="1"/>
  <c r="T70016" i="1"/>
  <c r="T70017" i="1"/>
  <c r="T70018" i="1"/>
  <c r="T70019" i="1"/>
  <c r="T70020" i="1"/>
  <c r="T70021" i="1"/>
  <c r="T70022" i="1"/>
  <c r="T70023" i="1"/>
  <c r="T70024" i="1"/>
  <c r="T70025" i="1"/>
  <c r="T70026" i="1"/>
  <c r="T70027" i="1"/>
  <c r="T70028" i="1"/>
  <c r="T70029" i="1"/>
  <c r="T70030" i="1"/>
  <c r="T70031" i="1"/>
  <c r="T70032" i="1"/>
  <c r="T70033" i="1"/>
  <c r="T70034" i="1"/>
  <c r="T70035" i="1"/>
  <c r="T70036" i="1"/>
  <c r="T70037" i="1"/>
  <c r="T70038" i="1"/>
  <c r="T70039" i="1"/>
  <c r="T70040" i="1"/>
  <c r="T70041" i="1"/>
  <c r="T70042" i="1"/>
  <c r="T70043" i="1"/>
  <c r="T70044" i="1"/>
  <c r="T70045" i="1"/>
  <c r="T70046" i="1"/>
  <c r="T70047" i="1"/>
  <c r="T70048" i="1"/>
  <c r="T70049" i="1"/>
  <c r="T70050" i="1"/>
  <c r="T70051" i="1"/>
  <c r="T70052" i="1"/>
  <c r="T70053" i="1"/>
  <c r="T70054" i="1"/>
  <c r="T70055" i="1"/>
  <c r="T70056" i="1"/>
  <c r="T70057" i="1"/>
  <c r="T70058" i="1"/>
  <c r="T70059" i="1"/>
  <c r="T70060" i="1"/>
  <c r="T70061" i="1"/>
  <c r="T70062" i="1"/>
  <c r="T70063" i="1"/>
  <c r="T70064" i="1"/>
  <c r="T70065" i="1"/>
  <c r="T70066" i="1"/>
  <c r="T70067" i="1"/>
  <c r="T70068" i="1"/>
  <c r="T70069" i="1"/>
  <c r="T70070" i="1"/>
  <c r="T70071" i="1"/>
  <c r="T70072" i="1"/>
  <c r="T70073" i="1"/>
  <c r="T70074" i="1"/>
  <c r="T70075" i="1"/>
  <c r="T70076" i="1"/>
  <c r="T70077" i="1"/>
  <c r="T70078" i="1"/>
  <c r="T70079" i="1"/>
  <c r="T70080" i="1"/>
  <c r="T70081" i="1"/>
  <c r="T70082" i="1"/>
  <c r="T70083" i="1"/>
  <c r="T70084" i="1"/>
  <c r="T70085" i="1"/>
  <c r="T70086" i="1"/>
  <c r="T70087" i="1"/>
  <c r="T70088" i="1"/>
  <c r="T70089" i="1"/>
  <c r="T70090" i="1"/>
  <c r="T70091" i="1"/>
  <c r="T70092" i="1"/>
  <c r="T70093" i="1"/>
  <c r="T70094" i="1"/>
  <c r="T70095" i="1"/>
  <c r="T70096" i="1"/>
  <c r="T70097" i="1"/>
  <c r="T70098" i="1"/>
  <c r="T70099" i="1"/>
  <c r="T70100" i="1"/>
  <c r="T70101" i="1"/>
  <c r="T70102" i="1"/>
  <c r="T70103" i="1"/>
  <c r="T70104" i="1"/>
  <c r="T70105" i="1"/>
  <c r="T70106" i="1"/>
  <c r="T70107" i="1"/>
  <c r="T70108" i="1"/>
  <c r="T70109" i="1"/>
  <c r="T70110" i="1"/>
  <c r="T70111" i="1"/>
  <c r="T70112" i="1"/>
  <c r="T70113" i="1"/>
  <c r="T70114" i="1"/>
  <c r="T70115" i="1"/>
  <c r="T70116" i="1"/>
  <c r="T70117" i="1"/>
  <c r="T70118" i="1"/>
  <c r="T70119" i="1"/>
  <c r="T70120" i="1"/>
  <c r="T70121" i="1"/>
  <c r="T70122" i="1"/>
  <c r="T70123" i="1"/>
  <c r="T70124" i="1"/>
  <c r="T70125" i="1"/>
  <c r="T70126" i="1"/>
  <c r="T70127" i="1"/>
  <c r="T70128" i="1"/>
  <c r="T70129" i="1"/>
  <c r="T70130" i="1"/>
  <c r="T70131" i="1"/>
  <c r="T70132" i="1"/>
  <c r="T70133" i="1"/>
  <c r="T70134" i="1"/>
  <c r="T70135" i="1"/>
  <c r="T70136" i="1"/>
  <c r="T70137" i="1"/>
  <c r="T70138" i="1"/>
  <c r="T70139" i="1"/>
  <c r="T70140" i="1"/>
  <c r="T70141" i="1"/>
  <c r="T70142" i="1"/>
  <c r="T70143" i="1"/>
  <c r="T70144" i="1"/>
  <c r="T70145" i="1"/>
  <c r="T70146" i="1"/>
  <c r="T70147" i="1"/>
  <c r="T70148" i="1"/>
  <c r="T70149" i="1"/>
  <c r="T70150" i="1"/>
  <c r="T70151" i="1"/>
  <c r="T70152" i="1"/>
  <c r="T70153" i="1"/>
  <c r="T70154" i="1"/>
  <c r="T70155" i="1"/>
  <c r="T70156" i="1"/>
  <c r="T70157" i="1"/>
  <c r="T70158" i="1"/>
  <c r="T70159" i="1"/>
  <c r="T70160" i="1"/>
  <c r="T70161" i="1"/>
  <c r="T70162" i="1"/>
  <c r="T70163" i="1"/>
  <c r="T70164" i="1"/>
  <c r="T70165" i="1"/>
  <c r="T70166" i="1"/>
  <c r="T70167" i="1"/>
  <c r="T70168" i="1"/>
  <c r="T70169" i="1"/>
  <c r="T70170" i="1"/>
  <c r="T70171" i="1"/>
  <c r="T70172" i="1"/>
  <c r="T70173" i="1"/>
  <c r="T70174" i="1"/>
  <c r="T70175" i="1"/>
  <c r="T70176" i="1"/>
  <c r="T70177" i="1"/>
  <c r="T70178" i="1"/>
  <c r="T70179" i="1"/>
  <c r="T70180" i="1"/>
  <c r="T70181" i="1"/>
  <c r="T70182" i="1"/>
  <c r="T70183" i="1"/>
  <c r="T70184" i="1"/>
  <c r="T70185" i="1"/>
  <c r="T70186" i="1"/>
  <c r="T70187" i="1"/>
  <c r="T70188" i="1"/>
  <c r="T70189" i="1"/>
  <c r="T70190" i="1"/>
  <c r="T70191" i="1"/>
  <c r="T70192" i="1"/>
  <c r="T70193" i="1"/>
  <c r="T70194" i="1"/>
  <c r="T70195" i="1"/>
  <c r="T70196" i="1"/>
  <c r="T70197" i="1"/>
  <c r="T70198" i="1"/>
  <c r="T70199" i="1"/>
  <c r="T70200" i="1"/>
  <c r="T70201" i="1"/>
  <c r="T70202" i="1"/>
  <c r="T70203" i="1"/>
  <c r="T70204" i="1"/>
  <c r="T70205" i="1"/>
  <c r="T70206" i="1"/>
  <c r="T70207" i="1"/>
  <c r="T70208" i="1"/>
  <c r="T70209" i="1"/>
  <c r="T70210" i="1"/>
  <c r="T70211" i="1"/>
  <c r="T70212" i="1"/>
  <c r="T70213" i="1"/>
  <c r="T70214" i="1"/>
  <c r="T70215" i="1"/>
  <c r="T70216" i="1"/>
  <c r="T70217" i="1"/>
  <c r="T70218" i="1"/>
  <c r="T70219" i="1"/>
  <c r="T70220" i="1"/>
  <c r="T70221" i="1"/>
  <c r="T70222" i="1"/>
  <c r="T70223" i="1"/>
  <c r="T70224" i="1"/>
  <c r="T70225" i="1"/>
  <c r="T70226" i="1"/>
  <c r="T70227" i="1"/>
  <c r="T70228" i="1"/>
  <c r="T70229" i="1"/>
  <c r="T70230" i="1"/>
  <c r="T70231" i="1"/>
  <c r="T70232" i="1"/>
  <c r="T70233" i="1"/>
  <c r="T70234" i="1"/>
  <c r="T70235" i="1"/>
  <c r="T70236" i="1"/>
  <c r="T70237" i="1"/>
  <c r="T70238" i="1"/>
  <c r="T70239" i="1"/>
  <c r="T70240" i="1"/>
  <c r="T70241" i="1"/>
  <c r="T70242" i="1"/>
  <c r="T70243" i="1"/>
  <c r="T70244" i="1"/>
  <c r="T70245" i="1"/>
  <c r="T70246" i="1"/>
  <c r="T70247" i="1"/>
  <c r="T70248" i="1"/>
  <c r="T70249" i="1"/>
  <c r="T70250" i="1"/>
  <c r="T70251" i="1"/>
  <c r="T70252" i="1"/>
  <c r="T70253" i="1"/>
  <c r="T70254" i="1"/>
  <c r="T70255" i="1"/>
  <c r="T70256" i="1"/>
  <c r="T70257" i="1"/>
  <c r="T70258" i="1"/>
  <c r="T70259" i="1"/>
  <c r="T70260" i="1"/>
  <c r="T70261" i="1"/>
  <c r="T70262" i="1"/>
  <c r="T70263" i="1"/>
  <c r="T70264" i="1"/>
  <c r="T70265" i="1"/>
  <c r="T70266" i="1"/>
  <c r="T70267" i="1"/>
  <c r="T70268" i="1"/>
  <c r="T70269" i="1"/>
  <c r="T70270" i="1"/>
  <c r="T70271" i="1"/>
  <c r="T70272" i="1"/>
  <c r="T70273" i="1"/>
  <c r="T70274" i="1"/>
  <c r="T70275" i="1"/>
  <c r="T70276" i="1"/>
  <c r="T70277" i="1"/>
  <c r="T70278" i="1"/>
  <c r="T70279" i="1"/>
  <c r="T70280" i="1"/>
  <c r="T70281" i="1"/>
  <c r="T70282" i="1"/>
  <c r="T70283" i="1"/>
  <c r="T70284" i="1"/>
  <c r="T70285" i="1"/>
  <c r="T70286" i="1"/>
  <c r="T70287" i="1"/>
  <c r="T70288" i="1"/>
  <c r="T70289" i="1"/>
  <c r="T70290" i="1"/>
  <c r="T70291" i="1"/>
  <c r="T70292" i="1"/>
  <c r="T70293" i="1"/>
  <c r="T70294" i="1"/>
  <c r="T70295" i="1"/>
  <c r="T70296" i="1"/>
  <c r="T70297" i="1"/>
  <c r="T70298" i="1"/>
  <c r="T70299" i="1"/>
  <c r="T70300" i="1"/>
  <c r="T70301" i="1"/>
  <c r="T70302" i="1"/>
  <c r="T70303" i="1"/>
  <c r="T70304" i="1"/>
  <c r="T70305" i="1"/>
  <c r="T70306" i="1"/>
  <c r="T70307" i="1"/>
  <c r="T70308" i="1"/>
  <c r="T70309" i="1"/>
  <c r="T70310" i="1"/>
  <c r="T70311" i="1"/>
  <c r="T70312" i="1"/>
  <c r="T70313" i="1"/>
  <c r="T70314" i="1"/>
  <c r="T70315" i="1"/>
  <c r="T70316" i="1"/>
  <c r="T70317" i="1"/>
  <c r="T70318" i="1"/>
  <c r="T70319" i="1"/>
  <c r="T70320" i="1"/>
  <c r="T70321" i="1"/>
  <c r="T70322" i="1"/>
  <c r="T70323" i="1"/>
  <c r="T70324" i="1"/>
  <c r="T70325" i="1"/>
  <c r="T70326" i="1"/>
  <c r="T70327" i="1"/>
  <c r="T70328" i="1"/>
  <c r="T70329" i="1"/>
  <c r="T70330" i="1"/>
  <c r="T70331" i="1"/>
  <c r="T70332" i="1"/>
  <c r="T70333" i="1"/>
  <c r="T70334" i="1"/>
  <c r="T70335" i="1"/>
  <c r="T70336" i="1"/>
  <c r="T70337" i="1"/>
  <c r="T70338" i="1"/>
  <c r="T70339" i="1"/>
  <c r="T70340" i="1"/>
  <c r="T70341" i="1"/>
  <c r="T70342" i="1"/>
  <c r="T70343" i="1"/>
  <c r="T70344" i="1"/>
  <c r="T70345" i="1"/>
  <c r="T70346" i="1"/>
  <c r="T70347" i="1"/>
  <c r="T70348" i="1"/>
  <c r="T70349" i="1"/>
  <c r="T70350" i="1"/>
  <c r="T70351" i="1"/>
  <c r="T70352" i="1"/>
  <c r="T70353" i="1"/>
  <c r="T70354" i="1"/>
  <c r="T70355" i="1"/>
  <c r="T70356" i="1"/>
  <c r="T70357" i="1"/>
  <c r="T70358" i="1"/>
  <c r="T70359" i="1"/>
  <c r="T70360" i="1"/>
  <c r="T70361" i="1"/>
  <c r="T70362" i="1"/>
  <c r="T70363" i="1"/>
  <c r="T70364" i="1"/>
  <c r="T70365" i="1"/>
  <c r="T70366" i="1"/>
  <c r="T70367" i="1"/>
  <c r="T70368" i="1"/>
  <c r="T70369" i="1"/>
  <c r="T70370" i="1"/>
  <c r="T70371" i="1"/>
  <c r="T70372" i="1"/>
  <c r="T70373" i="1"/>
  <c r="T70374" i="1"/>
  <c r="T70375" i="1"/>
  <c r="T70376" i="1"/>
  <c r="T70377" i="1"/>
  <c r="T70378" i="1"/>
  <c r="T70379" i="1"/>
  <c r="T70380" i="1"/>
  <c r="T70381" i="1"/>
  <c r="T70382" i="1"/>
  <c r="T70383" i="1"/>
  <c r="T70384" i="1"/>
  <c r="T70385" i="1"/>
  <c r="T70386" i="1"/>
  <c r="T70387" i="1"/>
  <c r="T70388" i="1"/>
  <c r="T70389" i="1"/>
  <c r="T70390" i="1"/>
  <c r="T70391" i="1"/>
  <c r="T70392" i="1"/>
  <c r="T70393" i="1"/>
  <c r="T70394" i="1"/>
  <c r="T70395" i="1"/>
  <c r="T70396" i="1"/>
  <c r="T70397" i="1"/>
  <c r="T70398" i="1"/>
  <c r="T70399" i="1"/>
  <c r="T70400" i="1"/>
  <c r="T70401" i="1"/>
  <c r="T70402" i="1"/>
  <c r="T70403" i="1"/>
  <c r="T70404" i="1"/>
  <c r="T70405" i="1"/>
  <c r="T70406" i="1"/>
  <c r="T70407" i="1"/>
  <c r="T70408" i="1"/>
  <c r="T70409" i="1"/>
  <c r="T70410" i="1"/>
  <c r="T70411" i="1"/>
  <c r="T70412" i="1"/>
  <c r="T70413" i="1"/>
  <c r="T70414" i="1"/>
  <c r="T70415" i="1"/>
  <c r="T70416" i="1"/>
  <c r="T70417" i="1"/>
  <c r="T70418" i="1"/>
  <c r="T70419" i="1"/>
  <c r="T70420" i="1"/>
  <c r="T70421" i="1"/>
  <c r="T70422" i="1"/>
  <c r="T70423" i="1"/>
  <c r="T70424" i="1"/>
  <c r="T70425" i="1"/>
  <c r="T70426" i="1"/>
  <c r="T70427" i="1"/>
  <c r="T70428" i="1"/>
  <c r="T70429" i="1"/>
  <c r="T70430" i="1"/>
  <c r="T70431" i="1"/>
  <c r="T70432" i="1"/>
  <c r="T70433" i="1"/>
  <c r="T70434" i="1"/>
  <c r="T70435" i="1"/>
  <c r="T70436" i="1"/>
  <c r="T70437" i="1"/>
  <c r="T70438" i="1"/>
  <c r="T70439" i="1"/>
  <c r="T70440" i="1"/>
  <c r="T70441" i="1"/>
  <c r="T70442" i="1"/>
  <c r="T70443" i="1"/>
  <c r="T70444" i="1"/>
  <c r="T70445" i="1"/>
  <c r="T70446" i="1"/>
  <c r="T70447" i="1"/>
  <c r="T70448" i="1"/>
  <c r="T70449" i="1"/>
  <c r="T70450" i="1"/>
  <c r="T70451" i="1"/>
  <c r="T70452" i="1"/>
  <c r="T70453" i="1"/>
  <c r="T70454" i="1"/>
  <c r="T70455" i="1"/>
  <c r="T70456" i="1"/>
  <c r="T70457" i="1"/>
  <c r="T70458" i="1"/>
  <c r="T70459" i="1"/>
  <c r="T70460" i="1"/>
  <c r="T70461" i="1"/>
  <c r="T70462" i="1"/>
  <c r="T70463" i="1"/>
  <c r="T70464" i="1"/>
  <c r="T70465" i="1"/>
  <c r="T70466" i="1"/>
  <c r="T70467" i="1"/>
  <c r="T70468" i="1"/>
  <c r="T70469" i="1"/>
  <c r="T70470" i="1"/>
  <c r="T70471" i="1"/>
  <c r="T70472" i="1"/>
  <c r="T70473" i="1"/>
  <c r="T70474" i="1"/>
  <c r="T70475" i="1"/>
  <c r="T70476" i="1"/>
  <c r="T70477" i="1"/>
  <c r="T70478" i="1"/>
  <c r="T70479" i="1"/>
  <c r="T70480" i="1"/>
  <c r="T70481" i="1"/>
  <c r="T70482" i="1"/>
  <c r="T70483" i="1"/>
  <c r="T70484" i="1"/>
  <c r="T70485" i="1"/>
  <c r="T70486" i="1"/>
  <c r="T70487" i="1"/>
  <c r="T70488" i="1"/>
  <c r="T70489" i="1"/>
  <c r="T70490" i="1"/>
  <c r="T70491" i="1"/>
  <c r="T70492" i="1"/>
  <c r="T70493" i="1"/>
  <c r="T70494" i="1"/>
  <c r="T70495" i="1"/>
  <c r="T70496" i="1"/>
  <c r="T70497" i="1"/>
  <c r="T70498" i="1"/>
  <c r="T70499" i="1"/>
  <c r="T70500" i="1"/>
  <c r="T70501" i="1"/>
  <c r="T70502" i="1"/>
  <c r="T70503" i="1"/>
  <c r="T70504" i="1"/>
  <c r="T70505" i="1"/>
  <c r="T70506" i="1"/>
  <c r="T70507" i="1"/>
  <c r="T70508" i="1"/>
  <c r="T70509" i="1"/>
  <c r="T70510" i="1"/>
  <c r="T70511" i="1"/>
  <c r="T70512" i="1"/>
  <c r="T70513" i="1"/>
  <c r="T70514" i="1"/>
  <c r="T70515" i="1"/>
  <c r="T70516" i="1"/>
  <c r="T70517" i="1"/>
  <c r="T70518" i="1"/>
  <c r="T70519" i="1"/>
  <c r="T70520" i="1"/>
  <c r="T70521" i="1"/>
  <c r="T70522" i="1"/>
  <c r="T70523" i="1"/>
  <c r="T70524" i="1"/>
  <c r="T70525" i="1"/>
  <c r="T70526" i="1"/>
  <c r="T70527" i="1"/>
  <c r="T70528" i="1"/>
  <c r="T70529" i="1"/>
  <c r="T70530" i="1"/>
  <c r="T70531" i="1"/>
  <c r="T70532" i="1"/>
  <c r="T70533" i="1"/>
  <c r="T70534" i="1"/>
  <c r="T70535" i="1"/>
  <c r="T70536" i="1"/>
  <c r="T70537" i="1"/>
  <c r="T70538" i="1"/>
  <c r="T70539" i="1"/>
  <c r="T70540" i="1"/>
  <c r="T70541" i="1"/>
  <c r="T70542" i="1"/>
  <c r="T70543" i="1"/>
  <c r="T70544" i="1"/>
  <c r="T70545" i="1"/>
  <c r="T70546" i="1"/>
  <c r="T70547" i="1"/>
  <c r="T70548" i="1"/>
  <c r="T70549" i="1"/>
  <c r="T70550" i="1"/>
  <c r="T70551" i="1"/>
  <c r="T70552" i="1"/>
  <c r="T70553" i="1"/>
  <c r="T70554" i="1"/>
  <c r="T70555" i="1"/>
  <c r="T70556" i="1"/>
  <c r="T70557" i="1"/>
  <c r="T70558" i="1"/>
  <c r="T70559" i="1"/>
  <c r="T70560" i="1"/>
  <c r="T70561" i="1"/>
  <c r="T70562" i="1"/>
  <c r="T70563" i="1"/>
  <c r="T70564" i="1"/>
  <c r="T70565" i="1"/>
  <c r="T70566" i="1"/>
  <c r="T70567" i="1"/>
  <c r="T70568" i="1"/>
  <c r="T70569" i="1"/>
  <c r="T70570" i="1"/>
  <c r="T70571" i="1"/>
  <c r="T70572" i="1"/>
  <c r="T70573" i="1"/>
  <c r="T70574" i="1"/>
  <c r="T70575" i="1"/>
  <c r="T70576" i="1"/>
  <c r="T70577" i="1"/>
  <c r="T70578" i="1"/>
  <c r="T70579" i="1"/>
  <c r="T70580" i="1"/>
  <c r="T70581" i="1"/>
  <c r="T70582" i="1"/>
  <c r="T70583" i="1"/>
  <c r="T70584" i="1"/>
  <c r="T70585" i="1"/>
  <c r="T70586" i="1"/>
  <c r="T70587" i="1"/>
  <c r="T70588" i="1"/>
  <c r="T70589" i="1"/>
  <c r="T70590" i="1"/>
  <c r="T70591" i="1"/>
  <c r="T70592" i="1"/>
  <c r="T70593" i="1"/>
  <c r="T70594" i="1"/>
  <c r="T70595" i="1"/>
  <c r="T70596" i="1"/>
  <c r="T70597" i="1"/>
  <c r="T70598" i="1"/>
  <c r="T70599" i="1"/>
  <c r="T70600" i="1"/>
  <c r="T70601" i="1"/>
  <c r="T70602" i="1"/>
  <c r="T70603" i="1"/>
  <c r="T70604" i="1"/>
  <c r="T70605" i="1"/>
  <c r="T70606" i="1"/>
  <c r="T70607" i="1"/>
  <c r="T70608" i="1"/>
  <c r="T70609" i="1"/>
  <c r="T70610" i="1"/>
  <c r="T70611" i="1"/>
  <c r="T70612" i="1"/>
  <c r="T70613" i="1"/>
  <c r="T70614" i="1"/>
  <c r="T70615" i="1"/>
  <c r="T70616" i="1"/>
  <c r="T70617" i="1"/>
  <c r="T70618" i="1"/>
  <c r="T70619" i="1"/>
  <c r="T70620" i="1"/>
  <c r="T70621" i="1"/>
  <c r="T70622" i="1"/>
  <c r="T70623" i="1"/>
  <c r="T70624" i="1"/>
  <c r="T70625" i="1"/>
  <c r="T70626" i="1"/>
  <c r="T70627" i="1"/>
  <c r="T70628" i="1"/>
  <c r="T70629" i="1"/>
  <c r="T70630" i="1"/>
  <c r="T70631" i="1"/>
  <c r="T70632" i="1"/>
  <c r="T70633" i="1"/>
  <c r="T70634" i="1"/>
  <c r="T70635" i="1"/>
  <c r="T70636" i="1"/>
  <c r="T70637" i="1"/>
  <c r="T70638" i="1"/>
  <c r="T70639" i="1"/>
  <c r="T70640" i="1"/>
  <c r="T70641" i="1"/>
  <c r="T70642" i="1"/>
  <c r="T70643" i="1"/>
  <c r="T70644" i="1"/>
  <c r="T70645" i="1"/>
  <c r="T70646" i="1"/>
  <c r="T70647" i="1"/>
  <c r="T70648" i="1"/>
  <c r="T70649" i="1"/>
  <c r="T70650" i="1"/>
  <c r="T70651" i="1"/>
  <c r="T70652" i="1"/>
  <c r="T70653" i="1"/>
  <c r="T70654" i="1"/>
  <c r="T70655" i="1"/>
  <c r="T70656" i="1"/>
  <c r="T70657" i="1"/>
  <c r="T70658" i="1"/>
  <c r="T70659" i="1"/>
  <c r="T70660" i="1"/>
  <c r="T70661" i="1"/>
  <c r="T70662" i="1"/>
  <c r="T70663" i="1"/>
  <c r="T70664" i="1"/>
  <c r="T70665" i="1"/>
  <c r="T70666" i="1"/>
  <c r="T70667" i="1"/>
  <c r="T70668" i="1"/>
  <c r="T70669" i="1"/>
  <c r="T70670" i="1"/>
  <c r="T70671" i="1"/>
  <c r="T70672" i="1"/>
  <c r="T70673" i="1"/>
  <c r="T70674" i="1"/>
  <c r="T70675" i="1"/>
  <c r="T70676" i="1"/>
  <c r="T70677" i="1"/>
  <c r="T70678" i="1"/>
  <c r="T70679" i="1"/>
  <c r="T70680" i="1"/>
  <c r="T70681" i="1"/>
  <c r="T70682" i="1"/>
  <c r="T70683" i="1"/>
  <c r="T70684" i="1"/>
  <c r="T70685" i="1"/>
  <c r="T70686" i="1"/>
  <c r="T70687" i="1"/>
  <c r="T70688" i="1"/>
  <c r="T70689" i="1"/>
  <c r="T70690" i="1"/>
  <c r="T70691" i="1"/>
  <c r="T70692" i="1"/>
  <c r="T70693" i="1"/>
  <c r="T70694" i="1"/>
  <c r="T70695" i="1"/>
  <c r="T70696" i="1"/>
  <c r="T70697" i="1"/>
  <c r="T70698" i="1"/>
  <c r="T70699" i="1"/>
  <c r="T70700" i="1"/>
  <c r="T70701" i="1"/>
  <c r="T70702" i="1"/>
  <c r="T70703" i="1"/>
  <c r="T70704" i="1"/>
  <c r="T70705" i="1"/>
  <c r="T70706" i="1"/>
  <c r="T70707" i="1"/>
  <c r="T70708" i="1"/>
  <c r="T70709" i="1"/>
  <c r="T70710" i="1"/>
  <c r="T70711" i="1"/>
  <c r="T70712" i="1"/>
  <c r="T70713" i="1"/>
  <c r="T70714" i="1"/>
  <c r="T70715" i="1"/>
  <c r="T70716" i="1"/>
  <c r="T70717" i="1"/>
  <c r="T70718" i="1"/>
  <c r="T70719" i="1"/>
  <c r="T70720" i="1"/>
  <c r="T70721" i="1"/>
  <c r="T70722" i="1"/>
  <c r="T70723" i="1"/>
  <c r="T70724" i="1"/>
  <c r="T70725" i="1"/>
  <c r="T70726" i="1"/>
  <c r="T70727" i="1"/>
  <c r="T70728" i="1"/>
  <c r="T70729" i="1"/>
  <c r="T70730" i="1"/>
  <c r="T70731" i="1"/>
  <c r="T70732" i="1"/>
  <c r="T70733" i="1"/>
  <c r="T70734" i="1"/>
  <c r="T70735" i="1"/>
  <c r="T70736" i="1"/>
  <c r="T70737" i="1"/>
  <c r="T70738" i="1"/>
  <c r="T70739" i="1"/>
  <c r="T70740" i="1"/>
  <c r="T70741" i="1"/>
  <c r="T70742" i="1"/>
  <c r="T70743" i="1"/>
  <c r="T70744" i="1"/>
  <c r="T70745" i="1"/>
  <c r="T70746" i="1"/>
  <c r="T70747" i="1"/>
  <c r="T70748" i="1"/>
  <c r="T70749" i="1"/>
  <c r="T70750" i="1"/>
  <c r="T70751" i="1"/>
  <c r="T70752" i="1"/>
  <c r="T70753" i="1"/>
  <c r="T70754" i="1"/>
  <c r="T70755" i="1"/>
  <c r="T70756" i="1"/>
  <c r="T70757" i="1"/>
  <c r="T70758" i="1"/>
  <c r="T70759" i="1"/>
  <c r="T70760" i="1"/>
  <c r="T70761" i="1"/>
  <c r="T70762" i="1"/>
  <c r="T70763" i="1"/>
  <c r="T70764" i="1"/>
  <c r="T70765" i="1"/>
  <c r="T70766" i="1"/>
  <c r="T70767" i="1"/>
  <c r="T70768" i="1"/>
  <c r="T70769" i="1"/>
  <c r="T70770" i="1"/>
  <c r="T70771" i="1"/>
  <c r="T70772" i="1"/>
  <c r="T70773" i="1"/>
  <c r="T70774" i="1"/>
  <c r="T70775" i="1"/>
  <c r="T70776" i="1"/>
  <c r="T70777" i="1"/>
  <c r="T70778" i="1"/>
  <c r="T70779" i="1"/>
  <c r="T70780" i="1"/>
  <c r="T70781" i="1"/>
  <c r="T70782" i="1"/>
  <c r="T70783" i="1"/>
  <c r="T70784" i="1"/>
  <c r="T70785" i="1"/>
  <c r="T70786" i="1"/>
  <c r="T70787" i="1"/>
  <c r="T70788" i="1"/>
  <c r="T70789" i="1"/>
  <c r="T70790" i="1"/>
  <c r="T70791" i="1"/>
  <c r="T70792" i="1"/>
  <c r="T70793" i="1"/>
  <c r="T70794" i="1"/>
  <c r="T70795" i="1"/>
  <c r="T70796" i="1"/>
  <c r="T70797" i="1"/>
  <c r="T70798" i="1"/>
  <c r="T70799" i="1"/>
  <c r="T70800" i="1"/>
  <c r="T70801" i="1"/>
  <c r="T70802" i="1"/>
  <c r="T70803" i="1"/>
  <c r="T70804" i="1"/>
  <c r="T70805" i="1"/>
  <c r="T70806" i="1"/>
  <c r="T70807" i="1"/>
  <c r="T70808" i="1"/>
  <c r="T70809" i="1"/>
  <c r="T70810" i="1"/>
  <c r="T70811" i="1"/>
  <c r="T70812" i="1"/>
  <c r="T70813" i="1"/>
  <c r="T70814" i="1"/>
  <c r="T70815" i="1"/>
  <c r="T70816" i="1"/>
  <c r="T70817" i="1"/>
  <c r="T70818" i="1"/>
  <c r="T70819" i="1"/>
  <c r="T70820" i="1"/>
  <c r="T70821" i="1"/>
  <c r="T70822" i="1"/>
  <c r="T70823" i="1"/>
  <c r="T70824" i="1"/>
  <c r="T70825" i="1"/>
  <c r="T70826" i="1"/>
  <c r="T70827" i="1"/>
  <c r="T70828" i="1"/>
  <c r="T70829" i="1"/>
  <c r="T70830" i="1"/>
  <c r="T70831" i="1"/>
  <c r="T70832" i="1"/>
  <c r="T70833" i="1"/>
  <c r="T70834" i="1"/>
  <c r="T70835" i="1"/>
  <c r="T70836" i="1"/>
  <c r="T70837" i="1"/>
  <c r="T70838" i="1"/>
  <c r="T70839" i="1"/>
  <c r="T70840" i="1"/>
  <c r="T70841" i="1"/>
  <c r="T70842" i="1"/>
  <c r="T70843" i="1"/>
  <c r="T70844" i="1"/>
  <c r="T70845" i="1"/>
  <c r="T70846" i="1"/>
  <c r="T70847" i="1"/>
  <c r="T70848" i="1"/>
  <c r="T70849" i="1"/>
  <c r="T70850" i="1"/>
  <c r="T70851" i="1"/>
  <c r="T70852" i="1"/>
  <c r="T70853" i="1"/>
  <c r="T70854" i="1"/>
  <c r="T70855" i="1"/>
  <c r="T70856" i="1"/>
  <c r="T70857" i="1"/>
  <c r="T70858" i="1"/>
  <c r="T70859" i="1"/>
  <c r="T70860" i="1"/>
  <c r="T70861" i="1"/>
  <c r="T70862" i="1"/>
  <c r="T70863" i="1"/>
  <c r="T70864" i="1"/>
  <c r="T70865" i="1"/>
  <c r="T70866" i="1"/>
  <c r="T70867" i="1"/>
  <c r="T70868" i="1"/>
  <c r="T70869" i="1"/>
  <c r="T70870" i="1"/>
  <c r="T70871" i="1"/>
  <c r="T70872" i="1"/>
  <c r="T70873" i="1"/>
  <c r="T70874" i="1"/>
  <c r="T70875" i="1"/>
  <c r="T70876" i="1"/>
  <c r="T70877" i="1"/>
  <c r="T70878" i="1"/>
  <c r="T70879" i="1"/>
  <c r="T70880" i="1"/>
  <c r="T70881" i="1"/>
  <c r="T70882" i="1"/>
  <c r="T70883" i="1"/>
  <c r="T70884" i="1"/>
  <c r="T70885" i="1"/>
  <c r="T70886" i="1"/>
  <c r="T70887" i="1"/>
  <c r="T70888" i="1"/>
  <c r="T70889" i="1"/>
  <c r="T70890" i="1"/>
  <c r="T70891" i="1"/>
  <c r="T70892" i="1"/>
  <c r="T70893" i="1"/>
  <c r="T70894" i="1"/>
  <c r="T70895" i="1"/>
  <c r="T70896" i="1"/>
  <c r="T70897" i="1"/>
  <c r="T70898" i="1"/>
  <c r="T70899" i="1"/>
  <c r="T70900" i="1"/>
  <c r="T70901" i="1"/>
  <c r="T70902" i="1"/>
  <c r="T70903" i="1"/>
  <c r="T70904" i="1"/>
  <c r="T70905" i="1"/>
  <c r="T70906" i="1"/>
  <c r="T70907" i="1"/>
  <c r="T70908" i="1"/>
  <c r="T70909" i="1"/>
  <c r="T70910" i="1"/>
  <c r="T70911" i="1"/>
  <c r="T70912" i="1"/>
  <c r="T70913" i="1"/>
  <c r="T70914" i="1"/>
  <c r="T70915" i="1"/>
  <c r="T70916" i="1"/>
  <c r="T70917" i="1"/>
  <c r="T70918" i="1"/>
  <c r="T70919" i="1"/>
  <c r="T70920" i="1"/>
  <c r="T70921" i="1"/>
  <c r="T70922" i="1"/>
  <c r="T70923" i="1"/>
  <c r="T70924" i="1"/>
  <c r="T70925" i="1"/>
  <c r="T70926" i="1"/>
  <c r="T70927" i="1"/>
  <c r="T70928" i="1"/>
  <c r="T70929" i="1"/>
  <c r="T70930" i="1"/>
  <c r="T70931" i="1"/>
  <c r="T70932" i="1"/>
  <c r="T70933" i="1"/>
  <c r="T70934" i="1"/>
  <c r="T70935" i="1"/>
  <c r="T70936" i="1"/>
  <c r="T70937" i="1"/>
  <c r="T70938" i="1"/>
  <c r="T70939" i="1"/>
  <c r="T70940" i="1"/>
  <c r="T70941" i="1"/>
  <c r="T70942" i="1"/>
  <c r="T70943" i="1"/>
  <c r="T70944" i="1"/>
  <c r="T70945" i="1"/>
  <c r="T70946" i="1"/>
  <c r="T70947" i="1"/>
  <c r="T70948" i="1"/>
  <c r="T70949" i="1"/>
  <c r="T70950" i="1"/>
  <c r="T70951" i="1"/>
  <c r="T70952" i="1"/>
  <c r="T70953" i="1"/>
  <c r="T70954" i="1"/>
  <c r="T70955" i="1"/>
  <c r="T70956" i="1"/>
  <c r="T70957" i="1"/>
  <c r="T70958" i="1"/>
  <c r="T70959" i="1"/>
  <c r="T70960" i="1"/>
  <c r="T70961" i="1"/>
  <c r="T70962" i="1"/>
  <c r="T70963" i="1"/>
  <c r="T70964" i="1"/>
  <c r="T70965" i="1"/>
  <c r="T70966" i="1"/>
  <c r="T70967" i="1"/>
  <c r="T70968" i="1"/>
  <c r="T70969" i="1"/>
  <c r="T70970" i="1"/>
  <c r="T70971" i="1"/>
  <c r="T70972" i="1"/>
  <c r="T70973" i="1"/>
  <c r="T70974" i="1"/>
  <c r="T70975" i="1"/>
  <c r="T70976" i="1"/>
  <c r="T70977" i="1"/>
  <c r="T70978" i="1"/>
  <c r="T70979" i="1"/>
  <c r="T70980" i="1"/>
  <c r="T70981" i="1"/>
  <c r="T70982" i="1"/>
  <c r="T70983" i="1"/>
  <c r="T70984" i="1"/>
  <c r="T70985" i="1"/>
  <c r="T70986" i="1"/>
  <c r="T70987" i="1"/>
  <c r="T70988" i="1"/>
  <c r="T70989" i="1"/>
  <c r="T70990" i="1"/>
  <c r="T70991" i="1"/>
  <c r="T70992" i="1"/>
  <c r="T70993" i="1"/>
  <c r="T70994" i="1"/>
  <c r="T70995" i="1"/>
  <c r="T70996" i="1"/>
  <c r="T70997" i="1"/>
  <c r="T70998" i="1"/>
  <c r="T70999" i="1"/>
  <c r="T71000" i="1"/>
  <c r="T71001" i="1"/>
  <c r="T71002" i="1"/>
  <c r="T71003" i="1"/>
  <c r="T71004" i="1"/>
  <c r="T71005" i="1"/>
  <c r="T71006" i="1"/>
  <c r="T71007" i="1"/>
  <c r="T71008" i="1"/>
  <c r="T71009" i="1"/>
  <c r="T71010" i="1"/>
  <c r="T71011" i="1"/>
  <c r="T71012" i="1"/>
  <c r="T71013" i="1"/>
  <c r="T71014" i="1"/>
  <c r="T71015" i="1"/>
  <c r="T71016" i="1"/>
  <c r="T71017" i="1"/>
  <c r="T71018" i="1"/>
  <c r="T71019" i="1"/>
  <c r="T71020" i="1"/>
  <c r="T71021" i="1"/>
  <c r="T71022" i="1"/>
  <c r="T71023" i="1"/>
  <c r="T71024" i="1"/>
  <c r="T71025" i="1"/>
  <c r="T71026" i="1"/>
  <c r="T71027" i="1"/>
  <c r="T71028" i="1"/>
  <c r="T71029" i="1"/>
  <c r="T71030" i="1"/>
  <c r="T71031" i="1"/>
  <c r="T71032" i="1"/>
  <c r="T71033" i="1"/>
  <c r="T71034" i="1"/>
  <c r="T71035" i="1"/>
  <c r="T71036" i="1"/>
  <c r="T71037" i="1"/>
  <c r="T71038" i="1"/>
  <c r="T71039" i="1"/>
  <c r="T71040" i="1"/>
  <c r="T71041" i="1"/>
  <c r="T71042" i="1"/>
  <c r="T71043" i="1"/>
  <c r="T71044" i="1"/>
  <c r="T71045" i="1"/>
  <c r="T71046" i="1"/>
  <c r="T71047" i="1"/>
  <c r="T71048" i="1"/>
  <c r="T71049" i="1"/>
  <c r="T71050" i="1"/>
  <c r="T71051" i="1"/>
  <c r="T71052" i="1"/>
  <c r="T71053" i="1"/>
  <c r="T71054" i="1"/>
  <c r="T71055" i="1"/>
  <c r="T71056" i="1"/>
  <c r="T71057" i="1"/>
  <c r="T71058" i="1"/>
  <c r="T71059" i="1"/>
  <c r="T71060" i="1"/>
  <c r="T71061" i="1"/>
  <c r="T71062" i="1"/>
  <c r="T71063" i="1"/>
  <c r="T71064" i="1"/>
  <c r="T71065" i="1"/>
  <c r="T71066" i="1"/>
  <c r="T71067" i="1"/>
  <c r="T71068" i="1"/>
  <c r="T71069" i="1"/>
  <c r="T71070" i="1"/>
  <c r="T71071" i="1"/>
  <c r="T71072" i="1"/>
  <c r="T71073" i="1"/>
  <c r="T71074" i="1"/>
  <c r="T71075" i="1"/>
  <c r="T71076" i="1"/>
  <c r="T71077" i="1"/>
  <c r="T71078" i="1"/>
  <c r="T71079" i="1"/>
  <c r="T71080" i="1"/>
  <c r="T71081" i="1"/>
  <c r="T71082" i="1"/>
  <c r="T71083" i="1"/>
  <c r="T71084" i="1"/>
  <c r="T71085" i="1"/>
  <c r="T71086" i="1"/>
  <c r="T71087" i="1"/>
  <c r="T71088" i="1"/>
  <c r="T71089" i="1"/>
  <c r="T71090" i="1"/>
  <c r="T71091" i="1"/>
  <c r="T71092" i="1"/>
  <c r="T71093" i="1"/>
  <c r="T71094" i="1"/>
  <c r="T71095" i="1"/>
  <c r="T71096" i="1"/>
  <c r="T71097" i="1"/>
  <c r="T71098" i="1"/>
  <c r="T71099" i="1"/>
  <c r="T71100" i="1"/>
  <c r="T71101" i="1"/>
  <c r="T71102" i="1"/>
  <c r="T71103" i="1"/>
  <c r="T71104" i="1"/>
  <c r="T71105" i="1"/>
  <c r="T71106" i="1"/>
  <c r="T71107" i="1"/>
  <c r="T71108" i="1"/>
  <c r="T71109" i="1"/>
  <c r="T71110" i="1"/>
  <c r="T71111" i="1"/>
  <c r="T71112" i="1"/>
  <c r="T71113" i="1"/>
  <c r="T71114" i="1"/>
  <c r="T71115" i="1"/>
  <c r="T71116" i="1"/>
  <c r="T71117" i="1"/>
  <c r="T71118" i="1"/>
  <c r="T71119" i="1"/>
  <c r="T71120" i="1"/>
  <c r="T71121" i="1"/>
  <c r="T71122" i="1"/>
  <c r="T71123" i="1"/>
  <c r="T71124" i="1"/>
  <c r="T71125" i="1"/>
  <c r="T71126" i="1"/>
  <c r="T71127" i="1"/>
  <c r="T71128" i="1"/>
  <c r="T71129" i="1"/>
  <c r="T71130" i="1"/>
  <c r="T71131" i="1"/>
  <c r="T71132" i="1"/>
  <c r="T71133" i="1"/>
  <c r="T71134" i="1"/>
  <c r="T71135" i="1"/>
  <c r="T71136" i="1"/>
  <c r="T71137" i="1"/>
  <c r="T71138" i="1"/>
  <c r="T71139" i="1"/>
  <c r="T71140" i="1"/>
  <c r="T71141" i="1"/>
  <c r="T71142" i="1"/>
  <c r="T71143" i="1"/>
  <c r="T71144" i="1"/>
  <c r="T71145" i="1"/>
  <c r="T71146" i="1"/>
  <c r="T71147" i="1"/>
  <c r="T71148" i="1"/>
  <c r="T71149" i="1"/>
  <c r="T71150" i="1"/>
  <c r="T71151" i="1"/>
  <c r="T71152" i="1"/>
  <c r="T71153" i="1"/>
  <c r="T71154" i="1"/>
  <c r="T71155" i="1"/>
  <c r="T71156" i="1"/>
  <c r="T71157" i="1"/>
  <c r="T71158" i="1"/>
  <c r="T71159" i="1"/>
  <c r="T71160" i="1"/>
  <c r="T71161" i="1"/>
  <c r="T71162" i="1"/>
  <c r="T71163" i="1"/>
  <c r="T71164" i="1"/>
  <c r="T71165" i="1"/>
  <c r="T71166" i="1"/>
  <c r="T71167" i="1"/>
  <c r="T71168" i="1"/>
  <c r="T71169" i="1"/>
  <c r="T71170" i="1"/>
  <c r="T71171" i="1"/>
  <c r="T71172" i="1"/>
  <c r="T71173" i="1"/>
  <c r="T71174" i="1"/>
  <c r="T71175" i="1"/>
  <c r="T71176" i="1"/>
  <c r="T71177" i="1"/>
  <c r="T71178" i="1"/>
  <c r="T71179" i="1"/>
  <c r="T71180" i="1"/>
  <c r="T71181" i="1"/>
  <c r="T71182" i="1"/>
  <c r="T71183" i="1"/>
  <c r="T71184" i="1"/>
  <c r="T71185" i="1"/>
  <c r="T71186" i="1"/>
  <c r="T71187" i="1"/>
  <c r="T71188" i="1"/>
  <c r="T71189" i="1"/>
  <c r="T71190" i="1"/>
  <c r="T71191" i="1"/>
  <c r="T71192" i="1"/>
  <c r="T71193" i="1"/>
  <c r="T71194" i="1"/>
  <c r="T71195" i="1"/>
  <c r="T71196" i="1"/>
  <c r="T71197" i="1"/>
  <c r="T71198" i="1"/>
  <c r="T71199" i="1"/>
  <c r="T71200" i="1"/>
  <c r="T71201" i="1"/>
  <c r="T71202" i="1"/>
  <c r="T71203" i="1"/>
  <c r="T71204" i="1"/>
  <c r="T71205" i="1"/>
  <c r="T71206" i="1"/>
  <c r="T71207" i="1"/>
  <c r="T71208" i="1"/>
  <c r="T71209" i="1"/>
  <c r="T71210" i="1"/>
  <c r="T71211" i="1"/>
  <c r="T71212" i="1"/>
  <c r="T71213" i="1"/>
  <c r="T71214" i="1"/>
  <c r="T71215" i="1"/>
  <c r="T71216" i="1"/>
  <c r="T71217" i="1"/>
  <c r="T71218" i="1"/>
  <c r="T71219" i="1"/>
  <c r="T71220" i="1"/>
  <c r="T71221" i="1"/>
  <c r="T71222" i="1"/>
  <c r="T71223" i="1"/>
  <c r="T71224" i="1"/>
  <c r="T71225" i="1"/>
  <c r="T71226" i="1"/>
  <c r="T71227" i="1"/>
  <c r="T71228" i="1"/>
  <c r="T71229" i="1"/>
  <c r="T71230" i="1"/>
  <c r="T71231" i="1"/>
  <c r="T71232" i="1"/>
  <c r="T71233" i="1"/>
  <c r="T71234" i="1"/>
  <c r="T71235" i="1"/>
  <c r="T71236" i="1"/>
  <c r="T71237" i="1"/>
  <c r="T71238" i="1"/>
  <c r="T71239" i="1"/>
  <c r="T71240" i="1"/>
  <c r="T71241" i="1"/>
  <c r="T71242" i="1"/>
  <c r="T71243" i="1"/>
  <c r="T71244" i="1"/>
  <c r="T71245" i="1"/>
  <c r="T71246" i="1"/>
  <c r="T71247" i="1"/>
  <c r="T71248" i="1"/>
  <c r="T71249" i="1"/>
  <c r="T71250" i="1"/>
  <c r="T71251" i="1"/>
  <c r="T71252" i="1"/>
  <c r="T71253" i="1"/>
  <c r="T71254" i="1"/>
  <c r="T71255" i="1"/>
  <c r="T71256" i="1"/>
  <c r="T71257" i="1"/>
  <c r="T71258" i="1"/>
  <c r="T71259" i="1"/>
  <c r="T71260" i="1"/>
  <c r="T71261" i="1"/>
  <c r="T71262" i="1"/>
  <c r="T71263" i="1"/>
  <c r="T71264" i="1"/>
  <c r="T71265" i="1"/>
  <c r="T71266" i="1"/>
  <c r="T71267" i="1"/>
  <c r="T71268" i="1"/>
  <c r="T71269" i="1"/>
  <c r="T71270" i="1"/>
  <c r="T71271" i="1"/>
  <c r="T71272" i="1"/>
  <c r="T71273" i="1"/>
  <c r="T71274" i="1"/>
  <c r="T71275" i="1"/>
  <c r="T71276" i="1"/>
  <c r="T71277" i="1"/>
  <c r="T71278" i="1"/>
  <c r="T71279" i="1"/>
  <c r="T71280" i="1"/>
  <c r="T71281" i="1"/>
  <c r="T71282" i="1"/>
  <c r="T71283" i="1"/>
  <c r="T71284" i="1"/>
  <c r="T71285" i="1"/>
  <c r="T71286" i="1"/>
  <c r="T71287" i="1"/>
  <c r="T71288" i="1"/>
  <c r="T71289" i="1"/>
  <c r="T71290" i="1"/>
  <c r="T71291" i="1"/>
  <c r="T71292" i="1"/>
  <c r="T71293" i="1"/>
  <c r="T71294" i="1"/>
  <c r="T71295" i="1"/>
  <c r="T71296" i="1"/>
  <c r="T71297" i="1"/>
  <c r="T71298" i="1"/>
  <c r="T71299" i="1"/>
  <c r="T71300" i="1"/>
  <c r="T71301" i="1"/>
  <c r="T71302" i="1"/>
  <c r="T71303" i="1"/>
  <c r="T71304" i="1"/>
  <c r="T71305" i="1"/>
  <c r="T71306" i="1"/>
  <c r="T71307" i="1"/>
  <c r="T71308" i="1"/>
  <c r="T71309" i="1"/>
  <c r="T71310" i="1"/>
  <c r="T71311" i="1"/>
  <c r="T71312" i="1"/>
  <c r="T71313" i="1"/>
  <c r="T71314" i="1"/>
  <c r="T71315" i="1"/>
  <c r="T71316" i="1"/>
  <c r="T71317" i="1"/>
  <c r="T71318" i="1"/>
  <c r="T71319" i="1"/>
  <c r="T71320" i="1"/>
  <c r="T71321" i="1"/>
  <c r="T71322" i="1"/>
  <c r="T71323" i="1"/>
  <c r="T71324" i="1"/>
  <c r="T71325" i="1"/>
  <c r="T71326" i="1"/>
  <c r="T71327" i="1"/>
  <c r="T71328" i="1"/>
  <c r="T71329" i="1"/>
  <c r="T71330" i="1"/>
  <c r="T71331" i="1"/>
  <c r="T71332" i="1"/>
  <c r="T71333" i="1"/>
  <c r="T71334" i="1"/>
  <c r="T71335" i="1"/>
  <c r="T71336" i="1"/>
  <c r="T71337" i="1"/>
  <c r="T71338" i="1"/>
  <c r="T71339" i="1"/>
  <c r="T71340" i="1"/>
  <c r="T71341" i="1"/>
  <c r="T71342" i="1"/>
  <c r="T71343" i="1"/>
  <c r="T71344" i="1"/>
  <c r="T71345" i="1"/>
  <c r="T71346" i="1"/>
  <c r="T71347" i="1"/>
  <c r="T71348" i="1"/>
  <c r="T71349" i="1"/>
  <c r="T71350" i="1"/>
  <c r="T71351" i="1"/>
  <c r="T71352" i="1"/>
  <c r="T71353" i="1"/>
  <c r="T71354" i="1"/>
  <c r="T71355" i="1"/>
  <c r="T71356" i="1"/>
  <c r="T71357" i="1"/>
  <c r="T71358" i="1"/>
  <c r="T71359" i="1"/>
  <c r="T71360" i="1"/>
  <c r="T71361" i="1"/>
  <c r="T71362" i="1"/>
  <c r="T71363" i="1"/>
  <c r="T71364" i="1"/>
  <c r="T71365" i="1"/>
  <c r="T71366" i="1"/>
  <c r="T71367" i="1"/>
  <c r="T71368" i="1"/>
  <c r="T71369" i="1"/>
  <c r="T71370" i="1"/>
  <c r="T71371" i="1"/>
  <c r="T71372" i="1"/>
  <c r="T71373" i="1"/>
  <c r="T71374" i="1"/>
  <c r="T71375" i="1"/>
  <c r="T71376" i="1"/>
  <c r="T71377" i="1"/>
  <c r="T71378" i="1"/>
  <c r="T71379" i="1"/>
  <c r="T71380" i="1"/>
  <c r="T71381" i="1"/>
  <c r="T71382" i="1"/>
  <c r="T71383" i="1"/>
  <c r="T71384" i="1"/>
  <c r="T71385" i="1"/>
  <c r="T71386" i="1"/>
  <c r="T71387" i="1"/>
  <c r="T71388" i="1"/>
  <c r="T71389" i="1"/>
  <c r="T71390" i="1"/>
  <c r="T71391" i="1"/>
  <c r="T71392" i="1"/>
  <c r="T71393" i="1"/>
  <c r="T71394" i="1"/>
  <c r="T71395" i="1"/>
  <c r="T71396" i="1"/>
  <c r="T71397" i="1"/>
  <c r="T71398" i="1"/>
  <c r="T71399" i="1"/>
  <c r="T71400" i="1"/>
  <c r="T71401" i="1"/>
  <c r="T71402" i="1"/>
  <c r="T71403" i="1"/>
  <c r="T71404" i="1"/>
  <c r="T71405" i="1"/>
  <c r="T71406" i="1"/>
  <c r="T71407" i="1"/>
  <c r="T71408" i="1"/>
  <c r="T71409" i="1"/>
  <c r="T71410" i="1"/>
  <c r="T71411" i="1"/>
  <c r="T71412" i="1"/>
  <c r="T71413" i="1"/>
  <c r="T71414" i="1"/>
  <c r="T71415" i="1"/>
  <c r="T71416" i="1"/>
  <c r="T71417" i="1"/>
  <c r="T71418" i="1"/>
  <c r="T71419" i="1"/>
  <c r="T71420" i="1"/>
  <c r="T71421" i="1"/>
  <c r="T71422" i="1"/>
  <c r="T71423" i="1"/>
  <c r="T71424" i="1"/>
  <c r="T71425" i="1"/>
  <c r="T71426" i="1"/>
  <c r="T71427" i="1"/>
  <c r="T71428" i="1"/>
  <c r="T71429" i="1"/>
  <c r="T71430" i="1"/>
  <c r="T71431" i="1"/>
  <c r="T71432" i="1"/>
  <c r="T71433" i="1"/>
  <c r="T71434" i="1"/>
  <c r="T71435" i="1"/>
  <c r="T71436" i="1"/>
  <c r="T71437" i="1"/>
  <c r="T71438" i="1"/>
  <c r="T71439" i="1"/>
  <c r="T71440" i="1"/>
  <c r="T71441" i="1"/>
  <c r="T71442" i="1"/>
  <c r="T71443" i="1"/>
  <c r="T71444" i="1"/>
  <c r="T71445" i="1"/>
  <c r="T71446" i="1"/>
  <c r="T71447" i="1"/>
  <c r="T71448" i="1"/>
  <c r="T71449" i="1"/>
  <c r="T71450" i="1"/>
  <c r="T71451" i="1"/>
  <c r="T71452" i="1"/>
  <c r="T71453" i="1"/>
  <c r="T71454" i="1"/>
  <c r="T71455" i="1"/>
  <c r="T71456" i="1"/>
  <c r="T71457" i="1"/>
  <c r="T71458" i="1"/>
  <c r="T71459" i="1"/>
  <c r="T71460" i="1"/>
  <c r="T71461" i="1"/>
  <c r="T71462" i="1"/>
  <c r="T71463" i="1"/>
  <c r="T71464" i="1"/>
  <c r="T71465" i="1"/>
  <c r="T71466" i="1"/>
  <c r="T71467" i="1"/>
  <c r="T71468" i="1"/>
  <c r="T71469" i="1"/>
  <c r="T71470" i="1"/>
  <c r="T71471" i="1"/>
  <c r="T71472" i="1"/>
  <c r="T71473" i="1"/>
  <c r="T71474" i="1"/>
  <c r="T71475" i="1"/>
  <c r="T71476" i="1"/>
  <c r="T71477" i="1"/>
  <c r="T71478" i="1"/>
  <c r="T71479" i="1"/>
  <c r="T71480" i="1"/>
  <c r="T71481" i="1"/>
  <c r="T71482" i="1"/>
  <c r="T71483" i="1"/>
  <c r="T71484" i="1"/>
  <c r="T71485" i="1"/>
  <c r="T71486" i="1"/>
  <c r="T71487" i="1"/>
  <c r="T71488" i="1"/>
  <c r="T71489" i="1"/>
  <c r="T71490" i="1"/>
  <c r="T71491" i="1"/>
  <c r="T71492" i="1"/>
  <c r="T71493" i="1"/>
  <c r="T71494" i="1"/>
  <c r="T71495" i="1"/>
  <c r="T71496" i="1"/>
  <c r="T71497" i="1"/>
  <c r="T71498" i="1"/>
  <c r="T71499" i="1"/>
  <c r="T71500" i="1"/>
  <c r="T71501" i="1"/>
  <c r="T71502" i="1"/>
  <c r="T71503" i="1"/>
  <c r="T71504" i="1"/>
  <c r="T71505" i="1"/>
  <c r="T71506" i="1"/>
  <c r="T71507" i="1"/>
  <c r="T71508" i="1"/>
  <c r="T71509" i="1"/>
  <c r="T71510" i="1"/>
  <c r="T71511" i="1"/>
  <c r="T71512" i="1"/>
  <c r="T71513" i="1"/>
  <c r="T71514" i="1"/>
  <c r="T71515" i="1"/>
  <c r="T71516" i="1"/>
  <c r="T71517" i="1"/>
  <c r="T71518" i="1"/>
  <c r="T71519" i="1"/>
  <c r="T71520" i="1"/>
  <c r="T71521" i="1"/>
  <c r="T71522" i="1"/>
  <c r="T71523" i="1"/>
  <c r="T71524" i="1"/>
  <c r="T71525" i="1"/>
  <c r="T71526" i="1"/>
  <c r="T71527" i="1"/>
  <c r="T71528" i="1"/>
  <c r="T71529" i="1"/>
  <c r="T71530" i="1"/>
  <c r="T71531" i="1"/>
  <c r="T71532" i="1"/>
  <c r="T71533" i="1"/>
  <c r="T71534" i="1"/>
  <c r="T71535" i="1"/>
  <c r="T71536" i="1"/>
  <c r="T71537" i="1"/>
  <c r="T71538" i="1"/>
  <c r="T71539" i="1"/>
  <c r="T71540" i="1"/>
  <c r="T71541" i="1"/>
  <c r="T71542" i="1"/>
  <c r="T71543" i="1"/>
  <c r="T71544" i="1"/>
  <c r="T71545" i="1"/>
  <c r="T71546" i="1"/>
  <c r="T71547" i="1"/>
  <c r="T71548" i="1"/>
  <c r="T71549" i="1"/>
  <c r="T71550" i="1"/>
  <c r="T71551" i="1"/>
  <c r="T71552" i="1"/>
  <c r="T71553" i="1"/>
  <c r="T71554" i="1"/>
  <c r="T71555" i="1"/>
  <c r="T71556" i="1"/>
  <c r="T71557" i="1"/>
  <c r="T71558" i="1"/>
  <c r="T71559" i="1"/>
  <c r="T71560" i="1"/>
  <c r="T71561" i="1"/>
  <c r="T71562" i="1"/>
  <c r="T71563" i="1"/>
  <c r="T71564" i="1"/>
  <c r="T71565" i="1"/>
  <c r="T71566" i="1"/>
  <c r="T71567" i="1"/>
  <c r="T71568" i="1"/>
  <c r="T71569" i="1"/>
  <c r="T71570" i="1"/>
  <c r="T71571" i="1"/>
  <c r="T71572" i="1"/>
  <c r="T71573" i="1"/>
  <c r="T71574" i="1"/>
  <c r="T71575" i="1"/>
  <c r="T71576" i="1"/>
  <c r="T71577" i="1"/>
  <c r="T71578" i="1"/>
  <c r="T71579" i="1"/>
  <c r="T71580" i="1"/>
  <c r="T71581" i="1"/>
  <c r="T71582" i="1"/>
  <c r="T71583" i="1"/>
  <c r="T71584" i="1"/>
  <c r="T71585" i="1"/>
  <c r="T71586" i="1"/>
  <c r="T71587" i="1"/>
  <c r="T71588" i="1"/>
  <c r="T71589" i="1"/>
  <c r="T71590" i="1"/>
  <c r="T71591" i="1"/>
  <c r="T71592" i="1"/>
  <c r="T71593" i="1"/>
  <c r="T71594" i="1"/>
  <c r="T71595" i="1"/>
  <c r="T71596" i="1"/>
  <c r="T71597" i="1"/>
  <c r="T71598" i="1"/>
  <c r="T71599" i="1"/>
  <c r="T71600" i="1"/>
  <c r="T71601" i="1"/>
  <c r="T71602" i="1"/>
  <c r="T71603" i="1"/>
  <c r="T71604" i="1"/>
  <c r="T71605" i="1"/>
  <c r="T71606" i="1"/>
  <c r="T71607" i="1"/>
  <c r="T71608" i="1"/>
  <c r="T71609" i="1"/>
  <c r="T71610" i="1"/>
  <c r="T71611" i="1"/>
  <c r="T71612" i="1"/>
  <c r="T71613" i="1"/>
  <c r="T71614" i="1"/>
  <c r="T71615" i="1"/>
  <c r="T71616" i="1"/>
  <c r="T71617" i="1"/>
  <c r="T71618" i="1"/>
  <c r="T71619" i="1"/>
  <c r="T71620" i="1"/>
  <c r="T71621" i="1"/>
  <c r="T71622" i="1"/>
  <c r="T71623" i="1"/>
  <c r="T71624" i="1"/>
  <c r="T71625" i="1"/>
  <c r="T71626" i="1"/>
  <c r="T71627" i="1"/>
  <c r="T71628" i="1"/>
  <c r="T71629" i="1"/>
  <c r="T71630" i="1"/>
  <c r="T71631" i="1"/>
  <c r="T71632" i="1"/>
  <c r="T71633" i="1"/>
  <c r="T71634" i="1"/>
  <c r="T71635" i="1"/>
  <c r="T71636" i="1"/>
  <c r="T71637" i="1"/>
  <c r="T71638" i="1"/>
  <c r="T71639" i="1"/>
  <c r="T71640" i="1"/>
  <c r="T71641" i="1"/>
  <c r="T71642" i="1"/>
  <c r="T71643" i="1"/>
  <c r="T71644" i="1"/>
  <c r="T71645" i="1"/>
  <c r="T71646" i="1"/>
  <c r="T71647" i="1"/>
  <c r="T71648" i="1"/>
  <c r="T71649" i="1"/>
  <c r="T71650" i="1"/>
  <c r="T71651" i="1"/>
  <c r="T71652" i="1"/>
  <c r="T71653" i="1"/>
  <c r="T71654" i="1"/>
  <c r="T71655" i="1"/>
  <c r="T71656" i="1"/>
  <c r="T71657" i="1"/>
  <c r="T71658" i="1"/>
  <c r="T71659" i="1"/>
  <c r="T71660" i="1"/>
  <c r="T71661" i="1"/>
  <c r="T71662" i="1"/>
  <c r="T71663" i="1"/>
  <c r="T71664" i="1"/>
  <c r="T71665" i="1"/>
  <c r="T71666" i="1"/>
  <c r="T71667" i="1"/>
  <c r="T71668" i="1"/>
  <c r="T71669" i="1"/>
  <c r="T71670" i="1"/>
  <c r="T71671" i="1"/>
  <c r="T71672" i="1"/>
  <c r="T71673" i="1"/>
  <c r="T71674" i="1"/>
  <c r="T71675" i="1"/>
  <c r="T71676" i="1"/>
  <c r="T71677" i="1"/>
  <c r="T71678" i="1"/>
  <c r="T71679" i="1"/>
  <c r="T71680" i="1"/>
  <c r="T71681" i="1"/>
  <c r="T71682" i="1"/>
  <c r="T71683" i="1"/>
  <c r="T71684" i="1"/>
  <c r="T71685" i="1"/>
  <c r="T71686" i="1"/>
  <c r="T71687" i="1"/>
  <c r="T71688" i="1"/>
  <c r="T71689" i="1"/>
  <c r="T71690" i="1"/>
  <c r="T71691" i="1"/>
  <c r="T71692" i="1"/>
  <c r="T71693" i="1"/>
  <c r="T71694" i="1"/>
  <c r="T71695" i="1"/>
  <c r="T71696" i="1"/>
  <c r="T71697" i="1"/>
  <c r="T71698" i="1"/>
  <c r="T71699" i="1"/>
  <c r="T71700" i="1"/>
  <c r="T71701" i="1"/>
  <c r="T71702" i="1"/>
  <c r="T71703" i="1"/>
  <c r="T71704" i="1"/>
  <c r="T71705" i="1"/>
  <c r="T71706" i="1"/>
  <c r="T71707" i="1"/>
  <c r="T71708" i="1"/>
  <c r="T71709" i="1"/>
  <c r="T71710" i="1"/>
  <c r="T71711" i="1"/>
  <c r="T71712" i="1"/>
  <c r="T71713" i="1"/>
  <c r="T71714" i="1"/>
  <c r="T71715" i="1"/>
  <c r="T71716" i="1"/>
  <c r="T71717" i="1"/>
  <c r="T71718" i="1"/>
  <c r="T71719" i="1"/>
  <c r="T71720" i="1"/>
  <c r="T71721" i="1"/>
  <c r="T71722" i="1"/>
  <c r="T71723" i="1"/>
  <c r="T71724" i="1"/>
  <c r="T71725" i="1"/>
  <c r="T71726" i="1"/>
  <c r="T71727" i="1"/>
  <c r="T71728" i="1"/>
  <c r="T71729" i="1"/>
  <c r="T71730" i="1"/>
  <c r="T71731" i="1"/>
  <c r="T71732" i="1"/>
  <c r="T71733" i="1"/>
  <c r="T71734" i="1"/>
  <c r="T71735" i="1"/>
  <c r="T71736" i="1"/>
  <c r="T71737" i="1"/>
  <c r="T71738" i="1"/>
  <c r="T71739" i="1"/>
  <c r="T71740" i="1"/>
  <c r="T71741" i="1"/>
  <c r="T71742" i="1"/>
  <c r="T71743" i="1"/>
  <c r="T71744" i="1"/>
  <c r="T71745" i="1"/>
  <c r="T71746" i="1"/>
  <c r="T71747" i="1"/>
  <c r="T71748" i="1"/>
  <c r="T71749" i="1"/>
  <c r="T71750" i="1"/>
  <c r="T71751" i="1"/>
  <c r="T71752" i="1"/>
  <c r="T71753" i="1"/>
  <c r="T71754" i="1"/>
  <c r="T71755" i="1"/>
  <c r="T71756" i="1"/>
  <c r="T71757" i="1"/>
  <c r="T71758" i="1"/>
  <c r="T71759" i="1"/>
  <c r="T71760" i="1"/>
  <c r="T71761" i="1"/>
  <c r="T71762" i="1"/>
  <c r="T71763" i="1"/>
  <c r="T71764" i="1"/>
  <c r="T71765" i="1"/>
  <c r="T71766" i="1"/>
  <c r="T71767" i="1"/>
  <c r="T71768" i="1"/>
  <c r="T71769" i="1"/>
  <c r="T71770" i="1"/>
  <c r="T71771" i="1"/>
  <c r="T71772" i="1"/>
  <c r="T71773" i="1"/>
  <c r="T71774" i="1"/>
  <c r="T71775" i="1"/>
  <c r="T71776" i="1"/>
  <c r="T71777" i="1"/>
  <c r="T71778" i="1"/>
  <c r="T71779" i="1"/>
  <c r="T71780" i="1"/>
  <c r="T71781" i="1"/>
  <c r="T71782" i="1"/>
  <c r="T71783" i="1"/>
  <c r="T71784" i="1"/>
  <c r="T71785" i="1"/>
  <c r="T71786" i="1"/>
  <c r="T71787" i="1"/>
  <c r="T71788" i="1"/>
  <c r="T71789" i="1"/>
  <c r="T71790" i="1"/>
  <c r="T71791" i="1"/>
  <c r="T71792" i="1"/>
  <c r="T71793" i="1"/>
  <c r="T71794" i="1"/>
  <c r="T71795" i="1"/>
  <c r="T71796" i="1"/>
  <c r="T71797" i="1"/>
  <c r="T71798" i="1"/>
  <c r="T71799" i="1"/>
  <c r="T71800" i="1"/>
  <c r="T71801" i="1"/>
  <c r="T71802" i="1"/>
  <c r="T71803" i="1"/>
  <c r="T71804" i="1"/>
  <c r="T71805" i="1"/>
  <c r="T71806" i="1"/>
  <c r="T71807" i="1"/>
  <c r="T71808" i="1"/>
  <c r="T71809" i="1"/>
  <c r="T71810" i="1"/>
  <c r="T71811" i="1"/>
  <c r="T71812" i="1"/>
  <c r="T71813" i="1"/>
  <c r="T71814" i="1"/>
  <c r="T71815" i="1"/>
  <c r="T71816" i="1"/>
  <c r="T71817" i="1"/>
  <c r="T71818" i="1"/>
  <c r="T71819" i="1"/>
  <c r="T71820" i="1"/>
  <c r="T71821" i="1"/>
  <c r="T71822" i="1"/>
  <c r="T71823" i="1"/>
  <c r="T71824" i="1"/>
  <c r="T71825" i="1"/>
  <c r="T71826" i="1"/>
  <c r="T71827" i="1"/>
  <c r="T71828" i="1"/>
  <c r="T71829" i="1"/>
  <c r="T71830" i="1"/>
  <c r="T71831" i="1"/>
  <c r="T71832" i="1"/>
  <c r="T71833" i="1"/>
  <c r="T71834" i="1"/>
  <c r="T71835" i="1"/>
  <c r="T71836" i="1"/>
  <c r="T71837" i="1"/>
  <c r="T71838" i="1"/>
  <c r="T71839" i="1"/>
  <c r="T71840" i="1"/>
  <c r="T71841" i="1"/>
  <c r="T71842" i="1"/>
  <c r="T71843" i="1"/>
  <c r="T71844" i="1"/>
  <c r="T71845" i="1"/>
  <c r="T71846" i="1"/>
  <c r="T71847" i="1"/>
  <c r="T71848" i="1"/>
  <c r="T71849" i="1"/>
  <c r="T71850" i="1"/>
  <c r="T71851" i="1"/>
  <c r="T71852" i="1"/>
  <c r="T71853" i="1"/>
  <c r="T71854" i="1"/>
  <c r="T71855" i="1"/>
  <c r="T71856" i="1"/>
  <c r="T71857" i="1"/>
  <c r="T71858" i="1"/>
  <c r="T71859" i="1"/>
  <c r="T71860" i="1"/>
  <c r="T71861" i="1"/>
  <c r="T71862" i="1"/>
  <c r="T71863" i="1"/>
  <c r="T71864" i="1"/>
  <c r="T71865" i="1"/>
  <c r="T71866" i="1"/>
  <c r="T71867" i="1"/>
  <c r="T71868" i="1"/>
  <c r="T71869" i="1"/>
  <c r="T71870" i="1"/>
  <c r="T71871" i="1"/>
  <c r="T71872" i="1"/>
  <c r="T71873" i="1"/>
  <c r="T71874" i="1"/>
  <c r="T71875" i="1"/>
  <c r="T71876" i="1"/>
  <c r="T71877" i="1"/>
  <c r="T71878" i="1"/>
  <c r="T71879" i="1"/>
  <c r="T71880" i="1"/>
  <c r="T71881" i="1"/>
  <c r="T71882" i="1"/>
  <c r="T71883" i="1"/>
  <c r="T71884" i="1"/>
  <c r="T71885" i="1"/>
  <c r="T71886" i="1"/>
  <c r="T71887" i="1"/>
  <c r="T71888" i="1"/>
  <c r="T71889" i="1"/>
  <c r="T71890" i="1"/>
  <c r="T71891" i="1"/>
  <c r="T71892" i="1"/>
  <c r="T71893" i="1"/>
  <c r="T71894" i="1"/>
  <c r="T71895" i="1"/>
  <c r="T71896" i="1"/>
  <c r="T71897" i="1"/>
  <c r="T71898" i="1"/>
  <c r="T71899" i="1"/>
  <c r="T71900" i="1"/>
  <c r="T71901" i="1"/>
  <c r="T71902" i="1"/>
  <c r="T71903" i="1"/>
  <c r="T71904" i="1"/>
  <c r="T71905" i="1"/>
  <c r="T71906" i="1"/>
  <c r="T71907" i="1"/>
  <c r="T71908" i="1"/>
  <c r="T71909" i="1"/>
  <c r="T71910" i="1"/>
  <c r="T71911" i="1"/>
  <c r="T71912" i="1"/>
  <c r="T71913" i="1"/>
  <c r="T71914" i="1"/>
  <c r="T71915" i="1"/>
  <c r="T71916" i="1"/>
  <c r="T71917" i="1"/>
  <c r="T71918" i="1"/>
  <c r="T71919" i="1"/>
  <c r="T71920" i="1"/>
  <c r="T71921" i="1"/>
  <c r="T71922" i="1"/>
  <c r="T71923" i="1"/>
  <c r="T71924" i="1"/>
  <c r="T71925" i="1"/>
  <c r="T71926" i="1"/>
  <c r="T71927" i="1"/>
  <c r="T71928" i="1"/>
  <c r="T71929" i="1"/>
  <c r="T71930" i="1"/>
  <c r="T71931" i="1"/>
  <c r="T71932" i="1"/>
  <c r="T71933" i="1"/>
  <c r="T71934" i="1"/>
  <c r="T71935" i="1"/>
  <c r="T71936" i="1"/>
  <c r="T71937" i="1"/>
  <c r="T71938" i="1"/>
  <c r="T71939" i="1"/>
  <c r="T71940" i="1"/>
  <c r="T71941" i="1"/>
  <c r="T71942" i="1"/>
  <c r="T71943" i="1"/>
  <c r="T71944" i="1"/>
  <c r="T71945" i="1"/>
  <c r="T71946" i="1"/>
  <c r="T71947" i="1"/>
  <c r="T71948" i="1"/>
  <c r="T71949" i="1"/>
  <c r="T71950" i="1"/>
  <c r="T71951" i="1"/>
  <c r="T71952" i="1"/>
  <c r="T71953" i="1"/>
  <c r="T71954" i="1"/>
  <c r="T71955" i="1"/>
  <c r="T71956" i="1"/>
  <c r="T71957" i="1"/>
  <c r="T71958" i="1"/>
  <c r="T71959" i="1"/>
  <c r="T71960" i="1"/>
  <c r="T71961" i="1"/>
  <c r="T71962" i="1"/>
  <c r="T71963" i="1"/>
  <c r="T71964" i="1"/>
  <c r="T71965" i="1"/>
  <c r="T71966" i="1"/>
  <c r="T71967" i="1"/>
  <c r="T71968" i="1"/>
  <c r="T71969" i="1"/>
  <c r="T71970" i="1"/>
  <c r="T71971" i="1"/>
  <c r="T71972" i="1"/>
  <c r="T71973" i="1"/>
  <c r="T71974" i="1"/>
  <c r="T71975" i="1"/>
  <c r="T71976" i="1"/>
  <c r="T71977" i="1"/>
  <c r="T71978" i="1"/>
  <c r="T71979" i="1"/>
  <c r="T71980" i="1"/>
  <c r="T71981" i="1"/>
  <c r="T71982" i="1"/>
  <c r="T71983" i="1"/>
  <c r="T71984" i="1"/>
  <c r="T71985" i="1"/>
  <c r="T71986" i="1"/>
  <c r="T71987" i="1"/>
  <c r="T71988" i="1"/>
  <c r="T71989" i="1"/>
  <c r="T71990" i="1"/>
  <c r="T71991" i="1"/>
  <c r="T71992" i="1"/>
  <c r="T71993" i="1"/>
  <c r="T71994" i="1"/>
  <c r="T71995" i="1"/>
  <c r="T71996" i="1"/>
  <c r="T71997" i="1"/>
  <c r="T71998" i="1"/>
  <c r="T71999" i="1"/>
  <c r="T72000" i="1"/>
  <c r="T72001" i="1"/>
  <c r="T72002" i="1"/>
  <c r="T72003" i="1"/>
  <c r="T72004" i="1"/>
  <c r="T72005" i="1"/>
  <c r="T72006" i="1"/>
  <c r="T72007" i="1"/>
  <c r="T72008" i="1"/>
  <c r="T72009" i="1"/>
  <c r="T72010" i="1"/>
  <c r="T72011" i="1"/>
  <c r="T72012" i="1"/>
  <c r="T72013" i="1"/>
  <c r="T72014" i="1"/>
  <c r="T72015" i="1"/>
  <c r="T72016" i="1"/>
  <c r="T72017" i="1"/>
  <c r="T72018" i="1"/>
  <c r="T72019" i="1"/>
  <c r="T72020" i="1"/>
  <c r="T72021" i="1"/>
  <c r="T72022" i="1"/>
  <c r="T72023" i="1"/>
  <c r="T72024" i="1"/>
  <c r="T72025" i="1"/>
  <c r="T72026" i="1"/>
  <c r="T72027" i="1"/>
  <c r="T72028" i="1"/>
  <c r="T72029" i="1"/>
  <c r="T72030" i="1"/>
  <c r="T72031" i="1"/>
  <c r="T72032" i="1"/>
  <c r="T72033" i="1"/>
  <c r="T72034" i="1"/>
  <c r="T72035" i="1"/>
  <c r="T72036" i="1"/>
  <c r="T72037" i="1"/>
  <c r="T72038" i="1"/>
  <c r="T72039" i="1"/>
  <c r="T72040" i="1"/>
  <c r="T72041" i="1"/>
  <c r="T72042" i="1"/>
  <c r="T72043" i="1"/>
  <c r="T72044" i="1"/>
  <c r="T72045" i="1"/>
  <c r="T72046" i="1"/>
  <c r="T72047" i="1"/>
  <c r="T72048" i="1"/>
  <c r="T72049" i="1"/>
  <c r="T72050" i="1"/>
  <c r="T72051" i="1"/>
  <c r="T72052" i="1"/>
  <c r="T72053" i="1"/>
  <c r="T72054" i="1"/>
  <c r="T72055" i="1"/>
  <c r="T72056" i="1"/>
  <c r="T72057" i="1"/>
  <c r="T72058" i="1"/>
  <c r="T72059" i="1"/>
  <c r="T72060" i="1"/>
  <c r="T72061" i="1"/>
  <c r="T72062" i="1"/>
  <c r="T72063" i="1"/>
  <c r="T72064" i="1"/>
  <c r="T72065" i="1"/>
  <c r="T72066" i="1"/>
  <c r="T72067" i="1"/>
  <c r="T72068" i="1"/>
  <c r="T72069" i="1"/>
  <c r="T72070" i="1"/>
  <c r="T72071" i="1"/>
  <c r="T72072" i="1"/>
  <c r="T72073" i="1"/>
  <c r="T72074" i="1"/>
  <c r="T72075" i="1"/>
  <c r="T72076" i="1"/>
  <c r="T72077" i="1"/>
  <c r="T72078" i="1"/>
  <c r="T72079" i="1"/>
  <c r="T72080" i="1"/>
  <c r="T72081" i="1"/>
  <c r="T72082" i="1"/>
  <c r="T72083" i="1"/>
  <c r="T72084" i="1"/>
  <c r="T72085" i="1"/>
  <c r="T72086" i="1"/>
  <c r="T72087" i="1"/>
  <c r="T72088" i="1"/>
  <c r="T72089" i="1"/>
  <c r="T72090" i="1"/>
  <c r="T72091" i="1"/>
  <c r="T72092" i="1"/>
  <c r="T72093" i="1"/>
  <c r="T72094" i="1"/>
  <c r="T72095" i="1"/>
  <c r="T72096" i="1"/>
  <c r="T72097" i="1"/>
  <c r="T72098" i="1"/>
  <c r="T72099" i="1"/>
  <c r="T72100" i="1"/>
  <c r="T72101" i="1"/>
  <c r="T72102" i="1"/>
  <c r="T72103" i="1"/>
  <c r="T72104" i="1"/>
  <c r="T72105" i="1"/>
  <c r="T72106" i="1"/>
  <c r="T72107" i="1"/>
  <c r="T72108" i="1"/>
  <c r="T72109" i="1"/>
  <c r="T72110" i="1"/>
  <c r="T72111" i="1"/>
  <c r="T72112" i="1"/>
  <c r="T72113" i="1"/>
  <c r="T72114" i="1"/>
  <c r="T72115" i="1"/>
  <c r="T72116" i="1"/>
  <c r="T72117" i="1"/>
  <c r="T72118" i="1"/>
  <c r="T72119" i="1"/>
  <c r="T72120" i="1"/>
  <c r="T72121" i="1"/>
  <c r="T72122" i="1"/>
  <c r="T72123" i="1"/>
  <c r="T72124" i="1"/>
  <c r="T72125" i="1"/>
  <c r="T72126" i="1"/>
  <c r="T72127" i="1"/>
  <c r="T72128" i="1"/>
  <c r="T72129" i="1"/>
  <c r="T72130" i="1"/>
  <c r="T72131" i="1"/>
  <c r="T72132" i="1"/>
  <c r="T72133" i="1"/>
  <c r="T72134" i="1"/>
  <c r="T72135" i="1"/>
  <c r="T72136" i="1"/>
  <c r="T72137" i="1"/>
  <c r="T72138" i="1"/>
  <c r="T72139" i="1"/>
  <c r="T72140" i="1"/>
  <c r="T72141" i="1"/>
  <c r="T72142" i="1"/>
  <c r="T72143" i="1"/>
  <c r="T72144" i="1"/>
  <c r="T72145" i="1"/>
  <c r="T72146" i="1"/>
  <c r="T72147" i="1"/>
  <c r="T72148" i="1"/>
  <c r="T72149" i="1"/>
  <c r="T72150" i="1"/>
  <c r="T72151" i="1"/>
  <c r="T72152" i="1"/>
  <c r="T72153" i="1"/>
  <c r="T72154" i="1"/>
  <c r="T72155" i="1"/>
  <c r="T72156" i="1"/>
  <c r="T72157" i="1"/>
  <c r="T72158" i="1"/>
  <c r="T72159" i="1"/>
  <c r="T72160" i="1"/>
  <c r="T72161" i="1"/>
  <c r="T72162" i="1"/>
  <c r="T72163" i="1"/>
  <c r="T72164" i="1"/>
  <c r="T72165" i="1"/>
  <c r="T72166" i="1"/>
  <c r="T72167" i="1"/>
  <c r="T72168" i="1"/>
  <c r="T72169" i="1"/>
  <c r="T72170" i="1"/>
  <c r="T72171" i="1"/>
  <c r="T72172" i="1"/>
  <c r="T72173" i="1"/>
  <c r="T72174" i="1"/>
  <c r="T72175" i="1"/>
  <c r="T72176" i="1"/>
  <c r="T72177" i="1"/>
  <c r="T72178" i="1"/>
  <c r="T72179" i="1"/>
  <c r="T72180" i="1"/>
  <c r="T72181" i="1"/>
  <c r="T72182" i="1"/>
  <c r="T72183" i="1"/>
  <c r="T72184" i="1"/>
  <c r="T72185" i="1"/>
  <c r="T72186" i="1"/>
  <c r="T72187" i="1"/>
  <c r="T72188" i="1"/>
  <c r="T72189" i="1"/>
  <c r="T72190" i="1"/>
  <c r="T72191" i="1"/>
  <c r="T72192" i="1"/>
  <c r="T72193" i="1"/>
  <c r="T72194" i="1"/>
  <c r="T72195" i="1"/>
  <c r="T72196" i="1"/>
  <c r="T72197" i="1"/>
  <c r="T72198" i="1"/>
  <c r="T72199" i="1"/>
  <c r="T72200" i="1"/>
  <c r="T72201" i="1"/>
  <c r="T72202" i="1"/>
  <c r="T72203" i="1"/>
  <c r="T72204" i="1"/>
  <c r="T72205" i="1"/>
  <c r="T72206" i="1"/>
  <c r="T72207" i="1"/>
  <c r="T72208" i="1"/>
  <c r="T72209" i="1"/>
  <c r="T72210" i="1"/>
  <c r="T72211" i="1"/>
  <c r="T72212" i="1"/>
  <c r="T72213" i="1"/>
  <c r="T72214" i="1"/>
  <c r="T72215" i="1"/>
  <c r="T72216" i="1"/>
  <c r="T72217" i="1"/>
  <c r="T72218" i="1"/>
  <c r="T72219" i="1"/>
  <c r="T72220" i="1"/>
  <c r="T72221" i="1"/>
  <c r="T72222" i="1"/>
  <c r="T72223" i="1"/>
  <c r="T72224" i="1"/>
  <c r="T72225" i="1"/>
  <c r="T72226" i="1"/>
  <c r="T72227" i="1"/>
  <c r="T72228" i="1"/>
  <c r="T72229" i="1"/>
  <c r="T72230" i="1"/>
  <c r="T72231" i="1"/>
  <c r="T72232" i="1"/>
  <c r="T72233" i="1"/>
  <c r="T72234" i="1"/>
  <c r="T72235" i="1"/>
  <c r="T72236" i="1"/>
  <c r="T72237" i="1"/>
  <c r="T72238" i="1"/>
  <c r="T72239" i="1"/>
  <c r="T72240" i="1"/>
  <c r="T72241" i="1"/>
  <c r="T72242" i="1"/>
  <c r="T72243" i="1"/>
  <c r="T72244" i="1"/>
  <c r="T72245" i="1"/>
  <c r="T72246" i="1"/>
  <c r="T72247" i="1"/>
  <c r="T72248" i="1"/>
  <c r="T72249" i="1"/>
  <c r="T72250" i="1"/>
  <c r="T72251" i="1"/>
  <c r="T72252" i="1"/>
  <c r="T72253" i="1"/>
  <c r="T72254" i="1"/>
  <c r="T72255" i="1"/>
  <c r="T72256" i="1"/>
  <c r="T72257" i="1"/>
  <c r="T72258" i="1"/>
  <c r="T72259" i="1"/>
  <c r="T72260" i="1"/>
  <c r="T72261" i="1"/>
  <c r="T72262" i="1"/>
  <c r="T72263" i="1"/>
  <c r="T72264" i="1"/>
  <c r="T72265" i="1"/>
  <c r="T72266" i="1"/>
  <c r="T72267" i="1"/>
  <c r="T72268" i="1"/>
  <c r="T72269" i="1"/>
  <c r="T72270" i="1"/>
  <c r="T72271" i="1"/>
  <c r="T72272" i="1"/>
  <c r="T72273" i="1"/>
  <c r="T72274" i="1"/>
  <c r="T72275" i="1"/>
  <c r="T72276" i="1"/>
  <c r="T72277" i="1"/>
  <c r="T72278" i="1"/>
  <c r="T72279" i="1"/>
  <c r="T72280" i="1"/>
  <c r="T72281" i="1"/>
  <c r="T72282" i="1"/>
  <c r="T72283" i="1"/>
  <c r="T72284" i="1"/>
  <c r="T72285" i="1"/>
  <c r="T72286" i="1"/>
  <c r="T72287" i="1"/>
  <c r="T72288" i="1"/>
  <c r="T72289" i="1"/>
  <c r="T72290" i="1"/>
  <c r="T72291" i="1"/>
  <c r="T72292" i="1"/>
  <c r="T72293" i="1"/>
  <c r="T72294" i="1"/>
  <c r="T72295" i="1"/>
  <c r="T72296" i="1"/>
  <c r="T72297" i="1"/>
  <c r="T72298" i="1"/>
  <c r="T72299" i="1"/>
  <c r="T72300" i="1"/>
  <c r="T72301" i="1"/>
  <c r="T72302" i="1"/>
  <c r="T72303" i="1"/>
  <c r="T72304" i="1"/>
  <c r="T72305" i="1"/>
  <c r="T72306" i="1"/>
  <c r="T72307" i="1"/>
  <c r="T72308" i="1"/>
  <c r="T72309" i="1"/>
  <c r="T72310" i="1"/>
  <c r="T72311" i="1"/>
  <c r="T72312" i="1"/>
  <c r="T72313" i="1"/>
  <c r="T72314" i="1"/>
  <c r="T72315" i="1"/>
  <c r="T72316" i="1"/>
  <c r="T72317" i="1"/>
  <c r="T72318" i="1"/>
  <c r="T72319" i="1"/>
  <c r="T72320" i="1"/>
  <c r="T72321" i="1"/>
  <c r="T72322" i="1"/>
  <c r="T72323" i="1"/>
  <c r="T72324" i="1"/>
  <c r="T72325" i="1"/>
  <c r="T72326" i="1"/>
  <c r="T72327" i="1"/>
  <c r="T72328" i="1"/>
  <c r="T72329" i="1"/>
  <c r="T72330" i="1"/>
  <c r="T72331" i="1"/>
  <c r="T72332" i="1"/>
  <c r="T72333" i="1"/>
  <c r="T72334" i="1"/>
  <c r="T72335" i="1"/>
  <c r="T72336" i="1"/>
  <c r="T72337" i="1"/>
  <c r="T72338" i="1"/>
  <c r="T72339" i="1"/>
  <c r="T72340" i="1"/>
  <c r="T72341" i="1"/>
  <c r="T72342" i="1"/>
  <c r="T72343" i="1"/>
  <c r="T72344" i="1"/>
  <c r="T72345" i="1"/>
  <c r="T72346" i="1"/>
  <c r="T72347" i="1"/>
  <c r="T72348" i="1"/>
  <c r="T72349" i="1"/>
  <c r="T72350" i="1"/>
  <c r="T72351" i="1"/>
  <c r="T72352" i="1"/>
  <c r="T72353" i="1"/>
  <c r="T72354" i="1"/>
  <c r="T72355" i="1"/>
  <c r="T72356" i="1"/>
  <c r="T72357" i="1"/>
  <c r="T72358" i="1"/>
  <c r="T72359" i="1"/>
  <c r="T72360" i="1"/>
  <c r="T72361" i="1"/>
  <c r="T72362" i="1"/>
  <c r="T72363" i="1"/>
  <c r="T72364" i="1"/>
  <c r="T72365" i="1"/>
  <c r="T72366" i="1"/>
  <c r="T72367" i="1"/>
  <c r="T72368" i="1"/>
  <c r="T72369" i="1"/>
  <c r="T72370" i="1"/>
  <c r="T72371" i="1"/>
  <c r="T72372" i="1"/>
  <c r="T72373" i="1"/>
  <c r="T72374" i="1"/>
  <c r="T72375" i="1"/>
  <c r="T72376" i="1"/>
  <c r="T72377" i="1"/>
  <c r="T72378" i="1"/>
  <c r="T72379" i="1"/>
  <c r="T72380" i="1"/>
  <c r="T72381" i="1"/>
  <c r="T72382" i="1"/>
  <c r="T72383" i="1"/>
  <c r="T72384" i="1"/>
  <c r="T72385" i="1"/>
  <c r="T72386" i="1"/>
  <c r="T72387" i="1"/>
  <c r="T72388" i="1"/>
  <c r="T72389" i="1"/>
  <c r="T72390" i="1"/>
  <c r="T72391" i="1"/>
  <c r="T72392" i="1"/>
  <c r="T72393" i="1"/>
  <c r="T72394" i="1"/>
  <c r="T72395" i="1"/>
  <c r="T72396" i="1"/>
  <c r="T72397" i="1"/>
  <c r="T72398" i="1"/>
  <c r="T72399" i="1"/>
  <c r="T72400" i="1"/>
  <c r="T72401" i="1"/>
  <c r="T72402" i="1"/>
  <c r="T72403" i="1"/>
  <c r="T72404" i="1"/>
  <c r="T72405" i="1"/>
  <c r="T72406" i="1"/>
  <c r="T72407" i="1"/>
  <c r="T72408" i="1"/>
  <c r="T72409" i="1"/>
  <c r="T72410" i="1"/>
  <c r="T72411" i="1"/>
  <c r="T72412" i="1"/>
  <c r="T72413" i="1"/>
  <c r="T72414" i="1"/>
  <c r="T72415" i="1"/>
  <c r="T72416" i="1"/>
  <c r="T72417" i="1"/>
  <c r="T72418" i="1"/>
  <c r="T72419" i="1"/>
  <c r="T72420" i="1"/>
  <c r="T72421" i="1"/>
  <c r="T72422" i="1"/>
  <c r="T72423" i="1"/>
  <c r="T72424" i="1"/>
  <c r="T72425" i="1"/>
  <c r="T72426" i="1"/>
  <c r="T72427" i="1"/>
  <c r="T72428" i="1"/>
  <c r="T72429" i="1"/>
  <c r="T72430" i="1"/>
  <c r="T72431" i="1"/>
  <c r="T72432" i="1"/>
  <c r="T72433" i="1"/>
  <c r="T72434" i="1"/>
  <c r="T72435" i="1"/>
  <c r="T72436" i="1"/>
  <c r="T72437" i="1"/>
  <c r="T72438" i="1"/>
  <c r="T72439" i="1"/>
  <c r="T72440" i="1"/>
  <c r="T72441" i="1"/>
  <c r="T72442" i="1"/>
  <c r="T72443" i="1"/>
  <c r="T72444" i="1"/>
  <c r="T72445" i="1"/>
  <c r="T72446" i="1"/>
  <c r="T72447" i="1"/>
  <c r="T72448" i="1"/>
  <c r="T72449" i="1"/>
  <c r="T72450" i="1"/>
  <c r="T72451" i="1"/>
  <c r="T72452" i="1"/>
  <c r="T72453" i="1"/>
  <c r="T72454" i="1"/>
  <c r="T72455" i="1"/>
  <c r="T72456" i="1"/>
  <c r="T72457" i="1"/>
  <c r="T72458" i="1"/>
  <c r="T72459" i="1"/>
  <c r="T72460" i="1"/>
  <c r="T72461" i="1"/>
  <c r="T72462" i="1"/>
  <c r="T72463" i="1"/>
  <c r="T72464" i="1"/>
  <c r="T72465" i="1"/>
  <c r="T72466" i="1"/>
  <c r="T72467" i="1"/>
  <c r="T72468" i="1"/>
  <c r="T72469" i="1"/>
  <c r="T72470" i="1"/>
  <c r="T72471" i="1"/>
  <c r="T72472" i="1"/>
  <c r="T72473" i="1"/>
  <c r="T72474" i="1"/>
  <c r="T72475" i="1"/>
  <c r="T72476" i="1"/>
  <c r="T72477" i="1"/>
  <c r="T72478" i="1"/>
  <c r="T72479" i="1"/>
  <c r="T72480" i="1"/>
  <c r="T72481" i="1"/>
  <c r="T72482" i="1"/>
  <c r="T72483" i="1"/>
  <c r="T72484" i="1"/>
  <c r="T72485" i="1"/>
  <c r="T72486" i="1"/>
  <c r="T72487" i="1"/>
  <c r="T72488" i="1"/>
  <c r="T72489" i="1"/>
  <c r="T72490" i="1"/>
  <c r="T72491" i="1"/>
  <c r="T72492" i="1"/>
  <c r="T72493" i="1"/>
  <c r="T72494" i="1"/>
  <c r="T72495" i="1"/>
  <c r="T72496" i="1"/>
  <c r="T72497" i="1"/>
  <c r="T72498" i="1"/>
  <c r="T72499" i="1"/>
  <c r="T72500" i="1"/>
  <c r="T72501" i="1"/>
  <c r="T72502" i="1"/>
  <c r="T72503" i="1"/>
  <c r="T72504" i="1"/>
  <c r="T72505" i="1"/>
  <c r="T72506" i="1"/>
  <c r="T72507" i="1"/>
  <c r="T72508" i="1"/>
  <c r="T72509" i="1"/>
  <c r="T72510" i="1"/>
  <c r="T72511" i="1"/>
  <c r="T72512" i="1"/>
  <c r="T72513" i="1"/>
  <c r="T72514" i="1"/>
  <c r="T72515" i="1"/>
  <c r="T72516" i="1"/>
  <c r="T72517" i="1"/>
  <c r="T72518" i="1"/>
  <c r="T72519" i="1"/>
  <c r="T72520" i="1"/>
  <c r="T72521" i="1"/>
  <c r="T72522" i="1"/>
  <c r="T72523" i="1"/>
  <c r="T72524" i="1"/>
  <c r="T72525" i="1"/>
  <c r="T72526" i="1"/>
  <c r="T72527" i="1"/>
  <c r="T72528" i="1"/>
  <c r="T72529" i="1"/>
  <c r="T72530" i="1"/>
  <c r="T72531" i="1"/>
  <c r="T72532" i="1"/>
  <c r="T72533" i="1"/>
  <c r="T72534" i="1"/>
  <c r="T72535" i="1"/>
  <c r="T72536" i="1"/>
  <c r="T72537" i="1"/>
  <c r="T72538" i="1"/>
  <c r="T72539" i="1"/>
  <c r="T72540" i="1"/>
  <c r="T72541" i="1"/>
  <c r="T72542" i="1"/>
  <c r="T72543" i="1"/>
  <c r="T72544" i="1"/>
  <c r="T72545" i="1"/>
  <c r="T72546" i="1"/>
  <c r="T72547" i="1"/>
  <c r="T72548" i="1"/>
  <c r="T72549" i="1"/>
  <c r="T72550" i="1"/>
  <c r="T72551" i="1"/>
  <c r="T72552" i="1"/>
  <c r="T72553" i="1"/>
  <c r="T72554" i="1"/>
  <c r="T72555" i="1"/>
  <c r="T72556" i="1"/>
  <c r="T72557" i="1"/>
  <c r="T72558" i="1"/>
  <c r="T72559" i="1"/>
  <c r="T72560" i="1"/>
  <c r="T72561" i="1"/>
  <c r="T72562" i="1"/>
  <c r="T72563" i="1"/>
  <c r="T72564" i="1"/>
  <c r="T72565" i="1"/>
  <c r="T72566" i="1"/>
  <c r="T72567" i="1"/>
  <c r="T72568" i="1"/>
  <c r="T72569" i="1"/>
  <c r="T72570" i="1"/>
  <c r="T72571" i="1"/>
  <c r="T72572" i="1"/>
  <c r="T72573" i="1"/>
  <c r="T72574" i="1"/>
  <c r="T72575" i="1"/>
  <c r="T72576" i="1"/>
  <c r="T72577" i="1"/>
  <c r="T72578" i="1"/>
  <c r="T72579" i="1"/>
  <c r="T72580" i="1"/>
  <c r="T72581" i="1"/>
  <c r="T72582" i="1"/>
  <c r="T72583" i="1"/>
  <c r="T72584" i="1"/>
  <c r="T72585" i="1"/>
  <c r="T72586" i="1"/>
  <c r="T72587" i="1"/>
  <c r="T72588" i="1"/>
  <c r="T72589" i="1"/>
  <c r="T72590" i="1"/>
  <c r="T72591" i="1"/>
  <c r="T72592" i="1"/>
  <c r="T72593" i="1"/>
  <c r="T72594" i="1"/>
  <c r="T72595" i="1"/>
  <c r="T72596" i="1"/>
  <c r="T72597" i="1"/>
  <c r="T72598" i="1"/>
  <c r="T72599" i="1"/>
  <c r="T72600" i="1"/>
  <c r="T72601" i="1"/>
  <c r="T72602" i="1"/>
  <c r="T72603" i="1"/>
  <c r="T72604" i="1"/>
  <c r="T72605" i="1"/>
  <c r="T72606" i="1"/>
  <c r="T72607" i="1"/>
  <c r="T72608" i="1"/>
  <c r="T72609" i="1"/>
  <c r="T72610" i="1"/>
  <c r="T72611" i="1"/>
  <c r="T72612" i="1"/>
  <c r="T72613" i="1"/>
  <c r="T72614" i="1"/>
  <c r="T72615" i="1"/>
  <c r="T72616" i="1"/>
  <c r="T72617" i="1"/>
  <c r="T72618" i="1"/>
  <c r="T72619" i="1"/>
  <c r="T72620" i="1"/>
  <c r="T72621" i="1"/>
  <c r="T72622" i="1"/>
  <c r="T72623" i="1"/>
  <c r="T72624" i="1"/>
  <c r="T72625" i="1"/>
  <c r="T72626" i="1"/>
  <c r="T72627" i="1"/>
  <c r="T72628" i="1"/>
  <c r="T72629" i="1"/>
  <c r="T72630" i="1"/>
  <c r="T72631" i="1"/>
  <c r="T72632" i="1"/>
  <c r="T72633" i="1"/>
  <c r="T72634" i="1"/>
  <c r="T72635" i="1"/>
  <c r="T72636" i="1"/>
  <c r="T72637" i="1"/>
  <c r="T72638" i="1"/>
  <c r="T72639" i="1"/>
  <c r="T72640" i="1"/>
  <c r="T72641" i="1"/>
  <c r="T72642" i="1"/>
  <c r="T72643" i="1"/>
  <c r="T72644" i="1"/>
  <c r="T72645" i="1"/>
  <c r="T72646" i="1"/>
  <c r="T72647" i="1"/>
  <c r="T72648" i="1"/>
  <c r="T72649" i="1"/>
  <c r="T72650" i="1"/>
  <c r="T72651" i="1"/>
  <c r="T72652" i="1"/>
  <c r="T72653" i="1"/>
  <c r="T72654" i="1"/>
  <c r="T72655" i="1"/>
  <c r="T72656" i="1"/>
  <c r="T72657" i="1"/>
  <c r="T72658" i="1"/>
  <c r="T72659" i="1"/>
  <c r="T72660" i="1"/>
  <c r="T72661" i="1"/>
  <c r="T72662" i="1"/>
  <c r="T72663" i="1"/>
  <c r="T72664" i="1"/>
  <c r="T72665" i="1"/>
  <c r="T72666" i="1"/>
  <c r="T72667" i="1"/>
  <c r="T72668" i="1"/>
  <c r="T72669" i="1"/>
  <c r="T72670" i="1"/>
  <c r="T72671" i="1"/>
  <c r="T72672" i="1"/>
  <c r="T72673" i="1"/>
  <c r="T72674" i="1"/>
  <c r="T72675" i="1"/>
  <c r="T72676" i="1"/>
  <c r="T72677" i="1"/>
  <c r="T72678" i="1"/>
  <c r="T72679" i="1"/>
  <c r="T72680" i="1"/>
  <c r="T72681" i="1"/>
  <c r="T72682" i="1"/>
  <c r="T72683" i="1"/>
  <c r="T72684" i="1"/>
  <c r="T72685" i="1"/>
  <c r="T72686" i="1"/>
  <c r="T72687" i="1"/>
  <c r="T72688" i="1"/>
  <c r="T72689" i="1"/>
  <c r="T72690" i="1"/>
  <c r="T72691" i="1"/>
  <c r="T72692" i="1"/>
  <c r="T72693" i="1"/>
  <c r="T72694" i="1"/>
  <c r="T72695" i="1"/>
  <c r="T72696" i="1"/>
  <c r="T72697" i="1"/>
  <c r="T72698" i="1"/>
  <c r="T72699" i="1"/>
  <c r="T72700" i="1"/>
  <c r="T72701" i="1"/>
  <c r="T72702" i="1"/>
  <c r="T72703" i="1"/>
  <c r="T72704" i="1"/>
  <c r="T72705" i="1"/>
  <c r="T72706" i="1"/>
  <c r="T72707" i="1"/>
  <c r="T72708" i="1"/>
  <c r="T72709" i="1"/>
  <c r="T72710" i="1"/>
  <c r="T72711" i="1"/>
  <c r="T72712" i="1"/>
  <c r="T72713" i="1"/>
  <c r="T72714" i="1"/>
  <c r="T72715" i="1"/>
  <c r="T72716" i="1"/>
  <c r="T72717" i="1"/>
  <c r="T72718" i="1"/>
  <c r="T72719" i="1"/>
  <c r="T72720" i="1"/>
  <c r="T72721" i="1"/>
  <c r="T72722" i="1"/>
  <c r="T72723" i="1"/>
  <c r="T72724" i="1"/>
  <c r="T72725" i="1"/>
  <c r="T72726" i="1"/>
  <c r="T72727" i="1"/>
  <c r="T72728" i="1"/>
  <c r="T72729" i="1"/>
  <c r="T72730" i="1"/>
  <c r="T72731" i="1"/>
  <c r="T72732" i="1"/>
  <c r="T72733" i="1"/>
  <c r="T72734" i="1"/>
  <c r="T72735" i="1"/>
  <c r="T72736" i="1"/>
  <c r="T72737" i="1"/>
  <c r="T72738" i="1"/>
  <c r="T72739" i="1"/>
  <c r="T72740" i="1"/>
  <c r="T72741" i="1"/>
  <c r="T72742" i="1"/>
  <c r="T72743" i="1"/>
  <c r="T72744" i="1"/>
  <c r="T72745" i="1"/>
  <c r="T72746" i="1"/>
  <c r="T72747" i="1"/>
  <c r="T72748" i="1"/>
  <c r="T72749" i="1"/>
  <c r="T72750" i="1"/>
  <c r="T72751" i="1"/>
  <c r="T72752" i="1"/>
  <c r="T72753" i="1"/>
  <c r="T72754" i="1"/>
  <c r="T72755" i="1"/>
  <c r="T72756" i="1"/>
  <c r="T72757" i="1"/>
  <c r="T72758" i="1"/>
  <c r="T72759" i="1"/>
  <c r="T72760" i="1"/>
  <c r="T72761" i="1"/>
  <c r="T72762" i="1"/>
  <c r="T72763" i="1"/>
  <c r="T72764" i="1"/>
  <c r="T72765" i="1"/>
  <c r="T72766" i="1"/>
  <c r="T72767" i="1"/>
  <c r="T72768" i="1"/>
  <c r="T72769" i="1"/>
  <c r="T72770" i="1"/>
  <c r="T72771" i="1"/>
  <c r="T72772" i="1"/>
  <c r="T72773" i="1"/>
  <c r="T72774" i="1"/>
  <c r="T72775" i="1"/>
  <c r="T72776" i="1"/>
  <c r="T72777" i="1"/>
  <c r="T72778" i="1"/>
  <c r="T72779" i="1"/>
  <c r="T72780" i="1"/>
  <c r="T72781" i="1"/>
  <c r="T72782" i="1"/>
  <c r="T72783" i="1"/>
  <c r="T72784" i="1"/>
  <c r="T72785" i="1"/>
  <c r="T72786" i="1"/>
  <c r="T72787" i="1"/>
  <c r="T72788" i="1"/>
  <c r="T72789" i="1"/>
  <c r="T72790" i="1"/>
  <c r="T72791" i="1"/>
  <c r="T72792" i="1"/>
  <c r="T72793" i="1"/>
  <c r="T72794" i="1"/>
  <c r="T72795" i="1"/>
  <c r="T72796" i="1"/>
  <c r="T72797" i="1"/>
  <c r="T72798" i="1"/>
  <c r="T72799" i="1"/>
  <c r="T72800" i="1"/>
  <c r="T72801" i="1"/>
  <c r="T72802" i="1"/>
  <c r="T72803" i="1"/>
  <c r="T72804" i="1"/>
  <c r="T72805" i="1"/>
  <c r="T72806" i="1"/>
  <c r="T72807" i="1"/>
  <c r="T72808" i="1"/>
  <c r="T72809" i="1"/>
  <c r="T72810" i="1"/>
  <c r="T72811" i="1"/>
  <c r="T72812" i="1"/>
  <c r="T72813" i="1"/>
  <c r="T72814" i="1"/>
  <c r="T72815" i="1"/>
  <c r="T72816" i="1"/>
  <c r="T72817" i="1"/>
  <c r="T72818" i="1"/>
  <c r="T72819" i="1"/>
  <c r="T72820" i="1"/>
  <c r="T72821" i="1"/>
  <c r="T72822" i="1"/>
  <c r="T72823" i="1"/>
  <c r="T72824" i="1"/>
  <c r="T72825" i="1"/>
  <c r="T72826" i="1"/>
  <c r="T72827" i="1"/>
  <c r="T72828" i="1"/>
  <c r="T72829" i="1"/>
  <c r="T72830" i="1"/>
  <c r="T72831" i="1"/>
  <c r="T72832" i="1"/>
  <c r="T72833" i="1"/>
  <c r="T72834" i="1"/>
  <c r="T72835" i="1"/>
  <c r="T72836" i="1"/>
  <c r="T72837" i="1"/>
  <c r="T72838" i="1"/>
  <c r="T72839" i="1"/>
  <c r="T72840" i="1"/>
  <c r="T72841" i="1"/>
  <c r="T72842" i="1"/>
  <c r="T72843" i="1"/>
  <c r="T72844" i="1"/>
  <c r="T72845" i="1"/>
  <c r="T72846" i="1"/>
  <c r="T72847" i="1"/>
  <c r="T72848" i="1"/>
  <c r="T72849" i="1"/>
  <c r="T72850" i="1"/>
  <c r="T72851" i="1"/>
  <c r="T72852" i="1"/>
  <c r="T72853" i="1"/>
  <c r="T72854" i="1"/>
  <c r="T72855" i="1"/>
  <c r="T72856" i="1"/>
  <c r="T72857" i="1"/>
  <c r="T72858" i="1"/>
  <c r="T72859" i="1"/>
  <c r="T72860" i="1"/>
  <c r="T72861" i="1"/>
  <c r="T72862" i="1"/>
  <c r="T72863" i="1"/>
  <c r="T72864" i="1"/>
  <c r="T72865" i="1"/>
  <c r="T72866" i="1"/>
  <c r="T72867" i="1"/>
  <c r="T72868" i="1"/>
  <c r="T72869" i="1"/>
  <c r="T72870" i="1"/>
  <c r="T72871" i="1"/>
  <c r="T72872" i="1"/>
  <c r="T72873" i="1"/>
  <c r="T72874" i="1"/>
  <c r="T72875" i="1"/>
  <c r="T72876" i="1"/>
  <c r="T72877" i="1"/>
  <c r="T72878" i="1"/>
  <c r="T72879" i="1"/>
  <c r="T72880" i="1"/>
  <c r="T72881" i="1"/>
  <c r="T72882" i="1"/>
  <c r="T72883" i="1"/>
  <c r="T72884" i="1"/>
  <c r="T72885" i="1"/>
  <c r="T72886" i="1"/>
  <c r="T72887" i="1"/>
  <c r="T72888" i="1"/>
  <c r="T72889" i="1"/>
  <c r="T72890" i="1"/>
  <c r="T72891" i="1"/>
  <c r="T72892" i="1"/>
  <c r="T72893" i="1"/>
  <c r="T72894" i="1"/>
  <c r="T72895" i="1"/>
  <c r="T72896" i="1"/>
  <c r="T72897" i="1"/>
  <c r="T72898" i="1"/>
  <c r="T72899" i="1"/>
  <c r="T72900" i="1"/>
  <c r="T72901" i="1"/>
  <c r="T72902" i="1"/>
  <c r="T72903" i="1"/>
  <c r="T72904" i="1"/>
  <c r="T72905" i="1"/>
  <c r="T72906" i="1"/>
  <c r="T72907" i="1"/>
  <c r="T72908" i="1"/>
  <c r="T72909" i="1"/>
  <c r="T72910" i="1"/>
  <c r="T72911" i="1"/>
  <c r="T72912" i="1"/>
  <c r="T72913" i="1"/>
  <c r="T72914" i="1"/>
  <c r="T72915" i="1"/>
  <c r="T72916" i="1"/>
  <c r="T72917" i="1"/>
  <c r="T72918" i="1"/>
  <c r="T72919" i="1"/>
  <c r="T72920" i="1"/>
  <c r="T72921" i="1"/>
  <c r="T72922" i="1"/>
  <c r="T72923" i="1"/>
  <c r="T72924" i="1"/>
  <c r="T72925" i="1"/>
  <c r="T72926" i="1"/>
  <c r="T72927" i="1"/>
  <c r="T72928" i="1"/>
  <c r="T72929" i="1"/>
  <c r="T72930" i="1"/>
  <c r="T72931" i="1"/>
  <c r="T72932" i="1"/>
  <c r="T72933" i="1"/>
  <c r="T72934" i="1"/>
  <c r="T72935" i="1"/>
  <c r="T72936" i="1"/>
  <c r="T72937" i="1"/>
  <c r="T72938" i="1"/>
  <c r="T72939" i="1"/>
  <c r="T72940" i="1"/>
  <c r="T72941" i="1"/>
  <c r="T72942" i="1"/>
  <c r="T72943" i="1"/>
  <c r="T72944" i="1"/>
  <c r="T72945" i="1"/>
  <c r="T72946" i="1"/>
  <c r="T72947" i="1"/>
  <c r="T72948" i="1"/>
  <c r="T72949" i="1"/>
  <c r="T72950" i="1"/>
  <c r="T72951" i="1"/>
  <c r="T72952" i="1"/>
  <c r="T72953" i="1"/>
  <c r="T72954" i="1"/>
  <c r="T72955" i="1"/>
  <c r="T72956" i="1"/>
  <c r="T72957" i="1"/>
  <c r="T72958" i="1"/>
  <c r="T72959" i="1"/>
  <c r="T72960" i="1"/>
  <c r="T72961" i="1"/>
  <c r="T72962" i="1"/>
  <c r="T72963" i="1"/>
  <c r="T72964" i="1"/>
  <c r="T72965" i="1"/>
  <c r="T72966" i="1"/>
  <c r="T72967" i="1"/>
  <c r="T72968" i="1"/>
  <c r="T72969" i="1"/>
  <c r="T72970" i="1"/>
  <c r="T72971" i="1"/>
  <c r="T72972" i="1"/>
  <c r="T72973" i="1"/>
  <c r="T72974" i="1"/>
  <c r="T72975" i="1"/>
  <c r="T72976" i="1"/>
  <c r="T72977" i="1"/>
  <c r="T72978" i="1"/>
  <c r="T72979" i="1"/>
  <c r="T72980" i="1"/>
  <c r="T72981" i="1"/>
  <c r="T72982" i="1"/>
  <c r="T72983" i="1"/>
  <c r="T72984" i="1"/>
  <c r="T72985" i="1"/>
  <c r="T72986" i="1"/>
  <c r="T72987" i="1"/>
  <c r="T72988" i="1"/>
  <c r="T72989" i="1"/>
  <c r="T72990" i="1"/>
  <c r="T72991" i="1"/>
  <c r="T72992" i="1"/>
  <c r="T72993" i="1"/>
  <c r="T72994" i="1"/>
  <c r="T72995" i="1"/>
  <c r="T72996" i="1"/>
  <c r="T72997" i="1"/>
  <c r="T72998" i="1"/>
  <c r="T72999" i="1"/>
  <c r="T73000" i="1"/>
  <c r="T73001" i="1"/>
  <c r="T73002" i="1"/>
  <c r="T73003" i="1"/>
  <c r="T73004" i="1"/>
  <c r="T73005" i="1"/>
  <c r="T73006" i="1"/>
  <c r="T73007" i="1"/>
  <c r="T73008" i="1"/>
  <c r="T73009" i="1"/>
  <c r="T73010" i="1"/>
  <c r="T73011" i="1"/>
  <c r="T73012" i="1"/>
  <c r="T73013" i="1"/>
  <c r="T73014" i="1"/>
  <c r="T73015" i="1"/>
  <c r="T73016" i="1"/>
  <c r="T73017" i="1"/>
  <c r="T73018" i="1"/>
  <c r="T73019" i="1"/>
  <c r="T73020" i="1"/>
  <c r="T73021" i="1"/>
  <c r="T73022" i="1"/>
  <c r="T73023" i="1"/>
  <c r="T73024" i="1"/>
  <c r="T73025" i="1"/>
  <c r="T73026" i="1"/>
  <c r="T73027" i="1"/>
  <c r="T73028" i="1"/>
  <c r="T73029" i="1"/>
  <c r="T73030" i="1"/>
  <c r="T73031" i="1"/>
  <c r="T73032" i="1"/>
  <c r="T73033" i="1"/>
  <c r="T73034" i="1"/>
  <c r="T73035" i="1"/>
  <c r="T73036" i="1"/>
  <c r="T73037" i="1"/>
  <c r="T73038" i="1"/>
  <c r="T73039" i="1"/>
  <c r="T73040" i="1"/>
  <c r="T73041" i="1"/>
  <c r="T73042" i="1"/>
  <c r="T73043" i="1"/>
  <c r="T73044" i="1"/>
  <c r="T73045" i="1"/>
  <c r="T73046" i="1"/>
  <c r="T73047" i="1"/>
  <c r="T73048" i="1"/>
  <c r="T73049" i="1"/>
  <c r="T73050" i="1"/>
  <c r="T73051" i="1"/>
  <c r="T73052" i="1"/>
  <c r="T73053" i="1"/>
  <c r="T73054" i="1"/>
  <c r="T73055" i="1"/>
  <c r="T73056" i="1"/>
  <c r="T73057" i="1"/>
  <c r="T73058" i="1"/>
  <c r="T73059" i="1"/>
  <c r="T73060" i="1"/>
  <c r="T73061" i="1"/>
  <c r="T73062" i="1"/>
  <c r="T73063" i="1"/>
  <c r="T73064" i="1"/>
  <c r="T73065" i="1"/>
  <c r="T73066" i="1"/>
  <c r="T73067" i="1"/>
  <c r="T73068" i="1"/>
  <c r="T73069" i="1"/>
  <c r="T73070" i="1"/>
  <c r="T73071" i="1"/>
  <c r="T73072" i="1"/>
  <c r="T73073" i="1"/>
  <c r="T73074" i="1"/>
  <c r="T73075" i="1"/>
  <c r="T73076" i="1"/>
  <c r="T73077" i="1"/>
  <c r="T73078" i="1"/>
  <c r="T73079" i="1"/>
  <c r="T73080" i="1"/>
  <c r="T73081" i="1"/>
  <c r="T73082" i="1"/>
  <c r="T73083" i="1"/>
  <c r="T73084" i="1"/>
  <c r="T73085" i="1"/>
  <c r="T73086" i="1"/>
  <c r="T73087" i="1"/>
  <c r="T73088" i="1"/>
  <c r="T73089" i="1"/>
  <c r="T73090" i="1"/>
  <c r="T73091" i="1"/>
  <c r="T73092" i="1"/>
  <c r="T73093" i="1"/>
  <c r="T73094" i="1"/>
  <c r="T73095" i="1"/>
  <c r="T73096" i="1"/>
  <c r="T73097" i="1"/>
  <c r="T73098" i="1"/>
  <c r="T73099" i="1"/>
  <c r="T73100" i="1"/>
  <c r="T73101" i="1"/>
  <c r="T73102" i="1"/>
  <c r="T73103" i="1"/>
  <c r="T73104" i="1"/>
  <c r="T73105" i="1"/>
  <c r="T73106" i="1"/>
  <c r="T73107" i="1"/>
  <c r="T73108" i="1"/>
  <c r="T73109" i="1"/>
  <c r="T73110" i="1"/>
  <c r="T73111" i="1"/>
  <c r="T73112" i="1"/>
  <c r="T73113" i="1"/>
  <c r="T73114" i="1"/>
  <c r="T73115" i="1"/>
  <c r="T73116" i="1"/>
  <c r="T73117" i="1"/>
  <c r="T73118" i="1"/>
  <c r="T73119" i="1"/>
  <c r="T73120" i="1"/>
  <c r="T73121" i="1"/>
  <c r="T73122" i="1"/>
  <c r="T73123" i="1"/>
  <c r="T73124" i="1"/>
  <c r="T73125" i="1"/>
  <c r="T73126" i="1"/>
  <c r="T73127" i="1"/>
  <c r="T73128" i="1"/>
  <c r="T73129" i="1"/>
  <c r="T73130" i="1"/>
  <c r="T73131" i="1"/>
  <c r="T73132" i="1"/>
  <c r="T73133" i="1"/>
  <c r="T73134" i="1"/>
  <c r="T73135" i="1"/>
  <c r="T73136" i="1"/>
  <c r="T73137" i="1"/>
  <c r="T73138" i="1"/>
  <c r="T73139" i="1"/>
  <c r="T73140" i="1"/>
  <c r="T73141" i="1"/>
  <c r="T73142" i="1"/>
  <c r="T73143" i="1"/>
  <c r="T73144" i="1"/>
  <c r="T73145" i="1"/>
  <c r="T73146" i="1"/>
  <c r="T73147" i="1"/>
  <c r="T73148" i="1"/>
  <c r="T73149" i="1"/>
  <c r="T73150" i="1"/>
  <c r="T73151" i="1"/>
  <c r="T73152" i="1"/>
  <c r="T73153" i="1"/>
  <c r="T73154" i="1"/>
  <c r="T73155" i="1"/>
  <c r="T73156" i="1"/>
  <c r="T73157" i="1"/>
  <c r="T73158" i="1"/>
  <c r="T73159" i="1"/>
  <c r="T73160" i="1"/>
  <c r="T73161" i="1"/>
  <c r="T73162" i="1"/>
  <c r="T73163" i="1"/>
  <c r="T73164" i="1"/>
  <c r="T73165" i="1"/>
  <c r="T73166" i="1"/>
  <c r="T73167" i="1"/>
  <c r="T73168" i="1"/>
  <c r="T73169" i="1"/>
  <c r="T73170" i="1"/>
  <c r="T73171" i="1"/>
  <c r="T73172" i="1"/>
  <c r="T73173" i="1"/>
  <c r="T73174" i="1"/>
  <c r="T73175" i="1"/>
  <c r="T73176" i="1"/>
  <c r="T73177" i="1"/>
  <c r="T73178" i="1"/>
  <c r="T73179" i="1"/>
  <c r="T73180" i="1"/>
  <c r="T73181" i="1"/>
  <c r="T73182" i="1"/>
  <c r="T73183" i="1"/>
  <c r="T73184" i="1"/>
  <c r="T73185" i="1"/>
  <c r="T73186" i="1"/>
  <c r="T73187" i="1"/>
  <c r="T73188" i="1"/>
  <c r="T73189" i="1"/>
  <c r="T73190" i="1"/>
  <c r="T73191" i="1"/>
  <c r="T73192" i="1"/>
  <c r="T73193" i="1"/>
  <c r="T73194" i="1"/>
  <c r="T73195" i="1"/>
  <c r="T73196" i="1"/>
  <c r="T73197" i="1"/>
  <c r="T73198" i="1"/>
  <c r="T73199" i="1"/>
  <c r="T73200" i="1"/>
  <c r="T73201" i="1"/>
  <c r="T73202" i="1"/>
  <c r="T73203" i="1"/>
  <c r="T73204" i="1"/>
  <c r="T73205" i="1"/>
  <c r="T73206" i="1"/>
  <c r="T73207" i="1"/>
  <c r="T73208" i="1"/>
  <c r="T73209" i="1"/>
  <c r="T73210" i="1"/>
  <c r="T73211" i="1"/>
  <c r="T73212" i="1"/>
  <c r="T73213" i="1"/>
  <c r="T73214" i="1"/>
  <c r="T73215" i="1"/>
  <c r="T73216" i="1"/>
  <c r="T73217" i="1"/>
  <c r="T73218" i="1"/>
  <c r="T73219" i="1"/>
  <c r="T73220" i="1"/>
  <c r="T73221" i="1"/>
  <c r="T73222" i="1"/>
  <c r="T73223" i="1"/>
  <c r="T73224" i="1"/>
  <c r="T73225" i="1"/>
  <c r="T73226" i="1"/>
  <c r="T73227" i="1"/>
  <c r="T73228" i="1"/>
  <c r="T73229" i="1"/>
  <c r="T73230" i="1"/>
  <c r="T73231" i="1"/>
  <c r="T73232" i="1"/>
  <c r="T73233" i="1"/>
  <c r="T73234" i="1"/>
  <c r="T73235" i="1"/>
  <c r="T73236" i="1"/>
  <c r="T73237" i="1"/>
  <c r="T73238" i="1"/>
  <c r="T73239" i="1"/>
  <c r="T73240" i="1"/>
  <c r="T73241" i="1"/>
  <c r="T73242" i="1"/>
  <c r="T73243" i="1"/>
  <c r="T73244" i="1"/>
  <c r="T73245" i="1"/>
  <c r="T73246" i="1"/>
  <c r="T73247" i="1"/>
  <c r="T73248" i="1"/>
  <c r="T73249" i="1"/>
  <c r="T73250" i="1"/>
  <c r="T73251" i="1"/>
  <c r="T73252" i="1"/>
  <c r="T73253" i="1"/>
  <c r="T73254" i="1"/>
  <c r="T73255" i="1"/>
  <c r="T73256" i="1"/>
  <c r="T73257" i="1"/>
  <c r="T73258" i="1"/>
  <c r="T73259" i="1"/>
  <c r="T73260" i="1"/>
  <c r="T73261" i="1"/>
  <c r="T73262" i="1"/>
  <c r="T73263" i="1"/>
  <c r="T73264" i="1"/>
  <c r="T73265" i="1"/>
  <c r="T73266" i="1"/>
  <c r="T73267" i="1"/>
  <c r="T73268" i="1"/>
  <c r="T73269" i="1"/>
  <c r="T73270" i="1"/>
  <c r="T73271" i="1"/>
  <c r="T73272" i="1"/>
  <c r="T73273" i="1"/>
  <c r="T73274" i="1"/>
  <c r="T73275" i="1"/>
  <c r="T73276" i="1"/>
  <c r="T73277" i="1"/>
  <c r="T73278" i="1"/>
  <c r="T73279" i="1"/>
  <c r="T73280" i="1"/>
  <c r="T73281" i="1"/>
  <c r="T73282" i="1"/>
  <c r="T73283" i="1"/>
  <c r="T73284" i="1"/>
  <c r="T73285" i="1"/>
  <c r="T73286" i="1"/>
  <c r="T73287" i="1"/>
  <c r="T73288" i="1"/>
  <c r="T73289" i="1"/>
  <c r="T73290" i="1"/>
  <c r="T73291" i="1"/>
  <c r="T73292" i="1"/>
  <c r="T73293" i="1"/>
  <c r="T73294" i="1"/>
  <c r="T73295" i="1"/>
  <c r="T73296" i="1"/>
  <c r="T73297" i="1"/>
  <c r="T73298" i="1"/>
  <c r="T73299" i="1"/>
  <c r="T73300" i="1"/>
  <c r="T73301" i="1"/>
  <c r="T73302" i="1"/>
  <c r="T73303" i="1"/>
  <c r="T73304" i="1"/>
  <c r="T73305" i="1"/>
  <c r="T73306" i="1"/>
  <c r="T73307" i="1"/>
  <c r="T73308" i="1"/>
  <c r="T73309" i="1"/>
  <c r="T73310" i="1"/>
  <c r="T73311" i="1"/>
  <c r="T73312" i="1"/>
  <c r="T73313" i="1"/>
  <c r="T73314" i="1"/>
  <c r="T73315" i="1"/>
  <c r="T73316" i="1"/>
  <c r="T73317" i="1"/>
  <c r="T73318" i="1"/>
  <c r="T73319" i="1"/>
  <c r="T73320" i="1"/>
  <c r="T73321" i="1"/>
  <c r="T73322" i="1"/>
  <c r="T73323" i="1"/>
  <c r="T73324" i="1"/>
  <c r="T73325" i="1"/>
  <c r="T73326" i="1"/>
  <c r="T73327" i="1"/>
  <c r="T73328" i="1"/>
  <c r="T73329" i="1"/>
  <c r="T73330" i="1"/>
  <c r="T73331" i="1"/>
  <c r="T73332" i="1"/>
  <c r="T73333" i="1"/>
  <c r="T73334" i="1"/>
  <c r="T73335" i="1"/>
  <c r="T73336" i="1"/>
  <c r="T73337" i="1"/>
  <c r="T73338" i="1"/>
  <c r="T73339" i="1"/>
  <c r="T73340" i="1"/>
  <c r="T73341" i="1"/>
  <c r="T73342" i="1"/>
  <c r="T73343" i="1"/>
  <c r="T73344" i="1"/>
  <c r="T73345" i="1"/>
  <c r="T73346" i="1"/>
  <c r="T73347" i="1"/>
  <c r="T73348" i="1"/>
  <c r="T73349" i="1"/>
  <c r="T73350" i="1"/>
  <c r="T73351" i="1"/>
  <c r="T73352" i="1"/>
  <c r="T73353" i="1"/>
  <c r="T73354" i="1"/>
  <c r="T73355" i="1"/>
  <c r="T73356" i="1"/>
  <c r="T73357" i="1"/>
  <c r="T73358" i="1"/>
  <c r="T73359" i="1"/>
  <c r="T73360" i="1"/>
  <c r="T73361" i="1"/>
  <c r="T73362" i="1"/>
  <c r="T73363" i="1"/>
  <c r="T73364" i="1"/>
  <c r="T73365" i="1"/>
  <c r="T73366" i="1"/>
  <c r="T73367" i="1"/>
  <c r="T73368" i="1"/>
  <c r="T73369" i="1"/>
  <c r="T73370" i="1"/>
  <c r="T73371" i="1"/>
  <c r="T73372" i="1"/>
  <c r="T73373" i="1"/>
  <c r="T73374" i="1"/>
  <c r="T73375" i="1"/>
  <c r="T73376" i="1"/>
  <c r="T73377" i="1"/>
  <c r="T73378" i="1"/>
  <c r="T73379" i="1"/>
  <c r="T73380" i="1"/>
  <c r="T73381" i="1"/>
  <c r="T73382" i="1"/>
  <c r="T73383" i="1"/>
  <c r="T73384" i="1"/>
  <c r="T73385" i="1"/>
  <c r="T73386" i="1"/>
  <c r="T73387" i="1"/>
  <c r="T73388" i="1"/>
  <c r="T73389" i="1"/>
  <c r="T73390" i="1"/>
  <c r="T73391" i="1"/>
  <c r="T73392" i="1"/>
  <c r="T73393" i="1"/>
  <c r="T73394" i="1"/>
  <c r="T73395" i="1"/>
  <c r="T73396" i="1"/>
  <c r="T73397" i="1"/>
  <c r="T73398" i="1"/>
  <c r="T73399" i="1"/>
  <c r="T73400" i="1"/>
  <c r="T73401" i="1"/>
  <c r="T73402" i="1"/>
  <c r="T73403" i="1"/>
  <c r="T73404" i="1"/>
  <c r="T73405" i="1"/>
  <c r="T73406" i="1"/>
  <c r="T73407" i="1"/>
  <c r="T73408" i="1"/>
  <c r="T73409" i="1"/>
  <c r="T73410" i="1"/>
  <c r="T73411" i="1"/>
  <c r="T73412" i="1"/>
  <c r="T73413" i="1"/>
  <c r="T73414" i="1"/>
  <c r="T73415" i="1"/>
  <c r="T73416" i="1"/>
  <c r="T73417" i="1"/>
  <c r="T73418" i="1"/>
  <c r="T73419" i="1"/>
  <c r="T73420" i="1"/>
  <c r="T73421" i="1"/>
  <c r="T73422" i="1"/>
  <c r="T73423" i="1"/>
  <c r="T73424" i="1"/>
  <c r="T73425" i="1"/>
  <c r="T73426" i="1"/>
  <c r="T73427" i="1"/>
  <c r="T73428" i="1"/>
  <c r="T73429" i="1"/>
  <c r="T73430" i="1"/>
  <c r="T73431" i="1"/>
  <c r="T73432" i="1"/>
  <c r="T73433" i="1"/>
  <c r="T73434" i="1"/>
  <c r="T73435" i="1"/>
  <c r="T73436" i="1"/>
  <c r="T73437" i="1"/>
  <c r="T73438" i="1"/>
  <c r="T73439" i="1"/>
  <c r="T73440" i="1"/>
  <c r="T73441" i="1"/>
  <c r="T73442" i="1"/>
  <c r="T73443" i="1"/>
  <c r="T73444" i="1"/>
  <c r="T73445" i="1"/>
  <c r="T73446" i="1"/>
  <c r="T73447" i="1"/>
  <c r="T73448" i="1"/>
  <c r="T73449" i="1"/>
  <c r="T73450" i="1"/>
  <c r="T73451" i="1"/>
  <c r="T73452" i="1"/>
  <c r="T73453" i="1"/>
  <c r="T73454" i="1"/>
  <c r="T73455" i="1"/>
  <c r="T73456" i="1"/>
  <c r="T73457" i="1"/>
  <c r="T73458" i="1"/>
  <c r="T73459" i="1"/>
  <c r="T73460" i="1"/>
  <c r="T73461" i="1"/>
  <c r="T73462" i="1"/>
  <c r="T73463" i="1"/>
  <c r="T73464" i="1"/>
  <c r="T73465" i="1"/>
  <c r="T73466" i="1"/>
  <c r="T73467" i="1"/>
  <c r="T73468" i="1"/>
  <c r="T73469" i="1"/>
  <c r="T73470" i="1"/>
  <c r="T73471" i="1"/>
  <c r="T73472" i="1"/>
  <c r="T73473" i="1"/>
  <c r="T73474" i="1"/>
  <c r="T73475" i="1"/>
  <c r="T73476" i="1"/>
  <c r="T73477" i="1"/>
  <c r="T73478" i="1"/>
  <c r="T73479" i="1"/>
  <c r="T73480" i="1"/>
  <c r="T73481" i="1"/>
  <c r="T73482" i="1"/>
  <c r="T73483" i="1"/>
  <c r="T73484" i="1"/>
  <c r="T73485" i="1"/>
  <c r="T73486" i="1"/>
  <c r="T73487" i="1"/>
  <c r="T73488" i="1"/>
  <c r="T73489" i="1"/>
  <c r="T73490" i="1"/>
  <c r="T73491" i="1"/>
  <c r="T73492" i="1"/>
  <c r="T73493" i="1"/>
  <c r="T73494" i="1"/>
  <c r="T73495" i="1"/>
  <c r="T73496" i="1"/>
  <c r="T73497" i="1"/>
  <c r="T73498" i="1"/>
  <c r="T73499" i="1"/>
  <c r="T73500" i="1"/>
  <c r="T73501" i="1"/>
  <c r="T73502" i="1"/>
  <c r="T73503" i="1"/>
  <c r="T73504" i="1"/>
  <c r="T73505" i="1"/>
  <c r="T73506" i="1"/>
  <c r="T73507" i="1"/>
  <c r="T73508" i="1"/>
  <c r="T73509" i="1"/>
  <c r="T73510" i="1"/>
  <c r="T73511" i="1"/>
  <c r="T73512" i="1"/>
  <c r="T73513" i="1"/>
  <c r="T73514" i="1"/>
  <c r="T73515" i="1"/>
  <c r="T73516" i="1"/>
  <c r="T73517" i="1"/>
  <c r="T73518" i="1"/>
  <c r="T73519" i="1"/>
  <c r="T73520" i="1"/>
  <c r="T73521" i="1"/>
  <c r="T73522" i="1"/>
  <c r="T73523" i="1"/>
  <c r="T73524" i="1"/>
  <c r="T73525" i="1"/>
  <c r="T73526" i="1"/>
  <c r="T73527" i="1"/>
  <c r="T73528" i="1"/>
  <c r="T73529" i="1"/>
  <c r="T73530" i="1"/>
  <c r="T73531" i="1"/>
  <c r="T73532" i="1"/>
  <c r="T73533" i="1"/>
  <c r="T73534" i="1"/>
  <c r="T73535" i="1"/>
  <c r="T73536" i="1"/>
  <c r="T73537" i="1"/>
  <c r="T73538" i="1"/>
  <c r="T73539" i="1"/>
  <c r="T73540" i="1"/>
  <c r="T73541" i="1"/>
  <c r="T73542" i="1"/>
  <c r="T73543" i="1"/>
  <c r="T73544" i="1"/>
  <c r="T73545" i="1"/>
  <c r="T73546" i="1"/>
  <c r="T73547" i="1"/>
  <c r="T73548" i="1"/>
  <c r="T73549" i="1"/>
  <c r="T73550" i="1"/>
  <c r="T73551" i="1"/>
  <c r="T73552" i="1"/>
  <c r="T73553" i="1"/>
  <c r="T73554" i="1"/>
  <c r="T73555" i="1"/>
  <c r="T73556" i="1"/>
  <c r="T73557" i="1"/>
  <c r="T73558" i="1"/>
  <c r="T73559" i="1"/>
  <c r="T73560" i="1"/>
  <c r="T73561" i="1"/>
  <c r="T73562" i="1"/>
  <c r="T73563" i="1"/>
  <c r="T73564" i="1"/>
  <c r="T73565" i="1"/>
  <c r="T73566" i="1"/>
  <c r="T73567" i="1"/>
  <c r="T73568" i="1"/>
  <c r="T73569" i="1"/>
  <c r="T73570" i="1"/>
  <c r="T73571" i="1"/>
  <c r="T73572" i="1"/>
  <c r="T73573" i="1"/>
  <c r="T73574" i="1"/>
  <c r="T73575" i="1"/>
  <c r="T73576" i="1"/>
  <c r="T73577" i="1"/>
  <c r="T73578" i="1"/>
  <c r="T73579" i="1"/>
  <c r="T73580" i="1"/>
  <c r="T73581" i="1"/>
  <c r="T73582" i="1"/>
  <c r="T73583" i="1"/>
  <c r="T73584" i="1"/>
  <c r="T73585" i="1"/>
  <c r="T73586" i="1"/>
  <c r="T73587" i="1"/>
  <c r="T73588" i="1"/>
  <c r="T73589" i="1"/>
  <c r="T73590" i="1"/>
  <c r="T73591" i="1"/>
  <c r="T73592" i="1"/>
  <c r="T73593" i="1"/>
  <c r="T73594" i="1"/>
  <c r="T73595" i="1"/>
  <c r="T73596" i="1"/>
  <c r="T73597" i="1"/>
  <c r="T73598" i="1"/>
  <c r="T73599" i="1"/>
  <c r="T73600" i="1"/>
  <c r="T73601" i="1"/>
  <c r="T73602" i="1"/>
  <c r="T73603" i="1"/>
  <c r="T73604" i="1"/>
  <c r="T73605" i="1"/>
  <c r="T73606" i="1"/>
  <c r="T73607" i="1"/>
  <c r="T73608" i="1"/>
  <c r="T73609" i="1"/>
  <c r="T73610" i="1"/>
  <c r="T73611" i="1"/>
  <c r="T73612" i="1"/>
  <c r="T73613" i="1"/>
  <c r="T73614" i="1"/>
  <c r="T73615" i="1"/>
  <c r="T73616" i="1"/>
  <c r="T73617" i="1"/>
  <c r="T73618" i="1"/>
  <c r="T73619" i="1"/>
  <c r="T73620" i="1"/>
  <c r="T73621" i="1"/>
  <c r="T73622" i="1"/>
  <c r="T73623" i="1"/>
  <c r="T73624" i="1"/>
  <c r="T73625" i="1"/>
  <c r="T73626" i="1"/>
  <c r="T73627" i="1"/>
  <c r="T73628" i="1"/>
  <c r="T73629" i="1"/>
  <c r="T73630" i="1"/>
  <c r="T73631" i="1"/>
  <c r="T73632" i="1"/>
  <c r="T73633" i="1"/>
  <c r="T73634" i="1"/>
  <c r="T73635" i="1"/>
  <c r="T73636" i="1"/>
  <c r="T73637" i="1"/>
  <c r="T73638" i="1"/>
  <c r="T73639" i="1"/>
  <c r="T73640" i="1"/>
  <c r="T73641" i="1"/>
  <c r="T73642" i="1"/>
  <c r="T73643" i="1"/>
  <c r="T73644" i="1"/>
  <c r="T73645" i="1"/>
  <c r="T73646" i="1"/>
  <c r="T73647" i="1"/>
  <c r="T73648" i="1"/>
  <c r="T73649" i="1"/>
  <c r="T73650" i="1"/>
  <c r="T73651" i="1"/>
  <c r="T73652" i="1"/>
  <c r="T73653" i="1"/>
  <c r="T73654" i="1"/>
  <c r="T73655" i="1"/>
  <c r="T73656" i="1"/>
  <c r="T73657" i="1"/>
  <c r="T73658" i="1"/>
  <c r="T73659" i="1"/>
  <c r="T73660" i="1"/>
  <c r="T73661" i="1"/>
  <c r="T73662" i="1"/>
  <c r="T73663" i="1"/>
  <c r="T73664" i="1"/>
  <c r="T73665" i="1"/>
  <c r="T73666" i="1"/>
  <c r="T73667" i="1"/>
  <c r="T73668" i="1"/>
  <c r="T73669" i="1"/>
  <c r="T73670" i="1"/>
  <c r="T73671" i="1"/>
  <c r="T73672" i="1"/>
  <c r="T73673" i="1"/>
  <c r="T73674" i="1"/>
  <c r="T73675" i="1"/>
  <c r="T73676" i="1"/>
  <c r="T73677" i="1"/>
  <c r="T73678" i="1"/>
  <c r="T73679" i="1"/>
  <c r="T73680" i="1"/>
  <c r="T73681" i="1"/>
  <c r="T73682" i="1"/>
  <c r="T73683" i="1"/>
  <c r="T73684" i="1"/>
  <c r="T73685" i="1"/>
  <c r="T73686" i="1"/>
  <c r="T73687" i="1"/>
  <c r="T73688" i="1"/>
  <c r="T73689" i="1"/>
  <c r="T73690" i="1"/>
  <c r="T73691" i="1"/>
  <c r="T73692" i="1"/>
  <c r="T73693" i="1"/>
  <c r="T73694" i="1"/>
  <c r="T73695" i="1"/>
  <c r="T73696" i="1"/>
  <c r="T73697" i="1"/>
  <c r="T73698" i="1"/>
  <c r="T73699" i="1"/>
  <c r="T73700" i="1"/>
  <c r="T73701" i="1"/>
  <c r="T73702" i="1"/>
  <c r="T73703" i="1"/>
  <c r="T73704" i="1"/>
  <c r="T73705" i="1"/>
  <c r="T73706" i="1"/>
  <c r="T73707" i="1"/>
  <c r="T73708" i="1"/>
  <c r="T73709" i="1"/>
  <c r="T73710" i="1"/>
  <c r="T73711" i="1"/>
  <c r="T73712" i="1"/>
  <c r="T73713" i="1"/>
  <c r="T73714" i="1"/>
  <c r="T73715" i="1"/>
  <c r="T73716" i="1"/>
  <c r="T73717" i="1"/>
  <c r="T73718" i="1"/>
  <c r="T73719" i="1"/>
  <c r="T73720" i="1"/>
  <c r="T73721" i="1"/>
  <c r="T73722" i="1"/>
  <c r="T73723" i="1"/>
  <c r="T73724" i="1"/>
  <c r="T73725" i="1"/>
  <c r="T73726" i="1"/>
  <c r="T73727" i="1"/>
  <c r="T73728" i="1"/>
  <c r="T73729" i="1"/>
  <c r="T73730" i="1"/>
  <c r="T73731" i="1"/>
  <c r="T73732" i="1"/>
  <c r="T73733" i="1"/>
  <c r="T73734" i="1"/>
  <c r="T73735" i="1"/>
  <c r="T73736" i="1"/>
  <c r="T73737" i="1"/>
  <c r="T73738" i="1"/>
  <c r="T73739" i="1"/>
  <c r="T73740" i="1"/>
  <c r="T73741" i="1"/>
  <c r="T73742" i="1"/>
  <c r="T73743" i="1"/>
  <c r="T73744" i="1"/>
  <c r="T73745" i="1"/>
  <c r="T73746" i="1"/>
  <c r="T73747" i="1"/>
  <c r="T73748" i="1"/>
  <c r="T73749" i="1"/>
  <c r="T73750" i="1"/>
  <c r="T73751" i="1"/>
  <c r="T73752" i="1"/>
  <c r="T73753" i="1"/>
  <c r="T73754" i="1"/>
  <c r="T73755" i="1"/>
  <c r="T73756" i="1"/>
  <c r="T73757" i="1"/>
  <c r="T73758" i="1"/>
  <c r="T73759" i="1"/>
  <c r="T73760" i="1"/>
  <c r="T73761" i="1"/>
  <c r="T73762" i="1"/>
  <c r="T73763" i="1"/>
  <c r="T73764" i="1"/>
  <c r="T73765" i="1"/>
  <c r="T73766" i="1"/>
  <c r="T73767" i="1"/>
  <c r="T73768" i="1"/>
  <c r="T73769" i="1"/>
  <c r="T73770" i="1"/>
  <c r="T73771" i="1"/>
  <c r="T73772" i="1"/>
  <c r="T73773" i="1"/>
  <c r="T73774" i="1"/>
  <c r="T73775" i="1"/>
  <c r="T73776" i="1"/>
  <c r="T73777" i="1"/>
  <c r="T73778" i="1"/>
  <c r="T73779" i="1"/>
  <c r="T73780" i="1"/>
  <c r="T73781" i="1"/>
  <c r="T73782" i="1"/>
  <c r="T73783" i="1"/>
  <c r="T73784" i="1"/>
  <c r="T73785" i="1"/>
  <c r="T73786" i="1"/>
  <c r="T73787" i="1"/>
  <c r="T73788" i="1"/>
  <c r="T73789" i="1"/>
  <c r="T73790" i="1"/>
  <c r="T73791" i="1"/>
  <c r="T73792" i="1"/>
  <c r="T73793" i="1"/>
  <c r="T73794" i="1"/>
  <c r="T73795" i="1"/>
  <c r="T73796" i="1"/>
  <c r="T73797" i="1"/>
  <c r="T73798" i="1"/>
  <c r="T73799" i="1"/>
  <c r="T73800" i="1"/>
  <c r="T73801" i="1"/>
  <c r="T73802" i="1"/>
  <c r="T73803" i="1"/>
  <c r="T73804" i="1"/>
  <c r="T73805" i="1"/>
  <c r="T73806" i="1"/>
  <c r="T73807" i="1"/>
  <c r="T73808" i="1"/>
  <c r="T73809" i="1"/>
  <c r="T73810" i="1"/>
  <c r="T73811" i="1"/>
  <c r="T73812" i="1"/>
  <c r="T73813" i="1"/>
  <c r="T73814" i="1"/>
  <c r="T73815" i="1"/>
  <c r="T73816" i="1"/>
  <c r="T73817" i="1"/>
  <c r="T73818" i="1"/>
  <c r="T73819" i="1"/>
  <c r="T73820" i="1"/>
  <c r="T73821" i="1"/>
  <c r="T73822" i="1"/>
  <c r="T73823" i="1"/>
  <c r="T73824" i="1"/>
  <c r="T73825" i="1"/>
  <c r="T73826" i="1"/>
  <c r="T73827" i="1"/>
  <c r="T73828" i="1"/>
  <c r="T73829" i="1"/>
  <c r="T73830" i="1"/>
  <c r="T73831" i="1"/>
  <c r="T73832" i="1"/>
  <c r="T73833" i="1"/>
  <c r="T73834" i="1"/>
  <c r="T73835" i="1"/>
  <c r="T73836" i="1"/>
  <c r="T73837" i="1"/>
  <c r="T73838" i="1"/>
  <c r="T73839" i="1"/>
  <c r="T73840" i="1"/>
  <c r="T73841" i="1"/>
  <c r="T73842" i="1"/>
  <c r="T73843" i="1"/>
  <c r="T73844" i="1"/>
  <c r="T73845" i="1"/>
  <c r="T73846" i="1"/>
  <c r="T73847" i="1"/>
  <c r="T73848" i="1"/>
  <c r="T73849" i="1"/>
  <c r="T73850" i="1"/>
  <c r="T73851" i="1"/>
  <c r="T73852" i="1"/>
  <c r="T73853" i="1"/>
  <c r="T73854" i="1"/>
  <c r="T73855" i="1"/>
  <c r="T73856" i="1"/>
  <c r="T73857" i="1"/>
  <c r="T73858" i="1"/>
  <c r="T73859" i="1"/>
  <c r="T73860" i="1"/>
  <c r="T73861" i="1"/>
  <c r="T73862" i="1"/>
  <c r="T73863" i="1"/>
  <c r="T73864" i="1"/>
  <c r="T73865" i="1"/>
  <c r="T73866" i="1"/>
  <c r="T73867" i="1"/>
  <c r="T73868" i="1"/>
  <c r="T73869" i="1"/>
  <c r="T73870" i="1"/>
  <c r="T73871" i="1"/>
  <c r="T73872" i="1"/>
  <c r="T73873" i="1"/>
  <c r="T73874" i="1"/>
  <c r="T73875" i="1"/>
  <c r="T73876" i="1"/>
  <c r="T73877" i="1"/>
  <c r="T73878" i="1"/>
  <c r="T73879" i="1"/>
  <c r="T73880" i="1"/>
  <c r="T73881" i="1"/>
  <c r="T73882" i="1"/>
  <c r="T73883" i="1"/>
  <c r="T73884" i="1"/>
  <c r="T73885" i="1"/>
  <c r="T73886" i="1"/>
  <c r="T73887" i="1"/>
  <c r="T73888" i="1"/>
  <c r="T73889" i="1"/>
  <c r="T73890" i="1"/>
  <c r="T73891" i="1"/>
  <c r="T73892" i="1"/>
  <c r="T73893" i="1"/>
  <c r="T73894" i="1"/>
  <c r="T73895" i="1"/>
  <c r="T73896" i="1"/>
  <c r="T73897" i="1"/>
  <c r="T73898" i="1"/>
  <c r="T73899" i="1"/>
  <c r="T73900" i="1"/>
  <c r="T73901" i="1"/>
  <c r="T73902" i="1"/>
  <c r="T73903" i="1"/>
  <c r="T73904" i="1"/>
  <c r="T73905" i="1"/>
  <c r="T73906" i="1"/>
  <c r="T73907" i="1"/>
  <c r="T73908" i="1"/>
  <c r="T73909" i="1"/>
  <c r="T73910" i="1"/>
  <c r="T73911" i="1"/>
  <c r="T73912" i="1"/>
  <c r="T73913" i="1"/>
  <c r="T73914" i="1"/>
  <c r="T73915" i="1"/>
  <c r="T73916" i="1"/>
  <c r="T73917" i="1"/>
  <c r="T73918" i="1"/>
  <c r="T73919" i="1"/>
  <c r="T73920" i="1"/>
  <c r="T73921" i="1"/>
  <c r="T73922" i="1"/>
  <c r="T73923" i="1"/>
  <c r="T73924" i="1"/>
  <c r="T73925" i="1"/>
  <c r="T73926" i="1"/>
  <c r="T73927" i="1"/>
  <c r="T73928" i="1"/>
  <c r="T73929" i="1"/>
  <c r="T73930" i="1"/>
  <c r="T73931" i="1"/>
  <c r="T73932" i="1"/>
  <c r="T73933" i="1"/>
  <c r="T73934" i="1"/>
  <c r="T73935" i="1"/>
  <c r="T73936" i="1"/>
  <c r="T73937" i="1"/>
  <c r="T73938" i="1"/>
  <c r="T73939" i="1"/>
  <c r="T73940" i="1"/>
  <c r="T73941" i="1"/>
  <c r="T73942" i="1"/>
  <c r="T73943" i="1"/>
  <c r="T73944" i="1"/>
  <c r="T73945" i="1"/>
  <c r="T73946" i="1"/>
  <c r="T73947" i="1"/>
  <c r="T73948" i="1"/>
  <c r="T73949" i="1"/>
  <c r="T73950" i="1"/>
  <c r="T73951" i="1"/>
  <c r="T73952" i="1"/>
  <c r="T73953" i="1"/>
  <c r="T73954" i="1"/>
  <c r="T73955" i="1"/>
  <c r="T73956" i="1"/>
  <c r="T73957" i="1"/>
  <c r="T73958" i="1"/>
  <c r="T73959" i="1"/>
  <c r="T73960" i="1"/>
  <c r="T73961" i="1"/>
  <c r="T73962" i="1"/>
  <c r="T73963" i="1"/>
  <c r="T73964" i="1"/>
  <c r="T73965" i="1"/>
  <c r="T73966" i="1"/>
  <c r="T73967" i="1"/>
  <c r="T73968" i="1"/>
  <c r="T73969" i="1"/>
  <c r="T73970" i="1"/>
  <c r="T73971" i="1"/>
  <c r="T73972" i="1"/>
  <c r="T73973" i="1"/>
  <c r="T73974" i="1"/>
  <c r="T73975" i="1"/>
  <c r="T73976" i="1"/>
  <c r="T73977" i="1"/>
  <c r="T73978" i="1"/>
  <c r="T73979" i="1"/>
  <c r="T73980" i="1"/>
  <c r="T73981" i="1"/>
  <c r="T73982" i="1"/>
  <c r="T73983" i="1"/>
  <c r="T73984" i="1"/>
  <c r="T73985" i="1"/>
  <c r="T73986" i="1"/>
  <c r="T73987" i="1"/>
  <c r="T73988" i="1"/>
  <c r="T73989" i="1"/>
  <c r="T73990" i="1"/>
  <c r="T73991" i="1"/>
  <c r="T73992" i="1"/>
  <c r="T73993" i="1"/>
  <c r="T73994" i="1"/>
  <c r="T73995" i="1"/>
  <c r="T73996" i="1"/>
  <c r="T73997" i="1"/>
  <c r="T73998" i="1"/>
  <c r="T73999" i="1"/>
  <c r="T74000" i="1"/>
  <c r="T74001" i="1"/>
  <c r="T74002" i="1"/>
  <c r="T74003" i="1"/>
  <c r="T74004" i="1"/>
  <c r="T74005" i="1"/>
  <c r="T74006" i="1"/>
  <c r="T74007" i="1"/>
  <c r="T74008" i="1"/>
  <c r="T74009" i="1"/>
  <c r="T74010" i="1"/>
  <c r="T74011" i="1"/>
  <c r="T74012" i="1"/>
  <c r="T74013" i="1"/>
  <c r="T74014" i="1"/>
  <c r="T74015" i="1"/>
  <c r="T74016" i="1"/>
  <c r="T74017" i="1"/>
  <c r="T74018" i="1"/>
  <c r="T74019" i="1"/>
  <c r="T74020" i="1"/>
  <c r="T74021" i="1"/>
  <c r="T74022" i="1"/>
  <c r="T74023" i="1"/>
  <c r="T74024" i="1"/>
  <c r="T74025" i="1"/>
  <c r="T74026" i="1"/>
  <c r="T74027" i="1"/>
  <c r="T74028" i="1"/>
  <c r="T74029" i="1"/>
  <c r="T74030" i="1"/>
  <c r="T74031" i="1"/>
  <c r="T74032" i="1"/>
  <c r="T74033" i="1"/>
  <c r="T74034" i="1"/>
  <c r="T74035" i="1"/>
  <c r="T74036" i="1"/>
  <c r="T74037" i="1"/>
  <c r="T74038" i="1"/>
  <c r="T74039" i="1"/>
  <c r="T74040" i="1"/>
  <c r="T74041" i="1"/>
  <c r="T74042" i="1"/>
  <c r="T74043" i="1"/>
  <c r="T74044" i="1"/>
  <c r="T74045" i="1"/>
  <c r="T74046" i="1"/>
  <c r="T74047" i="1"/>
  <c r="T74048" i="1"/>
  <c r="T74049" i="1"/>
  <c r="T74050" i="1"/>
  <c r="T74051" i="1"/>
  <c r="T74052" i="1"/>
  <c r="T74053" i="1"/>
  <c r="T74054" i="1"/>
  <c r="T74055" i="1"/>
  <c r="T74056" i="1"/>
  <c r="T74057" i="1"/>
  <c r="T74058" i="1"/>
  <c r="T74059" i="1"/>
  <c r="T74060" i="1"/>
  <c r="T74061" i="1"/>
  <c r="T74062" i="1"/>
  <c r="T74063" i="1"/>
  <c r="T74064" i="1"/>
  <c r="T74065" i="1"/>
  <c r="T74066" i="1"/>
  <c r="T74067" i="1"/>
  <c r="T74068" i="1"/>
  <c r="T74069" i="1"/>
  <c r="T74070" i="1"/>
  <c r="T74071" i="1"/>
  <c r="T74072" i="1"/>
  <c r="T74073" i="1"/>
  <c r="T74074" i="1"/>
  <c r="T74075" i="1"/>
  <c r="T74076" i="1"/>
  <c r="T74077" i="1"/>
  <c r="T74078" i="1"/>
  <c r="T74079" i="1"/>
  <c r="T74080" i="1"/>
  <c r="T74081" i="1"/>
  <c r="T74082" i="1"/>
  <c r="T74083" i="1"/>
  <c r="T74084" i="1"/>
  <c r="T74085" i="1"/>
  <c r="T74086" i="1"/>
  <c r="T74087" i="1"/>
  <c r="T74088" i="1"/>
  <c r="T74089" i="1"/>
  <c r="T74090" i="1"/>
  <c r="T74091" i="1"/>
  <c r="T74092" i="1"/>
  <c r="T74093" i="1"/>
  <c r="T74094" i="1"/>
  <c r="T74095" i="1"/>
  <c r="T74096" i="1"/>
  <c r="T74097" i="1"/>
  <c r="T74098" i="1"/>
  <c r="T74099" i="1"/>
  <c r="T74100" i="1"/>
  <c r="T74101" i="1"/>
  <c r="T74102" i="1"/>
  <c r="T74103" i="1"/>
  <c r="T74104" i="1"/>
  <c r="T74105" i="1"/>
  <c r="T74106" i="1"/>
  <c r="T74107" i="1"/>
  <c r="T74108" i="1"/>
  <c r="T74109" i="1"/>
  <c r="T74110" i="1"/>
  <c r="T74111" i="1"/>
  <c r="T74112" i="1"/>
  <c r="T74113" i="1"/>
  <c r="T74114" i="1"/>
  <c r="T74115" i="1"/>
  <c r="T74116" i="1"/>
  <c r="T74117" i="1"/>
  <c r="T74118" i="1"/>
  <c r="T74119" i="1"/>
  <c r="T74120" i="1"/>
  <c r="T74121" i="1"/>
  <c r="T74122" i="1"/>
  <c r="T74123" i="1"/>
  <c r="T74124" i="1"/>
  <c r="T74125" i="1"/>
  <c r="T74126" i="1"/>
  <c r="T74127" i="1"/>
  <c r="T74128" i="1"/>
  <c r="T74129" i="1"/>
  <c r="T74130" i="1"/>
  <c r="T74131" i="1"/>
  <c r="T74132" i="1"/>
  <c r="T74133" i="1"/>
  <c r="T74134" i="1"/>
  <c r="T74135" i="1"/>
  <c r="T74136" i="1"/>
  <c r="T74137" i="1"/>
  <c r="T74138" i="1"/>
  <c r="T74139" i="1"/>
  <c r="T74140" i="1"/>
  <c r="T74141" i="1"/>
  <c r="T74142" i="1"/>
  <c r="T74143" i="1"/>
  <c r="T74144" i="1"/>
  <c r="T74145" i="1"/>
  <c r="T74146" i="1"/>
  <c r="T74147" i="1"/>
  <c r="T74148" i="1"/>
  <c r="T74149" i="1"/>
  <c r="T74150" i="1"/>
  <c r="T74151" i="1"/>
  <c r="T74152" i="1"/>
  <c r="T74153" i="1"/>
  <c r="T74154" i="1"/>
  <c r="T74155" i="1"/>
  <c r="T74156" i="1"/>
  <c r="T74157" i="1"/>
  <c r="T74158" i="1"/>
  <c r="T74159" i="1"/>
  <c r="T74160" i="1"/>
  <c r="T74161" i="1"/>
  <c r="T74162" i="1"/>
  <c r="T74163" i="1"/>
  <c r="T74164" i="1"/>
  <c r="T74165" i="1"/>
  <c r="T74166" i="1"/>
  <c r="T74167" i="1"/>
  <c r="T74168" i="1"/>
  <c r="T74169" i="1"/>
  <c r="T74170" i="1"/>
  <c r="T74171" i="1"/>
  <c r="T74172" i="1"/>
  <c r="T74173" i="1"/>
  <c r="T74174" i="1"/>
  <c r="T74175" i="1"/>
  <c r="T74176" i="1"/>
  <c r="T74177" i="1"/>
  <c r="T74178" i="1"/>
  <c r="T74179" i="1"/>
  <c r="T74180" i="1"/>
  <c r="T74181" i="1"/>
  <c r="T74182" i="1"/>
  <c r="T74183" i="1"/>
  <c r="T74184" i="1"/>
  <c r="T74185" i="1"/>
  <c r="T74186" i="1"/>
  <c r="T74187" i="1"/>
  <c r="T74188" i="1"/>
  <c r="T74189" i="1"/>
  <c r="T74190" i="1"/>
  <c r="T74191" i="1"/>
  <c r="T74192" i="1"/>
  <c r="T74193" i="1"/>
  <c r="T74194" i="1"/>
  <c r="T74195" i="1"/>
  <c r="T74196" i="1"/>
  <c r="T74197" i="1"/>
  <c r="T74198" i="1"/>
  <c r="T74199" i="1"/>
  <c r="T74200" i="1"/>
  <c r="T74201" i="1"/>
  <c r="T74202" i="1"/>
  <c r="T74203" i="1"/>
  <c r="T74204" i="1"/>
  <c r="T74205" i="1"/>
  <c r="T74206" i="1"/>
  <c r="T74207" i="1"/>
  <c r="T74208" i="1"/>
  <c r="T74209" i="1"/>
  <c r="T74210" i="1"/>
  <c r="T74211" i="1"/>
  <c r="T74212" i="1"/>
  <c r="T74213" i="1"/>
  <c r="T74214" i="1"/>
  <c r="T74215" i="1"/>
  <c r="T74216" i="1"/>
  <c r="T74217" i="1"/>
  <c r="T74218" i="1"/>
  <c r="T74219" i="1"/>
  <c r="T74220" i="1"/>
  <c r="T74221" i="1"/>
  <c r="T74222" i="1"/>
  <c r="T74223" i="1"/>
  <c r="T74224" i="1"/>
  <c r="T74225" i="1"/>
  <c r="T74226" i="1"/>
  <c r="T74227" i="1"/>
  <c r="T74228" i="1"/>
  <c r="T74229" i="1"/>
  <c r="T74230" i="1"/>
  <c r="T74231" i="1"/>
  <c r="T74232" i="1"/>
  <c r="T74233" i="1"/>
  <c r="T74234" i="1"/>
  <c r="T74235" i="1"/>
  <c r="T74236" i="1"/>
  <c r="T74237" i="1"/>
  <c r="T74238" i="1"/>
  <c r="T74239" i="1"/>
  <c r="T74240" i="1"/>
  <c r="T74241" i="1"/>
  <c r="T74242" i="1"/>
  <c r="T74243" i="1"/>
  <c r="T74244" i="1"/>
  <c r="T74245" i="1"/>
  <c r="T74246" i="1"/>
  <c r="T74247" i="1"/>
  <c r="T74248" i="1"/>
  <c r="T74249" i="1"/>
  <c r="T74250" i="1"/>
  <c r="T74251" i="1"/>
  <c r="T74252" i="1"/>
  <c r="T74253" i="1"/>
  <c r="T74254" i="1"/>
  <c r="T74255" i="1"/>
  <c r="T74256" i="1"/>
  <c r="T74257" i="1"/>
  <c r="T74258" i="1"/>
  <c r="T74259" i="1"/>
  <c r="T74260" i="1"/>
  <c r="T74261" i="1"/>
  <c r="T74262" i="1"/>
  <c r="T74263" i="1"/>
  <c r="T74264" i="1"/>
  <c r="T74265" i="1"/>
  <c r="T74266" i="1"/>
  <c r="T74267" i="1"/>
  <c r="T74268" i="1"/>
  <c r="T74269" i="1"/>
  <c r="T74270" i="1"/>
  <c r="T74271" i="1"/>
  <c r="T74272" i="1"/>
  <c r="T74273" i="1"/>
  <c r="T74274" i="1"/>
  <c r="T74275" i="1"/>
  <c r="T74276" i="1"/>
  <c r="T74277" i="1"/>
  <c r="T74278" i="1"/>
  <c r="T74279" i="1"/>
  <c r="T74280" i="1"/>
  <c r="T74281" i="1"/>
  <c r="T74282" i="1"/>
  <c r="T74283" i="1"/>
  <c r="T74284" i="1"/>
  <c r="T74285" i="1"/>
  <c r="T74286" i="1"/>
  <c r="T74287" i="1"/>
  <c r="T74288" i="1"/>
  <c r="T74289" i="1"/>
  <c r="T74290" i="1"/>
  <c r="T74291" i="1"/>
  <c r="T74292" i="1"/>
  <c r="T74293" i="1"/>
  <c r="T74294" i="1"/>
  <c r="T74295" i="1"/>
  <c r="T74296" i="1"/>
  <c r="T74297" i="1"/>
  <c r="T74298" i="1"/>
  <c r="T74299" i="1"/>
  <c r="T74300" i="1"/>
  <c r="T74301" i="1"/>
  <c r="T74302" i="1"/>
  <c r="T74303" i="1"/>
  <c r="T74304" i="1"/>
  <c r="T74305" i="1"/>
  <c r="T74306" i="1"/>
  <c r="T74307" i="1"/>
  <c r="T74308" i="1"/>
  <c r="T74309" i="1"/>
  <c r="T74310" i="1"/>
  <c r="T74311" i="1"/>
  <c r="T74312" i="1"/>
  <c r="T74313" i="1"/>
  <c r="T74314" i="1"/>
  <c r="T74315" i="1"/>
  <c r="T74316" i="1"/>
  <c r="T74317" i="1"/>
  <c r="T74318" i="1"/>
  <c r="T74319" i="1"/>
  <c r="T74320" i="1"/>
  <c r="T74321" i="1"/>
  <c r="T74322" i="1"/>
  <c r="T74323" i="1"/>
  <c r="T74324" i="1"/>
  <c r="T74325" i="1"/>
  <c r="T74326" i="1"/>
  <c r="T74327" i="1"/>
  <c r="T74328" i="1"/>
  <c r="T74329" i="1"/>
  <c r="T74330" i="1"/>
  <c r="T74331" i="1"/>
  <c r="T74332" i="1"/>
  <c r="T74333" i="1"/>
  <c r="T74334" i="1"/>
  <c r="T74335" i="1"/>
  <c r="T74336" i="1"/>
  <c r="T74337" i="1"/>
  <c r="T74338" i="1"/>
  <c r="T74339" i="1"/>
  <c r="T74340" i="1"/>
  <c r="T74341" i="1"/>
  <c r="T74342" i="1"/>
  <c r="T74343" i="1"/>
  <c r="T74344" i="1"/>
  <c r="T74345" i="1"/>
  <c r="T74346" i="1"/>
  <c r="T74347" i="1"/>
  <c r="T74348" i="1"/>
  <c r="T74349" i="1"/>
  <c r="T74350" i="1"/>
  <c r="T74351" i="1"/>
  <c r="T74352" i="1"/>
  <c r="T74353" i="1"/>
  <c r="T74354" i="1"/>
  <c r="T74355" i="1"/>
  <c r="T74356" i="1"/>
  <c r="T74357" i="1"/>
  <c r="T74358" i="1"/>
  <c r="T74359" i="1"/>
  <c r="T74360" i="1"/>
  <c r="T74361" i="1"/>
  <c r="T74362" i="1"/>
  <c r="T74363" i="1"/>
  <c r="T74364" i="1"/>
  <c r="T74365" i="1"/>
  <c r="T74366" i="1"/>
  <c r="T74367" i="1"/>
  <c r="T74368" i="1"/>
  <c r="T74369" i="1"/>
  <c r="T74370" i="1"/>
  <c r="T74371" i="1"/>
  <c r="T74372" i="1"/>
  <c r="T74373" i="1"/>
  <c r="T74374" i="1"/>
  <c r="T74375" i="1"/>
  <c r="T74376" i="1"/>
  <c r="T74377" i="1"/>
  <c r="T74378" i="1"/>
  <c r="T74379" i="1"/>
  <c r="T74380" i="1"/>
  <c r="T74381" i="1"/>
  <c r="T74382" i="1"/>
  <c r="T74383" i="1"/>
  <c r="T74384" i="1"/>
  <c r="T74385" i="1"/>
  <c r="T74386" i="1"/>
  <c r="T74387" i="1"/>
  <c r="T74388" i="1"/>
  <c r="T74389" i="1"/>
  <c r="T74390" i="1"/>
  <c r="T74391" i="1"/>
  <c r="T74392" i="1"/>
  <c r="T74393" i="1"/>
  <c r="T74394" i="1"/>
  <c r="T74395" i="1"/>
  <c r="T74396" i="1"/>
  <c r="T74397" i="1"/>
  <c r="T74398" i="1"/>
  <c r="T74399" i="1"/>
  <c r="T74400" i="1"/>
  <c r="T74401" i="1"/>
  <c r="T74402" i="1"/>
  <c r="T74403" i="1"/>
  <c r="T74404" i="1"/>
  <c r="T74405" i="1"/>
  <c r="T74406" i="1"/>
  <c r="T74407" i="1"/>
  <c r="T74408" i="1"/>
  <c r="T74409" i="1"/>
  <c r="T74410" i="1"/>
  <c r="T74411" i="1"/>
  <c r="T74412" i="1"/>
  <c r="T74413" i="1"/>
  <c r="T74414" i="1"/>
  <c r="T74415" i="1"/>
  <c r="T74416" i="1"/>
  <c r="T74417" i="1"/>
  <c r="T74418" i="1"/>
  <c r="T74419" i="1"/>
  <c r="T74420" i="1"/>
  <c r="T74421" i="1"/>
  <c r="T74422" i="1"/>
  <c r="T74423" i="1"/>
  <c r="T74424" i="1"/>
  <c r="T74425" i="1"/>
  <c r="T74426" i="1"/>
  <c r="T74427" i="1"/>
  <c r="T74428" i="1"/>
  <c r="T74429" i="1"/>
  <c r="T74430" i="1"/>
  <c r="T74431" i="1"/>
  <c r="T74432" i="1"/>
  <c r="T74433" i="1"/>
  <c r="T74434" i="1"/>
  <c r="T74435" i="1"/>
  <c r="T74436" i="1"/>
  <c r="T74437" i="1"/>
  <c r="T74438" i="1"/>
  <c r="T74439" i="1"/>
  <c r="T74440" i="1"/>
  <c r="T74441" i="1"/>
  <c r="T74442" i="1"/>
  <c r="T74443" i="1"/>
  <c r="T74444" i="1"/>
  <c r="T74445" i="1"/>
  <c r="T74446" i="1"/>
  <c r="T74447" i="1"/>
  <c r="T74448" i="1"/>
  <c r="T74449" i="1"/>
  <c r="T74450" i="1"/>
  <c r="T74451" i="1"/>
  <c r="T74452" i="1"/>
  <c r="T74453" i="1"/>
  <c r="T74454" i="1"/>
  <c r="T74455" i="1"/>
  <c r="T74456" i="1"/>
  <c r="T74457" i="1"/>
  <c r="T74458" i="1"/>
  <c r="T74459" i="1"/>
  <c r="T74460" i="1"/>
  <c r="T74461" i="1"/>
  <c r="T74462" i="1"/>
  <c r="T74463" i="1"/>
  <c r="T74464" i="1"/>
  <c r="T74465" i="1"/>
  <c r="T74466" i="1"/>
  <c r="T74467" i="1"/>
  <c r="T74468" i="1"/>
  <c r="T74469" i="1"/>
  <c r="T74470" i="1"/>
  <c r="T74471" i="1"/>
  <c r="T74472" i="1"/>
  <c r="T74473" i="1"/>
  <c r="T74474" i="1"/>
  <c r="T74475" i="1"/>
  <c r="T74476" i="1"/>
  <c r="T74477" i="1"/>
  <c r="T74478" i="1"/>
  <c r="T74479" i="1"/>
  <c r="T74480" i="1"/>
  <c r="T74481" i="1"/>
  <c r="T74482" i="1"/>
  <c r="T74483" i="1"/>
  <c r="T74484" i="1"/>
  <c r="T74485" i="1"/>
  <c r="T74486" i="1"/>
  <c r="T74487" i="1"/>
  <c r="T74488" i="1"/>
  <c r="T74489" i="1"/>
  <c r="T74490" i="1"/>
  <c r="T74491" i="1"/>
  <c r="T74492" i="1"/>
  <c r="T74493" i="1"/>
  <c r="T74494" i="1"/>
  <c r="T74495" i="1"/>
  <c r="T74496" i="1"/>
  <c r="T74497" i="1"/>
  <c r="T74498" i="1"/>
  <c r="T74499" i="1"/>
  <c r="T74500" i="1"/>
  <c r="T74501" i="1"/>
  <c r="T74502" i="1"/>
  <c r="T74503" i="1"/>
  <c r="T74504" i="1"/>
  <c r="T74505" i="1"/>
  <c r="T74506" i="1"/>
  <c r="T74507" i="1"/>
  <c r="T74508" i="1"/>
  <c r="T74509" i="1"/>
  <c r="T74510" i="1"/>
  <c r="T74511" i="1"/>
  <c r="T74512" i="1"/>
  <c r="T74513" i="1"/>
  <c r="T74514" i="1"/>
  <c r="T74515" i="1"/>
  <c r="T74516" i="1"/>
  <c r="T74517" i="1"/>
  <c r="T74518" i="1"/>
  <c r="T74519" i="1"/>
  <c r="T74520" i="1"/>
  <c r="T74521" i="1"/>
  <c r="T74522" i="1"/>
  <c r="T74523" i="1"/>
  <c r="T74524" i="1"/>
  <c r="T74525" i="1"/>
  <c r="T74526" i="1"/>
  <c r="T74527" i="1"/>
  <c r="T74528" i="1"/>
  <c r="T74529" i="1"/>
  <c r="T74530" i="1"/>
  <c r="T74531" i="1"/>
  <c r="T74532" i="1"/>
  <c r="T74533" i="1"/>
  <c r="T74534" i="1"/>
  <c r="T74535" i="1"/>
  <c r="T74536" i="1"/>
  <c r="T74537" i="1"/>
  <c r="T74538" i="1"/>
  <c r="T74539" i="1"/>
  <c r="T74540" i="1"/>
  <c r="T74541" i="1"/>
  <c r="T74542" i="1"/>
  <c r="T74543" i="1"/>
  <c r="T74544" i="1"/>
  <c r="T74545" i="1"/>
  <c r="T74546" i="1"/>
  <c r="T74547" i="1"/>
  <c r="T74548" i="1"/>
  <c r="T74549" i="1"/>
  <c r="T74550" i="1"/>
  <c r="T74551" i="1"/>
  <c r="T74552" i="1"/>
  <c r="T74553" i="1"/>
  <c r="T74554" i="1"/>
  <c r="T74555" i="1"/>
  <c r="T74556" i="1"/>
  <c r="T74557" i="1"/>
  <c r="T74558" i="1"/>
  <c r="T74559" i="1"/>
  <c r="T74560" i="1"/>
  <c r="T74561" i="1"/>
  <c r="T74562" i="1"/>
  <c r="T74563" i="1"/>
  <c r="T74564" i="1"/>
  <c r="T74565" i="1"/>
  <c r="T74566" i="1"/>
  <c r="T74567" i="1"/>
  <c r="T74568" i="1"/>
  <c r="T74569" i="1"/>
  <c r="T74570" i="1"/>
  <c r="T74571" i="1"/>
  <c r="T74572" i="1"/>
  <c r="T74573" i="1"/>
  <c r="T74574" i="1"/>
  <c r="T74575" i="1"/>
  <c r="T74576" i="1"/>
  <c r="T74577" i="1"/>
  <c r="T74578" i="1"/>
  <c r="T74579" i="1"/>
  <c r="T74580" i="1"/>
  <c r="T74581" i="1"/>
  <c r="T74582" i="1"/>
  <c r="T74583" i="1"/>
  <c r="T74584" i="1"/>
  <c r="T74585" i="1"/>
  <c r="T74586" i="1"/>
  <c r="T74587" i="1"/>
  <c r="T74588" i="1"/>
  <c r="T74589" i="1"/>
  <c r="T74590" i="1"/>
  <c r="T74591" i="1"/>
  <c r="T74592" i="1"/>
  <c r="T74593" i="1"/>
  <c r="T74594" i="1"/>
  <c r="T74595" i="1"/>
  <c r="T74596" i="1"/>
  <c r="T74597" i="1"/>
  <c r="T74598" i="1"/>
  <c r="T74599" i="1"/>
  <c r="T74600" i="1"/>
  <c r="T74601" i="1"/>
  <c r="T74602" i="1"/>
  <c r="T74603" i="1"/>
  <c r="T74604" i="1"/>
  <c r="T74605" i="1"/>
  <c r="T74606" i="1"/>
  <c r="T74607" i="1"/>
  <c r="T74608" i="1"/>
  <c r="T74609" i="1"/>
  <c r="T74610" i="1"/>
  <c r="T74611" i="1"/>
  <c r="T74612" i="1"/>
  <c r="T74613" i="1"/>
  <c r="T74614" i="1"/>
  <c r="T74615" i="1"/>
  <c r="T74616" i="1"/>
  <c r="T74617" i="1"/>
  <c r="T74618" i="1"/>
  <c r="T74619" i="1"/>
  <c r="T74620" i="1"/>
  <c r="T74621" i="1"/>
  <c r="T74622" i="1"/>
  <c r="T74623" i="1"/>
  <c r="T74624" i="1"/>
  <c r="T74625" i="1"/>
  <c r="T74626" i="1"/>
  <c r="T74627" i="1"/>
  <c r="T74628" i="1"/>
  <c r="T74629" i="1"/>
  <c r="T74630" i="1"/>
  <c r="T74631" i="1"/>
  <c r="T74632" i="1"/>
  <c r="T74633" i="1"/>
  <c r="T74634" i="1"/>
  <c r="T74635" i="1"/>
  <c r="T74636" i="1"/>
  <c r="T74637" i="1"/>
  <c r="T74638" i="1"/>
  <c r="T74639" i="1"/>
  <c r="T74640" i="1"/>
  <c r="T74641" i="1"/>
  <c r="T74642" i="1"/>
  <c r="T74643" i="1"/>
  <c r="T74644" i="1"/>
  <c r="T74645" i="1"/>
  <c r="T74646" i="1"/>
  <c r="T74647" i="1"/>
  <c r="T74648" i="1"/>
  <c r="T74649" i="1"/>
  <c r="T74650" i="1"/>
  <c r="T74651" i="1"/>
  <c r="T74652" i="1"/>
  <c r="T74653" i="1"/>
  <c r="T74654" i="1"/>
  <c r="T74655" i="1"/>
  <c r="T74656" i="1"/>
  <c r="T74657" i="1"/>
  <c r="T74658" i="1"/>
  <c r="T74659" i="1"/>
  <c r="T74660" i="1"/>
  <c r="T74661" i="1"/>
  <c r="T74662" i="1"/>
  <c r="T74663" i="1"/>
  <c r="T74664" i="1"/>
  <c r="T74665" i="1"/>
  <c r="T74666" i="1"/>
  <c r="T74667" i="1"/>
  <c r="T74668" i="1"/>
  <c r="T74669" i="1"/>
  <c r="T74670" i="1"/>
  <c r="T74671" i="1"/>
  <c r="T74672" i="1"/>
  <c r="T74673" i="1"/>
  <c r="T74674" i="1"/>
  <c r="T74675" i="1"/>
  <c r="T74676" i="1"/>
  <c r="T74677" i="1"/>
  <c r="T74678" i="1"/>
  <c r="T74679" i="1"/>
  <c r="T74680" i="1"/>
  <c r="T74681" i="1"/>
  <c r="T74682" i="1"/>
  <c r="T74683" i="1"/>
  <c r="T74684" i="1"/>
  <c r="T74685" i="1"/>
  <c r="T74686" i="1"/>
  <c r="T74687" i="1"/>
  <c r="T74688" i="1"/>
  <c r="T74689" i="1"/>
  <c r="T74690" i="1"/>
  <c r="T74691" i="1"/>
  <c r="T74692" i="1"/>
  <c r="T74693" i="1"/>
  <c r="T74694" i="1"/>
  <c r="T74695" i="1"/>
  <c r="T74696" i="1"/>
  <c r="T74697" i="1"/>
  <c r="T74698" i="1"/>
  <c r="T74699" i="1"/>
  <c r="T74700" i="1"/>
  <c r="T74701" i="1"/>
  <c r="T74702" i="1"/>
  <c r="T74703" i="1"/>
  <c r="T74704" i="1"/>
  <c r="T74705" i="1"/>
  <c r="T74706" i="1"/>
  <c r="T74707" i="1"/>
  <c r="T74708" i="1"/>
  <c r="T74709" i="1"/>
  <c r="T74710" i="1"/>
  <c r="T74711" i="1"/>
  <c r="T74712" i="1"/>
  <c r="T74713" i="1"/>
  <c r="T74714" i="1"/>
  <c r="T74715" i="1"/>
  <c r="T74716" i="1"/>
  <c r="T74717" i="1"/>
  <c r="T74718" i="1"/>
  <c r="T74719" i="1"/>
  <c r="T74720" i="1"/>
  <c r="T74721" i="1"/>
  <c r="T74722" i="1"/>
  <c r="T74723" i="1"/>
  <c r="T74724" i="1"/>
  <c r="T74725" i="1"/>
  <c r="T74726" i="1"/>
  <c r="T74727" i="1"/>
  <c r="T74728" i="1"/>
  <c r="T74729" i="1"/>
  <c r="T74730" i="1"/>
  <c r="T74731" i="1"/>
  <c r="T74732" i="1"/>
  <c r="T74733" i="1"/>
  <c r="T74734" i="1"/>
  <c r="T74735" i="1"/>
  <c r="T74736" i="1"/>
  <c r="T74737" i="1"/>
  <c r="T74738" i="1"/>
  <c r="T74739" i="1"/>
  <c r="T74740" i="1"/>
  <c r="T74741" i="1"/>
  <c r="T74742" i="1"/>
  <c r="T74743" i="1"/>
  <c r="T74744" i="1"/>
  <c r="T74745" i="1"/>
  <c r="T74746" i="1"/>
  <c r="T74747" i="1"/>
  <c r="T74748" i="1"/>
  <c r="T74749" i="1"/>
  <c r="T74750" i="1"/>
  <c r="T74751" i="1"/>
  <c r="T74752" i="1"/>
  <c r="T74753" i="1"/>
  <c r="T74754" i="1"/>
  <c r="T74755" i="1"/>
  <c r="T74756" i="1"/>
  <c r="T74757" i="1"/>
  <c r="T74758" i="1"/>
  <c r="T74759" i="1"/>
  <c r="T74760" i="1"/>
  <c r="T74761" i="1"/>
  <c r="T74762" i="1"/>
  <c r="T74763" i="1"/>
  <c r="T74764" i="1"/>
  <c r="T74765" i="1"/>
  <c r="T74766" i="1"/>
  <c r="T74767" i="1"/>
  <c r="T74768" i="1"/>
  <c r="T74769" i="1"/>
  <c r="T74770" i="1"/>
  <c r="T74771" i="1"/>
  <c r="T74772" i="1"/>
  <c r="T74773" i="1"/>
  <c r="T74774" i="1"/>
  <c r="T74775" i="1"/>
  <c r="T74776" i="1"/>
  <c r="T74777" i="1"/>
  <c r="T74778" i="1"/>
  <c r="T74779" i="1"/>
  <c r="T74780" i="1"/>
  <c r="T74781" i="1"/>
  <c r="T74782" i="1"/>
  <c r="T74783" i="1"/>
  <c r="T74784" i="1"/>
  <c r="T74785" i="1"/>
  <c r="T74786" i="1"/>
  <c r="T74787" i="1"/>
  <c r="T74788" i="1"/>
  <c r="T74789" i="1"/>
  <c r="T74790" i="1"/>
  <c r="T74791" i="1"/>
  <c r="T74792" i="1"/>
  <c r="T74793" i="1"/>
  <c r="T74794" i="1"/>
  <c r="T74795" i="1"/>
  <c r="T74796" i="1"/>
  <c r="T74797" i="1"/>
  <c r="T74798" i="1"/>
  <c r="T74799" i="1"/>
  <c r="T74800" i="1"/>
  <c r="T74801" i="1"/>
  <c r="T74802" i="1"/>
  <c r="T74803" i="1"/>
  <c r="T74804" i="1"/>
  <c r="T74805" i="1"/>
  <c r="T74806" i="1"/>
  <c r="T74807" i="1"/>
  <c r="T74808" i="1"/>
  <c r="T74809" i="1"/>
  <c r="T74810" i="1"/>
  <c r="T74811" i="1"/>
  <c r="T74812" i="1"/>
  <c r="T74813" i="1"/>
  <c r="T74814" i="1"/>
  <c r="T74815" i="1"/>
  <c r="T74816" i="1"/>
  <c r="T74817" i="1"/>
  <c r="T74818" i="1"/>
  <c r="T74819" i="1"/>
  <c r="T74820" i="1"/>
  <c r="T74821" i="1"/>
  <c r="T74822" i="1"/>
  <c r="T74823" i="1"/>
  <c r="T74824" i="1"/>
  <c r="T74825" i="1"/>
  <c r="T74826" i="1"/>
  <c r="T74827" i="1"/>
  <c r="T74828" i="1"/>
  <c r="T74829" i="1"/>
  <c r="T74830" i="1"/>
  <c r="T74831" i="1"/>
  <c r="T74832" i="1"/>
  <c r="T74833" i="1"/>
  <c r="T74834" i="1"/>
  <c r="T74835" i="1"/>
  <c r="T74836" i="1"/>
  <c r="T74837" i="1"/>
  <c r="T74838" i="1"/>
  <c r="T74839" i="1"/>
  <c r="T74840" i="1"/>
  <c r="T74841" i="1"/>
  <c r="T74842" i="1"/>
  <c r="T74843" i="1"/>
  <c r="T74844" i="1"/>
  <c r="T74845" i="1"/>
  <c r="T74846" i="1"/>
  <c r="T74847" i="1"/>
  <c r="T74848" i="1"/>
  <c r="T74849" i="1"/>
  <c r="T74850" i="1"/>
  <c r="T74851" i="1"/>
  <c r="T74852" i="1"/>
  <c r="T74853" i="1"/>
  <c r="T74854" i="1"/>
  <c r="T74855" i="1"/>
  <c r="T74856" i="1"/>
  <c r="T74857" i="1"/>
  <c r="T74858" i="1"/>
  <c r="T74859" i="1"/>
  <c r="T74860" i="1"/>
  <c r="T74861" i="1"/>
  <c r="T74862" i="1"/>
  <c r="T74863" i="1"/>
  <c r="T74864" i="1"/>
  <c r="T74865" i="1"/>
  <c r="T74866" i="1"/>
  <c r="T74867" i="1"/>
  <c r="T74868" i="1"/>
  <c r="T74869" i="1"/>
  <c r="T74870" i="1"/>
  <c r="T74871" i="1"/>
  <c r="T74872" i="1"/>
  <c r="T74873" i="1"/>
  <c r="T74874" i="1"/>
  <c r="T74875" i="1"/>
  <c r="T74876" i="1"/>
  <c r="T74877" i="1"/>
  <c r="T74878" i="1"/>
  <c r="T74879" i="1"/>
  <c r="T74880" i="1"/>
  <c r="T74881" i="1"/>
  <c r="T74882" i="1"/>
  <c r="T74883" i="1"/>
  <c r="T74884" i="1"/>
  <c r="T74885" i="1"/>
  <c r="T74886" i="1"/>
  <c r="T74887" i="1"/>
  <c r="T74888" i="1"/>
  <c r="T74889" i="1"/>
  <c r="T74890" i="1"/>
  <c r="T74891" i="1"/>
  <c r="T74892" i="1"/>
  <c r="T74893" i="1"/>
  <c r="T74894" i="1"/>
  <c r="T74895" i="1"/>
  <c r="T74896" i="1"/>
  <c r="T74897" i="1"/>
  <c r="T74898" i="1"/>
  <c r="T74899" i="1"/>
  <c r="T74900" i="1"/>
  <c r="T74901" i="1"/>
  <c r="T74902" i="1"/>
  <c r="T74903" i="1"/>
  <c r="T74904" i="1"/>
  <c r="T74905" i="1"/>
  <c r="T74906" i="1"/>
  <c r="T74907" i="1"/>
  <c r="T74908" i="1"/>
  <c r="T74909" i="1"/>
  <c r="T74910" i="1"/>
  <c r="T74911" i="1"/>
  <c r="T74912" i="1"/>
  <c r="T74913" i="1"/>
  <c r="T74914" i="1"/>
  <c r="T74915" i="1"/>
  <c r="T74916" i="1"/>
  <c r="T74917" i="1"/>
  <c r="T74918" i="1"/>
  <c r="T74919" i="1"/>
  <c r="T74920" i="1"/>
  <c r="T74921" i="1"/>
  <c r="T74922" i="1"/>
  <c r="T74923" i="1"/>
  <c r="T74924" i="1"/>
  <c r="T74925" i="1"/>
  <c r="T74926" i="1"/>
  <c r="T74927" i="1"/>
  <c r="T74928" i="1"/>
  <c r="T74929" i="1"/>
  <c r="T74930" i="1"/>
  <c r="T74931" i="1"/>
  <c r="T74932" i="1"/>
  <c r="T74933" i="1"/>
  <c r="T74934" i="1"/>
  <c r="T74935" i="1"/>
  <c r="T74936" i="1"/>
  <c r="T74937" i="1"/>
  <c r="T74938" i="1"/>
  <c r="T74939" i="1"/>
  <c r="T74940" i="1"/>
  <c r="T74941" i="1"/>
  <c r="T74942" i="1"/>
  <c r="T74943" i="1"/>
  <c r="T74944" i="1"/>
  <c r="T74945" i="1"/>
  <c r="T74946" i="1"/>
  <c r="T74947" i="1"/>
  <c r="T74948" i="1"/>
  <c r="T74949" i="1"/>
  <c r="T74950" i="1"/>
  <c r="T74951" i="1"/>
  <c r="T74952" i="1"/>
  <c r="T74953" i="1"/>
  <c r="T74954" i="1"/>
  <c r="T74955" i="1"/>
  <c r="T74956" i="1"/>
  <c r="T74957" i="1"/>
  <c r="T74958" i="1"/>
  <c r="T74959" i="1"/>
  <c r="T74960" i="1"/>
  <c r="T74961" i="1"/>
  <c r="T74962" i="1"/>
  <c r="T74963" i="1"/>
  <c r="T74964" i="1"/>
  <c r="T74965" i="1"/>
  <c r="T74966" i="1"/>
  <c r="T74967" i="1"/>
  <c r="T74968" i="1"/>
  <c r="T74969" i="1"/>
  <c r="T74970" i="1"/>
  <c r="T74971" i="1"/>
  <c r="T74972" i="1"/>
  <c r="T74973" i="1"/>
  <c r="T74974" i="1"/>
  <c r="T74975" i="1"/>
  <c r="T74976" i="1"/>
  <c r="T74977" i="1"/>
  <c r="T74978" i="1"/>
  <c r="T74979" i="1"/>
  <c r="T74980" i="1"/>
  <c r="T74981" i="1"/>
  <c r="T74982" i="1"/>
  <c r="T74983" i="1"/>
  <c r="T74984" i="1"/>
  <c r="T74985" i="1"/>
  <c r="T74986" i="1"/>
  <c r="T74987" i="1"/>
  <c r="T74988" i="1"/>
  <c r="T74989" i="1"/>
  <c r="T74990" i="1"/>
  <c r="T74991" i="1"/>
  <c r="T74992" i="1"/>
  <c r="T74993" i="1"/>
  <c r="T74994" i="1"/>
  <c r="T74995" i="1"/>
  <c r="T74996" i="1"/>
  <c r="T74997" i="1"/>
  <c r="T74998" i="1"/>
  <c r="T74999" i="1"/>
  <c r="T75000" i="1"/>
  <c r="T75001" i="1"/>
  <c r="T75002" i="1"/>
  <c r="T75003" i="1"/>
  <c r="T75004" i="1"/>
  <c r="T75005" i="1"/>
  <c r="T75006" i="1"/>
  <c r="T75007" i="1"/>
  <c r="T75008" i="1"/>
  <c r="T75009" i="1"/>
  <c r="T75010" i="1"/>
  <c r="T75011" i="1"/>
  <c r="T75012" i="1"/>
  <c r="T75013" i="1"/>
  <c r="T75014" i="1"/>
  <c r="T75015" i="1"/>
  <c r="T75016" i="1"/>
  <c r="T75017" i="1"/>
  <c r="T75018" i="1"/>
  <c r="T75019" i="1"/>
  <c r="T75020" i="1"/>
  <c r="T75021" i="1"/>
  <c r="T75022" i="1"/>
  <c r="T75023" i="1"/>
  <c r="T75024" i="1"/>
  <c r="T75025" i="1"/>
  <c r="T75026" i="1"/>
  <c r="T75027" i="1"/>
  <c r="T75028" i="1"/>
  <c r="T75029" i="1"/>
  <c r="T75030" i="1"/>
  <c r="T75031" i="1"/>
  <c r="T75032" i="1"/>
  <c r="T75033" i="1"/>
  <c r="T75034" i="1"/>
  <c r="T75035" i="1"/>
  <c r="T75036" i="1"/>
  <c r="T75037" i="1"/>
  <c r="T75038" i="1"/>
  <c r="T75039" i="1"/>
  <c r="T75040" i="1"/>
  <c r="T75041" i="1"/>
  <c r="T75042" i="1"/>
  <c r="T75043" i="1"/>
  <c r="T75044" i="1"/>
  <c r="T75045" i="1"/>
  <c r="T75046" i="1"/>
  <c r="T75047" i="1"/>
  <c r="T75048" i="1"/>
  <c r="T75049" i="1"/>
  <c r="T75050" i="1"/>
  <c r="T75051" i="1"/>
  <c r="T75052" i="1"/>
  <c r="T75053" i="1"/>
  <c r="T75054" i="1"/>
  <c r="T75055" i="1"/>
  <c r="T75056" i="1"/>
  <c r="T75057" i="1"/>
  <c r="T75058" i="1"/>
  <c r="T75059" i="1"/>
  <c r="T75060" i="1"/>
  <c r="T75061" i="1"/>
  <c r="T75062" i="1"/>
  <c r="T75063" i="1"/>
  <c r="T75064" i="1"/>
  <c r="T75065" i="1"/>
  <c r="T75066" i="1"/>
  <c r="T75067" i="1"/>
  <c r="T75068" i="1"/>
  <c r="T75069" i="1"/>
  <c r="T75070" i="1"/>
  <c r="T75071" i="1"/>
  <c r="T75072" i="1"/>
  <c r="T75073" i="1"/>
  <c r="T75074" i="1"/>
  <c r="T75075" i="1"/>
  <c r="T75076" i="1"/>
  <c r="T75077" i="1"/>
  <c r="T75078" i="1"/>
  <c r="T75079" i="1"/>
  <c r="T75080" i="1"/>
  <c r="T75081" i="1"/>
  <c r="T75082" i="1"/>
  <c r="T75083" i="1"/>
  <c r="T75084" i="1"/>
  <c r="T75085" i="1"/>
  <c r="T75086" i="1"/>
  <c r="T75087" i="1"/>
  <c r="T75088" i="1"/>
  <c r="T75089" i="1"/>
  <c r="T75090" i="1"/>
  <c r="T75091" i="1"/>
  <c r="T75092" i="1"/>
  <c r="T75093" i="1"/>
  <c r="T75094" i="1"/>
  <c r="T75095" i="1"/>
  <c r="T75096" i="1"/>
  <c r="T75097" i="1"/>
  <c r="T75098" i="1"/>
  <c r="T75099" i="1"/>
  <c r="T75100" i="1"/>
  <c r="T75101" i="1"/>
  <c r="T75102" i="1"/>
  <c r="T75103" i="1"/>
  <c r="T75104" i="1"/>
  <c r="T75105" i="1"/>
  <c r="T75106" i="1"/>
  <c r="T75107" i="1"/>
  <c r="T75108" i="1"/>
  <c r="T75109" i="1"/>
  <c r="T75110" i="1"/>
  <c r="T75111" i="1"/>
  <c r="T75112" i="1"/>
  <c r="T75113" i="1"/>
  <c r="T75114" i="1"/>
  <c r="T75115" i="1"/>
  <c r="T75116" i="1"/>
  <c r="T75117" i="1"/>
  <c r="T75118" i="1"/>
  <c r="T75119" i="1"/>
  <c r="T75120" i="1"/>
  <c r="T75121" i="1"/>
  <c r="T75122" i="1"/>
  <c r="T75123" i="1"/>
  <c r="T75124" i="1"/>
  <c r="T75125" i="1"/>
  <c r="T75126" i="1"/>
  <c r="T75127" i="1"/>
  <c r="T75128" i="1"/>
  <c r="T75129" i="1"/>
  <c r="T75130" i="1"/>
  <c r="T75131" i="1"/>
  <c r="T75132" i="1"/>
  <c r="T75133" i="1"/>
  <c r="T75134" i="1"/>
  <c r="T75135" i="1"/>
  <c r="T75136" i="1"/>
  <c r="T75137" i="1"/>
  <c r="T75138" i="1"/>
  <c r="T75139" i="1"/>
  <c r="T75140" i="1"/>
  <c r="T75141" i="1"/>
  <c r="T75142" i="1"/>
  <c r="T75143" i="1"/>
  <c r="T75144" i="1"/>
  <c r="T75145" i="1"/>
  <c r="T75146" i="1"/>
  <c r="T75147" i="1"/>
  <c r="T75148" i="1"/>
  <c r="T75149" i="1"/>
  <c r="T75150" i="1"/>
  <c r="T75151" i="1"/>
  <c r="T75152" i="1"/>
  <c r="T75153" i="1"/>
  <c r="T75154" i="1"/>
  <c r="T75155" i="1"/>
  <c r="T75156" i="1"/>
  <c r="T75157" i="1"/>
  <c r="T75158" i="1"/>
  <c r="T75159" i="1"/>
  <c r="T75160" i="1"/>
  <c r="T75161" i="1"/>
  <c r="T75162" i="1"/>
  <c r="T75163" i="1"/>
  <c r="T75164" i="1"/>
  <c r="T75165" i="1"/>
  <c r="T75166" i="1"/>
  <c r="T75167" i="1"/>
  <c r="T75168" i="1"/>
  <c r="T75169" i="1"/>
  <c r="T75170" i="1"/>
  <c r="T75171" i="1"/>
  <c r="T75172" i="1"/>
  <c r="T75173" i="1"/>
  <c r="T75174" i="1"/>
  <c r="T75175" i="1"/>
  <c r="T75176" i="1"/>
  <c r="T75177" i="1"/>
  <c r="T75178" i="1"/>
  <c r="T75179" i="1"/>
  <c r="T75180" i="1"/>
  <c r="T75181" i="1"/>
  <c r="T75182" i="1"/>
  <c r="T75183" i="1"/>
  <c r="T75184" i="1"/>
  <c r="T75185" i="1"/>
  <c r="T75186" i="1"/>
  <c r="T75187" i="1"/>
  <c r="T75188" i="1"/>
  <c r="T75189" i="1"/>
  <c r="T75190" i="1"/>
  <c r="T75191" i="1"/>
  <c r="T75192" i="1"/>
  <c r="T75193" i="1"/>
  <c r="T75194" i="1"/>
  <c r="T75195" i="1"/>
  <c r="T75196" i="1"/>
  <c r="T75197" i="1"/>
  <c r="T75198" i="1"/>
  <c r="T75199" i="1"/>
  <c r="T75200" i="1"/>
  <c r="T75201" i="1"/>
  <c r="T75202" i="1"/>
  <c r="T75203" i="1"/>
  <c r="T75204" i="1"/>
  <c r="T75205" i="1"/>
  <c r="T75206" i="1"/>
  <c r="T75207" i="1"/>
  <c r="T75208" i="1"/>
  <c r="T75209" i="1"/>
  <c r="T75210" i="1"/>
  <c r="T75211" i="1"/>
  <c r="T75212" i="1"/>
  <c r="T75213" i="1"/>
  <c r="T75214" i="1"/>
  <c r="T75215" i="1"/>
  <c r="T75216" i="1"/>
  <c r="T75217" i="1"/>
  <c r="T75218" i="1"/>
  <c r="T75219" i="1"/>
  <c r="T75220" i="1"/>
  <c r="T75221" i="1"/>
  <c r="T75222" i="1"/>
  <c r="T75223" i="1"/>
  <c r="T75224" i="1"/>
  <c r="T75225" i="1"/>
  <c r="T75226" i="1"/>
  <c r="T75227" i="1"/>
  <c r="T75228" i="1"/>
  <c r="T75229" i="1"/>
  <c r="T75230" i="1"/>
  <c r="T75231" i="1"/>
  <c r="T75232" i="1"/>
  <c r="T75233" i="1"/>
  <c r="T75234" i="1"/>
  <c r="T75235" i="1"/>
  <c r="T75236" i="1"/>
  <c r="T75237" i="1"/>
  <c r="T75238" i="1"/>
  <c r="T75239" i="1"/>
  <c r="T75240" i="1"/>
  <c r="T75241" i="1"/>
  <c r="T75242" i="1"/>
  <c r="T75243" i="1"/>
  <c r="T75244" i="1"/>
  <c r="T75245" i="1"/>
  <c r="T75246" i="1"/>
  <c r="T75247" i="1"/>
  <c r="T75248" i="1"/>
  <c r="T75249" i="1"/>
  <c r="T75250" i="1"/>
  <c r="T75251" i="1"/>
  <c r="T75252" i="1"/>
  <c r="T75253" i="1"/>
  <c r="T75254" i="1"/>
  <c r="T75255" i="1"/>
  <c r="T75256" i="1"/>
  <c r="T75257" i="1"/>
  <c r="T75258" i="1"/>
  <c r="T75259" i="1"/>
  <c r="T75260" i="1"/>
  <c r="T75261" i="1"/>
  <c r="T75262" i="1"/>
  <c r="T75263" i="1"/>
  <c r="T75264" i="1"/>
  <c r="T75265" i="1"/>
  <c r="T75266" i="1"/>
  <c r="T75267" i="1"/>
  <c r="T75268" i="1"/>
  <c r="T75269" i="1"/>
  <c r="T75270" i="1"/>
  <c r="T75271" i="1"/>
  <c r="T75272" i="1"/>
  <c r="T75273" i="1"/>
  <c r="T75274" i="1"/>
  <c r="T75275" i="1"/>
  <c r="T75276" i="1"/>
  <c r="T75277" i="1"/>
  <c r="T75278" i="1"/>
  <c r="T75279" i="1"/>
  <c r="T75280" i="1"/>
  <c r="T75281" i="1"/>
  <c r="T75282" i="1"/>
  <c r="T75283" i="1"/>
  <c r="T75284" i="1"/>
  <c r="T75285" i="1"/>
  <c r="T75286" i="1"/>
  <c r="T75287" i="1"/>
  <c r="T75288" i="1"/>
  <c r="T75289" i="1"/>
  <c r="T75290" i="1"/>
  <c r="T75291" i="1"/>
  <c r="T75292" i="1"/>
  <c r="T75293" i="1"/>
  <c r="T75294" i="1"/>
  <c r="T75295" i="1"/>
  <c r="T75296" i="1"/>
  <c r="T75297" i="1"/>
  <c r="T75298" i="1"/>
  <c r="T75299" i="1"/>
  <c r="T75300" i="1"/>
  <c r="T75301" i="1"/>
  <c r="T75302" i="1"/>
  <c r="T75303" i="1"/>
  <c r="T75304" i="1"/>
  <c r="T75305" i="1"/>
  <c r="T75306" i="1"/>
  <c r="T75307" i="1"/>
  <c r="T75308" i="1"/>
  <c r="T75309" i="1"/>
  <c r="T75310" i="1"/>
  <c r="T75311" i="1"/>
  <c r="T75312" i="1"/>
  <c r="T75313" i="1"/>
  <c r="T75314" i="1"/>
  <c r="T75315" i="1"/>
  <c r="T75316" i="1"/>
  <c r="T75317" i="1"/>
  <c r="T75318" i="1"/>
  <c r="T75319" i="1"/>
  <c r="T75320" i="1"/>
  <c r="T75321" i="1"/>
  <c r="T75322" i="1"/>
  <c r="T75323" i="1"/>
  <c r="T75324" i="1"/>
  <c r="T75325" i="1"/>
  <c r="T75326" i="1"/>
  <c r="T75327" i="1"/>
  <c r="T75328" i="1"/>
  <c r="T75329" i="1"/>
  <c r="T75330" i="1"/>
  <c r="T75331" i="1"/>
  <c r="T75332" i="1"/>
  <c r="T75333" i="1"/>
  <c r="T75334" i="1"/>
  <c r="T75335" i="1"/>
  <c r="T75336" i="1"/>
  <c r="T75337" i="1"/>
  <c r="T75338" i="1"/>
  <c r="T75339" i="1"/>
  <c r="T75340" i="1"/>
  <c r="T75341" i="1"/>
  <c r="T75342" i="1"/>
  <c r="T75343" i="1"/>
  <c r="T75344" i="1"/>
  <c r="T75345" i="1"/>
  <c r="T75346" i="1"/>
  <c r="T75347" i="1"/>
  <c r="T75348" i="1"/>
  <c r="T75349" i="1"/>
  <c r="T75350" i="1"/>
  <c r="T75351" i="1"/>
  <c r="T75352" i="1"/>
  <c r="T75353" i="1"/>
  <c r="T75354" i="1"/>
  <c r="T75355" i="1"/>
  <c r="T75356" i="1"/>
  <c r="T75357" i="1"/>
  <c r="T75358" i="1"/>
  <c r="T75359" i="1"/>
  <c r="T75360" i="1"/>
  <c r="T75361" i="1"/>
  <c r="T75362" i="1"/>
  <c r="T75363" i="1"/>
  <c r="T75364" i="1"/>
  <c r="T75365" i="1"/>
  <c r="T75366" i="1"/>
  <c r="T75367" i="1"/>
  <c r="T75368" i="1"/>
  <c r="T75369" i="1"/>
  <c r="T75370" i="1"/>
  <c r="T75371" i="1"/>
  <c r="T75372" i="1"/>
  <c r="T75373" i="1"/>
  <c r="T75374" i="1"/>
  <c r="T75375" i="1"/>
  <c r="T75376" i="1"/>
  <c r="T75377" i="1"/>
  <c r="T75378" i="1"/>
  <c r="T75379" i="1"/>
  <c r="T75380" i="1"/>
  <c r="T75381" i="1"/>
  <c r="T75382" i="1"/>
  <c r="T75383" i="1"/>
  <c r="T75384" i="1"/>
  <c r="T75385" i="1"/>
  <c r="T75386" i="1"/>
  <c r="T75387" i="1"/>
  <c r="T75388" i="1"/>
  <c r="T75389" i="1"/>
  <c r="T75390" i="1"/>
  <c r="T75391" i="1"/>
  <c r="T75392" i="1"/>
  <c r="T75393" i="1"/>
  <c r="T75394" i="1"/>
  <c r="T75395" i="1"/>
  <c r="T75396" i="1"/>
  <c r="T75397" i="1"/>
  <c r="T75398" i="1"/>
  <c r="T75399" i="1"/>
  <c r="T75400" i="1"/>
  <c r="T75401" i="1"/>
  <c r="T75402" i="1"/>
  <c r="T75403" i="1"/>
  <c r="T75404" i="1"/>
  <c r="T75405" i="1"/>
  <c r="T75406" i="1"/>
  <c r="T75407" i="1"/>
  <c r="T75408" i="1"/>
  <c r="T75409" i="1"/>
  <c r="T75410" i="1"/>
  <c r="T75411" i="1"/>
  <c r="T75412" i="1"/>
  <c r="T75413" i="1"/>
  <c r="T75414" i="1"/>
  <c r="T75415" i="1"/>
  <c r="T75416" i="1"/>
  <c r="T75417" i="1"/>
  <c r="T75418" i="1"/>
  <c r="T75419" i="1"/>
  <c r="T75420" i="1"/>
  <c r="T75421" i="1"/>
  <c r="T75422" i="1"/>
  <c r="T75423" i="1"/>
  <c r="T75424" i="1"/>
  <c r="T75425" i="1"/>
  <c r="T75426" i="1"/>
  <c r="T75427" i="1"/>
  <c r="T75428" i="1"/>
  <c r="T75429" i="1"/>
  <c r="T75430" i="1"/>
  <c r="T75431" i="1"/>
  <c r="T75432" i="1"/>
  <c r="T75433" i="1"/>
  <c r="T75434" i="1"/>
  <c r="T75435" i="1"/>
  <c r="T75436" i="1"/>
  <c r="T75437" i="1"/>
  <c r="T75438" i="1"/>
  <c r="T75439" i="1"/>
  <c r="T75440" i="1"/>
  <c r="T75441" i="1"/>
  <c r="T75442" i="1"/>
  <c r="T75443" i="1"/>
  <c r="T75444" i="1"/>
  <c r="T75445" i="1"/>
  <c r="T75446" i="1"/>
  <c r="T75447" i="1"/>
  <c r="T75448" i="1"/>
  <c r="T75449" i="1"/>
  <c r="T75450" i="1"/>
  <c r="T75451" i="1"/>
  <c r="T75452" i="1"/>
  <c r="T75453" i="1"/>
  <c r="T75454" i="1"/>
  <c r="T75455" i="1"/>
  <c r="T75456" i="1"/>
  <c r="T75457" i="1"/>
  <c r="T75458" i="1"/>
  <c r="T75459" i="1"/>
  <c r="T75460" i="1"/>
  <c r="T75461" i="1"/>
  <c r="T75462" i="1"/>
  <c r="T75463" i="1"/>
  <c r="T75464" i="1"/>
  <c r="T75465" i="1"/>
  <c r="T75466" i="1"/>
  <c r="T75467" i="1"/>
  <c r="T75468" i="1"/>
  <c r="T75469" i="1"/>
  <c r="T75470" i="1"/>
  <c r="T75471" i="1"/>
  <c r="T75472" i="1"/>
  <c r="T75473" i="1"/>
  <c r="T75474" i="1"/>
  <c r="T75475" i="1"/>
  <c r="T75476" i="1"/>
  <c r="T75477" i="1"/>
  <c r="T75478" i="1"/>
  <c r="T75479" i="1"/>
  <c r="T75480" i="1"/>
  <c r="T75481" i="1"/>
  <c r="T75482" i="1"/>
  <c r="T75483" i="1"/>
  <c r="T75484" i="1"/>
  <c r="T75485" i="1"/>
  <c r="T75486" i="1"/>
  <c r="T75487" i="1"/>
  <c r="T75488" i="1"/>
  <c r="T75489" i="1"/>
  <c r="T75490" i="1"/>
  <c r="T75491" i="1"/>
  <c r="T75492" i="1"/>
  <c r="T75493" i="1"/>
  <c r="T75494" i="1"/>
  <c r="T75495" i="1"/>
  <c r="T75496" i="1"/>
  <c r="T75497" i="1"/>
  <c r="T75498" i="1"/>
  <c r="T75499" i="1"/>
  <c r="T75500" i="1"/>
  <c r="T75501" i="1"/>
  <c r="T75502" i="1"/>
  <c r="T75503" i="1"/>
  <c r="T75504" i="1"/>
  <c r="T75505" i="1"/>
  <c r="T75506" i="1"/>
  <c r="T75507" i="1"/>
  <c r="T75508" i="1"/>
  <c r="T75509" i="1"/>
  <c r="T75510" i="1"/>
  <c r="T75511" i="1"/>
  <c r="T75512" i="1"/>
  <c r="T75513" i="1"/>
  <c r="T75514" i="1"/>
  <c r="T75515" i="1"/>
  <c r="T75516" i="1"/>
  <c r="T75517" i="1"/>
  <c r="T75518" i="1"/>
  <c r="T75519" i="1"/>
  <c r="T75520" i="1"/>
  <c r="T75521" i="1"/>
  <c r="T75522" i="1"/>
  <c r="T75523" i="1"/>
  <c r="T75524" i="1"/>
  <c r="T75525" i="1"/>
  <c r="T75526" i="1"/>
  <c r="T75527" i="1"/>
  <c r="T75528" i="1"/>
  <c r="T75529" i="1"/>
  <c r="T75530" i="1"/>
  <c r="T75531" i="1"/>
  <c r="T75532" i="1"/>
  <c r="T75533" i="1"/>
  <c r="T75534" i="1"/>
  <c r="T75535" i="1"/>
  <c r="T75536" i="1"/>
  <c r="T75537" i="1"/>
  <c r="T75538" i="1"/>
  <c r="T75539" i="1"/>
  <c r="T75540" i="1"/>
  <c r="T75541" i="1"/>
  <c r="T75542" i="1"/>
  <c r="T75543" i="1"/>
  <c r="T75544" i="1"/>
  <c r="T75545" i="1"/>
  <c r="T75546" i="1"/>
  <c r="T75547" i="1"/>
  <c r="T75548" i="1"/>
  <c r="T75549" i="1"/>
  <c r="T75550" i="1"/>
  <c r="T75551" i="1"/>
  <c r="T75552" i="1"/>
  <c r="T75553" i="1"/>
  <c r="T75554" i="1"/>
  <c r="T75555" i="1"/>
  <c r="T75556" i="1"/>
  <c r="T75557" i="1"/>
  <c r="T75558" i="1"/>
  <c r="T75559" i="1"/>
  <c r="T75560" i="1"/>
  <c r="T75561" i="1"/>
  <c r="T75562" i="1"/>
  <c r="T75563" i="1"/>
  <c r="T75564" i="1"/>
  <c r="T75565" i="1"/>
  <c r="T75566" i="1"/>
  <c r="T75567" i="1"/>
  <c r="T75568" i="1"/>
  <c r="T75569" i="1"/>
  <c r="T75570" i="1"/>
  <c r="T75571" i="1"/>
  <c r="T75572" i="1"/>
  <c r="T75573" i="1"/>
  <c r="T75574" i="1"/>
  <c r="T75575" i="1"/>
  <c r="T75576" i="1"/>
  <c r="T75577" i="1"/>
  <c r="T75578" i="1"/>
  <c r="T75579" i="1"/>
  <c r="T75580" i="1"/>
  <c r="T75581" i="1"/>
  <c r="T75582" i="1"/>
  <c r="T75583" i="1"/>
  <c r="T75584" i="1"/>
  <c r="T75585" i="1"/>
  <c r="T75586" i="1"/>
  <c r="T75587" i="1"/>
  <c r="T75588" i="1"/>
  <c r="T75589" i="1"/>
  <c r="T75590" i="1"/>
  <c r="T75591" i="1"/>
  <c r="T75592" i="1"/>
  <c r="T75593" i="1"/>
  <c r="T75594" i="1"/>
  <c r="T75595" i="1"/>
  <c r="T75596" i="1"/>
  <c r="T75597" i="1"/>
  <c r="T75598" i="1"/>
  <c r="T75599" i="1"/>
  <c r="T75600" i="1"/>
  <c r="T75601" i="1"/>
  <c r="T75602" i="1"/>
  <c r="T75603" i="1"/>
  <c r="T75604" i="1"/>
  <c r="T75605" i="1"/>
  <c r="T75606" i="1"/>
  <c r="T75607" i="1"/>
  <c r="T75608" i="1"/>
  <c r="T75609" i="1"/>
  <c r="T75610" i="1"/>
  <c r="T75611" i="1"/>
  <c r="T75612" i="1"/>
  <c r="T75613" i="1"/>
  <c r="T75614" i="1"/>
  <c r="T75615" i="1"/>
  <c r="T75616" i="1"/>
  <c r="T75617" i="1"/>
  <c r="T75618" i="1"/>
  <c r="T75619" i="1"/>
  <c r="T75620" i="1"/>
  <c r="T75621" i="1"/>
  <c r="T75622" i="1"/>
  <c r="T75623" i="1"/>
  <c r="T75624" i="1"/>
  <c r="T75625" i="1"/>
  <c r="T75626" i="1"/>
  <c r="T75627" i="1"/>
  <c r="T75628" i="1"/>
  <c r="T75629" i="1"/>
  <c r="T75630" i="1"/>
  <c r="T75631" i="1"/>
  <c r="T75632" i="1"/>
  <c r="T75633" i="1"/>
  <c r="T75634" i="1"/>
  <c r="T75635" i="1"/>
  <c r="T75636" i="1"/>
  <c r="T75637" i="1"/>
  <c r="T75638" i="1"/>
  <c r="T75639" i="1"/>
  <c r="T75640" i="1"/>
  <c r="T75641" i="1"/>
  <c r="T75642" i="1"/>
  <c r="T75643" i="1"/>
  <c r="T75644" i="1"/>
  <c r="T75645" i="1"/>
  <c r="T75646" i="1"/>
  <c r="T75647" i="1"/>
  <c r="T75648" i="1"/>
  <c r="T75649" i="1"/>
  <c r="T75650" i="1"/>
  <c r="T75651" i="1"/>
  <c r="T75652" i="1"/>
  <c r="T75653" i="1"/>
  <c r="T75654" i="1"/>
  <c r="T75655" i="1"/>
  <c r="T75656" i="1"/>
  <c r="T75657" i="1"/>
  <c r="T75658" i="1"/>
  <c r="T75659" i="1"/>
  <c r="T75660" i="1"/>
  <c r="T75661" i="1"/>
  <c r="T75662" i="1"/>
  <c r="T75663" i="1"/>
  <c r="T75664" i="1"/>
  <c r="T75665" i="1"/>
  <c r="T75666" i="1"/>
  <c r="T75667" i="1"/>
  <c r="T75668" i="1"/>
  <c r="T75669" i="1"/>
  <c r="T75670" i="1"/>
  <c r="T75671" i="1"/>
  <c r="T75672" i="1"/>
  <c r="T75673" i="1"/>
  <c r="T75674" i="1"/>
  <c r="T75675" i="1"/>
  <c r="T75676" i="1"/>
  <c r="T75677" i="1"/>
  <c r="T75678" i="1"/>
  <c r="T75679" i="1"/>
  <c r="T75680" i="1"/>
  <c r="T75681" i="1"/>
  <c r="T75682" i="1"/>
  <c r="T75683" i="1"/>
  <c r="T75684" i="1"/>
  <c r="T75685" i="1"/>
  <c r="T75686" i="1"/>
  <c r="T75687" i="1"/>
  <c r="T75688" i="1"/>
  <c r="T75689" i="1"/>
  <c r="T75690" i="1"/>
  <c r="T75691" i="1"/>
  <c r="T75692" i="1"/>
  <c r="T75693" i="1"/>
  <c r="T75694" i="1"/>
  <c r="T75695" i="1"/>
  <c r="T75696" i="1"/>
  <c r="T75697" i="1"/>
  <c r="T75698" i="1"/>
  <c r="T75699" i="1"/>
  <c r="T75700" i="1"/>
  <c r="T75701" i="1"/>
  <c r="T75702" i="1"/>
  <c r="T75703" i="1"/>
  <c r="T75704" i="1"/>
  <c r="T75705" i="1"/>
  <c r="T75706" i="1"/>
  <c r="T75707" i="1"/>
  <c r="T75708" i="1"/>
  <c r="T75709" i="1"/>
  <c r="T75710" i="1"/>
  <c r="T75711" i="1"/>
  <c r="T75712" i="1"/>
  <c r="T75713" i="1"/>
  <c r="T75714" i="1"/>
  <c r="T75715" i="1"/>
  <c r="T75716" i="1"/>
  <c r="T75717" i="1"/>
  <c r="T75718" i="1"/>
  <c r="T75719" i="1"/>
  <c r="T75720" i="1"/>
  <c r="T75721" i="1"/>
  <c r="T75722" i="1"/>
  <c r="T75723" i="1"/>
  <c r="T75724" i="1"/>
  <c r="T75725" i="1"/>
  <c r="T75726" i="1"/>
  <c r="T75727" i="1"/>
  <c r="T75728" i="1"/>
  <c r="T75729" i="1"/>
  <c r="T75730" i="1"/>
  <c r="T75731" i="1"/>
  <c r="T75732" i="1"/>
  <c r="T75733" i="1"/>
  <c r="T75734" i="1"/>
  <c r="T75735" i="1"/>
  <c r="T75736" i="1"/>
  <c r="T75737" i="1"/>
  <c r="T75738" i="1"/>
  <c r="T75739" i="1"/>
  <c r="T75740" i="1"/>
  <c r="T75741" i="1"/>
  <c r="T75742" i="1"/>
  <c r="T75743" i="1"/>
  <c r="T75744" i="1"/>
  <c r="T75745" i="1"/>
  <c r="T75746" i="1"/>
  <c r="T75747" i="1"/>
  <c r="T75748" i="1"/>
  <c r="T75749" i="1"/>
  <c r="T75750" i="1"/>
  <c r="T75751" i="1"/>
  <c r="T75752" i="1"/>
  <c r="T75753" i="1"/>
  <c r="T75754" i="1"/>
  <c r="T75755" i="1"/>
  <c r="T75756" i="1"/>
  <c r="T75757" i="1"/>
  <c r="T75758" i="1"/>
  <c r="T75759" i="1"/>
  <c r="T75760" i="1"/>
  <c r="T75761" i="1"/>
  <c r="T75762" i="1"/>
  <c r="T75763" i="1"/>
  <c r="T75764" i="1"/>
  <c r="T75765" i="1"/>
  <c r="T75766" i="1"/>
  <c r="T75767" i="1"/>
  <c r="T75768" i="1"/>
  <c r="T75769" i="1"/>
  <c r="T75770" i="1"/>
  <c r="T75771" i="1"/>
  <c r="T75772" i="1"/>
  <c r="T75773" i="1"/>
  <c r="T75774" i="1"/>
  <c r="T75775" i="1"/>
  <c r="T75776" i="1"/>
  <c r="T75777" i="1"/>
  <c r="T75778" i="1"/>
  <c r="T75779" i="1"/>
  <c r="T75780" i="1"/>
  <c r="T75781" i="1"/>
  <c r="T75782" i="1"/>
  <c r="T75783" i="1"/>
  <c r="T75784" i="1"/>
  <c r="T75785" i="1"/>
  <c r="T75786" i="1"/>
  <c r="T75787" i="1"/>
  <c r="T75788" i="1"/>
  <c r="T75789" i="1"/>
  <c r="T75790" i="1"/>
  <c r="T75791" i="1"/>
  <c r="T75792" i="1"/>
  <c r="T75793" i="1"/>
  <c r="T75794" i="1"/>
  <c r="T75795" i="1"/>
  <c r="T75796" i="1"/>
  <c r="T75797" i="1"/>
  <c r="T75798" i="1"/>
  <c r="T75799" i="1"/>
  <c r="T75800" i="1"/>
  <c r="T75801" i="1"/>
  <c r="T75802" i="1"/>
  <c r="T75803" i="1"/>
  <c r="T75804" i="1"/>
  <c r="T75805" i="1"/>
  <c r="T75806" i="1"/>
  <c r="T75807" i="1"/>
  <c r="T75808" i="1"/>
  <c r="T75809" i="1"/>
  <c r="T75810" i="1"/>
  <c r="T75811" i="1"/>
  <c r="T75812" i="1"/>
  <c r="T75813" i="1"/>
  <c r="T75814" i="1"/>
  <c r="T75815" i="1"/>
  <c r="T75816" i="1"/>
  <c r="T75817" i="1"/>
  <c r="T75818" i="1"/>
  <c r="T75819" i="1"/>
  <c r="T75820" i="1"/>
  <c r="T75821" i="1"/>
  <c r="T75822" i="1"/>
  <c r="T75823" i="1"/>
  <c r="T75824" i="1"/>
  <c r="T75825" i="1"/>
  <c r="T75826" i="1"/>
  <c r="T75827" i="1"/>
  <c r="T75828" i="1"/>
  <c r="T75829" i="1"/>
  <c r="T75830" i="1"/>
  <c r="T75831" i="1"/>
  <c r="T75832" i="1"/>
  <c r="T75833" i="1"/>
  <c r="T75834" i="1"/>
  <c r="T75835" i="1"/>
  <c r="T75836" i="1"/>
  <c r="T75837" i="1"/>
  <c r="T75838" i="1"/>
  <c r="T75839" i="1"/>
  <c r="T75840" i="1"/>
  <c r="T75841" i="1"/>
  <c r="T75842" i="1"/>
  <c r="T75843" i="1"/>
  <c r="T75844" i="1"/>
  <c r="T75845" i="1"/>
  <c r="T75846" i="1"/>
  <c r="T75847" i="1"/>
  <c r="T75848" i="1"/>
  <c r="T75849" i="1"/>
  <c r="T75850" i="1"/>
  <c r="T75851" i="1"/>
  <c r="T75852" i="1"/>
  <c r="T75853" i="1"/>
  <c r="T75854" i="1"/>
  <c r="T75855" i="1"/>
  <c r="T75856" i="1"/>
  <c r="T75857" i="1"/>
  <c r="T75858" i="1"/>
  <c r="T75859" i="1"/>
  <c r="T75860" i="1"/>
  <c r="T75861" i="1"/>
  <c r="T75862" i="1"/>
  <c r="T75863" i="1"/>
  <c r="T75864" i="1"/>
  <c r="T75865" i="1"/>
  <c r="T75866" i="1"/>
  <c r="T75867" i="1"/>
  <c r="T75868" i="1"/>
  <c r="T75869" i="1"/>
  <c r="T75870" i="1"/>
  <c r="T75871" i="1"/>
  <c r="T75872" i="1"/>
  <c r="T75873" i="1"/>
  <c r="T75874" i="1"/>
  <c r="T75875" i="1"/>
  <c r="T75876" i="1"/>
  <c r="T75877" i="1"/>
  <c r="T75878" i="1"/>
  <c r="T75879" i="1"/>
  <c r="T75880" i="1"/>
  <c r="T75881" i="1"/>
  <c r="T75882" i="1"/>
  <c r="T75883" i="1"/>
  <c r="T75884" i="1"/>
  <c r="T75885" i="1"/>
  <c r="T75886" i="1"/>
  <c r="T75887" i="1"/>
  <c r="T75888" i="1"/>
  <c r="T75889" i="1"/>
  <c r="T75890" i="1"/>
  <c r="T75891" i="1"/>
  <c r="T75892" i="1"/>
  <c r="T75893" i="1"/>
  <c r="T75894" i="1"/>
  <c r="T75895" i="1"/>
  <c r="T75896" i="1"/>
  <c r="T75897" i="1"/>
  <c r="T75898" i="1"/>
  <c r="T75899" i="1"/>
  <c r="T75900" i="1"/>
  <c r="T75901" i="1"/>
  <c r="T75902" i="1"/>
  <c r="T75903" i="1"/>
  <c r="T75904" i="1"/>
  <c r="T75905" i="1"/>
  <c r="T75906" i="1"/>
  <c r="T75907" i="1"/>
  <c r="T75908" i="1"/>
  <c r="T75909" i="1"/>
  <c r="T75910" i="1"/>
  <c r="T75911" i="1"/>
  <c r="T75912" i="1"/>
  <c r="T75913" i="1"/>
  <c r="T75914" i="1"/>
  <c r="T75915" i="1"/>
  <c r="T75916" i="1"/>
  <c r="T75917" i="1"/>
  <c r="T75918" i="1"/>
  <c r="T75919" i="1"/>
  <c r="T75920" i="1"/>
  <c r="T75921" i="1"/>
  <c r="T75922" i="1"/>
  <c r="T75923" i="1"/>
  <c r="T75924" i="1"/>
  <c r="T75925" i="1"/>
  <c r="T75926" i="1"/>
  <c r="T75927" i="1"/>
  <c r="T75928" i="1"/>
  <c r="T75929" i="1"/>
  <c r="T75930" i="1"/>
  <c r="T75931" i="1"/>
  <c r="T75932" i="1"/>
  <c r="T75933" i="1"/>
  <c r="T75934" i="1"/>
  <c r="T75935" i="1"/>
  <c r="T75936" i="1"/>
  <c r="T75937" i="1"/>
  <c r="T75938" i="1"/>
  <c r="T75939" i="1"/>
  <c r="T75940" i="1"/>
  <c r="T75941" i="1"/>
  <c r="T75942" i="1"/>
  <c r="T75943" i="1"/>
  <c r="T75944" i="1"/>
  <c r="T75945" i="1"/>
  <c r="T75946" i="1"/>
  <c r="T75947" i="1"/>
  <c r="T75948" i="1"/>
  <c r="T75949" i="1"/>
  <c r="T75950" i="1"/>
  <c r="T75951" i="1"/>
  <c r="T75952" i="1"/>
  <c r="T75953" i="1"/>
  <c r="T75954" i="1"/>
  <c r="T75955" i="1"/>
  <c r="T75956" i="1"/>
  <c r="T75957" i="1"/>
  <c r="T75958" i="1"/>
  <c r="T75959" i="1"/>
  <c r="T75960" i="1"/>
  <c r="T75961" i="1"/>
  <c r="T75962" i="1"/>
  <c r="T75963" i="1"/>
  <c r="T75964" i="1"/>
  <c r="T75965" i="1"/>
  <c r="T75966" i="1"/>
  <c r="T75967" i="1"/>
  <c r="T75968" i="1"/>
  <c r="T75969" i="1"/>
  <c r="T75970" i="1"/>
  <c r="T75971" i="1"/>
  <c r="T75972" i="1"/>
  <c r="T75973" i="1"/>
  <c r="T75974" i="1"/>
  <c r="T75975" i="1"/>
  <c r="T75976" i="1"/>
  <c r="T75977" i="1"/>
  <c r="T75978" i="1"/>
  <c r="T75979" i="1"/>
  <c r="T75980" i="1"/>
  <c r="T75981" i="1"/>
  <c r="T75982" i="1"/>
  <c r="T75983" i="1"/>
  <c r="T75984" i="1"/>
  <c r="T75985" i="1"/>
  <c r="T75986" i="1"/>
  <c r="T75987" i="1"/>
  <c r="T75988" i="1"/>
  <c r="T75989" i="1"/>
  <c r="T75990" i="1"/>
  <c r="T75991" i="1"/>
  <c r="T75992" i="1"/>
  <c r="T75993" i="1"/>
  <c r="T75994" i="1"/>
  <c r="T75995" i="1"/>
  <c r="T75996" i="1"/>
  <c r="T75997" i="1"/>
  <c r="T75998" i="1"/>
  <c r="T75999" i="1"/>
  <c r="T76000" i="1"/>
  <c r="T76001" i="1"/>
  <c r="T76002" i="1"/>
  <c r="T76003" i="1"/>
  <c r="T76004" i="1"/>
  <c r="T76005" i="1"/>
  <c r="T76006" i="1"/>
  <c r="T76007" i="1"/>
  <c r="T76008" i="1"/>
  <c r="T76009" i="1"/>
  <c r="T76010" i="1"/>
  <c r="T76011" i="1"/>
  <c r="T76012" i="1"/>
  <c r="T76013" i="1"/>
  <c r="T76014" i="1"/>
  <c r="T76015" i="1"/>
  <c r="T76016" i="1"/>
  <c r="T76017" i="1"/>
  <c r="T76018" i="1"/>
  <c r="T76019" i="1"/>
  <c r="T76020" i="1"/>
  <c r="T76021" i="1"/>
  <c r="T76022" i="1"/>
  <c r="T76023" i="1"/>
  <c r="T76024" i="1"/>
  <c r="T76025" i="1"/>
  <c r="T76026" i="1"/>
  <c r="T76027" i="1"/>
  <c r="T76028" i="1"/>
  <c r="T76029" i="1"/>
  <c r="T76030" i="1"/>
  <c r="T76031" i="1"/>
  <c r="T76032" i="1"/>
  <c r="T76033" i="1"/>
  <c r="T76034" i="1"/>
  <c r="T76035" i="1"/>
  <c r="T76036" i="1"/>
  <c r="T76037" i="1"/>
  <c r="T76038" i="1"/>
  <c r="T76039" i="1"/>
  <c r="T76040" i="1"/>
  <c r="T76041" i="1"/>
  <c r="T76042" i="1"/>
  <c r="T76043" i="1"/>
  <c r="T76044" i="1"/>
  <c r="T76045" i="1"/>
  <c r="T76046" i="1"/>
  <c r="T76047" i="1"/>
  <c r="T76048" i="1"/>
  <c r="T76049" i="1"/>
  <c r="T76050" i="1"/>
  <c r="T76051" i="1"/>
  <c r="T76052" i="1"/>
  <c r="T76053" i="1"/>
  <c r="T76054" i="1"/>
  <c r="T76055" i="1"/>
  <c r="T76056" i="1"/>
  <c r="T76057" i="1"/>
  <c r="T76058" i="1"/>
  <c r="T76059" i="1"/>
  <c r="T76060" i="1"/>
  <c r="T76061" i="1"/>
  <c r="T76062" i="1"/>
  <c r="T76063" i="1"/>
  <c r="T76064" i="1"/>
  <c r="T76065" i="1"/>
  <c r="T76066" i="1"/>
  <c r="T76067" i="1"/>
  <c r="T76068" i="1"/>
  <c r="T76069" i="1"/>
  <c r="T76070" i="1"/>
  <c r="T76071" i="1"/>
  <c r="T76072" i="1"/>
  <c r="T76073" i="1"/>
  <c r="T76074" i="1"/>
  <c r="T76075" i="1"/>
  <c r="T76076" i="1"/>
  <c r="T76077" i="1"/>
  <c r="T76078" i="1"/>
  <c r="T76079" i="1"/>
  <c r="T76080" i="1"/>
  <c r="T76081" i="1"/>
  <c r="T76082" i="1"/>
  <c r="T76083" i="1"/>
  <c r="T76084" i="1"/>
  <c r="T76085" i="1"/>
  <c r="T76086" i="1"/>
  <c r="T76087" i="1"/>
  <c r="T76088" i="1"/>
  <c r="T76089" i="1"/>
  <c r="T76090" i="1"/>
  <c r="T76091" i="1"/>
  <c r="T76092" i="1"/>
  <c r="T76093" i="1"/>
  <c r="T76094" i="1"/>
  <c r="T76095" i="1"/>
  <c r="T76096" i="1"/>
  <c r="T76097" i="1"/>
  <c r="T76098" i="1"/>
  <c r="T76099" i="1"/>
  <c r="T76100" i="1"/>
  <c r="T76101" i="1"/>
  <c r="T76102" i="1"/>
  <c r="T76103" i="1"/>
  <c r="T76104" i="1"/>
  <c r="T76105" i="1"/>
  <c r="T76106" i="1"/>
  <c r="T76107" i="1"/>
  <c r="T76108" i="1"/>
  <c r="T76109" i="1"/>
  <c r="T76110" i="1"/>
  <c r="T76111" i="1"/>
  <c r="T76112" i="1"/>
  <c r="T76113" i="1"/>
  <c r="T76114" i="1"/>
  <c r="T76115" i="1"/>
  <c r="T76116" i="1"/>
  <c r="T76117" i="1"/>
  <c r="T76118" i="1"/>
  <c r="T76119" i="1"/>
  <c r="T76120" i="1"/>
  <c r="T76121" i="1"/>
  <c r="T76122" i="1"/>
  <c r="T76123" i="1"/>
  <c r="T76124" i="1"/>
  <c r="T76125" i="1"/>
  <c r="T76126" i="1"/>
  <c r="T76127" i="1"/>
  <c r="T76128" i="1"/>
  <c r="T76129" i="1"/>
  <c r="T76130" i="1"/>
  <c r="T76131" i="1"/>
  <c r="T76132" i="1"/>
  <c r="T76133" i="1"/>
  <c r="T76134" i="1"/>
  <c r="T76135" i="1"/>
  <c r="T76136" i="1"/>
  <c r="T76137" i="1"/>
  <c r="T76138" i="1"/>
  <c r="T76139" i="1"/>
  <c r="T76140" i="1"/>
  <c r="T76141" i="1"/>
  <c r="T76142" i="1"/>
  <c r="T76143" i="1"/>
  <c r="T76144" i="1"/>
  <c r="T76145" i="1"/>
  <c r="T76146" i="1"/>
  <c r="T76147" i="1"/>
  <c r="T76148" i="1"/>
  <c r="T76149" i="1"/>
  <c r="T76150" i="1"/>
  <c r="T76151" i="1"/>
  <c r="T76152" i="1"/>
  <c r="T76153" i="1"/>
  <c r="T76154" i="1"/>
  <c r="T76155" i="1"/>
  <c r="T76156" i="1"/>
  <c r="T76157" i="1"/>
  <c r="T76158" i="1"/>
  <c r="T76159" i="1"/>
  <c r="T76160" i="1"/>
  <c r="T76161" i="1"/>
  <c r="T76162" i="1"/>
  <c r="T76163" i="1"/>
  <c r="T76164" i="1"/>
  <c r="T76165" i="1"/>
  <c r="T76166" i="1"/>
  <c r="T76167" i="1"/>
  <c r="T76168" i="1"/>
  <c r="T76169" i="1"/>
  <c r="T76170" i="1"/>
  <c r="T76171" i="1"/>
  <c r="T76172" i="1"/>
  <c r="T76173" i="1"/>
  <c r="T76174" i="1"/>
  <c r="T76175" i="1"/>
  <c r="T76176" i="1"/>
  <c r="T76177" i="1"/>
  <c r="T76178" i="1"/>
  <c r="T76179" i="1"/>
  <c r="T76180" i="1"/>
  <c r="T76181" i="1"/>
  <c r="T76182" i="1"/>
  <c r="T76183" i="1"/>
  <c r="T76184" i="1"/>
  <c r="T76185" i="1"/>
  <c r="T76186" i="1"/>
  <c r="T76187" i="1"/>
  <c r="T76188" i="1"/>
  <c r="T76189" i="1"/>
  <c r="T76190" i="1"/>
  <c r="T76191" i="1"/>
  <c r="T76192" i="1"/>
  <c r="T76193" i="1"/>
  <c r="T76194" i="1"/>
  <c r="T76195" i="1"/>
  <c r="T76196" i="1"/>
  <c r="T76197" i="1"/>
  <c r="T76198" i="1"/>
  <c r="T76199" i="1"/>
  <c r="T76200" i="1"/>
  <c r="T76201" i="1"/>
  <c r="T76202" i="1"/>
  <c r="T76203" i="1"/>
  <c r="T76204" i="1"/>
  <c r="T76205" i="1"/>
  <c r="T76206" i="1"/>
  <c r="T76207" i="1"/>
  <c r="T76208" i="1"/>
  <c r="T76209" i="1"/>
  <c r="T76210" i="1"/>
  <c r="T76211" i="1"/>
  <c r="T76212" i="1"/>
  <c r="T76213" i="1"/>
  <c r="T76214" i="1"/>
  <c r="T76215" i="1"/>
  <c r="T76216" i="1"/>
  <c r="T76217" i="1"/>
  <c r="T76218" i="1"/>
  <c r="T76219" i="1"/>
  <c r="T76220" i="1"/>
  <c r="T76221" i="1"/>
  <c r="T76222" i="1"/>
  <c r="T76223" i="1"/>
  <c r="T76224" i="1"/>
  <c r="T76225" i="1"/>
  <c r="T76226" i="1"/>
  <c r="T76227" i="1"/>
  <c r="T76228" i="1"/>
  <c r="T76229" i="1"/>
  <c r="T76230" i="1"/>
  <c r="T76231" i="1"/>
  <c r="T76232" i="1"/>
  <c r="T76233" i="1"/>
  <c r="T76234" i="1"/>
  <c r="T76235" i="1"/>
  <c r="T76236" i="1"/>
  <c r="T76237" i="1"/>
  <c r="T76238" i="1"/>
  <c r="T76239" i="1"/>
  <c r="T76240" i="1"/>
  <c r="T76241" i="1"/>
  <c r="T76242" i="1"/>
  <c r="T76243" i="1"/>
  <c r="T76244" i="1"/>
  <c r="T76245" i="1"/>
  <c r="T76246" i="1"/>
  <c r="T76247" i="1"/>
  <c r="T76248" i="1"/>
  <c r="T76249" i="1"/>
  <c r="T76250" i="1"/>
  <c r="T76251" i="1"/>
  <c r="T76252" i="1"/>
  <c r="T76253" i="1"/>
  <c r="T76254" i="1"/>
  <c r="T76255" i="1"/>
  <c r="T76256" i="1"/>
  <c r="T76257" i="1"/>
  <c r="T76258" i="1"/>
  <c r="T76259" i="1"/>
  <c r="T76260" i="1"/>
  <c r="T76261" i="1"/>
  <c r="T76262" i="1"/>
  <c r="T76263" i="1"/>
  <c r="T76264" i="1"/>
  <c r="T76265" i="1"/>
  <c r="T76266" i="1"/>
  <c r="T76267" i="1"/>
  <c r="T76268" i="1"/>
  <c r="T76269" i="1"/>
  <c r="T76270" i="1"/>
  <c r="T76271" i="1"/>
  <c r="T76272" i="1"/>
  <c r="T76273" i="1"/>
  <c r="T76274" i="1"/>
  <c r="T76275" i="1"/>
  <c r="T76276" i="1"/>
  <c r="T76277" i="1"/>
  <c r="T76278" i="1"/>
  <c r="T76279" i="1"/>
  <c r="T76280" i="1"/>
  <c r="T76281" i="1"/>
  <c r="T76282" i="1"/>
  <c r="T76283" i="1"/>
  <c r="T76284" i="1"/>
  <c r="T76285" i="1"/>
  <c r="T76286" i="1"/>
  <c r="T76287" i="1"/>
  <c r="T76288" i="1"/>
  <c r="T76289" i="1"/>
  <c r="T76290" i="1"/>
  <c r="T76291" i="1"/>
  <c r="T76292" i="1"/>
  <c r="T76293" i="1"/>
  <c r="T76294" i="1"/>
  <c r="T76295" i="1"/>
  <c r="T76296" i="1"/>
  <c r="T76297" i="1"/>
  <c r="T76298" i="1"/>
  <c r="T76299" i="1"/>
  <c r="T76300" i="1"/>
  <c r="T76301" i="1"/>
  <c r="T76302" i="1"/>
  <c r="T76303" i="1"/>
  <c r="T76304" i="1"/>
  <c r="T76305" i="1"/>
  <c r="T76306" i="1"/>
  <c r="T76307" i="1"/>
  <c r="T76308" i="1"/>
  <c r="T76309" i="1"/>
  <c r="T76310" i="1"/>
  <c r="T76311" i="1"/>
  <c r="T76312" i="1"/>
  <c r="T76313" i="1"/>
  <c r="T76314" i="1"/>
  <c r="T76315" i="1"/>
  <c r="T76316" i="1"/>
  <c r="T76317" i="1"/>
  <c r="T76318" i="1"/>
  <c r="T76319" i="1"/>
  <c r="T76320" i="1"/>
  <c r="T76321" i="1"/>
  <c r="T76322" i="1"/>
  <c r="T76323" i="1"/>
  <c r="T76324" i="1"/>
  <c r="T76325" i="1"/>
  <c r="T76326" i="1"/>
  <c r="T76327" i="1"/>
  <c r="T76328" i="1"/>
  <c r="T76329" i="1"/>
  <c r="T76330" i="1"/>
  <c r="T76331" i="1"/>
  <c r="T76332" i="1"/>
  <c r="T76333" i="1"/>
  <c r="T76334" i="1"/>
  <c r="T76335" i="1"/>
  <c r="T76336" i="1"/>
  <c r="T76337" i="1"/>
  <c r="T76338" i="1"/>
  <c r="T76339" i="1"/>
  <c r="T76340" i="1"/>
  <c r="T76341" i="1"/>
  <c r="T76342" i="1"/>
  <c r="T76343" i="1"/>
  <c r="T76344" i="1"/>
  <c r="T76345" i="1"/>
  <c r="T76346" i="1"/>
  <c r="T76347" i="1"/>
  <c r="T76348" i="1"/>
  <c r="T76349" i="1"/>
  <c r="T76350" i="1"/>
  <c r="T76351" i="1"/>
  <c r="T76352" i="1"/>
  <c r="T76353" i="1"/>
  <c r="T76354" i="1"/>
  <c r="T76355" i="1"/>
  <c r="T76356" i="1"/>
  <c r="T76357" i="1"/>
  <c r="T76358" i="1"/>
  <c r="T76359" i="1"/>
  <c r="T76360" i="1"/>
  <c r="T76361" i="1"/>
  <c r="T76362" i="1"/>
  <c r="T76363" i="1"/>
  <c r="T76364" i="1"/>
  <c r="T76365" i="1"/>
  <c r="T76366" i="1"/>
  <c r="T76367" i="1"/>
  <c r="T76368" i="1"/>
  <c r="T76369" i="1"/>
  <c r="T76370" i="1"/>
  <c r="T76371" i="1"/>
  <c r="T76372" i="1"/>
  <c r="T76373" i="1"/>
  <c r="T76374" i="1"/>
  <c r="T76375" i="1"/>
  <c r="T76376" i="1"/>
  <c r="T76377" i="1"/>
  <c r="T76378" i="1"/>
  <c r="T76379" i="1"/>
  <c r="T76380" i="1"/>
  <c r="T76381" i="1"/>
  <c r="T76382" i="1"/>
  <c r="T76383" i="1"/>
  <c r="T76384" i="1"/>
  <c r="T76385" i="1"/>
  <c r="T76386" i="1"/>
  <c r="T76387" i="1"/>
  <c r="T76388" i="1"/>
  <c r="T76389" i="1"/>
  <c r="T76390" i="1"/>
  <c r="T76391" i="1"/>
  <c r="T76392" i="1"/>
  <c r="T76393" i="1"/>
  <c r="T76394" i="1"/>
  <c r="T76395" i="1"/>
  <c r="T76396" i="1"/>
  <c r="T76397" i="1"/>
  <c r="T76398" i="1"/>
  <c r="T76399" i="1"/>
  <c r="T76400" i="1"/>
  <c r="T76401" i="1"/>
  <c r="T76402" i="1"/>
  <c r="T76403" i="1"/>
  <c r="T76404" i="1"/>
  <c r="T76405" i="1"/>
  <c r="T76406" i="1"/>
  <c r="T76407" i="1"/>
  <c r="T76408" i="1"/>
  <c r="T76409" i="1"/>
  <c r="T76410" i="1"/>
  <c r="T76411" i="1"/>
  <c r="T76412" i="1"/>
  <c r="T76413" i="1"/>
  <c r="T76414" i="1"/>
  <c r="T76415" i="1"/>
  <c r="T76416" i="1"/>
  <c r="T76417" i="1"/>
  <c r="T76418" i="1"/>
  <c r="T76419" i="1"/>
  <c r="T76420" i="1"/>
  <c r="T76421" i="1"/>
  <c r="T76422" i="1"/>
  <c r="T76423" i="1"/>
  <c r="T76424" i="1"/>
  <c r="T76425" i="1"/>
  <c r="T76426" i="1"/>
  <c r="T76427" i="1"/>
  <c r="T76428" i="1"/>
  <c r="T76429" i="1"/>
  <c r="T76430" i="1"/>
  <c r="T76431" i="1"/>
  <c r="T76432" i="1"/>
  <c r="T76433" i="1"/>
  <c r="T76434" i="1"/>
  <c r="T76435" i="1"/>
  <c r="T76436" i="1"/>
  <c r="T76437" i="1"/>
  <c r="T76438" i="1"/>
  <c r="T76439" i="1"/>
  <c r="T76440" i="1"/>
  <c r="T76441" i="1"/>
  <c r="T76442" i="1"/>
  <c r="T76443" i="1"/>
  <c r="T76444" i="1"/>
  <c r="T76445" i="1"/>
  <c r="T76446" i="1"/>
  <c r="T76447" i="1"/>
  <c r="T76448" i="1"/>
  <c r="T76449" i="1"/>
  <c r="T76450" i="1"/>
  <c r="T76451" i="1"/>
  <c r="T76452" i="1"/>
  <c r="T76453" i="1"/>
  <c r="T76454" i="1"/>
  <c r="T76455" i="1"/>
  <c r="T76456" i="1"/>
  <c r="T76457" i="1"/>
  <c r="T76458" i="1"/>
  <c r="T76459" i="1"/>
  <c r="T76460" i="1"/>
  <c r="T76461" i="1"/>
  <c r="T76462" i="1"/>
  <c r="T76463" i="1"/>
  <c r="T76464" i="1"/>
  <c r="T76465" i="1"/>
  <c r="T76466" i="1"/>
  <c r="T76467" i="1"/>
  <c r="T76468" i="1"/>
  <c r="T76469" i="1"/>
  <c r="T76470" i="1"/>
  <c r="T76471" i="1"/>
  <c r="T76472" i="1"/>
  <c r="T76473" i="1"/>
  <c r="T76474" i="1"/>
  <c r="T76475" i="1"/>
  <c r="T76476" i="1"/>
  <c r="T76477" i="1"/>
  <c r="T76478" i="1"/>
  <c r="T76479" i="1"/>
  <c r="T76480" i="1"/>
  <c r="T76481" i="1"/>
  <c r="T76482" i="1"/>
  <c r="T76483" i="1"/>
  <c r="T76484" i="1"/>
  <c r="T76485" i="1"/>
  <c r="T76486" i="1"/>
  <c r="T76487" i="1"/>
  <c r="T76488" i="1"/>
  <c r="T76489" i="1"/>
  <c r="T76490" i="1"/>
  <c r="T76491" i="1"/>
  <c r="T76492" i="1"/>
  <c r="T76493" i="1"/>
  <c r="T76494" i="1"/>
  <c r="T76495" i="1"/>
  <c r="T76496" i="1"/>
  <c r="T76497" i="1"/>
  <c r="T76498" i="1"/>
  <c r="T76499" i="1"/>
  <c r="T76500" i="1"/>
  <c r="T76501" i="1"/>
  <c r="T76502" i="1"/>
  <c r="T76503" i="1"/>
  <c r="T76504" i="1"/>
  <c r="T76505" i="1"/>
  <c r="T76506" i="1"/>
  <c r="T76507" i="1"/>
  <c r="T76508" i="1"/>
  <c r="T76509" i="1"/>
  <c r="T76510" i="1"/>
  <c r="T76511" i="1"/>
  <c r="T76512" i="1"/>
  <c r="T76513" i="1"/>
  <c r="T76514" i="1"/>
  <c r="T76515" i="1"/>
  <c r="T76516" i="1"/>
  <c r="T76517" i="1"/>
  <c r="T76518" i="1"/>
  <c r="T76519" i="1"/>
  <c r="T76520" i="1"/>
  <c r="T76521" i="1"/>
  <c r="T76522" i="1"/>
  <c r="T76523" i="1"/>
  <c r="T76524" i="1"/>
  <c r="T76525" i="1"/>
  <c r="T76526" i="1"/>
  <c r="T76527" i="1"/>
  <c r="T76528" i="1"/>
  <c r="T76529" i="1"/>
  <c r="T76530" i="1"/>
  <c r="T76531" i="1"/>
  <c r="T76532" i="1"/>
  <c r="T76533" i="1"/>
  <c r="T76534" i="1"/>
  <c r="T76535" i="1"/>
  <c r="T76536" i="1"/>
  <c r="T76537" i="1"/>
  <c r="T76538" i="1"/>
  <c r="T76539" i="1"/>
  <c r="T76540" i="1"/>
  <c r="T76541" i="1"/>
  <c r="T76542" i="1"/>
  <c r="T76543" i="1"/>
  <c r="T76544" i="1"/>
  <c r="T76545" i="1"/>
  <c r="T76546" i="1"/>
  <c r="T76547" i="1"/>
  <c r="T76548" i="1"/>
  <c r="T76549" i="1"/>
  <c r="T76550" i="1"/>
  <c r="T76551" i="1"/>
  <c r="T76552" i="1"/>
  <c r="T76553" i="1"/>
  <c r="T76554" i="1"/>
  <c r="T76555" i="1"/>
  <c r="T76556" i="1"/>
  <c r="T76557" i="1"/>
  <c r="T76558" i="1"/>
  <c r="T76559" i="1"/>
  <c r="T76560" i="1"/>
  <c r="T76561" i="1"/>
  <c r="T76562" i="1"/>
  <c r="T76563" i="1"/>
  <c r="T76564" i="1"/>
  <c r="T76565" i="1"/>
  <c r="T76566" i="1"/>
  <c r="T76567" i="1"/>
  <c r="T76568" i="1"/>
  <c r="T76569" i="1"/>
  <c r="T76570" i="1"/>
  <c r="T76571" i="1"/>
  <c r="T76572" i="1"/>
  <c r="T76573" i="1"/>
  <c r="T76574" i="1"/>
  <c r="T76575" i="1"/>
  <c r="T76576" i="1"/>
  <c r="T76577" i="1"/>
  <c r="T76578" i="1"/>
  <c r="T76579" i="1"/>
  <c r="T76580" i="1"/>
  <c r="T76581" i="1"/>
  <c r="T76582" i="1"/>
  <c r="T76583" i="1"/>
  <c r="T76584" i="1"/>
  <c r="T76585" i="1"/>
  <c r="T76586" i="1"/>
  <c r="T76587" i="1"/>
  <c r="T76588" i="1"/>
  <c r="T76589" i="1"/>
  <c r="T76590" i="1"/>
  <c r="T76591" i="1"/>
  <c r="T76592" i="1"/>
  <c r="T76593" i="1"/>
  <c r="T76594" i="1"/>
  <c r="T76595" i="1"/>
  <c r="T76596" i="1"/>
  <c r="T76597" i="1"/>
  <c r="T76598" i="1"/>
  <c r="T76599" i="1"/>
  <c r="T76600" i="1"/>
  <c r="T76601" i="1"/>
  <c r="T76602" i="1"/>
  <c r="T76603" i="1"/>
  <c r="T76604" i="1"/>
  <c r="T76605" i="1"/>
  <c r="T76606" i="1"/>
  <c r="T76607" i="1"/>
  <c r="T76608" i="1"/>
  <c r="T76609" i="1"/>
  <c r="T76610" i="1"/>
  <c r="T76611" i="1"/>
  <c r="T76612" i="1"/>
  <c r="T76613" i="1"/>
  <c r="T76614" i="1"/>
  <c r="T76615" i="1"/>
  <c r="T76616" i="1"/>
  <c r="T76617" i="1"/>
  <c r="T76618" i="1"/>
  <c r="T76619" i="1"/>
  <c r="T76620" i="1"/>
  <c r="T76621" i="1"/>
  <c r="T76622" i="1"/>
  <c r="T76623" i="1"/>
  <c r="T76624" i="1"/>
  <c r="T76625" i="1"/>
  <c r="T76626" i="1"/>
  <c r="T76627" i="1"/>
  <c r="T76628" i="1"/>
  <c r="T76629" i="1"/>
  <c r="T76630" i="1"/>
  <c r="T76631" i="1"/>
  <c r="T76632" i="1"/>
  <c r="T76633" i="1"/>
  <c r="T76634" i="1"/>
  <c r="T76635" i="1"/>
  <c r="T76636" i="1"/>
  <c r="T76637" i="1"/>
  <c r="T76638" i="1"/>
  <c r="T76639" i="1"/>
  <c r="T76640" i="1"/>
  <c r="T76641" i="1"/>
  <c r="T76642" i="1"/>
  <c r="T76643" i="1"/>
  <c r="T76644" i="1"/>
  <c r="T76645" i="1"/>
  <c r="T76646" i="1"/>
  <c r="T76647" i="1"/>
  <c r="T76648" i="1"/>
  <c r="T76649" i="1"/>
  <c r="T76650" i="1"/>
  <c r="T76651" i="1"/>
  <c r="T76652" i="1"/>
  <c r="T76653" i="1"/>
  <c r="T76654" i="1"/>
  <c r="T76655" i="1"/>
  <c r="T76656" i="1"/>
  <c r="T76657" i="1"/>
  <c r="T76658" i="1"/>
  <c r="T76659" i="1"/>
  <c r="T76660" i="1"/>
  <c r="T76661" i="1"/>
  <c r="T76662" i="1"/>
  <c r="T76663" i="1"/>
  <c r="T76664" i="1"/>
  <c r="T76665" i="1"/>
  <c r="T76666" i="1"/>
  <c r="T76667" i="1"/>
  <c r="T76668" i="1"/>
  <c r="T76669" i="1"/>
  <c r="T76670" i="1"/>
  <c r="T76671" i="1"/>
  <c r="T76672" i="1"/>
  <c r="T76673" i="1"/>
  <c r="T76674" i="1"/>
  <c r="T76675" i="1"/>
  <c r="T76676" i="1"/>
  <c r="T76677" i="1"/>
  <c r="T76678" i="1"/>
  <c r="T76679" i="1"/>
  <c r="T76680" i="1"/>
  <c r="T76681" i="1"/>
  <c r="T76682" i="1"/>
  <c r="T76683" i="1"/>
  <c r="T76684" i="1"/>
  <c r="T76685" i="1"/>
  <c r="T76686" i="1"/>
  <c r="T76687" i="1"/>
  <c r="T76688" i="1"/>
  <c r="T76689" i="1"/>
  <c r="T76690" i="1"/>
  <c r="T76691" i="1"/>
  <c r="T76692" i="1"/>
  <c r="T76693" i="1"/>
  <c r="T76694" i="1"/>
  <c r="T76695" i="1"/>
  <c r="T76696" i="1"/>
  <c r="T76697" i="1"/>
  <c r="T76698" i="1"/>
  <c r="T76699" i="1"/>
  <c r="T76700" i="1"/>
  <c r="T76701" i="1"/>
  <c r="T76702" i="1"/>
  <c r="T76703" i="1"/>
  <c r="T76704" i="1"/>
  <c r="T76705" i="1"/>
  <c r="T76706" i="1"/>
  <c r="T76707" i="1"/>
  <c r="T76708" i="1"/>
  <c r="T76709" i="1"/>
  <c r="T76710" i="1"/>
  <c r="T76711" i="1"/>
  <c r="T76712" i="1"/>
  <c r="T76713" i="1"/>
  <c r="T76714" i="1"/>
  <c r="T76715" i="1"/>
  <c r="T76716" i="1"/>
  <c r="T76717" i="1"/>
  <c r="T76718" i="1"/>
  <c r="T76719" i="1"/>
  <c r="T76720" i="1"/>
  <c r="T76721" i="1"/>
  <c r="T76722" i="1"/>
  <c r="T76723" i="1"/>
  <c r="T76724" i="1"/>
  <c r="T76725" i="1"/>
  <c r="T76726" i="1"/>
  <c r="T76727" i="1"/>
  <c r="T76728" i="1"/>
  <c r="T76729" i="1"/>
  <c r="T76730" i="1"/>
  <c r="T76731" i="1"/>
  <c r="T76732" i="1"/>
  <c r="T76733" i="1"/>
  <c r="T76734" i="1"/>
  <c r="T76735" i="1"/>
  <c r="T76736" i="1"/>
  <c r="T76737" i="1"/>
  <c r="T76738" i="1"/>
  <c r="T76739" i="1"/>
  <c r="T76740" i="1"/>
  <c r="T76741" i="1"/>
  <c r="T76742" i="1"/>
  <c r="T76743" i="1"/>
  <c r="T76744" i="1"/>
  <c r="T76745" i="1"/>
  <c r="T76746" i="1"/>
  <c r="T76747" i="1"/>
  <c r="T76748" i="1"/>
  <c r="T76749" i="1"/>
  <c r="T76750" i="1"/>
  <c r="T76751" i="1"/>
  <c r="T76752" i="1"/>
  <c r="T76753" i="1"/>
  <c r="T76754" i="1"/>
  <c r="T76755" i="1"/>
  <c r="T76756" i="1"/>
  <c r="T76757" i="1"/>
  <c r="T76758" i="1"/>
  <c r="T76759" i="1"/>
  <c r="T76760" i="1"/>
  <c r="T76761" i="1"/>
  <c r="T76762" i="1"/>
  <c r="T76763" i="1"/>
  <c r="T76764" i="1"/>
  <c r="T76765" i="1"/>
  <c r="T76766" i="1"/>
  <c r="T76767" i="1"/>
  <c r="T76768" i="1"/>
  <c r="T76769" i="1"/>
  <c r="T76770" i="1"/>
  <c r="T76771" i="1"/>
  <c r="T76772" i="1"/>
  <c r="T76773" i="1"/>
  <c r="T76774" i="1"/>
  <c r="T76775" i="1"/>
  <c r="T76776" i="1"/>
  <c r="T76777" i="1"/>
  <c r="T76778" i="1"/>
  <c r="T76779" i="1"/>
  <c r="T76780" i="1"/>
  <c r="T76781" i="1"/>
  <c r="T76782" i="1"/>
  <c r="T76783" i="1"/>
  <c r="T76784" i="1"/>
  <c r="T76785" i="1"/>
  <c r="T76786" i="1"/>
  <c r="T76787" i="1"/>
  <c r="T76788" i="1"/>
  <c r="T76789" i="1"/>
  <c r="T76790" i="1"/>
  <c r="T76791" i="1"/>
  <c r="T76792" i="1"/>
  <c r="T76793" i="1"/>
  <c r="T76794" i="1"/>
  <c r="T76795" i="1"/>
  <c r="T76796" i="1"/>
  <c r="T76797" i="1"/>
  <c r="T76798" i="1"/>
  <c r="T76799" i="1"/>
  <c r="T76800" i="1"/>
  <c r="T76801" i="1"/>
  <c r="T76802" i="1"/>
  <c r="T76803" i="1"/>
  <c r="T76804" i="1"/>
  <c r="T76805" i="1"/>
  <c r="T76806" i="1"/>
  <c r="T76807" i="1"/>
  <c r="T76808" i="1"/>
  <c r="T76809" i="1"/>
  <c r="T76810" i="1"/>
  <c r="T76811" i="1"/>
  <c r="T76812" i="1"/>
  <c r="T76813" i="1"/>
  <c r="T76814" i="1"/>
  <c r="T76815" i="1"/>
  <c r="T76816" i="1"/>
  <c r="T76817" i="1"/>
  <c r="T76818" i="1"/>
  <c r="T76819" i="1"/>
  <c r="T76820" i="1"/>
  <c r="T76821" i="1"/>
  <c r="T76822" i="1"/>
  <c r="T76823" i="1"/>
  <c r="T76824" i="1"/>
  <c r="T76825" i="1"/>
  <c r="T76826" i="1"/>
  <c r="T76827" i="1"/>
  <c r="T76828" i="1"/>
  <c r="T76829" i="1"/>
  <c r="T76830" i="1"/>
  <c r="T76831" i="1"/>
  <c r="T76832" i="1"/>
  <c r="T76833" i="1"/>
  <c r="T76834" i="1"/>
  <c r="T76835" i="1"/>
  <c r="T76836" i="1"/>
  <c r="T76837" i="1"/>
  <c r="T76838" i="1"/>
  <c r="T76839" i="1"/>
  <c r="T76840" i="1"/>
  <c r="T76841" i="1"/>
  <c r="T76842" i="1"/>
  <c r="T76843" i="1"/>
  <c r="T76844" i="1"/>
  <c r="T76845" i="1"/>
  <c r="T76846" i="1"/>
  <c r="T76847" i="1"/>
  <c r="T76848" i="1"/>
  <c r="T76849" i="1"/>
  <c r="T76850" i="1"/>
  <c r="T76851" i="1"/>
  <c r="T76852" i="1"/>
  <c r="T76853" i="1"/>
  <c r="T76854" i="1"/>
  <c r="T76855" i="1"/>
  <c r="T76856" i="1"/>
  <c r="T76857" i="1"/>
  <c r="T76858" i="1"/>
  <c r="T76859" i="1"/>
  <c r="T76860" i="1"/>
  <c r="T76861" i="1"/>
  <c r="T76862" i="1"/>
  <c r="T76863" i="1"/>
  <c r="T76864" i="1"/>
  <c r="T76865" i="1"/>
  <c r="T76866" i="1"/>
  <c r="T76867" i="1"/>
  <c r="T76868" i="1"/>
  <c r="T76869" i="1"/>
  <c r="T76870" i="1"/>
  <c r="T76871" i="1"/>
  <c r="T76872" i="1"/>
  <c r="T76873" i="1"/>
  <c r="T76874" i="1"/>
  <c r="T76875" i="1"/>
  <c r="T76876" i="1"/>
  <c r="T76877" i="1"/>
  <c r="T76878" i="1"/>
  <c r="T76879" i="1"/>
  <c r="T76880" i="1"/>
  <c r="T76881" i="1"/>
  <c r="T76882" i="1"/>
  <c r="T76883" i="1"/>
  <c r="T76884" i="1"/>
  <c r="T76885" i="1"/>
  <c r="T76886" i="1"/>
  <c r="T76887" i="1"/>
  <c r="T76888" i="1"/>
  <c r="T76889" i="1"/>
  <c r="T76890" i="1"/>
  <c r="T76891" i="1"/>
  <c r="T76892" i="1"/>
  <c r="T76893" i="1"/>
  <c r="T76894" i="1"/>
  <c r="T76895" i="1"/>
  <c r="T76896" i="1"/>
  <c r="T76897" i="1"/>
  <c r="T76898" i="1"/>
  <c r="T76899" i="1"/>
  <c r="T76900" i="1"/>
  <c r="T76901" i="1"/>
  <c r="T76902" i="1"/>
  <c r="T76903" i="1"/>
  <c r="T76904" i="1"/>
  <c r="T76905" i="1"/>
  <c r="T76906" i="1"/>
  <c r="T76907" i="1"/>
  <c r="T76908" i="1"/>
  <c r="T76909" i="1"/>
  <c r="T76910" i="1"/>
  <c r="T76911" i="1"/>
  <c r="T76912" i="1"/>
  <c r="T76913" i="1"/>
  <c r="T76914" i="1"/>
  <c r="T76915" i="1"/>
  <c r="T76916" i="1"/>
  <c r="T76917" i="1"/>
  <c r="T76918" i="1"/>
  <c r="T76919" i="1"/>
  <c r="T76920" i="1"/>
  <c r="T76921" i="1"/>
  <c r="T76922" i="1"/>
  <c r="T76923" i="1"/>
  <c r="T76924" i="1"/>
  <c r="T76925" i="1"/>
  <c r="T76926" i="1"/>
  <c r="T76927" i="1"/>
  <c r="T76928" i="1"/>
  <c r="T76929" i="1"/>
  <c r="T76930" i="1"/>
  <c r="T76931" i="1"/>
  <c r="T76932" i="1"/>
  <c r="T76933" i="1"/>
  <c r="T76934" i="1"/>
  <c r="T76935" i="1"/>
  <c r="T76936" i="1"/>
  <c r="T76937" i="1"/>
  <c r="T76938" i="1"/>
  <c r="T76939" i="1"/>
  <c r="T76940" i="1"/>
  <c r="T76941" i="1"/>
  <c r="T76942" i="1"/>
  <c r="T76943" i="1"/>
  <c r="T76944" i="1"/>
  <c r="T76945" i="1"/>
  <c r="T76946" i="1"/>
  <c r="T76947" i="1"/>
  <c r="T76948" i="1"/>
  <c r="T76949" i="1"/>
  <c r="T76950" i="1"/>
  <c r="T76951" i="1"/>
  <c r="T76952" i="1"/>
  <c r="T76953" i="1"/>
  <c r="T76954" i="1"/>
  <c r="T76955" i="1"/>
  <c r="T76956" i="1"/>
  <c r="T76957" i="1"/>
  <c r="T76958" i="1"/>
  <c r="T76959" i="1"/>
  <c r="T76960" i="1"/>
  <c r="T76961" i="1"/>
  <c r="T76962" i="1"/>
  <c r="T76963" i="1"/>
  <c r="T76964" i="1"/>
  <c r="T76965" i="1"/>
  <c r="T76966" i="1"/>
  <c r="T76967" i="1"/>
  <c r="T76968" i="1"/>
  <c r="T76969" i="1"/>
  <c r="T76970" i="1"/>
  <c r="T76971" i="1"/>
  <c r="T76972" i="1"/>
  <c r="T76973" i="1"/>
  <c r="T76974" i="1"/>
  <c r="T76975" i="1"/>
  <c r="T76976" i="1"/>
  <c r="T76977" i="1"/>
  <c r="T76978" i="1"/>
  <c r="T76979" i="1"/>
  <c r="T76980" i="1"/>
  <c r="T76981" i="1"/>
  <c r="T76982" i="1"/>
  <c r="T76983" i="1"/>
  <c r="T76984" i="1"/>
  <c r="T76985" i="1"/>
  <c r="T76986" i="1"/>
  <c r="T76987" i="1"/>
  <c r="T76988" i="1"/>
  <c r="T76989" i="1"/>
  <c r="T76990" i="1"/>
  <c r="T76991" i="1"/>
  <c r="T76992" i="1"/>
  <c r="T76993" i="1"/>
  <c r="T76994" i="1"/>
  <c r="T76995" i="1"/>
  <c r="T76996" i="1"/>
  <c r="T76997" i="1"/>
  <c r="T76998" i="1"/>
  <c r="T76999" i="1"/>
  <c r="T77000" i="1"/>
  <c r="T77001" i="1"/>
  <c r="T77002" i="1"/>
  <c r="T77003" i="1"/>
  <c r="T77004" i="1"/>
  <c r="T77005" i="1"/>
  <c r="T77006" i="1"/>
  <c r="T77007" i="1"/>
  <c r="T77008" i="1"/>
  <c r="T77009" i="1"/>
  <c r="T77010" i="1"/>
  <c r="T77011" i="1"/>
  <c r="T77012" i="1"/>
  <c r="T77013" i="1"/>
  <c r="T77014" i="1"/>
  <c r="T77015" i="1"/>
  <c r="T77016" i="1"/>
  <c r="T77017" i="1"/>
  <c r="T77018" i="1"/>
  <c r="T77019" i="1"/>
  <c r="T77020" i="1"/>
  <c r="T77021" i="1"/>
  <c r="T77022" i="1"/>
  <c r="T77023" i="1"/>
  <c r="T77024" i="1"/>
  <c r="T77025" i="1"/>
  <c r="T77026" i="1"/>
  <c r="T77027" i="1"/>
  <c r="T77028" i="1"/>
  <c r="T77029" i="1"/>
  <c r="T77030" i="1"/>
  <c r="T77031" i="1"/>
  <c r="T77032" i="1"/>
  <c r="T77033" i="1"/>
  <c r="T77034" i="1"/>
  <c r="T77035" i="1"/>
  <c r="T77036" i="1"/>
  <c r="T77037" i="1"/>
  <c r="T77038" i="1"/>
  <c r="T77039" i="1"/>
  <c r="T77040" i="1"/>
  <c r="T77041" i="1"/>
  <c r="T77042" i="1"/>
  <c r="T77043" i="1"/>
  <c r="T77044" i="1"/>
  <c r="T77045" i="1"/>
  <c r="T77046" i="1"/>
  <c r="T77047" i="1"/>
  <c r="T77048" i="1"/>
  <c r="T77049" i="1"/>
  <c r="T77050" i="1"/>
  <c r="T77051" i="1"/>
  <c r="T77052" i="1"/>
  <c r="T77053" i="1"/>
  <c r="T77054" i="1"/>
  <c r="T77055" i="1"/>
  <c r="T77056" i="1"/>
  <c r="T77057" i="1"/>
  <c r="T77058" i="1"/>
  <c r="T77059" i="1"/>
  <c r="T77060" i="1"/>
  <c r="T77061" i="1"/>
  <c r="T77062" i="1"/>
  <c r="T77063" i="1"/>
  <c r="T77064" i="1"/>
  <c r="T77065" i="1"/>
  <c r="T77066" i="1"/>
  <c r="T77067" i="1"/>
  <c r="T77068" i="1"/>
  <c r="T77069" i="1"/>
  <c r="T77070" i="1"/>
  <c r="T77071" i="1"/>
  <c r="T77072" i="1"/>
  <c r="T77073" i="1"/>
  <c r="T77074" i="1"/>
  <c r="T77075" i="1"/>
  <c r="T77076" i="1"/>
  <c r="T77077" i="1"/>
  <c r="T77078" i="1"/>
  <c r="T77079" i="1"/>
  <c r="T77080" i="1"/>
  <c r="T77081" i="1"/>
  <c r="T77082" i="1"/>
  <c r="T77083" i="1"/>
  <c r="T77084" i="1"/>
  <c r="T77085" i="1"/>
  <c r="T77086" i="1"/>
  <c r="T77087" i="1"/>
  <c r="T77088" i="1"/>
  <c r="T77089" i="1"/>
  <c r="T77090" i="1"/>
  <c r="T77091" i="1"/>
  <c r="T77092" i="1"/>
  <c r="T77093" i="1"/>
  <c r="T77094" i="1"/>
  <c r="T77095" i="1"/>
  <c r="T77096" i="1"/>
  <c r="T77097" i="1"/>
  <c r="T77098" i="1"/>
  <c r="T77099" i="1"/>
  <c r="T77100" i="1"/>
  <c r="T77101" i="1"/>
  <c r="T77102" i="1"/>
  <c r="T77103" i="1"/>
  <c r="T77104" i="1"/>
  <c r="T77105" i="1"/>
  <c r="T77106" i="1"/>
  <c r="T77107" i="1"/>
  <c r="T77108" i="1"/>
  <c r="T77109" i="1"/>
  <c r="T77110" i="1"/>
  <c r="T77111" i="1"/>
  <c r="T77112" i="1"/>
  <c r="T77113" i="1"/>
  <c r="T77114" i="1"/>
  <c r="T77115" i="1"/>
  <c r="T77116" i="1"/>
  <c r="T77117" i="1"/>
  <c r="T77118" i="1"/>
  <c r="T77119" i="1"/>
  <c r="T77120" i="1"/>
  <c r="T77121" i="1"/>
  <c r="T77122" i="1"/>
  <c r="T77123" i="1"/>
  <c r="T77124" i="1"/>
  <c r="T77125" i="1"/>
  <c r="T77126" i="1"/>
  <c r="T77127" i="1"/>
  <c r="T77128" i="1"/>
  <c r="T77129" i="1"/>
  <c r="T77130" i="1"/>
  <c r="T77131" i="1"/>
  <c r="T77132" i="1"/>
  <c r="T77133" i="1"/>
  <c r="T77134" i="1"/>
  <c r="T77135" i="1"/>
  <c r="T77136" i="1"/>
  <c r="T77137" i="1"/>
  <c r="T77138" i="1"/>
  <c r="T77139" i="1"/>
  <c r="T77140" i="1"/>
  <c r="T77141" i="1"/>
  <c r="T77142" i="1"/>
  <c r="T77143" i="1"/>
  <c r="T77144" i="1"/>
  <c r="T77145" i="1"/>
  <c r="T77146" i="1"/>
  <c r="T77147" i="1"/>
  <c r="T77148" i="1"/>
  <c r="T77149" i="1"/>
  <c r="T77150" i="1"/>
  <c r="T77151" i="1"/>
  <c r="T77152" i="1"/>
  <c r="T77153" i="1"/>
  <c r="T77154" i="1"/>
  <c r="T77155" i="1"/>
  <c r="T77156" i="1"/>
  <c r="T77157" i="1"/>
  <c r="T77158" i="1"/>
  <c r="T77159" i="1"/>
  <c r="T77160" i="1"/>
  <c r="T77161" i="1"/>
  <c r="T77162" i="1"/>
  <c r="T77163" i="1"/>
  <c r="T77164" i="1"/>
  <c r="T77165" i="1"/>
  <c r="T77166" i="1"/>
  <c r="T77167" i="1"/>
  <c r="T77168" i="1"/>
  <c r="T77169" i="1"/>
  <c r="T77170" i="1"/>
  <c r="T77171" i="1"/>
  <c r="T77172" i="1"/>
  <c r="T77173" i="1"/>
  <c r="T77174" i="1"/>
  <c r="T77175" i="1"/>
  <c r="T77176" i="1"/>
  <c r="T77177" i="1"/>
  <c r="T77178" i="1"/>
  <c r="T77179" i="1"/>
  <c r="T77180" i="1"/>
  <c r="T77181" i="1"/>
  <c r="T77182" i="1"/>
  <c r="T77183" i="1"/>
  <c r="T77184" i="1"/>
  <c r="T77185" i="1"/>
  <c r="T77186" i="1"/>
  <c r="T77187" i="1"/>
  <c r="T77188" i="1"/>
  <c r="T77189" i="1"/>
  <c r="T77190" i="1"/>
  <c r="T77191" i="1"/>
  <c r="T77192" i="1"/>
  <c r="T77193" i="1"/>
  <c r="T77194" i="1"/>
  <c r="T77195" i="1"/>
  <c r="T77196" i="1"/>
  <c r="T77197" i="1"/>
  <c r="T77198" i="1"/>
  <c r="T77199" i="1"/>
  <c r="T77200" i="1"/>
  <c r="T77201" i="1"/>
  <c r="T77202" i="1"/>
  <c r="T77203" i="1"/>
  <c r="T77204" i="1"/>
  <c r="T77205" i="1"/>
  <c r="T77206" i="1"/>
  <c r="T77207" i="1"/>
  <c r="T77208" i="1"/>
  <c r="T77209" i="1"/>
  <c r="T77210" i="1"/>
  <c r="T77211" i="1"/>
  <c r="T77212" i="1"/>
  <c r="T77213" i="1"/>
  <c r="T77214" i="1"/>
  <c r="T77215" i="1"/>
  <c r="T77216" i="1"/>
  <c r="T77217" i="1"/>
  <c r="T77218" i="1"/>
  <c r="T77219" i="1"/>
  <c r="T77220" i="1"/>
  <c r="T77221" i="1"/>
  <c r="T77222" i="1"/>
  <c r="T77223" i="1"/>
  <c r="T77224" i="1"/>
  <c r="T77225" i="1"/>
  <c r="T77226" i="1"/>
  <c r="T77227" i="1"/>
  <c r="T77228" i="1"/>
  <c r="T77229" i="1"/>
  <c r="T77230" i="1"/>
  <c r="T77231" i="1"/>
  <c r="T77232" i="1"/>
  <c r="T77233" i="1"/>
  <c r="T77234" i="1"/>
  <c r="T77235" i="1"/>
  <c r="T77236" i="1"/>
  <c r="T77237" i="1"/>
  <c r="T77238" i="1"/>
  <c r="T77239" i="1"/>
  <c r="T77240" i="1"/>
  <c r="T77241" i="1"/>
  <c r="T77242" i="1"/>
  <c r="T77243" i="1"/>
  <c r="T77244" i="1"/>
  <c r="T77245" i="1"/>
  <c r="T77246" i="1"/>
  <c r="T77247" i="1"/>
  <c r="T77248" i="1"/>
  <c r="T77249" i="1"/>
  <c r="T77250" i="1"/>
  <c r="T77251" i="1"/>
  <c r="T77252" i="1"/>
  <c r="T77253" i="1"/>
  <c r="T77254" i="1"/>
  <c r="T77255" i="1"/>
  <c r="T77256" i="1"/>
  <c r="T77257" i="1"/>
  <c r="T77258" i="1"/>
  <c r="T77259" i="1"/>
  <c r="T77260" i="1"/>
  <c r="T77261" i="1"/>
  <c r="T77262" i="1"/>
  <c r="T77263" i="1"/>
  <c r="T77264" i="1"/>
  <c r="T77265" i="1"/>
  <c r="T77266" i="1"/>
  <c r="T77267" i="1"/>
  <c r="T77268" i="1"/>
  <c r="T77269" i="1"/>
  <c r="T77270" i="1"/>
  <c r="T77271" i="1"/>
  <c r="T77272" i="1"/>
  <c r="T77273" i="1"/>
  <c r="T77274" i="1"/>
  <c r="T77275" i="1"/>
  <c r="T77276" i="1"/>
  <c r="T77277" i="1"/>
  <c r="T77278" i="1"/>
  <c r="T77279" i="1"/>
  <c r="T77280" i="1"/>
  <c r="T77281" i="1"/>
  <c r="T77282" i="1"/>
  <c r="T77283" i="1"/>
  <c r="T77284" i="1"/>
  <c r="T77285" i="1"/>
  <c r="T77286" i="1"/>
  <c r="T77287" i="1"/>
  <c r="T77288" i="1"/>
  <c r="T77289" i="1"/>
  <c r="T77290" i="1"/>
  <c r="T77291" i="1"/>
  <c r="T77292" i="1"/>
  <c r="T77293" i="1"/>
  <c r="T77294" i="1"/>
  <c r="T77295" i="1"/>
  <c r="T77296" i="1"/>
  <c r="T77297" i="1"/>
  <c r="T77298" i="1"/>
  <c r="T77299" i="1"/>
  <c r="T77300" i="1"/>
  <c r="T77301" i="1"/>
  <c r="T77302" i="1"/>
  <c r="T77303" i="1"/>
  <c r="T77304" i="1"/>
  <c r="T77305" i="1"/>
  <c r="T77306" i="1"/>
  <c r="T77307" i="1"/>
  <c r="T77308" i="1"/>
  <c r="T77309" i="1"/>
  <c r="T77310" i="1"/>
  <c r="T77311" i="1"/>
  <c r="T77312" i="1"/>
  <c r="T77313" i="1"/>
  <c r="T77314" i="1"/>
  <c r="T77315" i="1"/>
  <c r="T77316" i="1"/>
  <c r="T77317" i="1"/>
  <c r="T77318" i="1"/>
  <c r="T77319" i="1"/>
  <c r="T77320" i="1"/>
  <c r="T77321" i="1"/>
  <c r="T77322" i="1"/>
  <c r="T77323" i="1"/>
  <c r="T77324" i="1"/>
  <c r="T77325" i="1"/>
  <c r="T77326" i="1"/>
  <c r="T77327" i="1"/>
  <c r="T77328" i="1"/>
  <c r="T77329" i="1"/>
  <c r="T77330" i="1"/>
  <c r="T77331" i="1"/>
  <c r="T77332" i="1"/>
  <c r="T77333" i="1"/>
  <c r="T77334" i="1"/>
  <c r="T77335" i="1"/>
  <c r="T77336" i="1"/>
  <c r="T77337" i="1"/>
  <c r="T77338" i="1"/>
  <c r="T77339" i="1"/>
  <c r="T77340" i="1"/>
  <c r="T77341" i="1"/>
  <c r="T77342" i="1"/>
  <c r="T77343" i="1"/>
  <c r="T77344" i="1"/>
  <c r="T77345" i="1"/>
  <c r="T77346" i="1"/>
  <c r="T77347" i="1"/>
  <c r="T77348" i="1"/>
  <c r="T77349" i="1"/>
  <c r="T77350" i="1"/>
  <c r="T77351" i="1"/>
  <c r="T77352" i="1"/>
  <c r="T77353" i="1"/>
  <c r="T77354" i="1"/>
  <c r="T77355" i="1"/>
  <c r="T77356" i="1"/>
  <c r="T77357" i="1"/>
  <c r="T77358" i="1"/>
  <c r="T77359" i="1"/>
  <c r="T77360" i="1"/>
  <c r="T77361" i="1"/>
  <c r="T77362" i="1"/>
  <c r="T77363" i="1"/>
  <c r="T77364" i="1"/>
  <c r="T77365" i="1"/>
  <c r="T77366" i="1"/>
  <c r="T77367" i="1"/>
  <c r="T77368" i="1"/>
  <c r="T77369" i="1"/>
  <c r="T77370" i="1"/>
  <c r="T77371" i="1"/>
  <c r="T77372" i="1"/>
  <c r="T77373" i="1"/>
  <c r="T77374" i="1"/>
  <c r="T77375" i="1"/>
  <c r="T77376" i="1"/>
  <c r="T77377" i="1"/>
  <c r="T77378" i="1"/>
  <c r="T77379" i="1"/>
  <c r="T77380" i="1"/>
  <c r="T77381" i="1"/>
  <c r="T77382" i="1"/>
  <c r="T77383" i="1"/>
  <c r="T77384" i="1"/>
  <c r="T77385" i="1"/>
  <c r="T77386" i="1"/>
  <c r="T77387" i="1"/>
  <c r="T77388" i="1"/>
  <c r="T77389" i="1"/>
  <c r="T77390" i="1"/>
  <c r="T77391" i="1"/>
  <c r="T77392" i="1"/>
  <c r="T77393" i="1"/>
  <c r="T77394" i="1"/>
  <c r="T77395" i="1"/>
  <c r="T77396" i="1"/>
  <c r="T77397" i="1"/>
  <c r="T77398" i="1"/>
  <c r="T77399" i="1"/>
  <c r="T77400" i="1"/>
  <c r="T77401" i="1"/>
  <c r="T77402" i="1"/>
  <c r="T77403" i="1"/>
  <c r="T77404" i="1"/>
  <c r="T77405" i="1"/>
  <c r="T77406" i="1"/>
  <c r="T77407" i="1"/>
  <c r="T77408" i="1"/>
  <c r="T77409" i="1"/>
  <c r="T77410" i="1"/>
  <c r="T77411" i="1"/>
  <c r="T77412" i="1"/>
  <c r="T77413" i="1"/>
  <c r="T77414" i="1"/>
  <c r="T77415" i="1"/>
  <c r="T77416" i="1"/>
  <c r="T77417" i="1"/>
  <c r="T77418" i="1"/>
  <c r="T77419" i="1"/>
  <c r="T77420" i="1"/>
  <c r="T77421" i="1"/>
  <c r="T77422" i="1"/>
  <c r="T77423" i="1"/>
  <c r="T77424" i="1"/>
  <c r="T77425" i="1"/>
  <c r="T77426" i="1"/>
  <c r="T77427" i="1"/>
  <c r="T77428" i="1"/>
  <c r="T77429" i="1"/>
  <c r="T77430" i="1"/>
  <c r="T77431" i="1"/>
  <c r="T77432" i="1"/>
  <c r="T77433" i="1"/>
  <c r="T77434" i="1"/>
  <c r="T77435" i="1"/>
  <c r="T77436" i="1"/>
  <c r="T77437" i="1"/>
  <c r="T77438" i="1"/>
  <c r="T77439" i="1"/>
  <c r="T77440" i="1"/>
  <c r="T77441" i="1"/>
  <c r="T77442" i="1"/>
  <c r="T77443" i="1"/>
  <c r="T77444" i="1"/>
  <c r="T77445" i="1"/>
  <c r="T77446" i="1"/>
  <c r="T77447" i="1"/>
  <c r="T77448" i="1"/>
  <c r="T77449" i="1"/>
  <c r="T77450" i="1"/>
  <c r="T77451" i="1"/>
  <c r="T77452" i="1"/>
  <c r="T77453" i="1"/>
  <c r="T77454" i="1"/>
  <c r="T77455" i="1"/>
  <c r="T77456" i="1"/>
  <c r="T77457" i="1"/>
  <c r="T77458" i="1"/>
  <c r="T77459" i="1"/>
  <c r="T77460" i="1"/>
  <c r="T77461" i="1"/>
  <c r="T77462" i="1"/>
  <c r="T77463" i="1"/>
  <c r="T77464" i="1"/>
  <c r="T77465" i="1"/>
  <c r="T77466" i="1"/>
  <c r="T77467" i="1"/>
  <c r="T77468" i="1"/>
  <c r="T77469" i="1"/>
  <c r="T77470" i="1"/>
  <c r="T77471" i="1"/>
  <c r="T77472" i="1"/>
  <c r="T77473" i="1"/>
  <c r="T77474" i="1"/>
  <c r="T77475" i="1"/>
  <c r="T77476" i="1"/>
  <c r="T77477" i="1"/>
  <c r="T77478" i="1"/>
  <c r="T77479" i="1"/>
  <c r="T77480" i="1"/>
  <c r="T77481" i="1"/>
  <c r="T77482" i="1"/>
  <c r="T77483" i="1"/>
  <c r="T77484" i="1"/>
  <c r="T77485" i="1"/>
  <c r="T77486" i="1"/>
  <c r="T77487" i="1"/>
  <c r="T77488" i="1"/>
  <c r="T77489" i="1"/>
  <c r="T77490" i="1"/>
  <c r="T77491" i="1"/>
  <c r="T77492" i="1"/>
  <c r="T77493" i="1"/>
  <c r="T77494" i="1"/>
  <c r="T77495" i="1"/>
  <c r="T77496" i="1"/>
  <c r="T77497" i="1"/>
  <c r="T77498" i="1"/>
  <c r="T77499" i="1"/>
  <c r="T77500" i="1"/>
  <c r="T77501" i="1"/>
  <c r="T77502" i="1"/>
  <c r="T77503" i="1"/>
  <c r="T77504" i="1"/>
  <c r="T77505" i="1"/>
  <c r="T77506" i="1"/>
  <c r="T77507" i="1"/>
  <c r="T77508" i="1"/>
  <c r="T77509" i="1"/>
  <c r="T77510" i="1"/>
  <c r="T77511" i="1"/>
  <c r="T77512" i="1"/>
  <c r="T77513" i="1"/>
  <c r="T77514" i="1"/>
  <c r="T77515" i="1"/>
  <c r="T77516" i="1"/>
  <c r="T77517" i="1"/>
  <c r="T77518" i="1"/>
  <c r="T77519" i="1"/>
  <c r="T77520" i="1"/>
  <c r="T77521" i="1"/>
  <c r="T77522" i="1"/>
  <c r="T77523" i="1"/>
  <c r="T77524" i="1"/>
  <c r="T77525" i="1"/>
  <c r="T77526" i="1"/>
  <c r="T77527" i="1"/>
  <c r="T77528" i="1"/>
  <c r="T77529" i="1"/>
  <c r="T77530" i="1"/>
  <c r="T77531" i="1"/>
  <c r="T77532" i="1"/>
  <c r="T77533" i="1"/>
  <c r="T77534" i="1"/>
  <c r="T77535" i="1"/>
  <c r="T77536" i="1"/>
  <c r="T77537" i="1"/>
  <c r="T77538" i="1"/>
  <c r="T77539" i="1"/>
  <c r="T77540" i="1"/>
  <c r="T77541" i="1"/>
  <c r="T77542" i="1"/>
  <c r="T77543" i="1"/>
  <c r="T77544" i="1"/>
  <c r="T77545" i="1"/>
  <c r="T77546" i="1"/>
  <c r="T77547" i="1"/>
  <c r="T77548" i="1"/>
  <c r="T77549" i="1"/>
  <c r="T77550" i="1"/>
  <c r="T77551" i="1"/>
  <c r="T77552" i="1"/>
  <c r="T77553" i="1"/>
  <c r="T77554" i="1"/>
  <c r="T77555" i="1"/>
  <c r="T77556" i="1"/>
  <c r="T77557" i="1"/>
  <c r="T77558" i="1"/>
  <c r="T77559" i="1"/>
  <c r="T77560" i="1"/>
  <c r="T77561" i="1"/>
  <c r="T77562" i="1"/>
  <c r="T77563" i="1"/>
  <c r="T77564" i="1"/>
  <c r="T77565" i="1"/>
  <c r="T77566" i="1"/>
  <c r="T77567" i="1"/>
  <c r="T77568" i="1"/>
  <c r="T77569" i="1"/>
  <c r="T77570" i="1"/>
  <c r="T77571" i="1"/>
  <c r="T77572" i="1"/>
  <c r="T77573" i="1"/>
  <c r="T77574" i="1"/>
  <c r="T77575" i="1"/>
  <c r="T77576" i="1"/>
  <c r="T77577" i="1"/>
  <c r="T77578" i="1"/>
  <c r="T77579" i="1"/>
  <c r="T77580" i="1"/>
  <c r="T77581" i="1"/>
  <c r="T77582" i="1"/>
  <c r="T77583" i="1"/>
  <c r="T77584" i="1"/>
  <c r="T77585" i="1"/>
  <c r="T77586" i="1"/>
  <c r="T77587" i="1"/>
  <c r="T77588" i="1"/>
  <c r="T77589" i="1"/>
  <c r="T77590" i="1"/>
  <c r="T77591" i="1"/>
  <c r="T77592" i="1"/>
  <c r="T77593" i="1"/>
  <c r="T77594" i="1"/>
  <c r="T77595" i="1"/>
  <c r="T77596" i="1"/>
  <c r="T77597" i="1"/>
  <c r="T77598" i="1"/>
  <c r="T77599" i="1"/>
  <c r="T77600" i="1"/>
  <c r="T77601" i="1"/>
  <c r="T77602" i="1"/>
  <c r="T77603" i="1"/>
  <c r="T77604" i="1"/>
  <c r="T77605" i="1"/>
  <c r="T77606" i="1"/>
  <c r="T77607" i="1"/>
  <c r="T77608" i="1"/>
  <c r="T77609" i="1"/>
  <c r="T77610" i="1"/>
  <c r="T77611" i="1"/>
  <c r="T77612" i="1"/>
  <c r="T77613" i="1"/>
  <c r="T77614" i="1"/>
  <c r="T77615" i="1"/>
  <c r="T77616" i="1"/>
  <c r="T77617" i="1"/>
  <c r="T77618" i="1"/>
  <c r="T77619" i="1"/>
  <c r="T77620" i="1"/>
  <c r="T77621" i="1"/>
  <c r="T77622" i="1"/>
  <c r="T77623" i="1"/>
  <c r="T77624" i="1"/>
  <c r="T77625" i="1"/>
  <c r="T77626" i="1"/>
  <c r="T77627" i="1"/>
  <c r="T77628" i="1"/>
  <c r="T77629" i="1"/>
  <c r="T77630" i="1"/>
  <c r="T77631" i="1"/>
  <c r="T77632" i="1"/>
  <c r="T77633" i="1"/>
  <c r="T77634" i="1"/>
  <c r="T77635" i="1"/>
  <c r="T77636" i="1"/>
  <c r="T77637" i="1"/>
  <c r="T77638" i="1"/>
  <c r="T77639" i="1"/>
  <c r="T77640" i="1"/>
  <c r="T77641" i="1"/>
  <c r="T77642" i="1"/>
  <c r="T77643" i="1"/>
  <c r="T77644" i="1"/>
  <c r="T77645" i="1"/>
  <c r="T77646" i="1"/>
  <c r="T77647" i="1"/>
  <c r="T77648" i="1"/>
  <c r="T77649" i="1"/>
  <c r="T77650" i="1"/>
  <c r="T77651" i="1"/>
  <c r="T77652" i="1"/>
  <c r="T77653" i="1"/>
  <c r="T77654" i="1"/>
  <c r="T77655" i="1"/>
  <c r="T77656" i="1"/>
  <c r="T77657" i="1"/>
  <c r="T77658" i="1"/>
  <c r="T77659" i="1"/>
  <c r="T77660" i="1"/>
  <c r="T77661" i="1"/>
  <c r="T77662" i="1"/>
  <c r="T77663" i="1"/>
  <c r="T77664" i="1"/>
  <c r="T77665" i="1"/>
  <c r="T77666" i="1"/>
  <c r="T77667" i="1"/>
  <c r="T77668" i="1"/>
  <c r="T77669" i="1"/>
  <c r="T77670" i="1"/>
  <c r="T77671" i="1"/>
  <c r="T77672" i="1"/>
  <c r="T77673" i="1"/>
  <c r="T77674" i="1"/>
  <c r="T77675" i="1"/>
  <c r="T77676" i="1"/>
  <c r="T77677" i="1"/>
  <c r="T77678" i="1"/>
  <c r="T77679" i="1"/>
  <c r="T77680" i="1"/>
  <c r="T77681" i="1"/>
  <c r="T77682" i="1"/>
  <c r="T77683" i="1"/>
  <c r="T77684" i="1"/>
  <c r="T77685" i="1"/>
  <c r="T77686" i="1"/>
  <c r="T77687" i="1"/>
  <c r="T77688" i="1"/>
  <c r="T77689" i="1"/>
  <c r="T77690" i="1"/>
  <c r="T77691" i="1"/>
  <c r="T77692" i="1"/>
  <c r="T77693" i="1"/>
  <c r="T77694" i="1"/>
  <c r="T77695" i="1"/>
  <c r="T77696" i="1"/>
  <c r="T77697" i="1"/>
  <c r="T77698" i="1"/>
  <c r="T77699" i="1"/>
  <c r="T77700" i="1"/>
  <c r="T77701" i="1"/>
  <c r="T77702" i="1"/>
  <c r="T77703" i="1"/>
  <c r="T77704" i="1"/>
  <c r="T77705" i="1"/>
  <c r="T77706" i="1"/>
  <c r="T77707" i="1"/>
  <c r="T77708" i="1"/>
  <c r="T77709" i="1"/>
  <c r="T77710" i="1"/>
  <c r="T77711" i="1"/>
  <c r="T77712" i="1"/>
  <c r="T77713" i="1"/>
  <c r="T77714" i="1"/>
  <c r="T77715" i="1"/>
  <c r="T77716" i="1"/>
  <c r="T77717" i="1"/>
  <c r="T77718" i="1"/>
  <c r="T77719" i="1"/>
  <c r="T77720" i="1"/>
  <c r="T77721" i="1"/>
  <c r="T77722" i="1"/>
  <c r="T77723" i="1"/>
  <c r="T77724" i="1"/>
  <c r="T77725" i="1"/>
  <c r="T77726" i="1"/>
  <c r="T77727" i="1"/>
  <c r="T77728" i="1"/>
  <c r="T77729" i="1"/>
  <c r="T77730" i="1"/>
  <c r="T77731" i="1"/>
  <c r="T77732" i="1"/>
  <c r="T77733" i="1"/>
  <c r="T77734" i="1"/>
  <c r="T77735" i="1"/>
  <c r="T77736" i="1"/>
  <c r="T77737" i="1"/>
  <c r="T77738" i="1"/>
  <c r="T77739" i="1"/>
  <c r="T77740" i="1"/>
  <c r="T77741" i="1"/>
  <c r="T77742" i="1"/>
  <c r="T77743" i="1"/>
  <c r="T77744" i="1"/>
  <c r="T77745" i="1"/>
  <c r="T77746" i="1"/>
  <c r="T77747" i="1"/>
  <c r="T77748" i="1"/>
  <c r="T77749" i="1"/>
  <c r="T77750" i="1"/>
  <c r="T77751" i="1"/>
  <c r="T77752" i="1"/>
  <c r="T77753" i="1"/>
  <c r="T77754" i="1"/>
  <c r="T77755" i="1"/>
  <c r="T77756" i="1"/>
  <c r="T77757" i="1"/>
  <c r="T77758" i="1"/>
  <c r="T77759" i="1"/>
  <c r="T77760" i="1"/>
  <c r="T77761" i="1"/>
  <c r="T77762" i="1"/>
  <c r="T77763" i="1"/>
  <c r="T77764" i="1"/>
  <c r="T77765" i="1"/>
  <c r="T77766" i="1"/>
  <c r="T77767" i="1"/>
  <c r="T77768" i="1"/>
  <c r="T77769" i="1"/>
  <c r="T77770" i="1"/>
  <c r="T77771" i="1"/>
  <c r="T77772" i="1"/>
  <c r="T77773" i="1"/>
  <c r="T77774" i="1"/>
  <c r="T77775" i="1"/>
  <c r="T77776" i="1"/>
  <c r="T77777" i="1"/>
  <c r="T77778" i="1"/>
  <c r="T77779" i="1"/>
  <c r="T77780" i="1"/>
  <c r="T77781" i="1"/>
  <c r="T77782" i="1"/>
  <c r="T77783" i="1"/>
  <c r="T77784" i="1"/>
  <c r="T77785" i="1"/>
  <c r="T77786" i="1"/>
  <c r="T77787" i="1"/>
  <c r="T77788" i="1"/>
  <c r="T77789" i="1"/>
  <c r="T77790" i="1"/>
  <c r="T77791" i="1"/>
  <c r="T77792" i="1"/>
  <c r="T77793" i="1"/>
  <c r="T77794" i="1"/>
  <c r="T77795" i="1"/>
  <c r="T77796" i="1"/>
  <c r="T77797" i="1"/>
  <c r="T77798" i="1"/>
  <c r="T77799" i="1"/>
  <c r="T77800" i="1"/>
  <c r="T77801" i="1"/>
  <c r="T77802" i="1"/>
  <c r="T77803" i="1"/>
  <c r="T77804" i="1"/>
  <c r="T77805" i="1"/>
  <c r="T77806" i="1"/>
  <c r="T77807" i="1"/>
  <c r="T77808" i="1"/>
  <c r="T77809" i="1"/>
  <c r="T77810" i="1"/>
  <c r="T77811" i="1"/>
  <c r="T77812" i="1"/>
  <c r="T77813" i="1"/>
  <c r="T77814" i="1"/>
  <c r="T77815" i="1"/>
  <c r="T77816" i="1"/>
  <c r="T77817" i="1"/>
  <c r="T77818" i="1"/>
  <c r="T77819" i="1"/>
  <c r="T77820" i="1"/>
  <c r="T77821" i="1"/>
  <c r="T77822" i="1"/>
  <c r="T77823" i="1"/>
  <c r="T77824" i="1"/>
  <c r="T77825" i="1"/>
  <c r="T77826" i="1"/>
  <c r="T77827" i="1"/>
  <c r="T77828" i="1"/>
  <c r="T77829" i="1"/>
  <c r="T77830" i="1"/>
  <c r="T77831" i="1"/>
  <c r="T77832" i="1"/>
  <c r="T77833" i="1"/>
  <c r="T77834" i="1"/>
  <c r="T77835" i="1"/>
  <c r="T77836" i="1"/>
  <c r="T77837" i="1"/>
  <c r="T77838" i="1"/>
  <c r="T77839" i="1"/>
  <c r="T77840" i="1"/>
  <c r="T77841" i="1"/>
  <c r="T77842" i="1"/>
  <c r="T77843" i="1"/>
  <c r="T77844" i="1"/>
  <c r="T77845" i="1"/>
  <c r="T77846" i="1"/>
  <c r="T77847" i="1"/>
  <c r="T77848" i="1"/>
  <c r="T77849" i="1"/>
  <c r="T77850" i="1"/>
  <c r="T77851" i="1"/>
  <c r="T77852" i="1"/>
  <c r="T77853" i="1"/>
  <c r="T77854" i="1"/>
  <c r="T77855" i="1"/>
  <c r="T77856" i="1"/>
  <c r="T77857" i="1"/>
  <c r="T77858" i="1"/>
  <c r="T77859" i="1"/>
  <c r="T77860" i="1"/>
  <c r="T77861" i="1"/>
  <c r="T77862" i="1"/>
  <c r="T77863" i="1"/>
  <c r="T77864" i="1"/>
  <c r="T77865" i="1"/>
  <c r="T77866" i="1"/>
  <c r="T77867" i="1"/>
  <c r="T77868" i="1"/>
  <c r="T77869" i="1"/>
  <c r="T77870" i="1"/>
  <c r="T77871" i="1"/>
  <c r="T77872" i="1"/>
  <c r="T77873" i="1"/>
  <c r="T77874" i="1"/>
  <c r="T77875" i="1"/>
  <c r="T77876" i="1"/>
  <c r="T77877" i="1"/>
  <c r="T77878" i="1"/>
  <c r="T77879" i="1"/>
  <c r="T77880" i="1"/>
  <c r="T77881" i="1"/>
  <c r="T77882" i="1"/>
  <c r="T77883" i="1"/>
  <c r="T77884" i="1"/>
  <c r="T77885" i="1"/>
  <c r="T77886" i="1"/>
  <c r="T77887" i="1"/>
  <c r="T77888" i="1"/>
  <c r="T77889" i="1"/>
  <c r="T77890" i="1"/>
  <c r="T77891" i="1"/>
  <c r="T77892" i="1"/>
  <c r="T77893" i="1"/>
  <c r="T77894" i="1"/>
  <c r="T77895" i="1"/>
  <c r="T77896" i="1"/>
  <c r="T77897" i="1"/>
  <c r="T77898" i="1"/>
  <c r="T77899" i="1"/>
  <c r="T77900" i="1"/>
  <c r="T77901" i="1"/>
  <c r="T77902" i="1"/>
  <c r="T77903" i="1"/>
  <c r="T77904" i="1"/>
  <c r="T77905" i="1"/>
  <c r="T77906" i="1"/>
  <c r="T77907" i="1"/>
  <c r="T77908" i="1"/>
  <c r="T77909" i="1"/>
  <c r="T77910" i="1"/>
  <c r="T77911" i="1"/>
  <c r="T77912" i="1"/>
  <c r="T77913" i="1"/>
  <c r="T77914" i="1"/>
  <c r="T77915" i="1"/>
  <c r="T77916" i="1"/>
  <c r="T77917" i="1"/>
  <c r="T77918" i="1"/>
  <c r="T77919" i="1"/>
  <c r="T77920" i="1"/>
  <c r="T77921" i="1"/>
  <c r="T77922" i="1"/>
  <c r="T77923" i="1"/>
  <c r="T77924" i="1"/>
  <c r="T77925" i="1"/>
  <c r="T77926" i="1"/>
  <c r="T77927" i="1"/>
  <c r="T77928" i="1"/>
  <c r="T77929" i="1"/>
  <c r="T77930" i="1"/>
  <c r="T77931" i="1"/>
  <c r="T77932" i="1"/>
  <c r="T77933" i="1"/>
  <c r="T77934" i="1"/>
  <c r="T77935" i="1"/>
  <c r="T77936" i="1"/>
  <c r="T77937" i="1"/>
  <c r="T77938" i="1"/>
  <c r="T77939" i="1"/>
  <c r="T77940" i="1"/>
  <c r="T77941" i="1"/>
  <c r="T77942" i="1"/>
  <c r="T77943" i="1"/>
  <c r="T77944" i="1"/>
  <c r="T77945" i="1"/>
  <c r="T77946" i="1"/>
  <c r="T77947" i="1"/>
  <c r="T77948" i="1"/>
  <c r="T77949" i="1"/>
  <c r="T77950" i="1"/>
  <c r="T77951" i="1"/>
  <c r="T77952" i="1"/>
  <c r="T77953" i="1"/>
  <c r="T77954" i="1"/>
  <c r="T77955" i="1"/>
  <c r="T77956" i="1"/>
  <c r="T77957" i="1"/>
  <c r="T77958" i="1"/>
  <c r="T77959" i="1"/>
  <c r="T77960" i="1"/>
  <c r="T77961" i="1"/>
  <c r="T77962" i="1"/>
  <c r="T77963" i="1"/>
  <c r="T77964" i="1"/>
  <c r="T77965" i="1"/>
  <c r="T77966" i="1"/>
  <c r="T77967" i="1"/>
  <c r="T77968" i="1"/>
  <c r="T77969" i="1"/>
  <c r="T77970" i="1"/>
  <c r="T77971" i="1"/>
  <c r="T77972" i="1"/>
  <c r="T77973" i="1"/>
  <c r="T77974" i="1"/>
  <c r="T77975" i="1"/>
  <c r="T77976" i="1"/>
  <c r="T77977" i="1"/>
  <c r="T77978" i="1"/>
  <c r="T77979" i="1"/>
  <c r="T77980" i="1"/>
  <c r="T77981" i="1"/>
  <c r="T77982" i="1"/>
  <c r="T77983" i="1"/>
  <c r="T77984" i="1"/>
  <c r="T77985" i="1"/>
  <c r="T77986" i="1"/>
  <c r="T77987" i="1"/>
  <c r="T77988" i="1"/>
  <c r="T77989" i="1"/>
  <c r="T77990" i="1"/>
  <c r="T77991" i="1"/>
  <c r="T77992" i="1"/>
  <c r="T77993" i="1"/>
  <c r="T77994" i="1"/>
  <c r="T77995" i="1"/>
  <c r="T77996" i="1"/>
  <c r="T77997" i="1"/>
  <c r="T77998" i="1"/>
  <c r="T77999" i="1"/>
  <c r="T78000" i="1"/>
  <c r="T78001" i="1"/>
  <c r="T78002" i="1"/>
  <c r="T78003" i="1"/>
  <c r="T78004" i="1"/>
  <c r="T78005" i="1"/>
  <c r="T78006" i="1"/>
  <c r="T78007" i="1"/>
  <c r="T78008" i="1"/>
  <c r="T78009" i="1"/>
  <c r="T78010" i="1"/>
  <c r="T78011" i="1"/>
  <c r="T78012" i="1"/>
  <c r="T78013" i="1"/>
  <c r="T78014" i="1"/>
  <c r="T78015" i="1"/>
  <c r="T78016" i="1"/>
  <c r="T78017" i="1"/>
  <c r="T78018" i="1"/>
  <c r="T78019" i="1"/>
  <c r="T78020" i="1"/>
  <c r="T78021" i="1"/>
  <c r="T78022" i="1"/>
  <c r="T78023" i="1"/>
  <c r="T78024" i="1"/>
  <c r="T78025" i="1"/>
  <c r="T78026" i="1"/>
  <c r="T78027" i="1"/>
  <c r="T78028" i="1"/>
  <c r="T78029" i="1"/>
  <c r="T78030" i="1"/>
  <c r="T78031" i="1"/>
  <c r="T78032" i="1"/>
  <c r="T78033" i="1"/>
  <c r="T78034" i="1"/>
  <c r="T78035" i="1"/>
  <c r="T78036" i="1"/>
  <c r="T78037" i="1"/>
  <c r="T78038" i="1"/>
  <c r="T78039" i="1"/>
  <c r="T78040" i="1"/>
  <c r="T78041" i="1"/>
  <c r="T78042" i="1"/>
  <c r="T78043" i="1"/>
  <c r="T78044" i="1"/>
  <c r="T78045" i="1"/>
  <c r="T78046" i="1"/>
  <c r="T78047" i="1"/>
  <c r="T78048" i="1"/>
  <c r="T78049" i="1"/>
  <c r="T78050" i="1"/>
  <c r="T78051" i="1"/>
  <c r="T78052" i="1"/>
  <c r="T78053" i="1"/>
  <c r="T78054" i="1"/>
  <c r="T78055" i="1"/>
  <c r="T78056" i="1"/>
  <c r="T78057" i="1"/>
  <c r="T78058" i="1"/>
  <c r="T78059" i="1"/>
  <c r="T78060" i="1"/>
  <c r="T78061" i="1"/>
  <c r="T78062" i="1"/>
  <c r="T78063" i="1"/>
  <c r="T78064" i="1"/>
  <c r="T78065" i="1"/>
  <c r="T78066" i="1"/>
  <c r="T78067" i="1"/>
  <c r="T78068" i="1"/>
  <c r="T78069" i="1"/>
  <c r="T78070" i="1"/>
  <c r="T78071" i="1"/>
  <c r="T78072" i="1"/>
  <c r="T78073" i="1"/>
  <c r="T78074" i="1"/>
  <c r="T78075" i="1"/>
  <c r="T78076" i="1"/>
  <c r="T78077" i="1"/>
  <c r="T78078" i="1"/>
  <c r="T78079" i="1"/>
  <c r="T78080" i="1"/>
  <c r="T78081" i="1"/>
  <c r="T78082" i="1"/>
  <c r="T78083" i="1"/>
  <c r="T78084" i="1"/>
  <c r="T78085" i="1"/>
  <c r="T78086" i="1"/>
  <c r="T78087" i="1"/>
  <c r="T78088" i="1"/>
  <c r="T78089" i="1"/>
  <c r="T78090" i="1"/>
  <c r="T78091" i="1"/>
  <c r="T78092" i="1"/>
  <c r="T78093" i="1"/>
  <c r="T78094" i="1"/>
  <c r="T78095" i="1"/>
  <c r="T78096" i="1"/>
  <c r="T78097" i="1"/>
  <c r="T78098" i="1"/>
  <c r="T78099" i="1"/>
  <c r="T78100" i="1"/>
  <c r="T78101" i="1"/>
  <c r="T78102" i="1"/>
  <c r="T78103" i="1"/>
  <c r="T78104" i="1"/>
  <c r="T78105" i="1"/>
  <c r="T78106" i="1"/>
  <c r="T78107" i="1"/>
  <c r="T78108" i="1"/>
  <c r="T78109" i="1"/>
  <c r="T78110" i="1"/>
  <c r="T78111" i="1"/>
  <c r="T78112" i="1"/>
  <c r="T78113" i="1"/>
  <c r="T78114" i="1"/>
  <c r="T78115" i="1"/>
  <c r="T78116" i="1"/>
  <c r="T78117" i="1"/>
  <c r="T78118" i="1"/>
  <c r="T78119" i="1"/>
  <c r="T78120" i="1"/>
  <c r="T78121" i="1"/>
  <c r="T78122" i="1"/>
  <c r="T78123" i="1"/>
  <c r="T78124" i="1"/>
  <c r="T78125" i="1"/>
  <c r="T78126" i="1"/>
  <c r="T78127" i="1"/>
  <c r="T78128" i="1"/>
  <c r="T78129" i="1"/>
  <c r="T78130" i="1"/>
  <c r="T78131" i="1"/>
  <c r="T78132" i="1"/>
  <c r="T78133" i="1"/>
  <c r="T78134" i="1"/>
  <c r="T78135" i="1"/>
  <c r="T78136" i="1"/>
  <c r="T78137" i="1"/>
  <c r="T78138" i="1"/>
  <c r="T78139" i="1"/>
  <c r="T78140" i="1"/>
  <c r="T78141" i="1"/>
  <c r="T78142" i="1"/>
  <c r="T78143" i="1"/>
  <c r="T78144" i="1"/>
  <c r="T78145" i="1"/>
  <c r="T78146" i="1"/>
  <c r="T78147" i="1"/>
  <c r="T78148" i="1"/>
  <c r="T78149" i="1"/>
  <c r="T78150" i="1"/>
  <c r="T78151" i="1"/>
  <c r="T78152" i="1"/>
  <c r="T78153" i="1"/>
  <c r="T78154" i="1"/>
  <c r="T78155" i="1"/>
  <c r="T78156" i="1"/>
  <c r="T78157" i="1"/>
  <c r="T78158" i="1"/>
  <c r="T78159" i="1"/>
  <c r="T78160" i="1"/>
  <c r="T78161" i="1"/>
  <c r="T78162" i="1"/>
  <c r="T78163" i="1"/>
  <c r="T78164" i="1"/>
  <c r="T78165" i="1"/>
  <c r="T78166" i="1"/>
  <c r="T78167" i="1"/>
  <c r="T78168" i="1"/>
  <c r="T78169" i="1"/>
  <c r="T78170" i="1"/>
  <c r="T78171" i="1"/>
  <c r="T78172" i="1"/>
  <c r="T78173" i="1"/>
  <c r="T78174" i="1"/>
  <c r="T78175" i="1"/>
  <c r="T78176" i="1"/>
  <c r="T78177" i="1"/>
  <c r="T78178" i="1"/>
  <c r="T78179" i="1"/>
  <c r="T78180" i="1"/>
  <c r="T78181" i="1"/>
  <c r="T78182" i="1"/>
  <c r="T78183" i="1"/>
  <c r="T78184" i="1"/>
  <c r="T78185" i="1"/>
  <c r="T78186" i="1"/>
  <c r="T78187" i="1"/>
  <c r="T78188" i="1"/>
  <c r="T78189" i="1"/>
  <c r="T78190" i="1"/>
  <c r="T78191" i="1"/>
  <c r="T78192" i="1"/>
  <c r="T78193" i="1"/>
  <c r="T78194" i="1"/>
  <c r="T78195" i="1"/>
  <c r="T78196" i="1"/>
  <c r="T78197" i="1"/>
  <c r="T78198" i="1"/>
  <c r="T78199" i="1"/>
  <c r="T78200" i="1"/>
  <c r="T78201" i="1"/>
  <c r="T78202" i="1"/>
  <c r="T78203" i="1"/>
  <c r="T78204" i="1"/>
  <c r="T78205" i="1"/>
  <c r="T78206" i="1"/>
  <c r="T78207" i="1"/>
  <c r="T78208" i="1"/>
  <c r="T78209" i="1"/>
  <c r="T78210" i="1"/>
  <c r="T78211" i="1"/>
  <c r="T78212" i="1"/>
  <c r="T78213" i="1"/>
  <c r="T78214" i="1"/>
  <c r="T78215" i="1"/>
  <c r="T78216" i="1"/>
  <c r="T78217" i="1"/>
  <c r="T78218" i="1"/>
  <c r="T78219" i="1"/>
  <c r="T78220" i="1"/>
  <c r="T78221" i="1"/>
  <c r="T78222" i="1"/>
  <c r="T78223" i="1"/>
  <c r="T78224" i="1"/>
  <c r="T78225" i="1"/>
  <c r="T78226" i="1"/>
  <c r="T78227" i="1"/>
  <c r="T78228" i="1"/>
  <c r="T78229" i="1"/>
  <c r="T78230" i="1"/>
  <c r="T78231" i="1"/>
  <c r="T78232" i="1"/>
  <c r="T78233" i="1"/>
  <c r="T78234" i="1"/>
  <c r="T78235" i="1"/>
  <c r="T78236" i="1"/>
  <c r="T78237" i="1"/>
  <c r="T78238" i="1"/>
  <c r="T78239" i="1"/>
  <c r="T78240" i="1"/>
  <c r="T78241" i="1"/>
  <c r="T78242" i="1"/>
  <c r="T78243" i="1"/>
  <c r="T78244" i="1"/>
  <c r="T78245" i="1"/>
  <c r="T78246" i="1"/>
  <c r="T78247" i="1"/>
  <c r="T78248" i="1"/>
  <c r="T78249" i="1"/>
  <c r="T78250" i="1"/>
  <c r="T78251" i="1"/>
  <c r="T78252" i="1"/>
  <c r="T78253" i="1"/>
  <c r="T78254" i="1"/>
  <c r="T78255" i="1"/>
  <c r="T78256" i="1"/>
  <c r="T78257" i="1"/>
  <c r="T78258" i="1"/>
  <c r="T78259" i="1"/>
  <c r="T78260" i="1"/>
  <c r="T78261" i="1"/>
  <c r="T78262" i="1"/>
  <c r="T78263" i="1"/>
  <c r="T78264" i="1"/>
  <c r="T78265" i="1"/>
  <c r="T78266" i="1"/>
  <c r="T78267" i="1"/>
  <c r="T78268" i="1"/>
  <c r="T78269" i="1"/>
  <c r="T78270" i="1"/>
  <c r="T78271" i="1"/>
  <c r="T78272" i="1"/>
  <c r="T78273" i="1"/>
  <c r="T78274" i="1"/>
  <c r="T78275" i="1"/>
  <c r="T78276" i="1"/>
  <c r="T78277" i="1"/>
  <c r="T78278" i="1"/>
  <c r="T78279" i="1"/>
  <c r="T78280" i="1"/>
  <c r="T78281" i="1"/>
  <c r="T78282" i="1"/>
  <c r="T78283" i="1"/>
  <c r="T78284" i="1"/>
  <c r="T78285" i="1"/>
  <c r="T78286" i="1"/>
  <c r="T78287" i="1"/>
  <c r="T78288" i="1"/>
  <c r="T78289" i="1"/>
  <c r="T78290" i="1"/>
  <c r="T78291" i="1"/>
  <c r="T78292" i="1"/>
  <c r="T78293" i="1"/>
  <c r="T78294" i="1"/>
  <c r="T78295" i="1"/>
  <c r="T78296" i="1"/>
  <c r="T78297" i="1"/>
  <c r="T78298" i="1"/>
  <c r="T78299" i="1"/>
  <c r="T78300" i="1"/>
  <c r="T78301" i="1"/>
  <c r="T78302" i="1"/>
  <c r="T78303" i="1"/>
  <c r="T78304" i="1"/>
  <c r="T78305" i="1"/>
  <c r="T78306" i="1"/>
  <c r="T78307" i="1"/>
  <c r="T78308" i="1"/>
  <c r="T78309" i="1"/>
  <c r="T78310" i="1"/>
  <c r="T78311" i="1"/>
  <c r="T78312" i="1"/>
  <c r="T78313" i="1"/>
  <c r="T78314" i="1"/>
  <c r="T78315" i="1"/>
  <c r="T78316" i="1"/>
  <c r="T78317" i="1"/>
  <c r="T78318" i="1"/>
  <c r="T78319" i="1"/>
  <c r="T78320" i="1"/>
  <c r="T78321" i="1"/>
  <c r="T78322" i="1"/>
  <c r="T78323" i="1"/>
  <c r="T78324" i="1"/>
  <c r="T78325" i="1"/>
  <c r="T78326" i="1"/>
  <c r="T78327" i="1"/>
  <c r="T78328" i="1"/>
  <c r="T78329" i="1"/>
  <c r="T78330" i="1"/>
  <c r="T78331" i="1"/>
  <c r="T78332" i="1"/>
  <c r="T78333" i="1"/>
  <c r="T78334" i="1"/>
  <c r="T78335" i="1"/>
  <c r="T78336" i="1"/>
  <c r="T78337" i="1"/>
  <c r="T78338" i="1"/>
  <c r="T78339" i="1"/>
  <c r="T78340" i="1"/>
  <c r="T78341" i="1"/>
  <c r="T78342" i="1"/>
  <c r="T78343" i="1"/>
  <c r="T78344" i="1"/>
  <c r="T78345" i="1"/>
  <c r="T78346" i="1"/>
  <c r="T78347" i="1"/>
  <c r="T78348" i="1"/>
  <c r="T78349" i="1"/>
  <c r="T78350" i="1"/>
  <c r="T78351" i="1"/>
  <c r="T78352" i="1"/>
  <c r="T78353" i="1"/>
  <c r="T78354" i="1"/>
  <c r="T78355" i="1"/>
  <c r="T78356" i="1"/>
  <c r="T78357" i="1"/>
  <c r="T78358" i="1"/>
  <c r="T78359" i="1"/>
  <c r="T78360" i="1"/>
  <c r="T78361" i="1"/>
  <c r="T78362" i="1"/>
  <c r="T78363" i="1"/>
  <c r="T78364" i="1"/>
  <c r="T78365" i="1"/>
  <c r="T78366" i="1"/>
  <c r="T78367" i="1"/>
  <c r="T78368" i="1"/>
  <c r="T78369" i="1"/>
  <c r="T78370" i="1"/>
  <c r="T78371" i="1"/>
  <c r="T78372" i="1"/>
  <c r="T78373" i="1"/>
  <c r="T78374" i="1"/>
  <c r="T78375" i="1"/>
  <c r="T78376" i="1"/>
  <c r="T78377" i="1"/>
  <c r="T78378" i="1"/>
  <c r="T78379" i="1"/>
  <c r="T78380" i="1"/>
  <c r="T78381" i="1"/>
  <c r="T78382" i="1"/>
  <c r="T78383" i="1"/>
  <c r="T78384" i="1"/>
  <c r="T78385" i="1"/>
  <c r="T78386" i="1"/>
  <c r="T78387" i="1"/>
  <c r="T78388" i="1"/>
  <c r="T78389" i="1"/>
  <c r="T78390" i="1"/>
  <c r="T78391" i="1"/>
  <c r="T78392" i="1"/>
  <c r="T78393" i="1"/>
  <c r="T78394" i="1"/>
  <c r="T78395" i="1"/>
  <c r="T78396" i="1"/>
  <c r="T78397" i="1"/>
  <c r="T78398" i="1"/>
  <c r="T78399" i="1"/>
  <c r="T78400" i="1"/>
  <c r="T78401" i="1"/>
  <c r="T78402" i="1"/>
  <c r="T78403" i="1"/>
  <c r="T78404" i="1"/>
  <c r="T78405" i="1"/>
  <c r="T78406" i="1"/>
  <c r="T78407" i="1"/>
  <c r="T78408" i="1"/>
  <c r="T78409" i="1"/>
  <c r="T78410" i="1"/>
  <c r="T78411" i="1"/>
  <c r="T78412" i="1"/>
  <c r="T78413" i="1"/>
  <c r="T78414" i="1"/>
  <c r="T78415" i="1"/>
  <c r="T78416" i="1"/>
  <c r="T78417" i="1"/>
  <c r="T78418" i="1"/>
  <c r="T78419" i="1"/>
  <c r="T78420" i="1"/>
  <c r="T78421" i="1"/>
  <c r="T78422" i="1"/>
  <c r="T78423" i="1"/>
  <c r="T78424" i="1"/>
  <c r="T78425" i="1"/>
  <c r="T78426" i="1"/>
  <c r="T78427" i="1"/>
  <c r="T78428" i="1"/>
  <c r="T78429" i="1"/>
  <c r="T78430" i="1"/>
  <c r="T78431" i="1"/>
  <c r="T78432" i="1"/>
  <c r="T78433" i="1"/>
  <c r="T78434" i="1"/>
  <c r="T78435" i="1"/>
  <c r="T78436" i="1"/>
  <c r="T78437" i="1"/>
  <c r="T78438" i="1"/>
  <c r="T78439" i="1"/>
  <c r="T78440" i="1"/>
  <c r="T78441" i="1"/>
  <c r="T78442" i="1"/>
  <c r="T78443" i="1"/>
  <c r="T78444" i="1"/>
  <c r="T78445" i="1"/>
  <c r="T78446" i="1"/>
  <c r="T78447" i="1"/>
  <c r="T78448" i="1"/>
  <c r="T78449" i="1"/>
  <c r="T78450" i="1"/>
  <c r="T78451" i="1"/>
  <c r="T78452" i="1"/>
  <c r="T78453" i="1"/>
  <c r="T78454" i="1"/>
  <c r="T78455" i="1"/>
  <c r="T78456" i="1"/>
  <c r="T78457" i="1"/>
  <c r="T78458" i="1"/>
  <c r="T78459" i="1"/>
  <c r="T78460" i="1"/>
  <c r="T78461" i="1"/>
  <c r="T78462" i="1"/>
  <c r="T78463" i="1"/>
  <c r="T78464" i="1"/>
  <c r="T78465" i="1"/>
  <c r="T78466" i="1"/>
  <c r="T78467" i="1"/>
  <c r="T78468" i="1"/>
  <c r="T78469" i="1"/>
  <c r="T78470" i="1"/>
  <c r="T78471" i="1"/>
  <c r="T78472" i="1"/>
  <c r="T78473" i="1"/>
  <c r="T78474" i="1"/>
  <c r="T78475" i="1"/>
  <c r="T78476" i="1"/>
  <c r="T78477" i="1"/>
  <c r="T78478" i="1"/>
  <c r="T78479" i="1"/>
  <c r="T78480" i="1"/>
  <c r="T78481" i="1"/>
  <c r="T78482" i="1"/>
  <c r="T78483" i="1"/>
  <c r="T78484" i="1"/>
  <c r="T78485" i="1"/>
  <c r="T78486" i="1"/>
  <c r="T78487" i="1"/>
  <c r="T78488" i="1"/>
  <c r="T78489" i="1"/>
  <c r="T78490" i="1"/>
  <c r="T78491" i="1"/>
  <c r="T78492" i="1"/>
  <c r="T78493" i="1"/>
  <c r="T78494" i="1"/>
  <c r="T78495" i="1"/>
  <c r="T78496" i="1"/>
  <c r="T78497" i="1"/>
  <c r="T78498" i="1"/>
  <c r="T78499" i="1"/>
  <c r="T78500" i="1"/>
  <c r="T78501" i="1"/>
  <c r="T78502" i="1"/>
  <c r="T78503" i="1"/>
  <c r="T78504" i="1"/>
  <c r="T78505" i="1"/>
  <c r="T78506" i="1"/>
  <c r="T78507" i="1"/>
  <c r="T78508" i="1"/>
  <c r="T78509" i="1"/>
  <c r="T78510" i="1"/>
  <c r="T78511" i="1"/>
  <c r="T78512" i="1"/>
  <c r="T78513" i="1"/>
  <c r="T78514" i="1"/>
  <c r="T78515" i="1"/>
  <c r="T78516" i="1"/>
  <c r="T78517" i="1"/>
  <c r="T78518" i="1"/>
  <c r="T78519" i="1"/>
  <c r="T78520" i="1"/>
  <c r="T78521" i="1"/>
  <c r="T78522" i="1"/>
  <c r="T78523" i="1"/>
  <c r="T78524" i="1"/>
  <c r="T78525" i="1"/>
  <c r="T78526" i="1"/>
  <c r="T78527" i="1"/>
  <c r="T78528" i="1"/>
  <c r="T78529" i="1"/>
  <c r="T78530" i="1"/>
  <c r="T78531" i="1"/>
  <c r="T78532" i="1"/>
  <c r="T78533" i="1"/>
  <c r="T78534" i="1"/>
  <c r="T78535" i="1"/>
  <c r="T78536" i="1"/>
  <c r="T78537" i="1"/>
  <c r="T78538" i="1"/>
  <c r="T78539" i="1"/>
  <c r="T78540" i="1"/>
  <c r="T78541" i="1"/>
  <c r="T78542" i="1"/>
  <c r="T78543" i="1"/>
  <c r="T78544" i="1"/>
  <c r="T78545" i="1"/>
  <c r="T78546" i="1"/>
  <c r="T78547" i="1"/>
  <c r="T78548" i="1"/>
  <c r="T78549" i="1"/>
  <c r="T78550" i="1"/>
  <c r="T78551" i="1"/>
  <c r="T78552" i="1"/>
  <c r="T78553" i="1"/>
  <c r="T78554" i="1"/>
  <c r="T78555" i="1"/>
  <c r="T78556" i="1"/>
  <c r="T78557" i="1"/>
  <c r="T78558" i="1"/>
  <c r="T78559" i="1"/>
  <c r="T78560" i="1"/>
  <c r="T78561" i="1"/>
  <c r="T78562" i="1"/>
  <c r="T78563" i="1"/>
  <c r="T78564" i="1"/>
  <c r="T78565" i="1"/>
  <c r="T78566" i="1"/>
  <c r="T78567" i="1"/>
  <c r="T78568" i="1"/>
  <c r="T78569" i="1"/>
  <c r="T78570" i="1"/>
  <c r="T78571" i="1"/>
  <c r="T78572" i="1"/>
  <c r="T78573" i="1"/>
  <c r="T78574" i="1"/>
  <c r="T78575" i="1"/>
  <c r="T78576" i="1"/>
  <c r="T78577" i="1"/>
  <c r="T78578" i="1"/>
  <c r="T78579" i="1"/>
  <c r="T78580" i="1"/>
  <c r="T78581" i="1"/>
  <c r="T78582" i="1"/>
  <c r="T78583" i="1"/>
  <c r="T78584" i="1"/>
  <c r="T78585" i="1"/>
  <c r="T78586" i="1"/>
  <c r="T78587" i="1"/>
  <c r="T78588" i="1"/>
  <c r="T78589" i="1"/>
  <c r="T78590" i="1"/>
  <c r="T78591" i="1"/>
  <c r="T78592" i="1"/>
  <c r="T78593" i="1"/>
  <c r="T78594" i="1"/>
  <c r="T78595" i="1"/>
  <c r="T78596" i="1"/>
  <c r="T78597" i="1"/>
  <c r="T78598" i="1"/>
  <c r="T78599" i="1"/>
  <c r="T78600" i="1"/>
  <c r="T78601" i="1"/>
  <c r="T78602" i="1"/>
  <c r="T78603" i="1"/>
  <c r="T78604" i="1"/>
  <c r="T78605" i="1"/>
  <c r="T78606" i="1"/>
  <c r="T78607" i="1"/>
  <c r="T78608" i="1"/>
  <c r="T78609" i="1"/>
  <c r="T78610" i="1"/>
  <c r="T78611" i="1"/>
  <c r="T78612" i="1"/>
  <c r="T78613" i="1"/>
  <c r="T78614" i="1"/>
  <c r="T78615" i="1"/>
  <c r="T78616" i="1"/>
  <c r="T78617" i="1"/>
  <c r="T78618" i="1"/>
  <c r="T78619" i="1"/>
  <c r="T78620" i="1"/>
  <c r="T78621" i="1"/>
  <c r="T78622" i="1"/>
  <c r="T78623" i="1"/>
  <c r="T78624" i="1"/>
  <c r="T78625" i="1"/>
  <c r="T78626" i="1"/>
  <c r="T78627" i="1"/>
  <c r="T78628" i="1"/>
  <c r="T78629" i="1"/>
  <c r="T78630" i="1"/>
  <c r="T78631" i="1"/>
  <c r="T78632" i="1"/>
  <c r="T78633" i="1"/>
  <c r="T78634" i="1"/>
  <c r="T78635" i="1"/>
  <c r="T78636" i="1"/>
  <c r="T78637" i="1"/>
  <c r="T78638" i="1"/>
  <c r="T78639" i="1"/>
  <c r="T78640" i="1"/>
  <c r="T78641" i="1"/>
  <c r="T78642" i="1"/>
  <c r="T78643" i="1"/>
  <c r="T78644" i="1"/>
  <c r="T78645" i="1"/>
  <c r="T78646" i="1"/>
  <c r="T78647" i="1"/>
  <c r="T78648" i="1"/>
  <c r="T78649" i="1"/>
  <c r="T78650" i="1"/>
  <c r="T78651" i="1"/>
  <c r="T78652" i="1"/>
  <c r="T78653" i="1"/>
  <c r="T78654" i="1"/>
  <c r="T78655" i="1"/>
  <c r="T78656" i="1"/>
  <c r="T78657" i="1"/>
  <c r="T78658" i="1"/>
  <c r="T78659" i="1"/>
  <c r="T78660" i="1"/>
  <c r="T78661" i="1"/>
  <c r="T78662" i="1"/>
  <c r="T78663" i="1"/>
  <c r="T78664" i="1"/>
  <c r="T78665" i="1"/>
  <c r="T78666" i="1"/>
  <c r="T78667" i="1"/>
  <c r="T78668" i="1"/>
  <c r="T78669" i="1"/>
  <c r="T78670" i="1"/>
  <c r="T78671" i="1"/>
  <c r="T78672" i="1"/>
  <c r="T78673" i="1"/>
  <c r="T78674" i="1"/>
  <c r="T78675" i="1"/>
  <c r="T78676" i="1"/>
  <c r="T78677" i="1"/>
  <c r="T78678" i="1"/>
  <c r="T78679" i="1"/>
  <c r="T78680" i="1"/>
  <c r="T78681" i="1"/>
  <c r="T78682" i="1"/>
  <c r="T78683" i="1"/>
  <c r="T78684" i="1"/>
  <c r="T78685" i="1"/>
  <c r="T78686" i="1"/>
  <c r="T78687" i="1"/>
  <c r="T78688" i="1"/>
  <c r="T78689" i="1"/>
  <c r="T78690" i="1"/>
  <c r="T78691" i="1"/>
  <c r="T78692" i="1"/>
  <c r="T78693" i="1"/>
  <c r="T78694" i="1"/>
  <c r="T78695" i="1"/>
  <c r="T78696" i="1"/>
  <c r="T78697" i="1"/>
  <c r="T78698" i="1"/>
  <c r="T78699" i="1"/>
  <c r="T78700" i="1"/>
  <c r="T78701" i="1"/>
  <c r="T78702" i="1"/>
  <c r="T78703" i="1"/>
  <c r="T78704" i="1"/>
  <c r="T78705" i="1"/>
  <c r="T78706" i="1"/>
  <c r="T78707" i="1"/>
  <c r="T78708" i="1"/>
  <c r="T78709" i="1"/>
  <c r="T78710" i="1"/>
  <c r="T78711" i="1"/>
  <c r="T78712" i="1"/>
  <c r="T78713" i="1"/>
  <c r="T78714" i="1"/>
  <c r="T78715" i="1"/>
  <c r="T78716" i="1"/>
  <c r="T78717" i="1"/>
  <c r="T78718" i="1"/>
  <c r="T78719" i="1"/>
  <c r="T78720" i="1"/>
  <c r="T78721" i="1"/>
  <c r="T78722" i="1"/>
  <c r="T78723" i="1"/>
  <c r="T78724" i="1"/>
  <c r="T78725" i="1"/>
  <c r="T78726" i="1"/>
  <c r="T78727" i="1"/>
  <c r="T78728" i="1"/>
  <c r="T78729" i="1"/>
  <c r="T78730" i="1"/>
  <c r="T78731" i="1"/>
  <c r="T78732" i="1"/>
  <c r="T78733" i="1"/>
  <c r="T78734" i="1"/>
  <c r="T78735" i="1"/>
  <c r="T78736" i="1"/>
  <c r="T78737" i="1"/>
  <c r="T78738" i="1"/>
  <c r="T78739" i="1"/>
  <c r="T78740" i="1"/>
  <c r="T78741" i="1"/>
  <c r="T78742" i="1"/>
  <c r="T78743" i="1"/>
  <c r="T78744" i="1"/>
  <c r="T78745" i="1"/>
  <c r="T78746" i="1"/>
  <c r="T78747" i="1"/>
  <c r="T78748" i="1"/>
  <c r="T78749" i="1"/>
  <c r="T78750" i="1"/>
  <c r="T78751" i="1"/>
  <c r="T78752" i="1"/>
  <c r="T78753" i="1"/>
  <c r="T78754" i="1"/>
  <c r="T78755" i="1"/>
  <c r="T78756" i="1"/>
  <c r="T78757" i="1"/>
  <c r="T78758" i="1"/>
  <c r="T78759" i="1"/>
  <c r="T78760" i="1"/>
  <c r="T78761" i="1"/>
  <c r="T78762" i="1"/>
  <c r="T78763" i="1"/>
  <c r="T78764" i="1"/>
  <c r="T78765" i="1"/>
  <c r="T78766" i="1"/>
  <c r="T78767" i="1"/>
  <c r="T78768" i="1"/>
  <c r="T78769" i="1"/>
  <c r="T78770" i="1"/>
  <c r="T78771" i="1"/>
  <c r="T78772" i="1"/>
  <c r="T78773" i="1"/>
  <c r="T78774" i="1"/>
  <c r="T78775" i="1"/>
  <c r="T78776" i="1"/>
  <c r="T78777" i="1"/>
  <c r="T78778" i="1"/>
  <c r="T78779" i="1"/>
  <c r="T78780" i="1"/>
  <c r="T78781" i="1"/>
  <c r="T78782" i="1"/>
  <c r="T78783" i="1"/>
  <c r="T78784" i="1"/>
  <c r="T78785" i="1"/>
  <c r="T78786" i="1"/>
  <c r="T78787" i="1"/>
  <c r="T78788" i="1"/>
  <c r="T78789" i="1"/>
  <c r="T78790" i="1"/>
  <c r="T78791" i="1"/>
  <c r="T78792" i="1"/>
  <c r="T78793" i="1"/>
  <c r="T78794" i="1"/>
  <c r="T78795" i="1"/>
  <c r="T78796" i="1"/>
  <c r="T78797" i="1"/>
  <c r="T78798" i="1"/>
  <c r="T78799" i="1"/>
  <c r="T78800" i="1"/>
  <c r="T78801" i="1"/>
  <c r="T78802" i="1"/>
  <c r="T78803" i="1"/>
  <c r="T78804" i="1"/>
  <c r="T78805" i="1"/>
  <c r="T78806" i="1"/>
  <c r="T78807" i="1"/>
  <c r="T78808" i="1"/>
  <c r="T78809" i="1"/>
  <c r="T78810" i="1"/>
  <c r="T78811" i="1"/>
  <c r="T78812" i="1"/>
  <c r="T78813" i="1"/>
  <c r="T78814" i="1"/>
  <c r="T78815" i="1"/>
  <c r="T78816" i="1"/>
  <c r="T78817" i="1"/>
  <c r="T78818" i="1"/>
  <c r="T78819" i="1"/>
  <c r="T78820" i="1"/>
  <c r="T78821" i="1"/>
  <c r="T78822" i="1"/>
  <c r="T78823" i="1"/>
  <c r="T78824" i="1"/>
  <c r="T78825" i="1"/>
  <c r="T78826" i="1"/>
  <c r="T78827" i="1"/>
  <c r="T78828" i="1"/>
  <c r="T78829" i="1"/>
  <c r="T78830" i="1"/>
  <c r="T78831" i="1"/>
  <c r="T78832" i="1"/>
  <c r="T78833" i="1"/>
  <c r="T78834" i="1"/>
  <c r="T78835" i="1"/>
  <c r="T78836" i="1"/>
  <c r="T78837" i="1"/>
  <c r="T78838" i="1"/>
  <c r="T78839" i="1"/>
  <c r="T78840" i="1"/>
  <c r="T78841" i="1"/>
  <c r="T78842" i="1"/>
  <c r="T78843" i="1"/>
  <c r="T78844" i="1"/>
  <c r="T78845" i="1"/>
  <c r="T78846" i="1"/>
  <c r="T78847" i="1"/>
  <c r="T78848" i="1"/>
  <c r="T78849" i="1"/>
  <c r="T78850" i="1"/>
  <c r="T78851" i="1"/>
  <c r="T78852" i="1"/>
  <c r="T78853" i="1"/>
  <c r="T78854" i="1"/>
  <c r="T78855" i="1"/>
  <c r="T78856" i="1"/>
  <c r="T78857" i="1"/>
  <c r="T78858" i="1"/>
  <c r="T78859" i="1"/>
  <c r="T78860" i="1"/>
  <c r="T78861" i="1"/>
  <c r="T78862" i="1"/>
  <c r="T78863" i="1"/>
  <c r="T78864" i="1"/>
  <c r="T78865" i="1"/>
  <c r="T78866" i="1"/>
  <c r="T78867" i="1"/>
  <c r="T78868" i="1"/>
  <c r="T78869" i="1"/>
  <c r="T78870" i="1"/>
  <c r="T78871" i="1"/>
  <c r="T78872" i="1"/>
  <c r="T78873" i="1"/>
  <c r="T78874" i="1"/>
  <c r="T78875" i="1"/>
  <c r="T78876" i="1"/>
  <c r="T78877" i="1"/>
  <c r="T78878" i="1"/>
  <c r="T78879" i="1"/>
  <c r="T78880" i="1"/>
  <c r="T78881" i="1"/>
  <c r="T78882" i="1"/>
  <c r="T78883" i="1"/>
  <c r="T78884" i="1"/>
  <c r="T78885" i="1"/>
  <c r="T78886" i="1"/>
  <c r="T78887" i="1"/>
  <c r="T78888" i="1"/>
  <c r="T78889" i="1"/>
  <c r="T78890" i="1"/>
  <c r="T78891" i="1"/>
  <c r="T78892" i="1"/>
  <c r="T78893" i="1"/>
  <c r="T78894" i="1"/>
  <c r="T78895" i="1"/>
  <c r="T78896" i="1"/>
  <c r="T78897" i="1"/>
  <c r="T78898" i="1"/>
  <c r="T78899" i="1"/>
  <c r="T78900" i="1"/>
  <c r="T78901" i="1"/>
  <c r="T78902" i="1"/>
  <c r="T78903" i="1"/>
  <c r="T78904" i="1"/>
  <c r="T78905" i="1"/>
  <c r="T78906" i="1"/>
  <c r="T78907" i="1"/>
  <c r="T78908" i="1"/>
  <c r="T78909" i="1"/>
  <c r="T78910" i="1"/>
  <c r="T78911" i="1"/>
  <c r="T78912" i="1"/>
  <c r="T78913" i="1"/>
  <c r="T78914" i="1"/>
  <c r="T78915" i="1"/>
  <c r="T78916" i="1"/>
  <c r="T78917" i="1"/>
  <c r="T78918" i="1"/>
  <c r="T78919" i="1"/>
  <c r="T78920" i="1"/>
  <c r="T78921" i="1"/>
  <c r="T78922" i="1"/>
  <c r="T78923" i="1"/>
  <c r="T78924" i="1"/>
  <c r="T78925" i="1"/>
  <c r="T78926" i="1"/>
  <c r="T78927" i="1"/>
  <c r="T78928" i="1"/>
  <c r="T78929" i="1"/>
  <c r="T78930" i="1"/>
  <c r="T78931" i="1"/>
  <c r="T78932" i="1"/>
  <c r="T78933" i="1"/>
  <c r="T78934" i="1"/>
  <c r="T78935" i="1"/>
  <c r="T78936" i="1"/>
  <c r="T78937" i="1"/>
  <c r="T78938" i="1"/>
  <c r="T78939" i="1"/>
  <c r="T78940" i="1"/>
  <c r="T78941" i="1"/>
  <c r="T78942" i="1"/>
  <c r="T78943" i="1"/>
  <c r="T78944" i="1"/>
  <c r="T78945" i="1"/>
  <c r="T78946" i="1"/>
  <c r="T78947" i="1"/>
  <c r="T78948" i="1"/>
  <c r="T78949" i="1"/>
  <c r="T78950" i="1"/>
  <c r="T78951" i="1"/>
  <c r="T78952" i="1"/>
  <c r="T78953" i="1"/>
  <c r="T78954" i="1"/>
  <c r="T78955" i="1"/>
  <c r="T78956" i="1"/>
  <c r="T78957" i="1"/>
  <c r="T78958" i="1"/>
  <c r="T78959" i="1"/>
  <c r="T78960" i="1"/>
  <c r="T78961" i="1"/>
  <c r="T78962" i="1"/>
  <c r="T78963" i="1"/>
  <c r="T78964" i="1"/>
  <c r="T78965" i="1"/>
  <c r="T78966" i="1"/>
  <c r="T78967" i="1"/>
  <c r="T78968" i="1"/>
  <c r="T78969" i="1"/>
  <c r="T78970" i="1"/>
  <c r="T78971" i="1"/>
  <c r="T78972" i="1"/>
  <c r="T78973" i="1"/>
  <c r="T78974" i="1"/>
  <c r="T78975" i="1"/>
  <c r="T78976" i="1"/>
  <c r="T78977" i="1"/>
  <c r="T78978" i="1"/>
  <c r="T78979" i="1"/>
  <c r="T78980" i="1"/>
  <c r="T78981" i="1"/>
  <c r="T78982" i="1"/>
  <c r="T78983" i="1"/>
  <c r="T78984" i="1"/>
  <c r="T78985" i="1"/>
  <c r="T78986" i="1"/>
  <c r="T78987" i="1"/>
  <c r="T78988" i="1"/>
  <c r="T78989" i="1"/>
  <c r="T78990" i="1"/>
  <c r="T78991" i="1"/>
  <c r="T78992" i="1"/>
  <c r="T78993" i="1"/>
  <c r="T78994" i="1"/>
  <c r="T78995" i="1"/>
  <c r="T78996" i="1"/>
  <c r="T78997" i="1"/>
  <c r="T78998" i="1"/>
  <c r="T78999" i="1"/>
  <c r="T79000" i="1"/>
  <c r="T79001" i="1"/>
  <c r="T79002" i="1"/>
  <c r="T79003" i="1"/>
  <c r="T79004" i="1"/>
  <c r="T79005" i="1"/>
  <c r="T79006" i="1"/>
  <c r="T79007" i="1"/>
  <c r="T79008" i="1"/>
  <c r="T79009" i="1"/>
  <c r="T79010" i="1"/>
  <c r="T79011" i="1"/>
  <c r="T79012" i="1"/>
  <c r="T79013" i="1"/>
  <c r="T79014" i="1"/>
  <c r="T79015" i="1"/>
  <c r="T79016" i="1"/>
  <c r="T79017" i="1"/>
  <c r="T79018" i="1"/>
  <c r="T79019" i="1"/>
  <c r="T79020" i="1"/>
  <c r="T79021" i="1"/>
  <c r="T79022" i="1"/>
  <c r="T79023" i="1"/>
  <c r="T79024" i="1"/>
  <c r="T79025" i="1"/>
  <c r="T79026" i="1"/>
  <c r="T79027" i="1"/>
  <c r="T79028" i="1"/>
  <c r="T79029" i="1"/>
  <c r="T79030" i="1"/>
  <c r="T79031" i="1"/>
  <c r="T79032" i="1"/>
  <c r="T79033" i="1"/>
  <c r="T79034" i="1"/>
  <c r="T79035" i="1"/>
  <c r="T79036" i="1"/>
  <c r="T79037" i="1"/>
  <c r="T79038" i="1"/>
  <c r="T79039" i="1"/>
  <c r="T79040" i="1"/>
  <c r="T79041" i="1"/>
  <c r="T79042" i="1"/>
  <c r="T79043" i="1"/>
  <c r="T79044" i="1"/>
  <c r="T79045" i="1"/>
  <c r="T79046" i="1"/>
  <c r="T79047" i="1"/>
  <c r="T79048" i="1"/>
  <c r="T79049" i="1"/>
  <c r="T79050" i="1"/>
  <c r="T79051" i="1"/>
  <c r="T79052" i="1"/>
  <c r="T79053" i="1"/>
  <c r="T79054" i="1"/>
  <c r="T79055" i="1"/>
  <c r="T79056" i="1"/>
  <c r="T79057" i="1"/>
  <c r="T79058" i="1"/>
  <c r="T79059" i="1"/>
  <c r="T79060" i="1"/>
  <c r="T79061" i="1"/>
  <c r="T79062" i="1"/>
  <c r="T79063" i="1"/>
  <c r="T79064" i="1"/>
  <c r="T79065" i="1"/>
  <c r="T79066" i="1"/>
  <c r="T79067" i="1"/>
  <c r="T79068" i="1"/>
  <c r="T79069" i="1"/>
  <c r="T79070" i="1"/>
  <c r="T79071" i="1"/>
  <c r="T79072" i="1"/>
  <c r="T79073" i="1"/>
  <c r="T79074" i="1"/>
  <c r="T79075" i="1"/>
  <c r="T79076" i="1"/>
  <c r="T79077" i="1"/>
  <c r="T79078" i="1"/>
  <c r="T79079" i="1"/>
  <c r="T79080" i="1"/>
  <c r="T79081" i="1"/>
  <c r="T79082" i="1"/>
  <c r="T79083" i="1"/>
  <c r="T79084" i="1"/>
  <c r="T79085" i="1"/>
  <c r="T79086" i="1"/>
  <c r="T79087" i="1"/>
  <c r="T79088" i="1"/>
  <c r="T79089" i="1"/>
  <c r="T79090" i="1"/>
  <c r="T79091" i="1"/>
  <c r="T79092" i="1"/>
  <c r="T79093" i="1"/>
  <c r="T79094" i="1"/>
  <c r="T79095" i="1"/>
  <c r="T79096" i="1"/>
  <c r="T79097" i="1"/>
  <c r="T79098" i="1"/>
  <c r="T79099" i="1"/>
  <c r="T79100" i="1"/>
  <c r="T79101" i="1"/>
  <c r="T79102" i="1"/>
  <c r="T79103" i="1"/>
  <c r="T79104" i="1"/>
  <c r="T79105" i="1"/>
  <c r="T79106" i="1"/>
  <c r="T79107" i="1"/>
  <c r="T79108" i="1"/>
  <c r="T79109" i="1"/>
  <c r="T79110" i="1"/>
  <c r="T79111" i="1"/>
  <c r="T79112" i="1"/>
  <c r="T79113" i="1"/>
  <c r="T79114" i="1"/>
  <c r="T79115" i="1"/>
  <c r="T79116" i="1"/>
  <c r="T79117" i="1"/>
  <c r="T79118" i="1"/>
  <c r="T79119" i="1"/>
  <c r="T79120" i="1"/>
  <c r="T79121" i="1"/>
  <c r="T79122" i="1"/>
  <c r="T79123" i="1"/>
  <c r="T79124" i="1"/>
  <c r="T79125" i="1"/>
  <c r="T79126" i="1"/>
  <c r="T79127" i="1"/>
  <c r="T79128" i="1"/>
  <c r="T79129" i="1"/>
  <c r="T79130" i="1"/>
  <c r="T79131" i="1"/>
  <c r="T79132" i="1"/>
  <c r="T79133" i="1"/>
  <c r="T79134" i="1"/>
  <c r="T79135" i="1"/>
  <c r="T79136" i="1"/>
  <c r="T79137" i="1"/>
  <c r="T79138" i="1"/>
  <c r="T79139" i="1"/>
  <c r="T79140" i="1"/>
  <c r="T79141" i="1"/>
  <c r="T79142" i="1"/>
  <c r="T79143" i="1"/>
  <c r="T79144" i="1"/>
  <c r="T79145" i="1"/>
  <c r="T79146" i="1"/>
  <c r="T79147" i="1"/>
  <c r="T79148" i="1"/>
  <c r="T79149" i="1"/>
  <c r="T79150" i="1"/>
  <c r="T79151" i="1"/>
  <c r="T79152" i="1"/>
  <c r="T79153" i="1"/>
  <c r="T79154" i="1"/>
  <c r="T79155" i="1"/>
  <c r="T79156" i="1"/>
  <c r="T79157" i="1"/>
  <c r="T79158" i="1"/>
  <c r="T79159" i="1"/>
  <c r="T79160" i="1"/>
  <c r="T79161" i="1"/>
  <c r="T79162" i="1"/>
  <c r="T79163" i="1"/>
  <c r="T79164" i="1"/>
  <c r="T79165" i="1"/>
  <c r="T79166" i="1"/>
  <c r="T79167" i="1"/>
  <c r="T79168" i="1"/>
  <c r="T79169" i="1"/>
  <c r="T79170" i="1"/>
  <c r="T79171" i="1"/>
  <c r="T79172" i="1"/>
  <c r="T79173" i="1"/>
  <c r="T79174" i="1"/>
  <c r="T79175" i="1"/>
  <c r="T79176" i="1"/>
  <c r="T79177" i="1"/>
  <c r="T79178" i="1"/>
  <c r="T79179" i="1"/>
  <c r="T79180" i="1"/>
  <c r="T79181" i="1"/>
  <c r="T79182" i="1"/>
  <c r="T79183" i="1"/>
  <c r="T79184" i="1"/>
  <c r="T79185" i="1"/>
  <c r="T79186" i="1"/>
  <c r="T79187" i="1"/>
  <c r="T79188" i="1"/>
  <c r="T79189" i="1"/>
  <c r="T79190" i="1"/>
  <c r="T79191" i="1"/>
  <c r="T79192" i="1"/>
  <c r="T79193" i="1"/>
  <c r="T79194" i="1"/>
  <c r="T79195" i="1"/>
  <c r="T79196" i="1"/>
  <c r="T79197" i="1"/>
  <c r="T79198" i="1"/>
  <c r="T79199" i="1"/>
  <c r="T79200" i="1"/>
  <c r="T79201" i="1"/>
  <c r="T79202" i="1"/>
  <c r="T79203" i="1"/>
  <c r="T79204" i="1"/>
  <c r="T79205" i="1"/>
  <c r="T79206" i="1"/>
  <c r="T79207" i="1"/>
  <c r="T79208" i="1"/>
  <c r="T79209" i="1"/>
  <c r="T79210" i="1"/>
  <c r="T79211" i="1"/>
  <c r="T79212" i="1"/>
  <c r="T79213" i="1"/>
  <c r="T79214" i="1"/>
  <c r="T79215" i="1"/>
  <c r="T79216" i="1"/>
  <c r="T79217" i="1"/>
  <c r="T79218" i="1"/>
  <c r="T79219" i="1"/>
  <c r="T79220" i="1"/>
  <c r="T79221" i="1"/>
  <c r="T79222" i="1"/>
  <c r="T79223" i="1"/>
  <c r="T79224" i="1"/>
  <c r="T79225" i="1"/>
  <c r="T79226" i="1"/>
  <c r="T79227" i="1"/>
  <c r="T79228" i="1"/>
  <c r="T79229" i="1"/>
  <c r="T79230" i="1"/>
  <c r="T79231" i="1"/>
  <c r="T79232" i="1"/>
  <c r="T79233" i="1"/>
  <c r="T79234" i="1"/>
  <c r="T79235" i="1"/>
  <c r="T79236" i="1"/>
  <c r="T79237" i="1"/>
  <c r="T79238" i="1"/>
  <c r="T79239" i="1"/>
  <c r="T79240" i="1"/>
  <c r="T79241" i="1"/>
  <c r="T79242" i="1"/>
  <c r="T79243" i="1"/>
  <c r="T79244" i="1"/>
  <c r="T79245" i="1"/>
  <c r="T79246" i="1"/>
  <c r="T79247" i="1"/>
  <c r="T79248" i="1"/>
  <c r="T79249" i="1"/>
  <c r="T79250" i="1"/>
  <c r="T79251" i="1"/>
  <c r="T79252" i="1"/>
  <c r="T79253" i="1"/>
  <c r="T79254" i="1"/>
  <c r="T79255" i="1"/>
  <c r="T79256" i="1"/>
  <c r="T79257" i="1"/>
  <c r="T79258" i="1"/>
  <c r="T79259" i="1"/>
  <c r="T79260" i="1"/>
  <c r="T79261" i="1"/>
  <c r="T79262" i="1"/>
  <c r="T79263" i="1"/>
  <c r="T79264" i="1"/>
  <c r="T79265" i="1"/>
  <c r="T79266" i="1"/>
  <c r="T79267" i="1"/>
  <c r="T79268" i="1"/>
  <c r="T79269" i="1"/>
  <c r="T79270" i="1"/>
  <c r="T79271" i="1"/>
  <c r="T79272" i="1"/>
  <c r="T79273" i="1"/>
  <c r="T79274" i="1"/>
  <c r="T79275" i="1"/>
  <c r="T79276" i="1"/>
  <c r="T79277" i="1"/>
  <c r="T79278" i="1"/>
  <c r="T79279" i="1"/>
  <c r="T79280" i="1"/>
  <c r="T79281" i="1"/>
  <c r="T79282" i="1"/>
  <c r="T79283" i="1"/>
  <c r="T79284" i="1"/>
  <c r="T79285" i="1"/>
  <c r="T79286" i="1"/>
  <c r="T79287" i="1"/>
  <c r="T79288" i="1"/>
  <c r="T79289" i="1"/>
  <c r="T79290" i="1"/>
  <c r="T79291" i="1"/>
  <c r="T79292" i="1"/>
  <c r="T79293" i="1"/>
  <c r="T79294" i="1"/>
  <c r="T79295" i="1"/>
  <c r="T79296" i="1"/>
  <c r="T79297" i="1"/>
  <c r="T79298" i="1"/>
  <c r="T79299" i="1"/>
  <c r="T79300" i="1"/>
  <c r="T79301" i="1"/>
  <c r="T79302" i="1"/>
  <c r="T79303" i="1"/>
  <c r="T79304" i="1"/>
  <c r="T79305" i="1"/>
  <c r="T79306" i="1"/>
  <c r="T79307" i="1"/>
  <c r="T79308" i="1"/>
  <c r="T79309" i="1"/>
  <c r="T79310" i="1"/>
  <c r="T79311" i="1"/>
  <c r="T79312" i="1"/>
  <c r="T79313" i="1"/>
  <c r="T79314" i="1"/>
  <c r="T79315" i="1"/>
  <c r="T79316" i="1"/>
  <c r="T79317" i="1"/>
  <c r="T79318" i="1"/>
  <c r="T79319" i="1"/>
  <c r="T79320" i="1"/>
  <c r="T79321" i="1"/>
  <c r="T79322" i="1"/>
  <c r="T79323" i="1"/>
  <c r="T79324" i="1"/>
  <c r="T79325" i="1"/>
  <c r="T79326" i="1"/>
  <c r="T79327" i="1"/>
  <c r="T79328" i="1"/>
  <c r="T79329" i="1"/>
  <c r="T79330" i="1"/>
  <c r="T79331" i="1"/>
  <c r="T79332" i="1"/>
  <c r="T79333" i="1"/>
  <c r="T79334" i="1"/>
  <c r="T79335" i="1"/>
  <c r="T79336" i="1"/>
  <c r="T79337" i="1"/>
  <c r="T79338" i="1"/>
  <c r="T79339" i="1"/>
  <c r="T79340" i="1"/>
  <c r="T79341" i="1"/>
  <c r="T79342" i="1"/>
  <c r="T79343" i="1"/>
  <c r="T79344" i="1"/>
  <c r="T79345" i="1"/>
  <c r="T79346" i="1"/>
  <c r="T79347" i="1"/>
  <c r="T79348" i="1"/>
  <c r="T79349" i="1"/>
  <c r="T79350" i="1"/>
  <c r="T79351" i="1"/>
  <c r="T79352" i="1"/>
  <c r="T79353" i="1"/>
  <c r="T79354" i="1"/>
  <c r="T79355" i="1"/>
  <c r="T79356" i="1"/>
  <c r="T79357" i="1"/>
  <c r="T79358" i="1"/>
  <c r="T79359" i="1"/>
  <c r="T79360" i="1"/>
  <c r="T79361" i="1"/>
  <c r="T79362" i="1"/>
  <c r="T79363" i="1"/>
  <c r="T79364" i="1"/>
  <c r="T79365" i="1"/>
  <c r="T79366" i="1"/>
  <c r="T79367" i="1"/>
  <c r="T79368" i="1"/>
  <c r="T79369" i="1"/>
  <c r="T79370" i="1"/>
  <c r="T79371" i="1"/>
  <c r="T79372" i="1"/>
  <c r="T79373" i="1"/>
  <c r="T79374" i="1"/>
  <c r="T79375" i="1"/>
  <c r="T79376" i="1"/>
  <c r="T79377" i="1"/>
  <c r="T79378" i="1"/>
  <c r="T79379" i="1"/>
  <c r="T79380" i="1"/>
  <c r="T79381" i="1"/>
  <c r="T79382" i="1"/>
  <c r="T79383" i="1"/>
  <c r="T79384" i="1"/>
  <c r="T79385" i="1"/>
  <c r="T79386" i="1"/>
  <c r="T79387" i="1"/>
  <c r="T79388" i="1"/>
  <c r="T79389" i="1"/>
  <c r="T79390" i="1"/>
  <c r="T79391" i="1"/>
  <c r="T79392" i="1"/>
  <c r="T79393" i="1"/>
  <c r="T79394" i="1"/>
  <c r="T79395" i="1"/>
  <c r="T79396" i="1"/>
  <c r="T79397" i="1"/>
  <c r="T79398" i="1"/>
  <c r="T79399" i="1"/>
  <c r="T79400" i="1"/>
  <c r="T79401" i="1"/>
  <c r="T79402" i="1"/>
  <c r="T79403" i="1"/>
  <c r="T79404" i="1"/>
  <c r="T79405" i="1"/>
  <c r="T79406" i="1"/>
  <c r="T79407" i="1"/>
  <c r="T79408" i="1"/>
  <c r="T79409" i="1"/>
  <c r="T79410" i="1"/>
  <c r="T79411" i="1"/>
  <c r="T79412" i="1"/>
  <c r="T79413" i="1"/>
  <c r="T79414" i="1"/>
  <c r="T79415" i="1"/>
  <c r="T79416" i="1"/>
  <c r="T79417" i="1"/>
  <c r="T79418" i="1"/>
  <c r="T79419" i="1"/>
  <c r="T79420" i="1"/>
  <c r="T79421" i="1"/>
  <c r="T79422" i="1"/>
  <c r="T79423" i="1"/>
  <c r="T79424" i="1"/>
  <c r="T79425" i="1"/>
  <c r="T79426" i="1"/>
  <c r="T79427" i="1"/>
  <c r="T79428" i="1"/>
  <c r="T79429" i="1"/>
  <c r="T79430" i="1"/>
  <c r="T79431" i="1"/>
  <c r="T79432" i="1"/>
  <c r="T79433" i="1"/>
  <c r="T79434" i="1"/>
  <c r="T79435" i="1"/>
  <c r="T79436" i="1"/>
  <c r="T79437" i="1"/>
  <c r="T79438" i="1"/>
  <c r="T79439" i="1"/>
  <c r="T79440" i="1"/>
  <c r="T79441" i="1"/>
  <c r="T79442" i="1"/>
  <c r="T79443" i="1"/>
  <c r="T79444" i="1"/>
  <c r="T79445" i="1"/>
  <c r="T79446" i="1"/>
  <c r="T79447" i="1"/>
  <c r="T79448" i="1"/>
  <c r="T79449" i="1"/>
  <c r="T79450" i="1"/>
  <c r="T79451" i="1"/>
  <c r="T79452" i="1"/>
  <c r="T79453" i="1"/>
  <c r="T79454" i="1"/>
  <c r="T79455" i="1"/>
  <c r="T79456" i="1"/>
  <c r="T79457" i="1"/>
  <c r="T79458" i="1"/>
  <c r="T79459" i="1"/>
  <c r="T79460" i="1"/>
  <c r="T79461" i="1"/>
  <c r="T79462" i="1"/>
  <c r="T79463" i="1"/>
  <c r="T79464" i="1"/>
  <c r="T79465" i="1"/>
  <c r="T79466" i="1"/>
  <c r="T79467" i="1"/>
  <c r="T79468" i="1"/>
  <c r="T79469" i="1"/>
  <c r="T79470" i="1"/>
  <c r="T79471" i="1"/>
  <c r="T79472" i="1"/>
  <c r="T79473" i="1"/>
  <c r="T79474" i="1"/>
  <c r="T79475" i="1"/>
  <c r="T79476" i="1"/>
  <c r="T79477" i="1"/>
  <c r="T79478" i="1"/>
  <c r="T79479" i="1"/>
  <c r="T79480" i="1"/>
  <c r="T79481" i="1"/>
  <c r="T79482" i="1"/>
  <c r="T79483" i="1"/>
  <c r="T79484" i="1"/>
  <c r="T79485" i="1"/>
  <c r="T79486" i="1"/>
  <c r="T79487" i="1"/>
  <c r="T79488" i="1"/>
  <c r="T79489" i="1"/>
  <c r="T79490" i="1"/>
  <c r="T79491" i="1"/>
  <c r="T79492" i="1"/>
  <c r="T79493" i="1"/>
  <c r="T79494" i="1"/>
  <c r="T79495" i="1"/>
  <c r="T79496" i="1"/>
  <c r="T79497" i="1"/>
  <c r="T79498" i="1"/>
  <c r="T79499" i="1"/>
  <c r="T79500" i="1"/>
  <c r="T79501" i="1"/>
  <c r="T79502" i="1"/>
  <c r="T79503" i="1"/>
  <c r="T79504" i="1"/>
  <c r="T79505" i="1"/>
  <c r="T79506" i="1"/>
  <c r="T79507" i="1"/>
  <c r="T79508" i="1"/>
  <c r="T79509" i="1"/>
  <c r="T79510" i="1"/>
  <c r="T79511" i="1"/>
  <c r="T79512" i="1"/>
  <c r="T79513" i="1"/>
  <c r="T79514" i="1"/>
  <c r="T79515" i="1"/>
  <c r="T79516" i="1"/>
  <c r="T79517" i="1"/>
  <c r="T79518" i="1"/>
  <c r="T79519" i="1"/>
  <c r="T79520" i="1"/>
  <c r="T79521" i="1"/>
  <c r="T79522" i="1"/>
  <c r="T79523" i="1"/>
  <c r="T79524" i="1"/>
  <c r="T79525" i="1"/>
  <c r="T79526" i="1"/>
  <c r="T79527" i="1"/>
  <c r="T79528" i="1"/>
  <c r="T79529" i="1"/>
  <c r="T79530" i="1"/>
  <c r="T79531" i="1"/>
  <c r="T79532" i="1"/>
  <c r="T79533" i="1"/>
  <c r="T79534" i="1"/>
  <c r="T79535" i="1"/>
  <c r="T79536" i="1"/>
  <c r="T79537" i="1"/>
  <c r="T79538" i="1"/>
  <c r="T79539" i="1"/>
  <c r="T79540" i="1"/>
  <c r="T79541" i="1"/>
  <c r="T79542" i="1"/>
  <c r="T79543" i="1"/>
  <c r="T79544" i="1"/>
  <c r="T79545" i="1"/>
  <c r="T79546" i="1"/>
  <c r="T79547" i="1"/>
  <c r="T79548" i="1"/>
  <c r="T79549" i="1"/>
  <c r="T79550" i="1"/>
  <c r="T79551" i="1"/>
  <c r="T79552" i="1"/>
  <c r="T79553" i="1"/>
  <c r="T79554" i="1"/>
  <c r="T79555" i="1"/>
  <c r="T79556" i="1"/>
  <c r="T79557" i="1"/>
  <c r="T79558" i="1"/>
  <c r="T79559" i="1"/>
  <c r="T79560" i="1"/>
  <c r="T79561" i="1"/>
  <c r="T79562" i="1"/>
  <c r="T79563" i="1"/>
  <c r="T79564" i="1"/>
  <c r="T79565" i="1"/>
  <c r="T79566" i="1"/>
  <c r="T79567" i="1"/>
  <c r="T79568" i="1"/>
  <c r="T79569" i="1"/>
  <c r="T79570" i="1"/>
  <c r="T79571" i="1"/>
  <c r="T79572" i="1"/>
  <c r="T79573" i="1"/>
  <c r="T79574" i="1"/>
  <c r="T79575" i="1"/>
  <c r="T79576" i="1"/>
  <c r="T79577" i="1"/>
  <c r="T79578" i="1"/>
  <c r="T79579" i="1"/>
  <c r="T79580" i="1"/>
  <c r="T79581" i="1"/>
  <c r="T79582" i="1"/>
  <c r="T79583" i="1"/>
  <c r="T79584" i="1"/>
  <c r="T79585" i="1"/>
  <c r="T79586" i="1"/>
  <c r="T79587" i="1"/>
  <c r="T79588" i="1"/>
  <c r="T79589" i="1"/>
  <c r="T79590" i="1"/>
  <c r="T79591" i="1"/>
  <c r="T79592" i="1"/>
  <c r="T79593" i="1"/>
  <c r="T79594" i="1"/>
  <c r="T79595" i="1"/>
  <c r="T79596" i="1"/>
  <c r="T79597" i="1"/>
  <c r="T79598" i="1"/>
  <c r="T79599" i="1"/>
  <c r="T79600" i="1"/>
  <c r="T79601" i="1"/>
  <c r="T79602" i="1"/>
  <c r="T79603" i="1"/>
  <c r="T79604" i="1"/>
  <c r="T79605" i="1"/>
  <c r="T79606" i="1"/>
  <c r="T79607" i="1"/>
  <c r="T79608" i="1"/>
  <c r="T79609" i="1"/>
  <c r="T79610" i="1"/>
  <c r="T79611" i="1"/>
  <c r="T79612" i="1"/>
  <c r="T79613" i="1"/>
  <c r="T79614" i="1"/>
  <c r="T79615" i="1"/>
  <c r="T79616" i="1"/>
  <c r="T79617" i="1"/>
  <c r="T79618" i="1"/>
  <c r="T79619" i="1"/>
  <c r="T79620" i="1"/>
  <c r="T79621" i="1"/>
  <c r="T79622" i="1"/>
  <c r="T79623" i="1"/>
  <c r="T79624" i="1"/>
  <c r="T79625" i="1"/>
  <c r="T79626" i="1"/>
  <c r="T79627" i="1"/>
  <c r="T79628" i="1"/>
  <c r="T79629" i="1"/>
  <c r="T79630" i="1"/>
  <c r="T79631" i="1"/>
  <c r="T79632" i="1"/>
  <c r="T79633" i="1"/>
  <c r="T79634" i="1"/>
  <c r="T79635" i="1"/>
  <c r="T79636" i="1"/>
  <c r="T79637" i="1"/>
  <c r="T79638" i="1"/>
  <c r="T79639" i="1"/>
  <c r="T79640" i="1"/>
  <c r="T79641" i="1"/>
  <c r="T79642" i="1"/>
  <c r="T79643" i="1"/>
  <c r="T79644" i="1"/>
  <c r="T79645" i="1"/>
  <c r="T79646" i="1"/>
  <c r="T79647" i="1"/>
  <c r="T79648" i="1"/>
  <c r="T79649" i="1"/>
  <c r="T79650" i="1"/>
  <c r="T79651" i="1"/>
  <c r="T79652" i="1"/>
  <c r="T79653" i="1"/>
  <c r="T79654" i="1"/>
  <c r="T79655" i="1"/>
  <c r="T79656" i="1"/>
  <c r="T79657" i="1"/>
  <c r="T79658" i="1"/>
  <c r="T79659" i="1"/>
  <c r="T79660" i="1"/>
  <c r="T79661" i="1"/>
  <c r="T79662" i="1"/>
  <c r="T79663" i="1"/>
  <c r="T79664" i="1"/>
  <c r="T79665" i="1"/>
  <c r="T79666" i="1"/>
  <c r="T79667" i="1"/>
  <c r="T79668" i="1"/>
  <c r="T79669" i="1"/>
  <c r="T79670" i="1"/>
  <c r="T79671" i="1"/>
  <c r="T79672" i="1"/>
  <c r="T79673" i="1"/>
  <c r="T79674" i="1"/>
  <c r="T79675" i="1"/>
  <c r="T79676" i="1"/>
  <c r="T79677" i="1"/>
  <c r="T79678" i="1"/>
  <c r="T79679" i="1"/>
  <c r="T79680" i="1"/>
  <c r="T79681" i="1"/>
  <c r="T79682" i="1"/>
  <c r="T79683" i="1"/>
  <c r="T79684" i="1"/>
  <c r="T79685" i="1"/>
  <c r="T79686" i="1"/>
  <c r="T79687" i="1"/>
  <c r="T79688" i="1"/>
  <c r="T79689" i="1"/>
  <c r="T79690" i="1"/>
  <c r="T79691" i="1"/>
  <c r="T79692" i="1"/>
  <c r="T79693" i="1"/>
  <c r="T79694" i="1"/>
  <c r="T79695" i="1"/>
  <c r="T79696" i="1"/>
  <c r="T79697" i="1"/>
  <c r="T79698" i="1"/>
  <c r="T79699" i="1"/>
  <c r="T79700" i="1"/>
  <c r="T79701" i="1"/>
  <c r="T79702" i="1"/>
  <c r="T79703" i="1"/>
  <c r="T79704" i="1"/>
  <c r="T79705" i="1"/>
  <c r="T79706" i="1"/>
  <c r="T79707" i="1"/>
  <c r="T79708" i="1"/>
  <c r="T79709" i="1"/>
  <c r="T79710" i="1"/>
  <c r="T79711" i="1"/>
  <c r="T79712" i="1"/>
  <c r="T79713" i="1"/>
  <c r="T79714" i="1"/>
  <c r="T79715" i="1"/>
  <c r="T79716" i="1"/>
  <c r="T79717" i="1"/>
  <c r="T79718" i="1"/>
  <c r="T79719" i="1"/>
  <c r="T79720" i="1"/>
  <c r="T79721" i="1"/>
  <c r="T79722" i="1"/>
  <c r="T79723" i="1"/>
  <c r="T79724" i="1"/>
  <c r="T79725" i="1"/>
  <c r="T79726" i="1"/>
  <c r="T79727" i="1"/>
  <c r="T79728" i="1"/>
  <c r="T79729" i="1"/>
  <c r="T79730" i="1"/>
  <c r="T79731" i="1"/>
  <c r="T79732" i="1"/>
  <c r="T79733" i="1"/>
  <c r="T79734" i="1"/>
  <c r="T79735" i="1"/>
  <c r="T79736" i="1"/>
  <c r="T79737" i="1"/>
  <c r="T79738" i="1"/>
  <c r="T79739" i="1"/>
  <c r="T79740" i="1"/>
  <c r="T79741" i="1"/>
  <c r="T79742" i="1"/>
  <c r="T79743" i="1"/>
  <c r="T79744" i="1"/>
  <c r="T79745" i="1"/>
  <c r="T79746" i="1"/>
  <c r="T79747" i="1"/>
  <c r="T79748" i="1"/>
  <c r="T79749" i="1"/>
  <c r="T79750" i="1"/>
  <c r="T79751" i="1"/>
  <c r="T79752" i="1"/>
  <c r="T79753" i="1"/>
  <c r="T79754" i="1"/>
  <c r="T79755" i="1"/>
  <c r="T79756" i="1"/>
  <c r="T79757" i="1"/>
  <c r="T79758" i="1"/>
  <c r="T79759" i="1"/>
  <c r="T79760" i="1"/>
  <c r="T79761" i="1"/>
  <c r="T79762" i="1"/>
  <c r="T79763" i="1"/>
  <c r="T79764" i="1"/>
  <c r="T79765" i="1"/>
  <c r="T79766" i="1"/>
  <c r="T79767" i="1"/>
  <c r="T79768" i="1"/>
  <c r="T79769" i="1"/>
  <c r="T79770" i="1"/>
  <c r="T79771" i="1"/>
  <c r="T79772" i="1"/>
  <c r="T79773" i="1"/>
  <c r="T79774" i="1"/>
  <c r="T79775" i="1"/>
  <c r="T79776" i="1"/>
  <c r="T79777" i="1"/>
  <c r="T79778" i="1"/>
  <c r="T79779" i="1"/>
  <c r="T79780" i="1"/>
  <c r="T79781" i="1"/>
  <c r="T79782" i="1"/>
  <c r="T79783" i="1"/>
  <c r="T79784" i="1"/>
  <c r="T79785" i="1"/>
  <c r="T79786" i="1"/>
  <c r="T79787" i="1"/>
  <c r="T79788" i="1"/>
  <c r="T79789" i="1"/>
  <c r="T79790" i="1"/>
  <c r="T79791" i="1"/>
  <c r="T79792" i="1"/>
  <c r="T79793" i="1"/>
  <c r="T79794" i="1"/>
  <c r="T79795" i="1"/>
  <c r="T79796" i="1"/>
  <c r="T79797" i="1"/>
  <c r="T79798" i="1"/>
  <c r="T79799" i="1"/>
  <c r="T79800" i="1"/>
  <c r="T79801" i="1"/>
  <c r="T79802" i="1"/>
  <c r="T79803" i="1"/>
  <c r="T79804" i="1"/>
  <c r="T79805" i="1"/>
  <c r="T79806" i="1"/>
  <c r="T79807" i="1"/>
  <c r="T79808" i="1"/>
  <c r="T79809" i="1"/>
  <c r="T79810" i="1"/>
  <c r="T79811" i="1"/>
  <c r="T79812" i="1"/>
  <c r="T79813" i="1"/>
  <c r="T79814" i="1"/>
  <c r="T79815" i="1"/>
  <c r="T79816" i="1"/>
  <c r="T79817" i="1"/>
  <c r="T79818" i="1"/>
  <c r="T79819" i="1"/>
  <c r="T79820" i="1"/>
  <c r="T79821" i="1"/>
  <c r="T79822" i="1"/>
  <c r="T79823" i="1"/>
  <c r="T79824" i="1"/>
  <c r="T79825" i="1"/>
  <c r="T79826" i="1"/>
  <c r="T79827" i="1"/>
  <c r="T79828" i="1"/>
  <c r="T79829" i="1"/>
  <c r="T79830" i="1"/>
  <c r="T79831" i="1"/>
  <c r="T79832" i="1"/>
  <c r="T79833" i="1"/>
  <c r="T79834" i="1"/>
  <c r="T79835" i="1"/>
  <c r="T79836" i="1"/>
  <c r="T79837" i="1"/>
  <c r="T79838" i="1"/>
  <c r="T79839" i="1"/>
  <c r="T79840" i="1"/>
  <c r="T79841" i="1"/>
  <c r="T79842" i="1"/>
  <c r="T79843" i="1"/>
  <c r="T79844" i="1"/>
  <c r="T79845" i="1"/>
  <c r="T79846" i="1"/>
  <c r="T79847" i="1"/>
  <c r="T79848" i="1"/>
  <c r="T79849" i="1"/>
  <c r="T79850" i="1"/>
  <c r="T79851" i="1"/>
  <c r="T79852" i="1"/>
  <c r="T79853" i="1"/>
  <c r="T79854" i="1"/>
  <c r="T79855" i="1"/>
  <c r="T79856" i="1"/>
  <c r="T79857" i="1"/>
  <c r="T79858" i="1"/>
  <c r="T79859" i="1"/>
  <c r="T79860" i="1"/>
  <c r="T79861" i="1"/>
  <c r="T79862" i="1"/>
  <c r="T79863" i="1"/>
  <c r="T79864" i="1"/>
  <c r="T79865" i="1"/>
  <c r="T79866" i="1"/>
  <c r="T79867" i="1"/>
  <c r="T79868" i="1"/>
  <c r="T79869" i="1"/>
  <c r="T79870" i="1"/>
  <c r="T79871" i="1"/>
  <c r="T79872" i="1"/>
  <c r="T79873" i="1"/>
  <c r="T79874" i="1"/>
  <c r="T79875" i="1"/>
  <c r="T79876" i="1"/>
  <c r="T79877" i="1"/>
  <c r="T79878" i="1"/>
  <c r="T79879" i="1"/>
  <c r="T79880" i="1"/>
  <c r="T79881" i="1"/>
  <c r="T79882" i="1"/>
  <c r="T79883" i="1"/>
  <c r="T79884" i="1"/>
  <c r="T79885" i="1"/>
  <c r="T79886" i="1"/>
  <c r="T79887" i="1"/>
  <c r="T79888" i="1"/>
  <c r="T79889" i="1"/>
  <c r="T79890" i="1"/>
  <c r="T79891" i="1"/>
  <c r="T79892" i="1"/>
  <c r="T79893" i="1"/>
  <c r="T79894" i="1"/>
  <c r="T79895" i="1"/>
  <c r="T79896" i="1"/>
  <c r="T79897" i="1"/>
  <c r="T79898" i="1"/>
  <c r="T79899" i="1"/>
  <c r="T79900" i="1"/>
  <c r="T79901" i="1"/>
  <c r="T79902" i="1"/>
  <c r="T79903" i="1"/>
  <c r="T79904" i="1"/>
  <c r="T79905" i="1"/>
  <c r="T79906" i="1"/>
  <c r="T79907" i="1"/>
  <c r="T79908" i="1"/>
  <c r="T79909" i="1"/>
  <c r="T79910" i="1"/>
  <c r="T79911" i="1"/>
  <c r="T79912" i="1"/>
  <c r="T79913" i="1"/>
  <c r="T79914" i="1"/>
  <c r="T79915" i="1"/>
  <c r="T79916" i="1"/>
  <c r="T79917" i="1"/>
  <c r="T79918" i="1"/>
  <c r="T79919" i="1"/>
  <c r="T79920" i="1"/>
  <c r="T79921" i="1"/>
  <c r="T79922" i="1"/>
  <c r="T79923" i="1"/>
  <c r="T79924" i="1"/>
  <c r="T79925" i="1"/>
  <c r="T79926" i="1"/>
  <c r="T79927" i="1"/>
  <c r="T79928" i="1"/>
  <c r="T79929" i="1"/>
  <c r="T79930" i="1"/>
  <c r="T79931" i="1"/>
  <c r="T79932" i="1"/>
  <c r="T79933" i="1"/>
  <c r="T79934" i="1"/>
  <c r="T79935" i="1"/>
  <c r="T79936" i="1"/>
  <c r="T79937" i="1"/>
  <c r="T79938" i="1"/>
  <c r="T79939" i="1"/>
  <c r="T79940" i="1"/>
  <c r="T79941" i="1"/>
  <c r="T79942" i="1"/>
  <c r="T79943" i="1"/>
  <c r="T79944" i="1"/>
  <c r="T79945" i="1"/>
  <c r="T79946" i="1"/>
  <c r="T79947" i="1"/>
  <c r="T79948" i="1"/>
  <c r="T79949" i="1"/>
  <c r="T79950" i="1"/>
  <c r="T79951" i="1"/>
  <c r="T79952" i="1"/>
  <c r="T79953" i="1"/>
  <c r="T79954" i="1"/>
  <c r="T79955" i="1"/>
  <c r="T79956" i="1"/>
  <c r="T79957" i="1"/>
  <c r="T79958" i="1"/>
  <c r="T79959" i="1"/>
  <c r="T79960" i="1"/>
  <c r="T79961" i="1"/>
  <c r="T79962" i="1"/>
  <c r="T79963" i="1"/>
  <c r="T79964" i="1"/>
  <c r="T79965" i="1"/>
  <c r="T79966" i="1"/>
  <c r="T79967" i="1"/>
  <c r="T79968" i="1"/>
  <c r="T79969" i="1"/>
  <c r="T79970" i="1"/>
  <c r="T79971" i="1"/>
  <c r="T79972" i="1"/>
  <c r="T79973" i="1"/>
  <c r="T79974" i="1"/>
  <c r="T79975" i="1"/>
  <c r="T79976" i="1"/>
  <c r="T79977" i="1"/>
  <c r="T79978" i="1"/>
  <c r="T79979" i="1"/>
  <c r="T79980" i="1"/>
  <c r="T79981" i="1"/>
  <c r="T79982" i="1"/>
  <c r="T79983" i="1"/>
  <c r="T79984" i="1"/>
  <c r="T79985" i="1"/>
  <c r="T79986" i="1"/>
  <c r="T79987" i="1"/>
  <c r="T79988" i="1"/>
  <c r="T79989" i="1"/>
  <c r="T79990" i="1"/>
  <c r="T79991" i="1"/>
  <c r="T79992" i="1"/>
  <c r="T79993" i="1"/>
  <c r="T79994" i="1"/>
  <c r="T79995" i="1"/>
  <c r="T79996" i="1"/>
  <c r="T79997" i="1"/>
  <c r="T79998" i="1"/>
  <c r="T79999" i="1"/>
  <c r="T80000" i="1"/>
  <c r="T80001" i="1"/>
  <c r="T80002" i="1"/>
  <c r="T80003" i="1"/>
  <c r="T80004" i="1"/>
  <c r="T80005" i="1"/>
  <c r="T80006" i="1"/>
  <c r="T80007" i="1"/>
  <c r="T80008" i="1"/>
  <c r="T80009" i="1"/>
  <c r="T80010" i="1"/>
  <c r="T80011" i="1"/>
  <c r="T80012" i="1"/>
  <c r="T80013" i="1"/>
  <c r="T80014" i="1"/>
  <c r="T80015" i="1"/>
  <c r="T80016" i="1"/>
  <c r="T80017" i="1"/>
  <c r="T80018" i="1"/>
  <c r="T80019" i="1"/>
  <c r="T80020" i="1"/>
  <c r="T80021" i="1"/>
  <c r="T80022" i="1"/>
  <c r="T80023" i="1"/>
  <c r="T80024" i="1"/>
  <c r="T80025" i="1"/>
  <c r="T80026" i="1"/>
  <c r="T80027" i="1"/>
  <c r="T80028" i="1"/>
  <c r="T80029" i="1"/>
  <c r="T80030" i="1"/>
  <c r="T80031" i="1"/>
  <c r="T80032" i="1"/>
  <c r="T80033" i="1"/>
  <c r="T80034" i="1"/>
  <c r="T80035" i="1"/>
  <c r="T80036" i="1"/>
  <c r="T80037" i="1"/>
  <c r="T80038" i="1"/>
  <c r="T80039" i="1"/>
  <c r="T80040" i="1"/>
  <c r="T80041" i="1"/>
  <c r="T80042" i="1"/>
  <c r="T80043" i="1"/>
  <c r="T80044" i="1"/>
  <c r="T80045" i="1"/>
  <c r="T80046" i="1"/>
  <c r="T80047" i="1"/>
  <c r="T80048" i="1"/>
  <c r="T80049" i="1"/>
  <c r="T80050" i="1"/>
  <c r="T80051" i="1"/>
  <c r="T80052" i="1"/>
  <c r="T80053" i="1"/>
  <c r="T80054" i="1"/>
  <c r="T80055" i="1"/>
  <c r="T80056" i="1"/>
  <c r="T80057" i="1"/>
  <c r="T80058" i="1"/>
  <c r="T80059" i="1"/>
  <c r="T80060" i="1"/>
  <c r="T80061" i="1"/>
  <c r="T80062" i="1"/>
  <c r="T80063" i="1"/>
  <c r="T80064" i="1"/>
  <c r="T80065" i="1"/>
  <c r="T80066" i="1"/>
  <c r="T80067" i="1"/>
  <c r="T80068" i="1"/>
  <c r="T80069" i="1"/>
  <c r="T80070" i="1"/>
  <c r="T80071" i="1"/>
  <c r="T80072" i="1"/>
  <c r="T80073" i="1"/>
  <c r="T80074" i="1"/>
  <c r="T80075" i="1"/>
  <c r="T80076" i="1"/>
  <c r="T80077" i="1"/>
  <c r="T80078" i="1"/>
  <c r="T80079" i="1"/>
  <c r="T80080" i="1"/>
  <c r="T80081" i="1"/>
  <c r="T80082" i="1"/>
  <c r="T80083" i="1"/>
  <c r="T80084" i="1"/>
  <c r="T80085" i="1"/>
  <c r="T80086" i="1"/>
  <c r="T80087" i="1"/>
  <c r="T80088" i="1"/>
  <c r="T80089" i="1"/>
  <c r="T80090" i="1"/>
  <c r="T80091" i="1"/>
  <c r="T80092" i="1"/>
  <c r="T80093" i="1"/>
  <c r="T80094" i="1"/>
  <c r="T80095" i="1"/>
  <c r="T80096" i="1"/>
  <c r="T80097" i="1"/>
  <c r="T80098" i="1"/>
  <c r="T80099" i="1"/>
  <c r="T80100" i="1"/>
  <c r="T80101" i="1"/>
  <c r="T80102" i="1"/>
  <c r="T80103" i="1"/>
  <c r="T80104" i="1"/>
  <c r="T80105" i="1"/>
  <c r="T80106" i="1"/>
  <c r="T80107" i="1"/>
  <c r="T80108" i="1"/>
  <c r="T80109" i="1"/>
  <c r="T80110" i="1"/>
  <c r="T80111" i="1"/>
  <c r="T80112" i="1"/>
  <c r="T80113" i="1"/>
  <c r="T80114" i="1"/>
  <c r="T80115" i="1"/>
  <c r="T80116" i="1"/>
  <c r="T80117" i="1"/>
  <c r="T80118" i="1"/>
  <c r="T80119" i="1"/>
  <c r="T80120" i="1"/>
  <c r="T80121" i="1"/>
  <c r="T80122" i="1"/>
  <c r="T80123" i="1"/>
  <c r="T80124" i="1"/>
  <c r="T80125" i="1"/>
  <c r="T80126" i="1"/>
  <c r="T80127" i="1"/>
  <c r="T80128" i="1"/>
  <c r="T80129" i="1"/>
  <c r="T80130" i="1"/>
  <c r="T80131" i="1"/>
  <c r="T80132" i="1"/>
  <c r="T80133" i="1"/>
  <c r="T80134" i="1"/>
  <c r="T80135" i="1"/>
  <c r="T80136" i="1"/>
  <c r="T80137" i="1"/>
  <c r="T80138" i="1"/>
  <c r="T80139" i="1"/>
  <c r="T80140" i="1"/>
  <c r="T80141" i="1"/>
  <c r="T80142" i="1"/>
  <c r="T80143" i="1"/>
  <c r="T80144" i="1"/>
  <c r="T80145" i="1"/>
  <c r="T80146" i="1"/>
  <c r="T80147" i="1"/>
  <c r="T80148" i="1"/>
  <c r="T80149" i="1"/>
  <c r="T80150" i="1"/>
  <c r="T80151" i="1"/>
  <c r="T80152" i="1"/>
  <c r="T80153" i="1"/>
  <c r="T80154" i="1"/>
  <c r="T80155" i="1"/>
  <c r="T80156" i="1"/>
  <c r="T80157" i="1"/>
  <c r="T80158" i="1"/>
  <c r="T80159" i="1"/>
  <c r="T80160" i="1"/>
  <c r="T80161" i="1"/>
  <c r="T80162" i="1"/>
  <c r="T80163" i="1"/>
  <c r="T80164" i="1"/>
  <c r="T80165" i="1"/>
  <c r="T80166" i="1"/>
  <c r="T80167" i="1"/>
  <c r="T80168" i="1"/>
  <c r="T80169" i="1"/>
  <c r="T80170" i="1"/>
  <c r="T80171" i="1"/>
  <c r="T80172" i="1"/>
  <c r="T80173" i="1"/>
  <c r="T80174" i="1"/>
  <c r="T80175" i="1"/>
  <c r="T80176" i="1"/>
  <c r="T80177" i="1"/>
  <c r="T80178" i="1"/>
  <c r="T80179" i="1"/>
  <c r="T80180" i="1"/>
  <c r="T80181" i="1"/>
  <c r="T80182" i="1"/>
  <c r="T80183" i="1"/>
  <c r="T80184" i="1"/>
  <c r="T80185" i="1"/>
  <c r="T80186" i="1"/>
  <c r="T80187" i="1"/>
  <c r="T80188" i="1"/>
  <c r="T80189" i="1"/>
  <c r="T80190" i="1"/>
  <c r="T80191" i="1"/>
  <c r="T80192" i="1"/>
  <c r="T80193" i="1"/>
  <c r="T80194" i="1"/>
  <c r="T80195" i="1"/>
  <c r="T80196" i="1"/>
  <c r="T80197" i="1"/>
  <c r="T80198" i="1"/>
  <c r="T80199" i="1"/>
  <c r="T80200" i="1"/>
  <c r="T80201" i="1"/>
  <c r="T80202" i="1"/>
  <c r="T80203" i="1"/>
  <c r="T80204" i="1"/>
  <c r="T80205" i="1"/>
  <c r="T80206" i="1"/>
  <c r="T80207" i="1"/>
  <c r="T80208" i="1"/>
  <c r="T80209" i="1"/>
  <c r="T80210" i="1"/>
  <c r="T80211" i="1"/>
  <c r="T80212" i="1"/>
  <c r="T80213" i="1"/>
  <c r="T80214" i="1"/>
  <c r="T80215" i="1"/>
  <c r="T80216" i="1"/>
  <c r="T80217" i="1"/>
  <c r="T80218" i="1"/>
  <c r="T80219" i="1"/>
  <c r="T80220" i="1"/>
  <c r="T80221" i="1"/>
  <c r="T80222" i="1"/>
  <c r="T80223" i="1"/>
  <c r="T80224" i="1"/>
  <c r="T80225" i="1"/>
  <c r="T80226" i="1"/>
  <c r="T80227" i="1"/>
  <c r="T80228" i="1"/>
  <c r="T80229" i="1"/>
  <c r="T80230" i="1"/>
  <c r="T80231" i="1"/>
  <c r="T80232" i="1"/>
  <c r="T80233" i="1"/>
  <c r="T80234" i="1"/>
  <c r="T80235" i="1"/>
  <c r="T80236" i="1"/>
  <c r="T80237" i="1"/>
  <c r="T80238" i="1"/>
  <c r="T80239" i="1"/>
  <c r="T80240" i="1"/>
  <c r="T80241" i="1"/>
  <c r="T80242" i="1"/>
  <c r="T80243" i="1"/>
  <c r="T80244" i="1"/>
  <c r="T80245" i="1"/>
  <c r="T80246" i="1"/>
  <c r="T80247" i="1"/>
  <c r="T80248" i="1"/>
  <c r="T80249" i="1"/>
  <c r="T80250" i="1"/>
  <c r="T80251" i="1"/>
  <c r="T80252" i="1"/>
  <c r="T80253" i="1"/>
  <c r="T80254" i="1"/>
  <c r="T80255" i="1"/>
  <c r="T80256" i="1"/>
  <c r="T80257" i="1"/>
  <c r="T80258" i="1"/>
  <c r="T80259" i="1"/>
  <c r="T80260" i="1"/>
  <c r="T80261" i="1"/>
  <c r="T80262" i="1"/>
  <c r="T80263" i="1"/>
  <c r="T80264" i="1"/>
  <c r="T80265" i="1"/>
  <c r="T80266" i="1"/>
  <c r="T80267" i="1"/>
  <c r="T80268" i="1"/>
  <c r="T80269" i="1"/>
  <c r="T80270" i="1"/>
  <c r="T80271" i="1"/>
  <c r="T80272" i="1"/>
  <c r="T80273" i="1"/>
  <c r="T80274" i="1"/>
  <c r="T80275" i="1"/>
  <c r="T80276" i="1"/>
  <c r="T80277" i="1"/>
  <c r="T80278" i="1"/>
  <c r="T80279" i="1"/>
  <c r="T80280" i="1"/>
  <c r="T80281" i="1"/>
  <c r="T80282" i="1"/>
  <c r="T80283" i="1"/>
  <c r="T80284" i="1"/>
  <c r="T80285" i="1"/>
  <c r="T80286" i="1"/>
  <c r="T80287" i="1"/>
  <c r="T80288" i="1"/>
  <c r="T80289" i="1"/>
  <c r="T80290" i="1"/>
  <c r="T80291" i="1"/>
  <c r="T80292" i="1"/>
  <c r="T80293" i="1"/>
  <c r="T80294" i="1"/>
  <c r="T80295" i="1"/>
  <c r="T80296" i="1"/>
  <c r="T80297" i="1"/>
  <c r="T80298" i="1"/>
  <c r="T80299" i="1"/>
  <c r="T80300" i="1"/>
  <c r="T80301" i="1"/>
  <c r="T80302" i="1"/>
  <c r="T80303" i="1"/>
  <c r="T80304" i="1"/>
  <c r="T80305" i="1"/>
  <c r="T80306" i="1"/>
  <c r="T80307" i="1"/>
  <c r="T80308" i="1"/>
  <c r="T80309" i="1"/>
  <c r="T80310" i="1"/>
  <c r="T80311" i="1"/>
  <c r="T80312" i="1"/>
  <c r="T80313" i="1"/>
  <c r="T80314" i="1"/>
  <c r="T80315" i="1"/>
  <c r="T80316" i="1"/>
  <c r="T80317" i="1"/>
  <c r="T80318" i="1"/>
  <c r="T80319" i="1"/>
  <c r="T80320" i="1"/>
  <c r="T80321" i="1"/>
  <c r="T80322" i="1"/>
  <c r="T80323" i="1"/>
  <c r="T80324" i="1"/>
  <c r="T80325" i="1"/>
  <c r="T80326" i="1"/>
  <c r="T80327" i="1"/>
  <c r="T80328" i="1"/>
  <c r="T80329" i="1"/>
  <c r="T80330" i="1"/>
  <c r="T80331" i="1"/>
  <c r="T80332" i="1"/>
  <c r="T80333" i="1"/>
  <c r="T80334" i="1"/>
  <c r="T80335" i="1"/>
  <c r="T80336" i="1"/>
  <c r="T80337" i="1"/>
  <c r="T80338" i="1"/>
  <c r="T80339" i="1"/>
  <c r="T80340" i="1"/>
  <c r="T80341" i="1"/>
  <c r="T80342" i="1"/>
  <c r="T80343" i="1"/>
  <c r="T80344" i="1"/>
  <c r="T80345" i="1"/>
  <c r="T80346" i="1"/>
  <c r="T80347" i="1"/>
  <c r="T80348" i="1"/>
  <c r="T80349" i="1"/>
  <c r="T80350" i="1"/>
  <c r="T80351" i="1"/>
  <c r="T80352" i="1"/>
  <c r="T80353" i="1"/>
  <c r="T80354" i="1"/>
  <c r="T80355" i="1"/>
  <c r="T80356" i="1"/>
  <c r="T80357" i="1"/>
  <c r="T80358" i="1"/>
  <c r="T80359" i="1"/>
  <c r="T80360" i="1"/>
  <c r="T80361" i="1"/>
  <c r="T80362" i="1"/>
  <c r="T80363" i="1"/>
  <c r="T80364" i="1"/>
  <c r="T80365" i="1"/>
  <c r="T80366" i="1"/>
  <c r="T80367" i="1"/>
  <c r="T80368" i="1"/>
  <c r="T80369" i="1"/>
  <c r="T80370" i="1"/>
  <c r="T80371" i="1"/>
  <c r="T80372" i="1"/>
  <c r="T80373" i="1"/>
  <c r="T80374" i="1"/>
  <c r="T80375" i="1"/>
  <c r="T80376" i="1"/>
  <c r="T80377" i="1"/>
  <c r="T80378" i="1"/>
  <c r="T80379" i="1"/>
  <c r="T80380" i="1"/>
  <c r="T80381" i="1"/>
  <c r="T80382" i="1"/>
  <c r="T80383" i="1"/>
  <c r="T80384" i="1"/>
  <c r="T80385" i="1"/>
  <c r="T80386" i="1"/>
  <c r="T80387" i="1"/>
  <c r="T80388" i="1"/>
  <c r="T80389" i="1"/>
  <c r="T80390" i="1"/>
  <c r="T80391" i="1"/>
  <c r="T80392" i="1"/>
  <c r="T80393" i="1"/>
  <c r="T80394" i="1"/>
  <c r="T80395" i="1"/>
  <c r="T80396" i="1"/>
  <c r="T80397" i="1"/>
  <c r="T80398" i="1"/>
  <c r="T80399" i="1"/>
  <c r="T80400" i="1"/>
  <c r="T80401" i="1"/>
  <c r="T80402" i="1"/>
  <c r="T80403" i="1"/>
  <c r="T80404" i="1"/>
  <c r="T80405" i="1"/>
  <c r="T80406" i="1"/>
  <c r="T80407" i="1"/>
  <c r="T80408" i="1"/>
  <c r="T80409" i="1"/>
  <c r="T80410" i="1"/>
  <c r="T80411" i="1"/>
  <c r="T80412" i="1"/>
  <c r="T80413" i="1"/>
  <c r="T80414" i="1"/>
  <c r="T80415" i="1"/>
  <c r="T80416" i="1"/>
  <c r="T80417" i="1"/>
  <c r="T80418" i="1"/>
  <c r="T80419" i="1"/>
  <c r="T80420" i="1"/>
  <c r="T80421" i="1"/>
  <c r="T80422" i="1"/>
  <c r="T80423" i="1"/>
  <c r="T80424" i="1"/>
  <c r="T80425" i="1"/>
  <c r="T80426" i="1"/>
  <c r="T80427" i="1"/>
  <c r="T80428" i="1"/>
  <c r="T80429" i="1"/>
  <c r="T80430" i="1"/>
  <c r="T80431" i="1"/>
  <c r="T80432" i="1"/>
  <c r="T80433" i="1"/>
  <c r="T80434" i="1"/>
  <c r="T80435" i="1"/>
  <c r="T80436" i="1"/>
  <c r="T80437" i="1"/>
  <c r="T80438" i="1"/>
  <c r="T80439" i="1"/>
  <c r="T80440" i="1"/>
  <c r="T80441" i="1"/>
  <c r="T80442" i="1"/>
  <c r="T80443" i="1"/>
  <c r="T80444" i="1"/>
  <c r="T80445" i="1"/>
  <c r="T80446" i="1"/>
  <c r="T80447" i="1"/>
  <c r="T80448" i="1"/>
  <c r="T80449" i="1"/>
  <c r="T80450" i="1"/>
  <c r="T80451" i="1"/>
  <c r="T80452" i="1"/>
  <c r="T80453" i="1"/>
  <c r="T80454" i="1"/>
  <c r="T80455" i="1"/>
  <c r="T80456" i="1"/>
  <c r="T80457" i="1"/>
  <c r="T80458" i="1"/>
  <c r="T80459" i="1"/>
  <c r="T80460" i="1"/>
  <c r="T80461" i="1"/>
  <c r="T80462" i="1"/>
  <c r="T80463" i="1"/>
  <c r="T80464" i="1"/>
  <c r="T80465" i="1"/>
  <c r="T80466" i="1"/>
  <c r="T80467" i="1"/>
  <c r="T80468" i="1"/>
  <c r="T80469" i="1"/>
  <c r="T80470" i="1"/>
  <c r="T80471" i="1"/>
  <c r="T80472" i="1"/>
  <c r="T80473" i="1"/>
  <c r="T80474" i="1"/>
  <c r="T80475" i="1"/>
  <c r="T80476" i="1"/>
  <c r="T80477" i="1"/>
  <c r="T80478" i="1"/>
  <c r="T80479" i="1"/>
  <c r="T80480" i="1"/>
  <c r="T80481" i="1"/>
  <c r="T80482" i="1"/>
  <c r="T80483" i="1"/>
  <c r="T80484" i="1"/>
  <c r="T80485" i="1"/>
  <c r="T80486" i="1"/>
  <c r="T80487" i="1"/>
  <c r="T80488" i="1"/>
  <c r="T80489" i="1"/>
  <c r="T80490" i="1"/>
  <c r="T80491" i="1"/>
  <c r="T80492" i="1"/>
  <c r="T80493" i="1"/>
  <c r="T80494" i="1"/>
  <c r="T80495" i="1"/>
  <c r="T80496" i="1"/>
  <c r="T80497" i="1"/>
  <c r="T80498" i="1"/>
  <c r="T80499" i="1"/>
  <c r="T80500" i="1"/>
  <c r="T80501" i="1"/>
  <c r="T80502" i="1"/>
  <c r="T80503" i="1"/>
  <c r="T80504" i="1"/>
  <c r="T80505" i="1"/>
  <c r="T80506" i="1"/>
  <c r="T80507" i="1"/>
  <c r="T80508" i="1"/>
  <c r="T80509" i="1"/>
  <c r="T80510" i="1"/>
  <c r="T80511" i="1"/>
  <c r="T80512" i="1"/>
  <c r="T80513" i="1"/>
  <c r="T80514" i="1"/>
  <c r="T80515" i="1"/>
  <c r="T80516" i="1"/>
  <c r="T80517" i="1"/>
  <c r="T80518" i="1"/>
  <c r="T80519" i="1"/>
  <c r="T80520" i="1"/>
  <c r="T80521" i="1"/>
  <c r="T80522" i="1"/>
  <c r="T80523" i="1"/>
  <c r="T80524" i="1"/>
  <c r="T80525" i="1"/>
  <c r="T80526" i="1"/>
  <c r="T80527" i="1"/>
  <c r="T80528" i="1"/>
  <c r="T80529" i="1"/>
  <c r="T80530" i="1"/>
  <c r="T80531" i="1"/>
  <c r="T80532" i="1"/>
  <c r="T80533" i="1"/>
  <c r="T80534" i="1"/>
  <c r="T80535" i="1"/>
  <c r="T80536" i="1"/>
  <c r="T80537" i="1"/>
  <c r="T80538" i="1"/>
  <c r="T80539" i="1"/>
  <c r="T80540" i="1"/>
  <c r="T80541" i="1"/>
  <c r="T80542" i="1"/>
  <c r="T80543" i="1"/>
  <c r="T80544" i="1"/>
  <c r="T80545" i="1"/>
  <c r="T80546" i="1"/>
  <c r="T80547" i="1"/>
  <c r="T80548" i="1"/>
  <c r="T80549" i="1"/>
  <c r="T80550" i="1"/>
  <c r="T80551" i="1"/>
  <c r="T80552" i="1"/>
  <c r="T80553" i="1"/>
  <c r="T80554" i="1"/>
  <c r="T80555" i="1"/>
  <c r="T80556" i="1"/>
  <c r="T80557" i="1"/>
  <c r="T80558" i="1"/>
  <c r="T80559" i="1"/>
  <c r="T80560" i="1"/>
  <c r="T80561" i="1"/>
  <c r="T80562" i="1"/>
  <c r="T80563" i="1"/>
  <c r="T80564" i="1"/>
  <c r="T80565" i="1"/>
  <c r="T80566" i="1"/>
  <c r="T80567" i="1"/>
  <c r="T80568" i="1"/>
  <c r="T80569" i="1"/>
  <c r="T80570" i="1"/>
  <c r="T80571" i="1"/>
  <c r="T80572" i="1"/>
  <c r="T80573" i="1"/>
  <c r="T80574" i="1"/>
  <c r="T80575" i="1"/>
  <c r="T80576" i="1"/>
  <c r="T80577" i="1"/>
  <c r="T80578" i="1"/>
  <c r="T80579" i="1"/>
  <c r="T80580" i="1"/>
  <c r="T80581" i="1"/>
  <c r="T80582" i="1"/>
  <c r="T80583" i="1"/>
  <c r="T80584" i="1"/>
  <c r="T80585" i="1"/>
  <c r="T80586" i="1"/>
  <c r="T80587" i="1"/>
  <c r="T80588" i="1"/>
  <c r="T80589" i="1"/>
  <c r="T80590" i="1"/>
  <c r="T80591" i="1"/>
  <c r="T80592" i="1"/>
  <c r="T80593" i="1"/>
  <c r="T80594" i="1"/>
  <c r="T80595" i="1"/>
  <c r="T80596" i="1"/>
  <c r="T80597" i="1"/>
  <c r="T80598" i="1"/>
  <c r="T80599" i="1"/>
  <c r="T80600" i="1"/>
  <c r="T80601" i="1"/>
  <c r="T80602" i="1"/>
  <c r="T80603" i="1"/>
  <c r="T80604" i="1"/>
  <c r="T80605" i="1"/>
  <c r="T80606" i="1"/>
  <c r="T80607" i="1"/>
  <c r="T80608" i="1"/>
  <c r="T80609" i="1"/>
  <c r="T80610" i="1"/>
  <c r="T80611" i="1"/>
  <c r="T80612" i="1"/>
  <c r="T80613" i="1"/>
  <c r="T80614" i="1"/>
  <c r="T80615" i="1"/>
  <c r="T80616" i="1"/>
  <c r="T80617" i="1"/>
  <c r="T80618" i="1"/>
  <c r="T80619" i="1"/>
  <c r="T80620" i="1"/>
  <c r="T80621" i="1"/>
  <c r="T80622" i="1"/>
  <c r="T80623" i="1"/>
  <c r="T80624" i="1"/>
  <c r="T80625" i="1"/>
  <c r="T80626" i="1"/>
  <c r="T80627" i="1"/>
  <c r="T80628" i="1"/>
  <c r="T80629" i="1"/>
  <c r="T80630" i="1"/>
  <c r="T80631" i="1"/>
  <c r="T80632" i="1"/>
  <c r="T80633" i="1"/>
  <c r="T80634" i="1"/>
  <c r="T80635" i="1"/>
  <c r="T80636" i="1"/>
  <c r="T80637" i="1"/>
  <c r="T80638" i="1"/>
  <c r="T80639" i="1"/>
  <c r="T80640" i="1"/>
  <c r="T80641" i="1"/>
  <c r="T80642" i="1"/>
  <c r="T80643" i="1"/>
  <c r="T80644" i="1"/>
  <c r="T80645" i="1"/>
  <c r="T80646" i="1"/>
  <c r="T80647" i="1"/>
  <c r="T80648" i="1"/>
  <c r="T80649" i="1"/>
  <c r="T80650" i="1"/>
  <c r="T80651" i="1"/>
  <c r="T80652" i="1"/>
  <c r="T80653" i="1"/>
  <c r="T80654" i="1"/>
  <c r="T80655" i="1"/>
  <c r="T80656" i="1"/>
  <c r="T80657" i="1"/>
  <c r="T80658" i="1"/>
  <c r="T80659" i="1"/>
  <c r="T80660" i="1"/>
  <c r="T80661" i="1"/>
  <c r="T80662" i="1"/>
  <c r="T80663" i="1"/>
  <c r="T80664" i="1"/>
  <c r="T80665" i="1"/>
  <c r="T80666" i="1"/>
  <c r="T80667" i="1"/>
  <c r="T80668" i="1"/>
  <c r="T80669" i="1"/>
  <c r="T80670" i="1"/>
  <c r="T80671" i="1"/>
  <c r="T80672" i="1"/>
  <c r="T80673" i="1"/>
  <c r="T80674" i="1"/>
  <c r="T80675" i="1"/>
  <c r="T80676" i="1"/>
  <c r="T80677" i="1"/>
  <c r="T80678" i="1"/>
  <c r="T80679" i="1"/>
  <c r="T80680" i="1"/>
  <c r="T80681" i="1"/>
  <c r="T80682" i="1"/>
  <c r="T80683" i="1"/>
  <c r="T80684" i="1"/>
  <c r="T80685" i="1"/>
  <c r="T80686" i="1"/>
  <c r="T80687" i="1"/>
  <c r="T80688" i="1"/>
  <c r="T80689" i="1"/>
  <c r="T80690" i="1"/>
  <c r="T80691" i="1"/>
  <c r="T80692" i="1"/>
  <c r="T80693" i="1"/>
  <c r="T80694" i="1"/>
  <c r="T80695" i="1"/>
  <c r="T80696" i="1"/>
  <c r="T80697" i="1"/>
  <c r="T80698" i="1"/>
  <c r="T80699" i="1"/>
  <c r="T80700" i="1"/>
  <c r="T80701" i="1"/>
  <c r="T80702" i="1"/>
  <c r="T80703" i="1"/>
  <c r="T80704" i="1"/>
  <c r="T80705" i="1"/>
  <c r="T80706" i="1"/>
  <c r="T80707" i="1"/>
  <c r="T80708" i="1"/>
  <c r="T80709" i="1"/>
  <c r="T80710" i="1"/>
  <c r="T80711" i="1"/>
  <c r="T80712" i="1"/>
  <c r="T80713" i="1"/>
  <c r="T80714" i="1"/>
  <c r="T80715" i="1"/>
  <c r="T80716" i="1"/>
  <c r="T80717" i="1"/>
  <c r="T80718" i="1"/>
  <c r="T80719" i="1"/>
  <c r="T80720" i="1"/>
  <c r="T80721" i="1"/>
  <c r="T80722" i="1"/>
  <c r="T80723" i="1"/>
  <c r="T80724" i="1"/>
  <c r="T80725" i="1"/>
  <c r="T80726" i="1"/>
  <c r="T80727" i="1"/>
  <c r="T80728" i="1"/>
  <c r="T80729" i="1"/>
  <c r="T80730" i="1"/>
  <c r="T80731" i="1"/>
  <c r="T80732" i="1"/>
  <c r="T80733" i="1"/>
  <c r="T80734" i="1"/>
  <c r="T80735" i="1"/>
  <c r="T80736" i="1"/>
  <c r="T80737" i="1"/>
  <c r="T80738" i="1"/>
  <c r="T80739" i="1"/>
  <c r="T80740" i="1"/>
  <c r="T80741" i="1"/>
  <c r="T80742" i="1"/>
  <c r="T80743" i="1"/>
  <c r="T80744" i="1"/>
  <c r="T80745" i="1"/>
  <c r="T80746" i="1"/>
  <c r="T80747" i="1"/>
  <c r="T80748" i="1"/>
  <c r="T80749" i="1"/>
  <c r="T80750" i="1"/>
  <c r="T80751" i="1"/>
  <c r="T80752" i="1"/>
  <c r="T80753" i="1"/>
  <c r="T80754" i="1"/>
  <c r="T80755" i="1"/>
  <c r="T80756" i="1"/>
  <c r="T80757" i="1"/>
  <c r="T80758" i="1"/>
  <c r="T80759" i="1"/>
  <c r="T80760" i="1"/>
  <c r="T80761" i="1"/>
  <c r="T80762" i="1"/>
  <c r="T80763" i="1"/>
  <c r="T80764" i="1"/>
  <c r="T80765" i="1"/>
  <c r="T80766" i="1"/>
  <c r="T80767" i="1"/>
  <c r="T80768" i="1"/>
  <c r="T80769" i="1"/>
  <c r="T80770" i="1"/>
  <c r="T80771" i="1"/>
  <c r="T80772" i="1"/>
  <c r="T80773" i="1"/>
  <c r="T80774" i="1"/>
  <c r="T80775" i="1"/>
  <c r="T80776" i="1"/>
  <c r="T80777" i="1"/>
  <c r="T80778" i="1"/>
  <c r="T80779" i="1"/>
  <c r="T80780" i="1"/>
  <c r="T80781" i="1"/>
  <c r="T80782" i="1"/>
  <c r="T80783" i="1"/>
  <c r="T80784" i="1"/>
  <c r="T80785" i="1"/>
  <c r="T80786" i="1"/>
  <c r="T80787" i="1"/>
  <c r="T80788" i="1"/>
  <c r="T80789" i="1"/>
  <c r="T80790" i="1"/>
  <c r="T80791" i="1"/>
  <c r="T80792" i="1"/>
  <c r="T80793" i="1"/>
  <c r="T80794" i="1"/>
  <c r="T80795" i="1"/>
  <c r="T80796" i="1"/>
  <c r="T80797" i="1"/>
  <c r="T80798" i="1"/>
  <c r="T80799" i="1"/>
  <c r="T80800" i="1"/>
  <c r="T80801" i="1"/>
  <c r="T80802" i="1"/>
  <c r="T80803" i="1"/>
  <c r="T80804" i="1"/>
  <c r="T80805" i="1"/>
  <c r="T80806" i="1"/>
  <c r="T80807" i="1"/>
  <c r="T80808" i="1"/>
  <c r="T80809" i="1"/>
  <c r="T80810" i="1"/>
  <c r="T80811" i="1"/>
  <c r="T80812" i="1"/>
  <c r="T80813" i="1"/>
  <c r="T80814" i="1"/>
  <c r="T80815" i="1"/>
  <c r="T80816" i="1"/>
  <c r="T80817" i="1"/>
  <c r="T80818" i="1"/>
  <c r="T80819" i="1"/>
  <c r="T80820" i="1"/>
  <c r="T80821" i="1"/>
  <c r="T80822" i="1"/>
  <c r="T80823" i="1"/>
  <c r="T80824" i="1"/>
  <c r="T80825" i="1"/>
  <c r="T80826" i="1"/>
  <c r="T80827" i="1"/>
  <c r="T80828" i="1"/>
  <c r="T80829" i="1"/>
  <c r="T80830" i="1"/>
  <c r="T80831" i="1"/>
  <c r="T80832" i="1"/>
  <c r="T80833" i="1"/>
  <c r="T80834" i="1"/>
  <c r="T80835" i="1"/>
  <c r="T80836" i="1"/>
  <c r="T80837" i="1"/>
  <c r="T80838" i="1"/>
  <c r="T80839" i="1"/>
  <c r="T80840" i="1"/>
  <c r="T80841" i="1"/>
  <c r="T80842" i="1"/>
  <c r="T80843" i="1"/>
  <c r="T80844" i="1"/>
  <c r="T80845" i="1"/>
  <c r="T80846" i="1"/>
  <c r="T80847" i="1"/>
  <c r="T80848" i="1"/>
  <c r="T80849" i="1"/>
  <c r="T80850" i="1"/>
  <c r="T80851" i="1"/>
  <c r="T80852" i="1"/>
  <c r="T80853" i="1"/>
  <c r="T80854" i="1"/>
  <c r="T80855" i="1"/>
  <c r="T80856" i="1"/>
  <c r="T80857" i="1"/>
  <c r="T80858" i="1"/>
  <c r="T80859" i="1"/>
  <c r="T80860" i="1"/>
  <c r="T80861" i="1"/>
  <c r="T80862" i="1"/>
  <c r="T80863" i="1"/>
  <c r="T80864" i="1"/>
  <c r="T80865" i="1"/>
  <c r="T80866" i="1"/>
  <c r="T80867" i="1"/>
  <c r="T80868" i="1"/>
  <c r="T80869" i="1"/>
  <c r="T80870" i="1"/>
  <c r="T80871" i="1"/>
  <c r="T80872" i="1"/>
  <c r="T80873" i="1"/>
  <c r="T80874" i="1"/>
  <c r="T80875" i="1"/>
  <c r="T80876" i="1"/>
  <c r="T80877" i="1"/>
  <c r="T80878" i="1"/>
  <c r="T80879" i="1"/>
  <c r="T80880" i="1"/>
  <c r="T80881" i="1"/>
  <c r="T80882" i="1"/>
  <c r="T80883" i="1"/>
  <c r="T80884" i="1"/>
  <c r="T80885" i="1"/>
  <c r="T80886" i="1"/>
  <c r="T80887" i="1"/>
  <c r="T80888" i="1"/>
  <c r="T80889" i="1"/>
  <c r="T80890" i="1"/>
  <c r="T80891" i="1"/>
  <c r="T80892" i="1"/>
  <c r="T80893" i="1"/>
  <c r="T80894" i="1"/>
  <c r="T80895" i="1"/>
  <c r="T80896" i="1"/>
  <c r="T80897" i="1"/>
  <c r="T80898" i="1"/>
  <c r="T80899" i="1"/>
  <c r="T80900" i="1"/>
  <c r="T80901" i="1"/>
  <c r="T80902" i="1"/>
  <c r="T80903" i="1"/>
  <c r="T80904" i="1"/>
  <c r="T80905" i="1"/>
  <c r="T80906" i="1"/>
  <c r="T80907" i="1"/>
  <c r="T80908" i="1"/>
  <c r="T80909" i="1"/>
  <c r="T80910" i="1"/>
  <c r="T80911" i="1"/>
  <c r="T80912" i="1"/>
  <c r="T80913" i="1"/>
  <c r="T80914" i="1"/>
  <c r="T80915" i="1"/>
  <c r="T80916" i="1"/>
  <c r="T80917" i="1"/>
  <c r="T80918" i="1"/>
  <c r="T80919" i="1"/>
  <c r="T80920" i="1"/>
  <c r="T80921" i="1"/>
  <c r="T80922" i="1"/>
  <c r="T80923" i="1"/>
  <c r="T80924" i="1"/>
  <c r="T80925" i="1"/>
  <c r="T80926" i="1"/>
  <c r="T80927" i="1"/>
  <c r="T80928" i="1"/>
  <c r="T80929" i="1"/>
  <c r="T80930" i="1"/>
  <c r="T80931" i="1"/>
  <c r="T80932" i="1"/>
  <c r="T80933" i="1"/>
  <c r="T80934" i="1"/>
  <c r="T80935" i="1"/>
  <c r="T80936" i="1"/>
  <c r="T80937" i="1"/>
  <c r="T80938" i="1"/>
  <c r="T80939" i="1"/>
  <c r="T80940" i="1"/>
  <c r="T80941" i="1"/>
  <c r="T80942" i="1"/>
  <c r="T80943" i="1"/>
  <c r="T80944" i="1"/>
  <c r="T80945" i="1"/>
  <c r="T80946" i="1"/>
  <c r="T80947" i="1"/>
  <c r="T80948" i="1"/>
  <c r="T80949" i="1"/>
  <c r="T80950" i="1"/>
  <c r="T80951" i="1"/>
  <c r="T80952" i="1"/>
  <c r="T80953" i="1"/>
  <c r="T80954" i="1"/>
  <c r="T80955" i="1"/>
  <c r="T80956" i="1"/>
  <c r="T80957" i="1"/>
  <c r="T80958" i="1"/>
  <c r="T80959" i="1"/>
  <c r="T80960" i="1"/>
  <c r="T80961" i="1"/>
  <c r="T80962" i="1"/>
  <c r="T80963" i="1"/>
  <c r="T80964" i="1"/>
  <c r="T80965" i="1"/>
  <c r="T80966" i="1"/>
  <c r="T80967" i="1"/>
  <c r="T80968" i="1"/>
  <c r="T80969" i="1"/>
  <c r="T80970" i="1"/>
  <c r="T80971" i="1"/>
  <c r="T80972" i="1"/>
  <c r="T80973" i="1"/>
  <c r="T80974" i="1"/>
  <c r="T80975" i="1"/>
  <c r="T80976" i="1"/>
  <c r="T80977" i="1"/>
  <c r="T80978" i="1"/>
  <c r="T80979" i="1"/>
  <c r="T80980" i="1"/>
  <c r="T80981" i="1"/>
  <c r="T80982" i="1"/>
  <c r="T80983" i="1"/>
  <c r="T80984" i="1"/>
  <c r="T80985" i="1"/>
  <c r="T80986" i="1"/>
  <c r="T80987" i="1"/>
  <c r="T80988" i="1"/>
  <c r="T80989" i="1"/>
  <c r="T80990" i="1"/>
  <c r="T80991" i="1"/>
  <c r="T80992" i="1"/>
  <c r="T80993" i="1"/>
  <c r="T80994" i="1"/>
  <c r="T80995" i="1"/>
  <c r="T80996" i="1"/>
  <c r="T80997" i="1"/>
  <c r="T80998" i="1"/>
  <c r="T80999" i="1"/>
  <c r="T81000" i="1"/>
  <c r="T81001" i="1"/>
  <c r="T81002" i="1"/>
  <c r="T81003" i="1"/>
  <c r="T81004" i="1"/>
  <c r="T81005" i="1"/>
  <c r="T81006" i="1"/>
  <c r="T81007" i="1"/>
  <c r="T81008" i="1"/>
  <c r="T81009" i="1"/>
  <c r="T81010" i="1"/>
  <c r="T81011" i="1"/>
  <c r="T81012" i="1"/>
  <c r="T81013" i="1"/>
  <c r="T81014" i="1"/>
  <c r="T81015" i="1"/>
  <c r="T81016" i="1"/>
  <c r="T81017" i="1"/>
  <c r="T81018" i="1"/>
  <c r="T81019" i="1"/>
  <c r="T81020" i="1"/>
  <c r="T81021" i="1"/>
  <c r="T81022" i="1"/>
  <c r="T81023" i="1"/>
  <c r="T81024" i="1"/>
  <c r="T81025" i="1"/>
  <c r="T81026" i="1"/>
  <c r="T81027" i="1"/>
  <c r="T81028" i="1"/>
  <c r="T81029" i="1"/>
  <c r="T81030" i="1"/>
  <c r="T81031" i="1"/>
  <c r="T81032" i="1"/>
  <c r="T81033" i="1"/>
  <c r="T81034" i="1"/>
  <c r="T81035" i="1"/>
  <c r="T81036" i="1"/>
  <c r="T81037" i="1"/>
  <c r="T81038" i="1"/>
  <c r="T81039" i="1"/>
  <c r="T81040" i="1"/>
  <c r="T81041" i="1"/>
  <c r="T81042" i="1"/>
  <c r="T81043" i="1"/>
  <c r="T81044" i="1"/>
  <c r="T81045" i="1"/>
  <c r="T81046" i="1"/>
  <c r="T81047" i="1"/>
  <c r="T81048" i="1"/>
  <c r="T81049" i="1"/>
  <c r="T81050" i="1"/>
  <c r="T81051" i="1"/>
  <c r="T81052" i="1"/>
  <c r="T81053" i="1"/>
  <c r="T81054" i="1"/>
  <c r="T81055" i="1"/>
  <c r="T81056" i="1"/>
  <c r="T81057" i="1"/>
  <c r="T81058" i="1"/>
  <c r="T81059" i="1"/>
  <c r="T81060" i="1"/>
  <c r="T81061" i="1"/>
  <c r="T81062" i="1"/>
  <c r="T81063" i="1"/>
  <c r="T81064" i="1"/>
  <c r="T81065" i="1"/>
  <c r="T81066" i="1"/>
  <c r="T81067" i="1"/>
  <c r="T81068" i="1"/>
  <c r="T81069" i="1"/>
  <c r="T81070" i="1"/>
  <c r="T81071" i="1"/>
  <c r="T81072" i="1"/>
  <c r="T81073" i="1"/>
  <c r="T81074" i="1"/>
  <c r="T81075" i="1"/>
  <c r="T81076" i="1"/>
  <c r="T81077" i="1"/>
  <c r="T81078" i="1"/>
  <c r="T81079" i="1"/>
  <c r="T81080" i="1"/>
  <c r="T81081" i="1"/>
  <c r="T81082" i="1"/>
  <c r="T81083" i="1"/>
  <c r="T81084" i="1"/>
  <c r="T81085" i="1"/>
  <c r="T81086" i="1"/>
  <c r="T81087" i="1"/>
  <c r="T81088" i="1"/>
  <c r="T81089" i="1"/>
  <c r="T81090" i="1"/>
  <c r="T81091" i="1"/>
  <c r="T81092" i="1"/>
  <c r="T81093" i="1"/>
  <c r="T81094" i="1"/>
  <c r="T81095" i="1"/>
  <c r="T81096" i="1"/>
  <c r="T81097" i="1"/>
  <c r="T81098" i="1"/>
  <c r="T81099" i="1"/>
  <c r="T81100" i="1"/>
  <c r="T81101" i="1"/>
  <c r="T81102" i="1"/>
  <c r="T81103" i="1"/>
  <c r="T81104" i="1"/>
  <c r="T81105" i="1"/>
  <c r="T81106" i="1"/>
  <c r="T81107" i="1"/>
  <c r="T81108" i="1"/>
  <c r="T81109" i="1"/>
  <c r="T81110" i="1"/>
  <c r="T81111" i="1"/>
  <c r="T81112" i="1"/>
  <c r="T81113" i="1"/>
  <c r="T81114" i="1"/>
  <c r="T81115" i="1"/>
  <c r="T81116" i="1"/>
  <c r="T81117" i="1"/>
  <c r="T81118" i="1"/>
  <c r="T81119" i="1"/>
  <c r="T81120" i="1"/>
  <c r="T81121" i="1"/>
  <c r="T81122" i="1"/>
  <c r="T81123" i="1"/>
  <c r="T81124" i="1"/>
  <c r="T81125" i="1"/>
  <c r="T81126" i="1"/>
  <c r="T81127" i="1"/>
  <c r="T81128" i="1"/>
  <c r="T81129" i="1"/>
  <c r="T81130" i="1"/>
  <c r="T81131" i="1"/>
  <c r="T81132" i="1"/>
  <c r="T81133" i="1"/>
  <c r="T81134" i="1"/>
  <c r="T81135" i="1"/>
  <c r="T81136" i="1"/>
  <c r="T81137" i="1"/>
  <c r="T81138" i="1"/>
  <c r="T81139" i="1"/>
  <c r="T81140" i="1"/>
  <c r="T81141" i="1"/>
  <c r="T81142" i="1"/>
  <c r="T81143" i="1"/>
  <c r="T81144" i="1"/>
  <c r="T81145" i="1"/>
  <c r="T81146" i="1"/>
  <c r="T81147" i="1"/>
  <c r="T81148" i="1"/>
  <c r="T81149" i="1"/>
  <c r="T81150" i="1"/>
  <c r="T81151" i="1"/>
  <c r="T81152" i="1"/>
  <c r="T81153" i="1"/>
  <c r="T81154" i="1"/>
  <c r="T81155" i="1"/>
  <c r="T81156" i="1"/>
  <c r="T81157" i="1"/>
  <c r="T81158" i="1"/>
  <c r="T81159" i="1"/>
  <c r="T81160" i="1"/>
  <c r="T81161" i="1"/>
  <c r="T81162" i="1"/>
  <c r="T81163" i="1"/>
  <c r="T81164" i="1"/>
  <c r="T81165" i="1"/>
  <c r="T81166" i="1"/>
  <c r="T81167" i="1"/>
  <c r="T81168" i="1"/>
  <c r="T81169" i="1"/>
  <c r="T81170" i="1"/>
  <c r="T81171" i="1"/>
  <c r="T81172" i="1"/>
  <c r="T81173" i="1"/>
  <c r="T81174" i="1"/>
  <c r="T81175" i="1"/>
  <c r="T81176" i="1"/>
  <c r="T81177" i="1"/>
  <c r="T81178" i="1"/>
  <c r="T81179" i="1"/>
  <c r="T81180" i="1"/>
  <c r="T81181" i="1"/>
  <c r="T81182" i="1"/>
  <c r="T81183" i="1"/>
  <c r="T81184" i="1"/>
  <c r="T81185" i="1"/>
  <c r="T81186" i="1"/>
  <c r="T81187" i="1"/>
  <c r="T81188" i="1"/>
  <c r="T81189" i="1"/>
  <c r="T81190" i="1"/>
  <c r="T81191" i="1"/>
  <c r="T81192" i="1"/>
  <c r="T81193" i="1"/>
  <c r="T81194" i="1"/>
  <c r="T81195" i="1"/>
  <c r="T81196" i="1"/>
  <c r="T81197" i="1"/>
  <c r="T81198" i="1"/>
  <c r="T81199" i="1"/>
  <c r="T81200" i="1"/>
  <c r="T81201" i="1"/>
  <c r="T81202" i="1"/>
  <c r="T81203" i="1"/>
  <c r="T81204" i="1"/>
  <c r="T81205" i="1"/>
  <c r="T81206" i="1"/>
  <c r="T81207" i="1"/>
  <c r="T81208" i="1"/>
  <c r="T81209" i="1"/>
  <c r="T81210" i="1"/>
  <c r="T81211" i="1"/>
  <c r="T81212" i="1"/>
  <c r="T81213" i="1"/>
  <c r="T81214" i="1"/>
  <c r="T81215" i="1"/>
  <c r="T81216" i="1"/>
  <c r="T81217" i="1"/>
  <c r="T81218" i="1"/>
  <c r="T81219" i="1"/>
  <c r="T81220" i="1"/>
  <c r="T81221" i="1"/>
  <c r="T81222" i="1"/>
  <c r="T81223" i="1"/>
  <c r="T81224" i="1"/>
  <c r="T81225" i="1"/>
  <c r="T81226" i="1"/>
  <c r="T81227" i="1"/>
  <c r="T81228" i="1"/>
  <c r="T81229" i="1"/>
  <c r="T81230" i="1"/>
  <c r="T81231" i="1"/>
  <c r="T81232" i="1"/>
  <c r="T81233" i="1"/>
  <c r="T81234" i="1"/>
  <c r="T81235" i="1"/>
  <c r="T81236" i="1"/>
  <c r="T81237" i="1"/>
  <c r="T81238" i="1"/>
  <c r="T81239" i="1"/>
  <c r="T81240" i="1"/>
  <c r="T81241" i="1"/>
  <c r="T81242" i="1"/>
  <c r="T81243" i="1"/>
  <c r="T81244" i="1"/>
  <c r="T81245" i="1"/>
  <c r="T81246" i="1"/>
  <c r="T81247" i="1"/>
  <c r="T81248" i="1"/>
  <c r="T81249" i="1"/>
  <c r="T81250" i="1"/>
  <c r="T81251" i="1"/>
  <c r="T81252" i="1"/>
  <c r="T81253" i="1"/>
  <c r="T81254" i="1"/>
  <c r="T81255" i="1"/>
  <c r="T81256" i="1"/>
  <c r="T81257" i="1"/>
  <c r="T81258" i="1"/>
  <c r="T81259" i="1"/>
  <c r="T81260" i="1"/>
  <c r="T81261" i="1"/>
  <c r="T81262" i="1"/>
  <c r="T81263" i="1"/>
  <c r="T81264" i="1"/>
  <c r="T81265" i="1"/>
  <c r="T81266" i="1"/>
  <c r="T81267" i="1"/>
  <c r="T81268" i="1"/>
  <c r="T81269" i="1"/>
  <c r="T81270" i="1"/>
  <c r="T81271" i="1"/>
  <c r="T81272" i="1"/>
  <c r="T81273" i="1"/>
  <c r="T81274" i="1"/>
  <c r="T81275" i="1"/>
  <c r="T81276" i="1"/>
  <c r="T81277" i="1"/>
  <c r="T81278" i="1"/>
  <c r="T81279" i="1"/>
  <c r="T81280" i="1"/>
  <c r="T81281" i="1"/>
  <c r="T81282" i="1"/>
  <c r="T81283" i="1"/>
  <c r="T81284" i="1"/>
  <c r="T81285" i="1"/>
  <c r="T81286" i="1"/>
  <c r="T81287" i="1"/>
  <c r="T81288" i="1"/>
  <c r="T81289" i="1"/>
  <c r="T81290" i="1"/>
  <c r="T81291" i="1"/>
  <c r="T81292" i="1"/>
  <c r="T81293" i="1"/>
  <c r="T81294" i="1"/>
  <c r="T81295" i="1"/>
  <c r="T81296" i="1"/>
  <c r="T81297" i="1"/>
  <c r="T81298" i="1"/>
  <c r="T81299" i="1"/>
  <c r="T81300" i="1"/>
  <c r="T81301" i="1"/>
  <c r="T81302" i="1"/>
  <c r="T81303" i="1"/>
  <c r="T81304" i="1"/>
  <c r="T81305" i="1"/>
  <c r="T81306" i="1"/>
  <c r="T81307" i="1"/>
  <c r="T81308" i="1"/>
  <c r="T81309" i="1"/>
  <c r="T81310" i="1"/>
  <c r="T81311" i="1"/>
  <c r="T81312" i="1"/>
  <c r="T81313" i="1"/>
  <c r="T81314" i="1"/>
  <c r="T81315" i="1"/>
  <c r="T81316" i="1"/>
  <c r="T81317" i="1"/>
  <c r="T81318" i="1"/>
  <c r="T81319" i="1"/>
  <c r="T81320" i="1"/>
  <c r="T81321" i="1"/>
  <c r="T81322" i="1"/>
  <c r="T81323" i="1"/>
  <c r="T81324" i="1"/>
  <c r="T81325" i="1"/>
  <c r="T81326" i="1"/>
  <c r="T81327" i="1"/>
  <c r="T81328" i="1"/>
  <c r="T81329" i="1"/>
  <c r="T81330" i="1"/>
  <c r="T81331" i="1"/>
  <c r="T81332" i="1"/>
  <c r="T81333" i="1"/>
  <c r="T81334" i="1"/>
  <c r="T81335" i="1"/>
  <c r="T81336" i="1"/>
  <c r="T81337" i="1"/>
  <c r="T81338" i="1"/>
  <c r="T81339" i="1"/>
  <c r="T81340" i="1"/>
  <c r="T81341" i="1"/>
  <c r="T81342" i="1"/>
  <c r="T81343" i="1"/>
  <c r="T81344" i="1"/>
  <c r="T81345" i="1"/>
  <c r="T81346" i="1"/>
  <c r="T81347" i="1"/>
  <c r="T81348" i="1"/>
  <c r="T81349" i="1"/>
  <c r="T81350" i="1"/>
  <c r="T81351" i="1"/>
  <c r="T81352" i="1"/>
  <c r="T81353" i="1"/>
  <c r="T81354" i="1"/>
  <c r="T81355" i="1"/>
  <c r="T81356" i="1"/>
  <c r="T81357" i="1"/>
  <c r="T81358" i="1"/>
  <c r="T81359" i="1"/>
  <c r="T81360" i="1"/>
  <c r="T81361" i="1"/>
  <c r="T81362" i="1"/>
  <c r="T81363" i="1"/>
  <c r="T81364" i="1"/>
  <c r="T81365" i="1"/>
  <c r="T81366" i="1"/>
  <c r="T81367" i="1"/>
  <c r="T81368" i="1"/>
  <c r="T81369" i="1"/>
  <c r="T81370" i="1"/>
  <c r="T81371" i="1"/>
  <c r="T81372" i="1"/>
  <c r="T81373" i="1"/>
  <c r="T81374" i="1"/>
  <c r="T81375" i="1"/>
  <c r="T81376" i="1"/>
  <c r="T81377" i="1"/>
  <c r="T81378" i="1"/>
  <c r="T81379" i="1"/>
  <c r="T81380" i="1"/>
  <c r="T81381" i="1"/>
  <c r="T81382" i="1"/>
  <c r="T81383" i="1"/>
  <c r="T81384" i="1"/>
  <c r="T81385" i="1"/>
  <c r="T81386" i="1"/>
  <c r="T81387" i="1"/>
  <c r="T81388" i="1"/>
  <c r="T81389" i="1"/>
  <c r="T81390" i="1"/>
  <c r="T81391" i="1"/>
  <c r="T81392" i="1"/>
  <c r="T81393" i="1"/>
  <c r="T81394" i="1"/>
  <c r="T81395" i="1"/>
  <c r="T81396" i="1"/>
  <c r="T81397" i="1"/>
  <c r="T81398" i="1"/>
  <c r="T81399" i="1"/>
  <c r="T81400" i="1"/>
  <c r="T81401" i="1"/>
  <c r="T81402" i="1"/>
  <c r="T81403" i="1"/>
  <c r="T81404" i="1"/>
  <c r="T81405" i="1"/>
  <c r="T81406" i="1"/>
  <c r="T81407" i="1"/>
  <c r="T81408" i="1"/>
  <c r="T81409" i="1"/>
  <c r="T81410" i="1"/>
  <c r="T81411" i="1"/>
  <c r="T81412" i="1"/>
  <c r="T81413" i="1"/>
  <c r="T81414" i="1"/>
  <c r="T81415" i="1"/>
  <c r="T81416" i="1"/>
  <c r="T81417" i="1"/>
  <c r="T81418" i="1"/>
  <c r="T81419" i="1"/>
  <c r="T81420" i="1"/>
  <c r="T81421" i="1"/>
  <c r="T81422" i="1"/>
  <c r="T81423" i="1"/>
  <c r="T81424" i="1"/>
  <c r="T81425" i="1"/>
  <c r="T81426" i="1"/>
  <c r="T81427" i="1"/>
  <c r="T81428" i="1"/>
  <c r="T81429" i="1"/>
  <c r="T81430" i="1"/>
  <c r="T81431" i="1"/>
  <c r="T81432" i="1"/>
  <c r="T81433" i="1"/>
  <c r="T81434" i="1"/>
  <c r="T81435" i="1"/>
  <c r="T81436" i="1"/>
  <c r="T81437" i="1"/>
  <c r="T81438" i="1"/>
  <c r="T81439" i="1"/>
  <c r="T81440" i="1"/>
  <c r="T81441" i="1"/>
  <c r="T81442" i="1"/>
  <c r="T81443" i="1"/>
  <c r="T81444" i="1"/>
  <c r="T81445" i="1"/>
  <c r="T81446" i="1"/>
  <c r="T81447" i="1"/>
  <c r="T81448" i="1"/>
  <c r="T81449" i="1"/>
  <c r="T81450" i="1"/>
  <c r="T81451" i="1"/>
  <c r="T81452" i="1"/>
  <c r="T81453" i="1"/>
  <c r="T81454" i="1"/>
  <c r="T81455" i="1"/>
  <c r="T81456" i="1"/>
  <c r="T81457" i="1"/>
  <c r="T81458" i="1"/>
  <c r="T81459" i="1"/>
  <c r="T81460" i="1"/>
  <c r="T81461" i="1"/>
  <c r="T81462" i="1"/>
  <c r="T81463" i="1"/>
  <c r="T81464" i="1"/>
  <c r="T81465" i="1"/>
  <c r="T81466" i="1"/>
  <c r="T81467" i="1"/>
  <c r="T81468" i="1"/>
  <c r="T81469" i="1"/>
  <c r="T81470" i="1"/>
  <c r="T81471" i="1"/>
  <c r="T81472" i="1"/>
  <c r="T81473" i="1"/>
  <c r="T81474" i="1"/>
  <c r="T81475" i="1"/>
  <c r="T81476" i="1"/>
  <c r="T81477" i="1"/>
  <c r="T81478" i="1"/>
  <c r="T81479" i="1"/>
  <c r="T81480" i="1"/>
  <c r="T81481" i="1"/>
  <c r="T81482" i="1"/>
  <c r="T81483" i="1"/>
  <c r="T81484" i="1"/>
  <c r="T81485" i="1"/>
  <c r="T81486" i="1"/>
  <c r="T81487" i="1"/>
  <c r="T81488" i="1"/>
  <c r="T81489" i="1"/>
  <c r="T81490" i="1"/>
  <c r="T81491" i="1"/>
  <c r="T81492" i="1"/>
  <c r="T81493" i="1"/>
  <c r="T81494" i="1"/>
  <c r="T81495" i="1"/>
  <c r="T81496" i="1"/>
  <c r="T81497" i="1"/>
  <c r="T81498" i="1"/>
  <c r="T81499" i="1"/>
  <c r="T81500" i="1"/>
  <c r="T81501" i="1"/>
  <c r="T81502" i="1"/>
  <c r="T81503" i="1"/>
  <c r="T81504" i="1"/>
  <c r="T81505" i="1"/>
  <c r="T81506" i="1"/>
  <c r="T81507" i="1"/>
  <c r="T81508" i="1"/>
  <c r="T81509" i="1"/>
  <c r="T81510" i="1"/>
  <c r="T81511" i="1"/>
  <c r="T81512" i="1"/>
  <c r="T81513" i="1"/>
  <c r="T81514" i="1"/>
  <c r="T81515" i="1"/>
  <c r="T81516" i="1"/>
  <c r="T81517" i="1"/>
  <c r="T81518" i="1"/>
  <c r="T81519" i="1"/>
  <c r="T81520" i="1"/>
  <c r="T81521" i="1"/>
  <c r="T81522" i="1"/>
  <c r="T81523" i="1"/>
  <c r="T81524" i="1"/>
  <c r="T81525" i="1"/>
  <c r="T81526" i="1"/>
  <c r="T81527" i="1"/>
  <c r="T81528" i="1"/>
  <c r="T81529" i="1"/>
  <c r="T81530" i="1"/>
  <c r="T81531" i="1"/>
  <c r="T81532" i="1"/>
  <c r="T81533" i="1"/>
  <c r="T81534" i="1"/>
  <c r="T81535" i="1"/>
  <c r="T81536" i="1"/>
  <c r="T81537" i="1"/>
  <c r="T81538" i="1"/>
  <c r="T81539" i="1"/>
  <c r="T81540" i="1"/>
  <c r="T81541" i="1"/>
  <c r="T81542" i="1"/>
  <c r="T81543" i="1"/>
  <c r="T81544" i="1"/>
  <c r="T81545" i="1"/>
  <c r="T81546" i="1"/>
  <c r="T81547" i="1"/>
  <c r="T81548" i="1"/>
  <c r="T81549" i="1"/>
  <c r="T81550" i="1"/>
  <c r="T81551" i="1"/>
  <c r="T81552" i="1"/>
  <c r="T81553" i="1"/>
  <c r="T81554" i="1"/>
  <c r="T81555" i="1"/>
  <c r="T81556" i="1"/>
  <c r="T81557" i="1"/>
  <c r="T81558" i="1"/>
  <c r="T81559" i="1"/>
  <c r="T81560" i="1"/>
  <c r="T81561" i="1"/>
  <c r="T81562" i="1"/>
  <c r="T81563" i="1"/>
  <c r="T81564" i="1"/>
  <c r="T81565" i="1"/>
  <c r="T81566" i="1"/>
  <c r="T81567" i="1"/>
  <c r="T81568" i="1"/>
  <c r="T81569" i="1"/>
  <c r="T81570" i="1"/>
  <c r="T81571" i="1"/>
  <c r="T81572" i="1"/>
  <c r="T81573" i="1"/>
  <c r="T81574" i="1"/>
  <c r="T81575" i="1"/>
  <c r="T81576" i="1"/>
  <c r="T81577" i="1"/>
  <c r="T81578" i="1"/>
  <c r="T81579" i="1"/>
  <c r="T81580" i="1"/>
  <c r="T81581" i="1"/>
  <c r="T81582" i="1"/>
  <c r="T81583" i="1"/>
  <c r="T81584" i="1"/>
  <c r="T81585" i="1"/>
  <c r="T81586" i="1"/>
  <c r="T81587" i="1"/>
  <c r="T81588" i="1"/>
  <c r="T81589" i="1"/>
  <c r="T81590" i="1"/>
  <c r="T81591" i="1"/>
  <c r="T81592" i="1"/>
  <c r="T81593" i="1"/>
  <c r="T81594" i="1"/>
  <c r="T81595" i="1"/>
  <c r="T81596" i="1"/>
  <c r="T81597" i="1"/>
  <c r="T81598" i="1"/>
  <c r="T81599" i="1"/>
  <c r="T81600" i="1"/>
  <c r="T81601" i="1"/>
  <c r="T81602" i="1"/>
  <c r="T81603" i="1"/>
  <c r="T81604" i="1"/>
  <c r="T81605" i="1"/>
  <c r="T81606" i="1"/>
  <c r="T81607" i="1"/>
  <c r="T81608" i="1"/>
  <c r="T81609" i="1"/>
  <c r="T81610" i="1"/>
  <c r="T81611" i="1"/>
  <c r="T81612" i="1"/>
  <c r="T81613" i="1"/>
  <c r="T81614" i="1"/>
  <c r="T81615" i="1"/>
  <c r="T81616" i="1"/>
  <c r="T81617" i="1"/>
  <c r="T81618" i="1"/>
  <c r="T81619" i="1"/>
  <c r="T81620" i="1"/>
  <c r="T81621" i="1"/>
  <c r="T81622" i="1"/>
  <c r="T81623" i="1"/>
  <c r="T81624" i="1"/>
  <c r="T81625" i="1"/>
  <c r="T81626" i="1"/>
  <c r="T81627" i="1"/>
  <c r="T81628" i="1"/>
  <c r="T81629" i="1"/>
  <c r="T81630" i="1"/>
  <c r="T81631" i="1"/>
  <c r="T81632" i="1"/>
  <c r="T81633" i="1"/>
  <c r="T81634" i="1"/>
  <c r="T81635" i="1"/>
  <c r="T81636" i="1"/>
  <c r="T81637" i="1"/>
  <c r="T81638" i="1"/>
  <c r="T81639" i="1"/>
  <c r="T81640" i="1"/>
  <c r="T81641" i="1"/>
  <c r="T81642" i="1"/>
  <c r="T81643" i="1"/>
  <c r="T81644" i="1"/>
  <c r="T81645" i="1"/>
  <c r="T81646" i="1"/>
  <c r="T81647" i="1"/>
  <c r="T81648" i="1"/>
  <c r="T81649" i="1"/>
  <c r="T81650" i="1"/>
  <c r="T81651" i="1"/>
  <c r="T81652" i="1"/>
  <c r="T81653" i="1"/>
  <c r="T81654" i="1"/>
  <c r="T81655" i="1"/>
  <c r="T81656" i="1"/>
  <c r="T81657" i="1"/>
  <c r="T81658" i="1"/>
  <c r="T81659" i="1"/>
  <c r="T81660" i="1"/>
  <c r="T81661" i="1"/>
  <c r="T81662" i="1"/>
  <c r="T81663" i="1"/>
  <c r="T81664" i="1"/>
  <c r="T81665" i="1"/>
  <c r="T81666" i="1"/>
  <c r="T81667" i="1"/>
  <c r="T81668" i="1"/>
  <c r="T81669" i="1"/>
  <c r="T81670" i="1"/>
  <c r="T81671" i="1"/>
  <c r="T81672" i="1"/>
  <c r="T81673" i="1"/>
  <c r="T81674" i="1"/>
  <c r="T81675" i="1"/>
  <c r="T81676" i="1"/>
  <c r="T81677" i="1"/>
  <c r="T81678" i="1"/>
  <c r="T81679" i="1"/>
  <c r="T81680" i="1"/>
  <c r="T81681" i="1"/>
  <c r="T81682" i="1"/>
  <c r="T81683" i="1"/>
  <c r="T81684" i="1"/>
  <c r="T81685" i="1"/>
  <c r="T81686" i="1"/>
  <c r="T81687" i="1"/>
  <c r="T81688" i="1"/>
  <c r="T81689" i="1"/>
  <c r="T81690" i="1"/>
  <c r="T81691" i="1"/>
  <c r="T81692" i="1"/>
  <c r="T81693" i="1"/>
  <c r="T81694" i="1"/>
  <c r="T81695" i="1"/>
  <c r="T81696" i="1"/>
  <c r="T81697" i="1"/>
  <c r="T81698" i="1"/>
  <c r="T81699" i="1"/>
  <c r="T81700" i="1"/>
  <c r="T81701" i="1"/>
  <c r="T81702" i="1"/>
  <c r="T81703" i="1"/>
  <c r="T81704" i="1"/>
  <c r="T81705" i="1"/>
  <c r="T81706" i="1"/>
  <c r="T81707" i="1"/>
  <c r="T81708" i="1"/>
  <c r="T81709" i="1"/>
  <c r="T81710" i="1"/>
  <c r="T81711" i="1"/>
  <c r="T81712" i="1"/>
  <c r="T81713" i="1"/>
  <c r="T81714" i="1"/>
  <c r="T81715" i="1"/>
  <c r="T81716" i="1"/>
  <c r="T81717" i="1"/>
  <c r="T81718" i="1"/>
  <c r="T81719" i="1"/>
  <c r="T81720" i="1"/>
  <c r="T81721" i="1"/>
  <c r="T81722" i="1"/>
  <c r="T81723" i="1"/>
  <c r="T81724" i="1"/>
  <c r="T81725" i="1"/>
  <c r="T81726" i="1"/>
  <c r="T81727" i="1"/>
  <c r="T81728" i="1"/>
  <c r="T81729" i="1"/>
  <c r="T81730" i="1"/>
  <c r="T81731" i="1"/>
  <c r="T81732" i="1"/>
  <c r="T81733" i="1"/>
  <c r="T81734" i="1"/>
  <c r="T81735" i="1"/>
  <c r="T81736" i="1"/>
  <c r="T81737" i="1"/>
  <c r="T81738" i="1"/>
  <c r="T81739" i="1"/>
  <c r="T81740" i="1"/>
  <c r="T81741" i="1"/>
  <c r="T81742" i="1"/>
  <c r="T81743" i="1"/>
  <c r="T81744" i="1"/>
  <c r="T81745" i="1"/>
  <c r="T81746" i="1"/>
  <c r="T81747" i="1"/>
  <c r="T81748" i="1"/>
  <c r="T81749" i="1"/>
  <c r="T81750" i="1"/>
  <c r="T81751" i="1"/>
  <c r="T81752" i="1"/>
  <c r="T81753" i="1"/>
  <c r="T81754" i="1"/>
  <c r="T81755" i="1"/>
  <c r="T81756" i="1"/>
  <c r="T81757" i="1"/>
  <c r="T81758" i="1"/>
  <c r="T81759" i="1"/>
  <c r="T81760" i="1"/>
  <c r="T81761" i="1"/>
  <c r="T81762" i="1"/>
  <c r="T81763" i="1"/>
  <c r="T81764" i="1"/>
  <c r="T81765" i="1"/>
  <c r="T81766" i="1"/>
  <c r="T81767" i="1"/>
  <c r="T81768" i="1"/>
  <c r="T81769" i="1"/>
  <c r="T81770" i="1"/>
  <c r="T81771" i="1"/>
  <c r="T81772" i="1"/>
  <c r="T81773" i="1"/>
  <c r="T81774" i="1"/>
  <c r="T81775" i="1"/>
  <c r="T81776" i="1"/>
  <c r="T81777" i="1"/>
  <c r="T81778" i="1"/>
  <c r="T81779" i="1"/>
  <c r="T81780" i="1"/>
  <c r="T81781" i="1"/>
  <c r="T81782" i="1"/>
  <c r="T81783" i="1"/>
  <c r="T81784" i="1"/>
  <c r="T81785" i="1"/>
  <c r="T81786" i="1"/>
  <c r="T81787" i="1"/>
  <c r="T81788" i="1"/>
  <c r="T81789" i="1"/>
  <c r="T81790" i="1"/>
  <c r="T81791" i="1"/>
  <c r="T81792" i="1"/>
  <c r="T81793" i="1"/>
  <c r="T81794" i="1"/>
  <c r="T81795" i="1"/>
  <c r="T81796" i="1"/>
  <c r="T81797" i="1"/>
  <c r="T81798" i="1"/>
  <c r="T81799" i="1"/>
  <c r="T81800" i="1"/>
  <c r="T81801" i="1"/>
  <c r="T81802" i="1"/>
  <c r="T81803" i="1"/>
  <c r="T81804" i="1"/>
  <c r="T81805" i="1"/>
  <c r="T81806" i="1"/>
  <c r="T81807" i="1"/>
  <c r="T81808" i="1"/>
  <c r="T81809" i="1"/>
  <c r="T81810" i="1"/>
  <c r="T81811" i="1"/>
  <c r="T81812" i="1"/>
  <c r="T81813" i="1"/>
  <c r="T81814" i="1"/>
  <c r="T81815" i="1"/>
  <c r="T81816" i="1"/>
  <c r="T81817" i="1"/>
  <c r="T81818" i="1"/>
  <c r="T81819" i="1"/>
  <c r="T81820" i="1"/>
  <c r="T81821" i="1"/>
  <c r="T81822" i="1"/>
  <c r="T81823" i="1"/>
  <c r="T81824" i="1"/>
  <c r="T81825" i="1"/>
  <c r="T81826" i="1"/>
  <c r="T81827" i="1"/>
  <c r="T81828" i="1"/>
  <c r="T81829" i="1"/>
  <c r="T81830" i="1"/>
  <c r="T81831" i="1"/>
  <c r="T81832" i="1"/>
  <c r="T81833" i="1"/>
  <c r="T81834" i="1"/>
  <c r="T81835" i="1"/>
  <c r="T81836" i="1"/>
  <c r="T81837" i="1"/>
  <c r="T81838" i="1"/>
  <c r="T81839" i="1"/>
  <c r="T81840" i="1"/>
  <c r="T81841" i="1"/>
  <c r="T81842" i="1"/>
  <c r="T81843" i="1"/>
  <c r="T81844" i="1"/>
  <c r="T81845" i="1"/>
  <c r="T81846" i="1"/>
  <c r="T81847" i="1"/>
  <c r="T81848" i="1"/>
  <c r="T81849" i="1"/>
  <c r="T81850" i="1"/>
  <c r="T81851" i="1"/>
  <c r="T81852" i="1"/>
  <c r="T81853" i="1"/>
  <c r="T81854" i="1"/>
  <c r="T81855" i="1"/>
  <c r="T81856" i="1"/>
  <c r="T81857" i="1"/>
  <c r="T81858" i="1"/>
  <c r="T81859" i="1"/>
  <c r="T81860" i="1"/>
  <c r="T81861" i="1"/>
  <c r="T81862" i="1"/>
  <c r="T81863" i="1"/>
  <c r="T81864" i="1"/>
  <c r="T81865" i="1"/>
  <c r="T81866" i="1"/>
  <c r="T81867" i="1"/>
  <c r="T81868" i="1"/>
  <c r="T81869" i="1"/>
  <c r="T81870" i="1"/>
  <c r="T81871" i="1"/>
  <c r="T81872" i="1"/>
  <c r="T81873" i="1"/>
  <c r="T81874" i="1"/>
  <c r="T81875" i="1"/>
  <c r="T81876" i="1"/>
  <c r="T81877" i="1"/>
  <c r="T81878" i="1"/>
  <c r="T81879" i="1"/>
  <c r="T81880" i="1"/>
  <c r="T81881" i="1"/>
  <c r="T81882" i="1"/>
  <c r="T81883" i="1"/>
  <c r="T81884" i="1"/>
  <c r="T81885" i="1"/>
  <c r="T81886" i="1"/>
  <c r="T81887" i="1"/>
  <c r="T81888" i="1"/>
  <c r="T81889" i="1"/>
  <c r="T81890" i="1"/>
  <c r="T81891" i="1"/>
  <c r="T81892" i="1"/>
  <c r="T81893" i="1"/>
  <c r="T81894" i="1"/>
  <c r="T81895" i="1"/>
  <c r="T81896" i="1"/>
  <c r="T81897" i="1"/>
  <c r="T81898" i="1"/>
  <c r="T81899" i="1"/>
  <c r="T81900" i="1"/>
  <c r="T81901" i="1"/>
  <c r="T81902" i="1"/>
  <c r="T81903" i="1"/>
  <c r="T81904" i="1"/>
  <c r="T81905" i="1"/>
  <c r="T81906" i="1"/>
  <c r="T81907" i="1"/>
  <c r="T81908" i="1"/>
  <c r="T81909" i="1"/>
  <c r="T81910" i="1"/>
  <c r="T81911" i="1"/>
  <c r="T81912" i="1"/>
  <c r="T81913" i="1"/>
  <c r="T81914" i="1"/>
  <c r="T81915" i="1"/>
  <c r="T81916" i="1"/>
  <c r="T81917" i="1"/>
  <c r="T81918" i="1"/>
  <c r="T81919" i="1"/>
  <c r="T81920" i="1"/>
  <c r="T81921" i="1"/>
  <c r="T81922" i="1"/>
  <c r="T81923" i="1"/>
  <c r="T81924" i="1"/>
  <c r="T81925" i="1"/>
  <c r="T81926" i="1"/>
  <c r="T81927" i="1"/>
  <c r="T81928" i="1"/>
  <c r="T81929" i="1"/>
  <c r="T81930" i="1"/>
  <c r="T81931" i="1"/>
  <c r="T81932" i="1"/>
  <c r="T81933" i="1"/>
  <c r="T81934" i="1"/>
  <c r="T81935" i="1"/>
  <c r="T81936" i="1"/>
  <c r="T81937" i="1"/>
  <c r="T81938" i="1"/>
  <c r="T81939" i="1"/>
  <c r="T81940" i="1"/>
  <c r="T81941" i="1"/>
  <c r="T81942" i="1"/>
  <c r="T81943" i="1"/>
  <c r="T81944" i="1"/>
  <c r="T81945" i="1"/>
  <c r="T81946" i="1"/>
  <c r="T81947" i="1"/>
  <c r="T81948" i="1"/>
  <c r="T81949" i="1"/>
  <c r="T81950" i="1"/>
  <c r="T81951" i="1"/>
  <c r="T81952" i="1"/>
  <c r="T81953" i="1"/>
  <c r="T81954" i="1"/>
  <c r="T81955" i="1"/>
  <c r="T81956" i="1"/>
  <c r="T81957" i="1"/>
  <c r="T81958" i="1"/>
  <c r="T81959" i="1"/>
  <c r="T81960" i="1"/>
  <c r="T81961" i="1"/>
  <c r="T81962" i="1"/>
  <c r="T81963" i="1"/>
  <c r="T81964" i="1"/>
  <c r="T81965" i="1"/>
  <c r="T81966" i="1"/>
  <c r="T81967" i="1"/>
  <c r="T81968" i="1"/>
  <c r="T81969" i="1"/>
  <c r="T81970" i="1"/>
  <c r="T81971" i="1"/>
  <c r="T81972" i="1"/>
  <c r="T81973" i="1"/>
  <c r="T81974" i="1"/>
  <c r="T81975" i="1"/>
  <c r="T81976" i="1"/>
  <c r="T81977" i="1"/>
  <c r="T81978" i="1"/>
  <c r="T81979" i="1"/>
  <c r="T81980" i="1"/>
  <c r="T81981" i="1"/>
  <c r="T81982" i="1"/>
  <c r="T81983" i="1"/>
  <c r="T81984" i="1"/>
  <c r="T81985" i="1"/>
  <c r="T81986" i="1"/>
  <c r="T81987" i="1"/>
  <c r="T81988" i="1"/>
  <c r="T81989" i="1"/>
  <c r="T81990" i="1"/>
  <c r="T81991" i="1"/>
  <c r="T81992" i="1"/>
  <c r="T81993" i="1"/>
  <c r="T81994" i="1"/>
  <c r="T81995" i="1"/>
  <c r="T81996" i="1"/>
  <c r="T81997" i="1"/>
  <c r="T81998" i="1"/>
  <c r="T81999" i="1"/>
  <c r="T82000" i="1"/>
  <c r="T82001" i="1"/>
  <c r="T82002" i="1"/>
  <c r="T82003" i="1"/>
  <c r="T82004" i="1"/>
  <c r="T82005" i="1"/>
  <c r="T82006" i="1"/>
  <c r="T82007" i="1"/>
  <c r="T82008" i="1"/>
  <c r="T82009" i="1"/>
  <c r="T82010" i="1"/>
  <c r="T82011" i="1"/>
  <c r="T82012" i="1"/>
  <c r="T82013" i="1"/>
  <c r="T82014" i="1"/>
  <c r="T82015" i="1"/>
  <c r="T82016" i="1"/>
  <c r="T82017" i="1"/>
  <c r="T82018" i="1"/>
  <c r="T82019" i="1"/>
  <c r="T82020" i="1"/>
  <c r="T82021" i="1"/>
  <c r="T82022" i="1"/>
  <c r="T82023" i="1"/>
  <c r="T82024" i="1"/>
  <c r="T82025" i="1"/>
  <c r="T82026" i="1"/>
  <c r="T82027" i="1"/>
  <c r="T82028" i="1"/>
  <c r="T82029" i="1"/>
  <c r="T82030" i="1"/>
  <c r="T82031" i="1"/>
  <c r="T82032" i="1"/>
  <c r="T82033" i="1"/>
  <c r="T82034" i="1"/>
  <c r="T82035" i="1"/>
  <c r="T82036" i="1"/>
  <c r="T82037" i="1"/>
  <c r="T82038" i="1"/>
  <c r="T82039" i="1"/>
  <c r="T82040" i="1"/>
  <c r="T82041" i="1"/>
  <c r="T82042" i="1"/>
  <c r="T82043" i="1"/>
  <c r="T82044" i="1"/>
  <c r="T82045" i="1"/>
  <c r="T82046" i="1"/>
  <c r="T82047" i="1"/>
  <c r="T82048" i="1"/>
  <c r="T82049" i="1"/>
  <c r="T82050" i="1"/>
  <c r="T82051" i="1"/>
  <c r="T82052" i="1"/>
  <c r="T82053" i="1"/>
  <c r="T82054" i="1"/>
  <c r="T82055" i="1"/>
  <c r="T82056" i="1"/>
  <c r="T82057" i="1"/>
  <c r="T82058" i="1"/>
  <c r="T82059" i="1"/>
  <c r="T82060" i="1"/>
  <c r="T82061" i="1"/>
  <c r="T82062" i="1"/>
  <c r="T82063" i="1"/>
  <c r="T82064" i="1"/>
  <c r="T82065" i="1"/>
  <c r="T82066" i="1"/>
  <c r="T82067" i="1"/>
  <c r="T82068" i="1"/>
  <c r="T82069" i="1"/>
  <c r="T82070" i="1"/>
  <c r="T82071" i="1"/>
  <c r="T82072" i="1"/>
  <c r="T82073" i="1"/>
  <c r="T82074" i="1"/>
  <c r="T82075" i="1"/>
  <c r="T82076" i="1"/>
  <c r="T82077" i="1"/>
  <c r="T82078" i="1"/>
  <c r="T82079" i="1"/>
  <c r="T82080" i="1"/>
  <c r="T82081" i="1"/>
  <c r="T82082" i="1"/>
  <c r="T82083" i="1"/>
  <c r="T82084" i="1"/>
  <c r="T82085" i="1"/>
  <c r="T82086" i="1"/>
  <c r="T82087" i="1"/>
  <c r="T82088" i="1"/>
  <c r="T82089" i="1"/>
  <c r="T82090" i="1"/>
  <c r="T82091" i="1"/>
  <c r="T82092" i="1"/>
  <c r="T82093" i="1"/>
  <c r="T82094" i="1"/>
  <c r="T82095" i="1"/>
  <c r="T82096" i="1"/>
  <c r="T82097" i="1"/>
  <c r="T82098" i="1"/>
  <c r="T82099" i="1"/>
  <c r="T82100" i="1"/>
  <c r="T82101" i="1"/>
  <c r="T82102" i="1"/>
  <c r="T82103" i="1"/>
  <c r="T82104" i="1"/>
  <c r="T82105" i="1"/>
  <c r="T82106" i="1"/>
  <c r="T82107" i="1"/>
  <c r="T82108" i="1"/>
  <c r="T82109" i="1"/>
  <c r="T82110" i="1"/>
  <c r="T82111" i="1"/>
  <c r="T82112" i="1"/>
  <c r="T82113" i="1"/>
  <c r="T82114" i="1"/>
  <c r="T82115" i="1"/>
  <c r="T82116" i="1"/>
  <c r="T82117" i="1"/>
  <c r="T82118" i="1"/>
  <c r="T82119" i="1"/>
  <c r="T82120" i="1"/>
  <c r="T82121" i="1"/>
  <c r="T82122" i="1"/>
  <c r="T82123" i="1"/>
  <c r="T82124" i="1"/>
  <c r="T82125" i="1"/>
  <c r="T82126" i="1"/>
  <c r="T82127" i="1"/>
  <c r="T82128" i="1"/>
  <c r="T82129" i="1"/>
  <c r="T82130" i="1"/>
  <c r="T82131" i="1"/>
  <c r="T82132" i="1"/>
  <c r="T82133" i="1"/>
  <c r="T82134" i="1"/>
  <c r="T82135" i="1"/>
  <c r="T82136" i="1"/>
  <c r="T82137" i="1"/>
  <c r="T82138" i="1"/>
  <c r="T82139" i="1"/>
  <c r="T82140" i="1"/>
  <c r="T82141" i="1"/>
  <c r="T82142" i="1"/>
  <c r="T82143" i="1"/>
  <c r="T82144" i="1"/>
  <c r="T82145" i="1"/>
  <c r="T82146" i="1"/>
  <c r="T82147" i="1"/>
  <c r="T82148" i="1"/>
  <c r="T82149" i="1"/>
  <c r="T82150" i="1"/>
  <c r="T82151" i="1"/>
  <c r="T82152" i="1"/>
  <c r="T82153" i="1"/>
  <c r="T82154" i="1"/>
  <c r="T82155" i="1"/>
  <c r="T82156" i="1"/>
  <c r="T82157" i="1"/>
  <c r="T82158" i="1"/>
  <c r="T82159" i="1"/>
  <c r="T82160" i="1"/>
  <c r="T82161" i="1"/>
  <c r="T82162" i="1"/>
  <c r="T82163" i="1"/>
  <c r="T82164" i="1"/>
  <c r="T82165" i="1"/>
  <c r="T82166" i="1"/>
  <c r="T82167" i="1"/>
  <c r="T82168" i="1"/>
  <c r="T82169" i="1"/>
  <c r="T82170" i="1"/>
  <c r="T82171" i="1"/>
  <c r="T82172" i="1"/>
  <c r="T82173" i="1"/>
  <c r="T82174" i="1"/>
  <c r="T82175" i="1"/>
  <c r="T82176" i="1"/>
  <c r="T82177" i="1"/>
  <c r="T82178" i="1"/>
  <c r="T82179" i="1"/>
  <c r="T82180" i="1"/>
  <c r="T82181" i="1"/>
  <c r="T82182" i="1"/>
  <c r="T82183" i="1"/>
  <c r="T82184" i="1"/>
  <c r="T82185" i="1"/>
  <c r="T82186" i="1"/>
  <c r="T82187" i="1"/>
  <c r="T82188" i="1"/>
  <c r="T82189" i="1"/>
  <c r="T82190" i="1"/>
  <c r="T82191" i="1"/>
  <c r="T82192" i="1"/>
  <c r="T82193" i="1"/>
  <c r="T82194" i="1"/>
  <c r="T82195" i="1"/>
  <c r="T82196" i="1"/>
  <c r="T82197" i="1"/>
  <c r="T82198" i="1"/>
  <c r="T82199" i="1"/>
  <c r="T82200" i="1"/>
  <c r="T82201" i="1"/>
  <c r="T82202" i="1"/>
  <c r="T82203" i="1"/>
  <c r="T82204" i="1"/>
  <c r="T82205" i="1"/>
  <c r="T82206" i="1"/>
  <c r="T82207" i="1"/>
  <c r="T82208" i="1"/>
  <c r="T82209" i="1"/>
  <c r="T82210" i="1"/>
  <c r="T82211" i="1"/>
  <c r="T82212" i="1"/>
  <c r="T82213" i="1"/>
  <c r="T82214" i="1"/>
  <c r="T82215" i="1"/>
  <c r="T82216" i="1"/>
  <c r="T82217" i="1"/>
  <c r="T82218" i="1"/>
  <c r="T82219" i="1"/>
  <c r="T82220" i="1"/>
  <c r="T82221" i="1"/>
  <c r="T82222" i="1"/>
  <c r="T82223" i="1"/>
  <c r="T82224" i="1"/>
  <c r="T82225" i="1"/>
  <c r="T82226" i="1"/>
  <c r="T82227" i="1"/>
  <c r="T82228" i="1"/>
  <c r="T82229" i="1"/>
  <c r="T82230" i="1"/>
  <c r="T82231" i="1"/>
  <c r="T82232" i="1"/>
  <c r="T82233" i="1"/>
  <c r="T82234" i="1"/>
  <c r="T82235" i="1"/>
  <c r="T82236" i="1"/>
  <c r="T82237" i="1"/>
  <c r="T82238" i="1"/>
  <c r="T82239" i="1"/>
  <c r="T82240" i="1"/>
  <c r="T82241" i="1"/>
  <c r="T82242" i="1"/>
  <c r="T82243" i="1"/>
  <c r="T82244" i="1"/>
  <c r="T82245" i="1"/>
  <c r="T82246" i="1"/>
  <c r="T82247" i="1"/>
  <c r="T82248" i="1"/>
  <c r="T82249" i="1"/>
  <c r="T82250" i="1"/>
  <c r="T82251" i="1"/>
  <c r="T82252" i="1"/>
  <c r="T82253" i="1"/>
  <c r="T82254" i="1"/>
  <c r="T82255" i="1"/>
  <c r="T82256" i="1"/>
  <c r="T82257" i="1"/>
  <c r="T82258" i="1"/>
  <c r="T82259" i="1"/>
  <c r="T82260" i="1"/>
  <c r="T82261" i="1"/>
  <c r="T82262" i="1"/>
  <c r="T82263" i="1"/>
  <c r="T82264" i="1"/>
  <c r="T82265" i="1"/>
  <c r="T82266" i="1"/>
  <c r="T82267" i="1"/>
  <c r="T82268" i="1"/>
  <c r="T82269" i="1"/>
  <c r="T82270" i="1"/>
  <c r="T82271" i="1"/>
  <c r="T82272" i="1"/>
  <c r="T82273" i="1"/>
  <c r="T82274" i="1"/>
  <c r="T82275" i="1"/>
  <c r="T82276" i="1"/>
  <c r="T82277" i="1"/>
  <c r="T82278" i="1"/>
  <c r="T82279" i="1"/>
  <c r="T82280" i="1"/>
  <c r="T82281" i="1"/>
  <c r="T82282" i="1"/>
  <c r="T82283" i="1"/>
  <c r="T82284" i="1"/>
  <c r="T82285" i="1"/>
  <c r="T82286" i="1"/>
  <c r="T82287" i="1"/>
  <c r="T82288" i="1"/>
  <c r="T82289" i="1"/>
  <c r="T82290" i="1"/>
  <c r="T82291" i="1"/>
  <c r="T82292" i="1"/>
  <c r="T82293" i="1"/>
  <c r="T82294" i="1"/>
  <c r="T82295" i="1"/>
  <c r="T82296" i="1"/>
  <c r="T82297" i="1"/>
  <c r="T82298" i="1"/>
  <c r="T82299" i="1"/>
  <c r="T82300" i="1"/>
  <c r="T82301" i="1"/>
  <c r="T82302" i="1"/>
  <c r="T82303" i="1"/>
  <c r="T82304" i="1"/>
  <c r="T82305" i="1"/>
  <c r="T82306" i="1"/>
  <c r="T82307" i="1"/>
  <c r="T82308" i="1"/>
  <c r="T82309" i="1"/>
  <c r="T82310" i="1"/>
  <c r="T82311" i="1"/>
  <c r="T82312" i="1"/>
  <c r="T82313" i="1"/>
  <c r="T82314" i="1"/>
  <c r="T82315" i="1"/>
  <c r="T82316" i="1"/>
  <c r="T82317" i="1"/>
  <c r="T82318" i="1"/>
  <c r="T82319" i="1"/>
  <c r="T82320" i="1"/>
  <c r="T82321" i="1"/>
  <c r="T82322" i="1"/>
  <c r="T82323" i="1"/>
  <c r="T82324" i="1"/>
  <c r="T82325" i="1"/>
  <c r="T82326" i="1"/>
  <c r="T82327" i="1"/>
  <c r="T82328" i="1"/>
  <c r="T82329" i="1"/>
  <c r="T82330" i="1"/>
  <c r="T82331" i="1"/>
  <c r="T82332" i="1"/>
  <c r="T82333" i="1"/>
  <c r="T82334" i="1"/>
  <c r="T82335" i="1"/>
  <c r="T82336" i="1"/>
  <c r="T82337" i="1"/>
  <c r="T82338" i="1"/>
  <c r="T82339" i="1"/>
  <c r="T82340" i="1"/>
  <c r="T82341" i="1"/>
  <c r="T82342" i="1"/>
  <c r="T82343" i="1"/>
  <c r="T82344" i="1"/>
  <c r="T82345" i="1"/>
  <c r="T82346" i="1"/>
  <c r="T82347" i="1"/>
  <c r="T82348" i="1"/>
  <c r="T82349" i="1"/>
  <c r="T82350" i="1"/>
  <c r="T82351" i="1"/>
  <c r="T82352" i="1"/>
  <c r="T82353" i="1"/>
  <c r="T82354" i="1"/>
  <c r="T82355" i="1"/>
  <c r="T82356" i="1"/>
  <c r="T82357" i="1"/>
  <c r="T82358" i="1"/>
  <c r="T82359" i="1"/>
  <c r="T82360" i="1"/>
  <c r="T82361" i="1"/>
  <c r="T82362" i="1"/>
  <c r="T82363" i="1"/>
  <c r="T82364" i="1"/>
  <c r="T82365" i="1"/>
  <c r="T82366" i="1"/>
  <c r="T82367" i="1"/>
  <c r="T82368" i="1"/>
  <c r="T82369" i="1"/>
  <c r="T82370" i="1"/>
  <c r="T82371" i="1"/>
  <c r="T82372" i="1"/>
  <c r="T82373" i="1"/>
  <c r="T82374" i="1"/>
  <c r="T82375" i="1"/>
  <c r="T82376" i="1"/>
  <c r="T82377" i="1"/>
  <c r="T82378" i="1"/>
  <c r="T82379" i="1"/>
  <c r="T82380" i="1"/>
  <c r="T82381" i="1"/>
  <c r="T82382" i="1"/>
  <c r="T82383" i="1"/>
  <c r="T82384" i="1"/>
  <c r="T82385" i="1"/>
  <c r="T82386" i="1"/>
  <c r="T82387" i="1"/>
  <c r="T82388" i="1"/>
  <c r="T82389" i="1"/>
  <c r="T82390" i="1"/>
  <c r="T82391" i="1"/>
  <c r="T82392" i="1"/>
  <c r="T82393" i="1"/>
  <c r="T82394" i="1"/>
  <c r="T82395" i="1"/>
  <c r="T82396" i="1"/>
  <c r="T82397" i="1"/>
  <c r="T82398" i="1"/>
  <c r="T82399" i="1"/>
  <c r="T82400" i="1"/>
  <c r="T82401" i="1"/>
  <c r="T82402" i="1"/>
  <c r="T82403" i="1"/>
  <c r="T82404" i="1"/>
  <c r="T82405" i="1"/>
  <c r="T82406" i="1"/>
  <c r="T82407" i="1"/>
  <c r="T82408" i="1"/>
  <c r="T82409" i="1"/>
  <c r="T82410" i="1"/>
  <c r="T82411" i="1"/>
  <c r="T82412" i="1"/>
  <c r="T82413" i="1"/>
  <c r="T82414" i="1"/>
  <c r="T82415" i="1"/>
  <c r="T82416" i="1"/>
  <c r="T82417" i="1"/>
  <c r="T82418" i="1"/>
  <c r="T82419" i="1"/>
  <c r="T82420" i="1"/>
  <c r="T82421" i="1"/>
  <c r="T82422" i="1"/>
  <c r="T82423" i="1"/>
  <c r="T82424" i="1"/>
  <c r="T82425" i="1"/>
  <c r="T82426" i="1"/>
  <c r="T82427" i="1"/>
  <c r="T82428" i="1"/>
  <c r="T82429" i="1"/>
  <c r="T82430" i="1"/>
  <c r="T82431" i="1"/>
  <c r="T82432" i="1"/>
  <c r="T82433" i="1"/>
  <c r="T82434" i="1"/>
  <c r="T82435" i="1"/>
  <c r="T82436" i="1"/>
  <c r="T82437" i="1"/>
  <c r="T82438" i="1"/>
  <c r="T82439" i="1"/>
  <c r="T82440" i="1"/>
  <c r="T82441" i="1"/>
  <c r="T82442" i="1"/>
  <c r="T82443" i="1"/>
  <c r="T82444" i="1"/>
  <c r="T82445" i="1"/>
  <c r="T82446" i="1"/>
  <c r="T82447" i="1"/>
  <c r="T82448" i="1"/>
  <c r="T82449" i="1"/>
  <c r="T82450" i="1"/>
  <c r="T82451" i="1"/>
  <c r="T82452" i="1"/>
  <c r="T82453" i="1"/>
  <c r="T82454" i="1"/>
  <c r="T82455" i="1"/>
  <c r="T82456" i="1"/>
  <c r="T82457" i="1"/>
  <c r="T82458" i="1"/>
  <c r="T82459" i="1"/>
  <c r="T82460" i="1"/>
  <c r="T82461" i="1"/>
  <c r="T82462" i="1"/>
  <c r="T82463" i="1"/>
  <c r="T82464" i="1"/>
  <c r="T82465" i="1"/>
  <c r="T82466" i="1"/>
  <c r="T82467" i="1"/>
  <c r="T82468" i="1"/>
  <c r="T82469" i="1"/>
  <c r="T82470" i="1"/>
  <c r="T82471" i="1"/>
  <c r="T82472" i="1"/>
  <c r="T82473" i="1"/>
  <c r="T82474" i="1"/>
  <c r="T82475" i="1"/>
  <c r="T82476" i="1"/>
  <c r="T82477" i="1"/>
  <c r="T82478" i="1"/>
  <c r="T82479" i="1"/>
  <c r="T82480" i="1"/>
  <c r="T82481" i="1"/>
  <c r="T82482" i="1"/>
  <c r="T82483" i="1"/>
  <c r="T82484" i="1"/>
  <c r="T82485" i="1"/>
  <c r="T82486" i="1"/>
  <c r="T82487" i="1"/>
  <c r="T82488" i="1"/>
  <c r="T82489" i="1"/>
  <c r="T82490" i="1"/>
  <c r="T82491" i="1"/>
  <c r="T82492" i="1"/>
  <c r="T82493" i="1"/>
  <c r="T82494" i="1"/>
  <c r="T82495" i="1"/>
  <c r="T82496" i="1"/>
  <c r="T82497" i="1"/>
  <c r="T82498" i="1"/>
  <c r="T82499" i="1"/>
  <c r="T82500" i="1"/>
  <c r="T82501" i="1"/>
  <c r="T82502" i="1"/>
  <c r="T82503" i="1"/>
  <c r="T82504" i="1"/>
  <c r="T82505" i="1"/>
  <c r="T82506" i="1"/>
  <c r="T82507" i="1"/>
  <c r="T82508" i="1"/>
  <c r="T82509" i="1"/>
  <c r="T82510" i="1"/>
  <c r="T82511" i="1"/>
  <c r="T82512" i="1"/>
  <c r="T82513" i="1"/>
  <c r="T82514" i="1"/>
  <c r="T82515" i="1"/>
  <c r="T82516" i="1"/>
  <c r="T82517" i="1"/>
  <c r="T82518" i="1"/>
  <c r="T82519" i="1"/>
  <c r="T82520" i="1"/>
  <c r="T82521" i="1"/>
  <c r="T82522" i="1"/>
  <c r="T82523" i="1"/>
  <c r="T82524" i="1"/>
  <c r="T82525" i="1"/>
  <c r="T82526" i="1"/>
  <c r="T82527" i="1"/>
  <c r="T82528" i="1"/>
  <c r="T82529" i="1"/>
  <c r="T82530" i="1"/>
  <c r="T82531" i="1"/>
  <c r="T82532" i="1"/>
  <c r="T82533" i="1"/>
  <c r="T82534" i="1"/>
  <c r="T82535" i="1"/>
  <c r="T82536" i="1"/>
  <c r="T82537" i="1"/>
  <c r="T82538" i="1"/>
  <c r="T82539" i="1"/>
  <c r="T82540" i="1"/>
  <c r="T82541" i="1"/>
  <c r="T82542" i="1"/>
  <c r="T82543" i="1"/>
  <c r="T82544" i="1"/>
  <c r="T82545" i="1"/>
  <c r="T82546" i="1"/>
  <c r="T82547" i="1"/>
  <c r="T82548" i="1"/>
  <c r="T82549" i="1"/>
  <c r="T82550" i="1"/>
  <c r="T82551" i="1"/>
  <c r="T82552" i="1"/>
  <c r="T82553" i="1"/>
  <c r="T82554" i="1"/>
  <c r="T82555" i="1"/>
  <c r="T82556" i="1"/>
  <c r="T82557" i="1"/>
  <c r="T82558" i="1"/>
  <c r="T82559" i="1"/>
  <c r="T82560" i="1"/>
  <c r="T82561" i="1"/>
  <c r="T82562" i="1"/>
  <c r="T82563" i="1"/>
  <c r="T82564" i="1"/>
  <c r="T82565" i="1"/>
  <c r="T82566" i="1"/>
  <c r="T82567" i="1"/>
  <c r="T82568" i="1"/>
  <c r="T82569" i="1"/>
  <c r="T82570" i="1"/>
  <c r="T82571" i="1"/>
  <c r="T82572" i="1"/>
  <c r="T82573" i="1"/>
  <c r="T82574" i="1"/>
  <c r="T82575" i="1"/>
  <c r="T82576" i="1"/>
  <c r="T82577" i="1"/>
  <c r="T82578" i="1"/>
  <c r="T82579" i="1"/>
  <c r="T82580" i="1"/>
  <c r="T82581" i="1"/>
  <c r="T82582" i="1"/>
  <c r="T82583" i="1"/>
  <c r="T82584" i="1"/>
  <c r="T82585" i="1"/>
  <c r="T82586" i="1"/>
  <c r="T82587" i="1"/>
  <c r="T82588" i="1"/>
  <c r="T82589" i="1"/>
  <c r="T82590" i="1"/>
  <c r="T82591" i="1"/>
  <c r="T82592" i="1"/>
  <c r="T82593" i="1"/>
  <c r="T82594" i="1"/>
  <c r="T82595" i="1"/>
  <c r="T82596" i="1"/>
  <c r="T82597" i="1"/>
  <c r="T82598" i="1"/>
  <c r="T82599" i="1"/>
  <c r="T82600" i="1"/>
  <c r="T82601" i="1"/>
  <c r="T82602" i="1"/>
  <c r="T82603" i="1"/>
  <c r="T82604" i="1"/>
  <c r="T82605" i="1"/>
  <c r="T82606" i="1"/>
  <c r="T82607" i="1"/>
  <c r="T82608" i="1"/>
  <c r="T82609" i="1"/>
  <c r="T82610" i="1"/>
  <c r="T82611" i="1"/>
  <c r="T82612" i="1"/>
  <c r="T82613" i="1"/>
  <c r="T82614" i="1"/>
  <c r="T82615" i="1"/>
  <c r="T82616" i="1"/>
  <c r="T82617" i="1"/>
  <c r="T82618" i="1"/>
  <c r="T82619" i="1"/>
  <c r="T82620" i="1"/>
  <c r="T82621" i="1"/>
  <c r="T82622" i="1"/>
  <c r="T82623" i="1"/>
  <c r="T82624" i="1"/>
  <c r="T82625" i="1"/>
  <c r="T82626" i="1"/>
  <c r="T82627" i="1"/>
  <c r="T82628" i="1"/>
  <c r="T82629" i="1"/>
  <c r="T82630" i="1"/>
  <c r="T82631" i="1"/>
  <c r="T82632" i="1"/>
  <c r="T82633" i="1"/>
  <c r="T82634" i="1"/>
  <c r="T82635" i="1"/>
  <c r="T82636" i="1"/>
  <c r="T82637" i="1"/>
  <c r="T82638" i="1"/>
  <c r="T82639" i="1"/>
  <c r="T82640" i="1"/>
  <c r="T82641" i="1"/>
  <c r="T82642" i="1"/>
  <c r="T82643" i="1"/>
  <c r="T82644" i="1"/>
  <c r="T82645" i="1"/>
  <c r="T82646" i="1"/>
  <c r="T82647" i="1"/>
  <c r="T82648" i="1"/>
  <c r="T82649" i="1"/>
  <c r="T82650" i="1"/>
  <c r="T82651" i="1"/>
  <c r="T82652" i="1"/>
  <c r="T82653" i="1"/>
  <c r="T82654" i="1"/>
  <c r="T82655" i="1"/>
  <c r="T82656" i="1"/>
  <c r="T82657" i="1"/>
  <c r="T82658" i="1"/>
  <c r="T82659" i="1"/>
  <c r="T82660" i="1"/>
  <c r="T82661" i="1"/>
  <c r="T82662" i="1"/>
  <c r="T82663" i="1"/>
  <c r="T82664" i="1"/>
  <c r="T82665" i="1"/>
  <c r="T82666" i="1"/>
  <c r="T82667" i="1"/>
  <c r="T82668" i="1"/>
  <c r="T82669" i="1"/>
  <c r="T82670" i="1"/>
  <c r="T82671" i="1"/>
  <c r="T82672" i="1"/>
  <c r="T82673" i="1"/>
  <c r="T82674" i="1"/>
  <c r="T82675" i="1"/>
  <c r="T82676" i="1"/>
  <c r="T82677" i="1"/>
  <c r="T82678" i="1"/>
  <c r="T82679" i="1"/>
  <c r="T82680" i="1"/>
  <c r="T82681" i="1"/>
  <c r="T82682" i="1"/>
  <c r="T82683" i="1"/>
  <c r="T82684" i="1"/>
  <c r="T82685" i="1"/>
  <c r="T82686" i="1"/>
  <c r="T82687" i="1"/>
  <c r="T82688" i="1"/>
  <c r="T82689" i="1"/>
  <c r="T82690" i="1"/>
  <c r="T82691" i="1"/>
  <c r="T82692" i="1"/>
  <c r="T82693" i="1"/>
  <c r="T82694" i="1"/>
  <c r="T82695" i="1"/>
  <c r="T82696" i="1"/>
  <c r="T82697" i="1"/>
  <c r="T82698" i="1"/>
  <c r="T82699" i="1"/>
  <c r="T82700" i="1"/>
  <c r="T82701" i="1"/>
  <c r="T82702" i="1"/>
  <c r="T82703" i="1"/>
  <c r="T82704" i="1"/>
  <c r="T82705" i="1"/>
  <c r="T82706" i="1"/>
  <c r="T82707" i="1"/>
  <c r="T82708" i="1"/>
  <c r="T82709" i="1"/>
  <c r="T82710" i="1"/>
  <c r="T82711" i="1"/>
  <c r="T82712" i="1"/>
  <c r="T82713" i="1"/>
  <c r="T82714" i="1"/>
  <c r="T82715" i="1"/>
  <c r="T82716" i="1"/>
  <c r="T82717" i="1"/>
  <c r="T82718" i="1"/>
  <c r="T82719" i="1"/>
  <c r="T82720" i="1"/>
  <c r="T82721" i="1"/>
  <c r="T82722" i="1"/>
  <c r="T82723" i="1"/>
  <c r="T82724" i="1"/>
  <c r="T82725" i="1"/>
  <c r="T82726" i="1"/>
  <c r="T82727" i="1"/>
  <c r="T82728" i="1"/>
  <c r="T82729" i="1"/>
  <c r="T82730" i="1"/>
  <c r="T82731" i="1"/>
  <c r="T82732" i="1"/>
  <c r="T82733" i="1"/>
  <c r="T82734" i="1"/>
  <c r="T82735" i="1"/>
  <c r="T82736" i="1"/>
  <c r="T82737" i="1"/>
  <c r="T82738" i="1"/>
  <c r="T82739" i="1"/>
  <c r="T82740" i="1"/>
  <c r="T82741" i="1"/>
  <c r="T82742" i="1"/>
  <c r="T82743" i="1"/>
  <c r="T82744" i="1"/>
  <c r="T82745" i="1"/>
  <c r="T82746" i="1"/>
  <c r="T82747" i="1"/>
  <c r="T82748" i="1"/>
  <c r="T82749" i="1"/>
  <c r="T82750" i="1"/>
  <c r="T82751" i="1"/>
  <c r="T82752" i="1"/>
  <c r="T82753" i="1"/>
  <c r="T82754" i="1"/>
  <c r="T82755" i="1"/>
  <c r="T82756" i="1"/>
  <c r="T82757" i="1"/>
  <c r="T82758" i="1"/>
  <c r="T82759" i="1"/>
  <c r="T82760" i="1"/>
  <c r="T82761" i="1"/>
  <c r="T82762" i="1"/>
  <c r="T82763" i="1"/>
  <c r="T82764" i="1"/>
  <c r="T82765" i="1"/>
  <c r="T82766" i="1"/>
  <c r="T82767" i="1"/>
  <c r="T82768" i="1"/>
  <c r="T82769" i="1"/>
  <c r="T82770" i="1"/>
  <c r="T82771" i="1"/>
  <c r="T82772" i="1"/>
  <c r="T82773" i="1"/>
  <c r="T82774" i="1"/>
  <c r="T82775" i="1"/>
  <c r="T82776" i="1"/>
  <c r="T82777" i="1"/>
  <c r="T82778" i="1"/>
  <c r="T82779" i="1"/>
  <c r="T82780" i="1"/>
  <c r="T82781" i="1"/>
  <c r="T82782" i="1"/>
  <c r="T82783" i="1"/>
  <c r="T82784" i="1"/>
  <c r="T82785" i="1"/>
  <c r="T82786" i="1"/>
  <c r="T82787" i="1"/>
  <c r="T82788" i="1"/>
  <c r="T82789" i="1"/>
  <c r="T82790" i="1"/>
  <c r="T82791" i="1"/>
  <c r="T82792" i="1"/>
  <c r="T82793" i="1"/>
  <c r="T82794" i="1"/>
  <c r="T82795" i="1"/>
  <c r="T82796" i="1"/>
  <c r="T82797" i="1"/>
  <c r="T82798" i="1"/>
  <c r="T82799" i="1"/>
  <c r="T82800" i="1"/>
  <c r="T82801" i="1"/>
  <c r="T82802" i="1"/>
  <c r="T82803" i="1"/>
  <c r="T82804" i="1"/>
  <c r="T82805" i="1"/>
  <c r="T82806" i="1"/>
  <c r="T82807" i="1"/>
  <c r="T82808" i="1"/>
  <c r="T82809" i="1"/>
  <c r="T82810" i="1"/>
  <c r="T82811" i="1"/>
  <c r="T82812" i="1"/>
  <c r="T82813" i="1"/>
  <c r="T82814" i="1"/>
  <c r="T82815" i="1"/>
  <c r="T82816" i="1"/>
  <c r="T82817" i="1"/>
  <c r="T82818" i="1"/>
  <c r="T82819" i="1"/>
  <c r="T82820" i="1"/>
  <c r="T82821" i="1"/>
  <c r="T82822" i="1"/>
  <c r="T82823" i="1"/>
  <c r="T82824" i="1"/>
  <c r="T82825" i="1"/>
  <c r="T82826" i="1"/>
  <c r="T82827" i="1"/>
  <c r="T82828" i="1"/>
  <c r="T82829" i="1"/>
  <c r="T82830" i="1"/>
  <c r="T82831" i="1"/>
  <c r="T82832" i="1"/>
  <c r="T82833" i="1"/>
  <c r="T82834" i="1"/>
  <c r="T82835" i="1"/>
  <c r="T82836" i="1"/>
  <c r="T82837" i="1"/>
  <c r="T82838" i="1"/>
  <c r="T82839" i="1"/>
  <c r="T82840" i="1"/>
  <c r="T82841" i="1"/>
  <c r="T82842" i="1"/>
  <c r="T82843" i="1"/>
  <c r="T82844" i="1"/>
  <c r="T82845" i="1"/>
  <c r="T82846" i="1"/>
  <c r="T82847" i="1"/>
  <c r="T82848" i="1"/>
  <c r="T82849" i="1"/>
  <c r="T82850" i="1"/>
  <c r="T82851" i="1"/>
  <c r="T82852" i="1"/>
  <c r="T82853" i="1"/>
  <c r="T82854" i="1"/>
  <c r="T82855" i="1"/>
  <c r="T82856" i="1"/>
  <c r="T82857" i="1"/>
  <c r="T82858" i="1"/>
  <c r="T82859" i="1"/>
  <c r="T82860" i="1"/>
  <c r="T82861" i="1"/>
  <c r="T82862" i="1"/>
  <c r="T82863" i="1"/>
  <c r="T82864" i="1"/>
  <c r="T82865" i="1"/>
  <c r="T82866" i="1"/>
  <c r="T82867" i="1"/>
  <c r="T82868" i="1"/>
  <c r="T82869" i="1"/>
  <c r="T82870" i="1"/>
  <c r="T82871" i="1"/>
  <c r="T82872" i="1"/>
  <c r="T82873" i="1"/>
  <c r="T82874" i="1"/>
  <c r="T82875" i="1"/>
  <c r="T82876" i="1"/>
  <c r="T82877" i="1"/>
  <c r="T82878" i="1"/>
  <c r="T82879" i="1"/>
  <c r="T82880" i="1"/>
  <c r="T82881" i="1"/>
  <c r="T82882" i="1"/>
  <c r="T82883" i="1"/>
  <c r="T82884" i="1"/>
  <c r="T82885" i="1"/>
  <c r="T82886" i="1"/>
  <c r="T82887" i="1"/>
  <c r="T82888" i="1"/>
  <c r="T82889" i="1"/>
  <c r="T82890" i="1"/>
  <c r="T82891" i="1"/>
  <c r="T82892" i="1"/>
  <c r="T82893" i="1"/>
  <c r="T82894" i="1"/>
  <c r="T82895" i="1"/>
  <c r="T82896" i="1"/>
  <c r="T82897" i="1"/>
  <c r="T82898" i="1"/>
  <c r="T82899" i="1"/>
  <c r="T82900" i="1"/>
  <c r="T82901" i="1"/>
  <c r="T82902" i="1"/>
  <c r="T82903" i="1"/>
  <c r="T82904" i="1"/>
  <c r="T82905" i="1"/>
  <c r="T82906" i="1"/>
  <c r="T82907" i="1"/>
  <c r="T82908" i="1"/>
  <c r="T82909" i="1"/>
  <c r="T82910" i="1"/>
  <c r="T82911" i="1"/>
  <c r="T82912" i="1"/>
  <c r="T82913" i="1"/>
  <c r="T82914" i="1"/>
  <c r="T82915" i="1"/>
  <c r="T82916" i="1"/>
  <c r="T82917" i="1"/>
  <c r="T82918" i="1"/>
  <c r="T82919" i="1"/>
  <c r="T82920" i="1"/>
  <c r="T82921" i="1"/>
  <c r="T82922" i="1"/>
  <c r="T82923" i="1"/>
  <c r="T82924" i="1"/>
  <c r="T82925" i="1"/>
  <c r="T82926" i="1"/>
  <c r="T82927" i="1"/>
  <c r="T82928" i="1"/>
  <c r="T82929" i="1"/>
  <c r="T82930" i="1"/>
  <c r="T82931" i="1"/>
  <c r="T82932" i="1"/>
  <c r="T82933" i="1"/>
  <c r="T82934" i="1"/>
  <c r="T82935" i="1"/>
  <c r="T82936" i="1"/>
  <c r="T82937" i="1"/>
  <c r="T82938" i="1"/>
  <c r="T82939" i="1"/>
  <c r="T82940" i="1"/>
  <c r="T82941" i="1"/>
  <c r="T82942" i="1"/>
  <c r="T82943" i="1"/>
  <c r="T82944" i="1"/>
  <c r="T82945" i="1"/>
  <c r="T82946" i="1"/>
  <c r="T82947" i="1"/>
  <c r="T82948" i="1"/>
  <c r="T82949" i="1"/>
  <c r="T82950" i="1"/>
  <c r="T82951" i="1"/>
  <c r="T82952" i="1"/>
  <c r="T82953" i="1"/>
  <c r="T82954" i="1"/>
  <c r="T82955" i="1"/>
  <c r="T82956" i="1"/>
  <c r="T82957" i="1"/>
  <c r="T82958" i="1"/>
  <c r="T82959" i="1"/>
  <c r="T82960" i="1"/>
  <c r="T82961" i="1"/>
  <c r="T82962" i="1"/>
  <c r="T82963" i="1"/>
  <c r="T82964" i="1"/>
  <c r="T82965" i="1"/>
  <c r="T82966" i="1"/>
  <c r="T82967" i="1"/>
  <c r="T82968" i="1"/>
  <c r="T82969" i="1"/>
  <c r="T82970" i="1"/>
  <c r="T82971" i="1"/>
  <c r="T82972" i="1"/>
  <c r="T82973" i="1"/>
  <c r="T82974" i="1"/>
  <c r="T82975" i="1"/>
  <c r="T82976" i="1"/>
  <c r="T82977" i="1"/>
  <c r="T82978" i="1"/>
  <c r="T82979" i="1"/>
  <c r="T82980" i="1"/>
  <c r="T82981" i="1"/>
  <c r="T82982" i="1"/>
  <c r="T82983" i="1"/>
  <c r="T82984" i="1"/>
  <c r="T82985" i="1"/>
  <c r="T82986" i="1"/>
  <c r="T82987" i="1"/>
  <c r="T82988" i="1"/>
  <c r="T82989" i="1"/>
  <c r="T82990" i="1"/>
  <c r="T82991" i="1"/>
  <c r="T82992" i="1"/>
  <c r="T82993" i="1"/>
  <c r="T82994" i="1"/>
  <c r="T82995" i="1"/>
  <c r="T82996" i="1"/>
  <c r="T82997" i="1"/>
  <c r="T82998" i="1"/>
  <c r="T82999" i="1"/>
  <c r="T83000" i="1"/>
  <c r="T83001" i="1"/>
  <c r="T83002" i="1"/>
  <c r="T83003" i="1"/>
  <c r="T83004" i="1"/>
  <c r="T83005" i="1"/>
  <c r="T83006" i="1"/>
  <c r="T83007" i="1"/>
  <c r="T83008" i="1"/>
  <c r="T83009" i="1"/>
  <c r="T83010" i="1"/>
  <c r="T83011" i="1"/>
  <c r="T83012" i="1"/>
  <c r="T83013" i="1"/>
  <c r="T83014" i="1"/>
  <c r="T83015" i="1"/>
  <c r="T83016" i="1"/>
  <c r="T83017" i="1"/>
  <c r="T83018" i="1"/>
  <c r="T83019" i="1"/>
  <c r="T83020" i="1"/>
  <c r="T83021" i="1"/>
  <c r="T83022" i="1"/>
  <c r="T83023" i="1"/>
  <c r="T83024" i="1"/>
  <c r="T83025" i="1"/>
  <c r="T83026" i="1"/>
  <c r="T83027" i="1"/>
  <c r="T83028" i="1"/>
  <c r="T83029" i="1"/>
  <c r="T83030" i="1"/>
  <c r="T83031" i="1"/>
  <c r="T83032" i="1"/>
  <c r="T83033" i="1"/>
  <c r="T83034" i="1"/>
  <c r="T83035" i="1"/>
  <c r="T83036" i="1"/>
  <c r="T83037" i="1"/>
  <c r="T83038" i="1"/>
  <c r="T83039" i="1"/>
  <c r="T83040" i="1"/>
  <c r="T83041" i="1"/>
  <c r="T83042" i="1"/>
  <c r="T83043" i="1"/>
  <c r="T83044" i="1"/>
  <c r="T83045" i="1"/>
  <c r="T83046" i="1"/>
  <c r="T83047" i="1"/>
  <c r="T83048" i="1"/>
  <c r="T83049" i="1"/>
  <c r="T83050" i="1"/>
  <c r="T83051" i="1"/>
  <c r="T83052" i="1"/>
  <c r="T83053" i="1"/>
  <c r="T83054" i="1"/>
  <c r="T83055" i="1"/>
  <c r="T83056" i="1"/>
  <c r="T83057" i="1"/>
  <c r="T83058" i="1"/>
  <c r="T83059" i="1"/>
  <c r="T83060" i="1"/>
  <c r="T83061" i="1"/>
  <c r="T83062" i="1"/>
  <c r="T83063" i="1"/>
  <c r="T83064" i="1"/>
  <c r="T83065" i="1"/>
  <c r="T83066" i="1"/>
  <c r="T83067" i="1"/>
  <c r="T83068" i="1"/>
  <c r="T83069" i="1"/>
  <c r="T83070" i="1"/>
  <c r="T83071" i="1"/>
  <c r="T83072" i="1"/>
  <c r="T83073" i="1"/>
  <c r="T83074" i="1"/>
  <c r="T83075" i="1"/>
  <c r="T83076" i="1"/>
  <c r="T83077" i="1"/>
  <c r="T83078" i="1"/>
  <c r="T83079" i="1"/>
  <c r="T83080" i="1"/>
  <c r="T83081" i="1"/>
  <c r="T83082" i="1"/>
  <c r="T83083" i="1"/>
  <c r="T83084" i="1"/>
  <c r="T83085" i="1"/>
  <c r="T83086" i="1"/>
  <c r="T83087" i="1"/>
  <c r="T83088" i="1"/>
  <c r="T83089" i="1"/>
  <c r="T83090" i="1"/>
  <c r="T83091" i="1"/>
  <c r="T83092" i="1"/>
  <c r="T83093" i="1"/>
  <c r="T83094" i="1"/>
  <c r="T83095" i="1"/>
  <c r="T83096" i="1"/>
  <c r="T83097" i="1"/>
  <c r="T83098" i="1"/>
  <c r="T83099" i="1"/>
  <c r="T83100" i="1"/>
  <c r="T83101" i="1"/>
  <c r="T83102" i="1"/>
  <c r="T83103" i="1"/>
  <c r="T83104" i="1"/>
  <c r="T83105" i="1"/>
  <c r="T83106" i="1"/>
  <c r="T83107" i="1"/>
  <c r="T83108" i="1"/>
  <c r="T83109" i="1"/>
  <c r="T83110" i="1"/>
  <c r="T83111" i="1"/>
  <c r="T83112" i="1"/>
  <c r="T83113" i="1"/>
  <c r="T83114" i="1"/>
  <c r="T83115" i="1"/>
  <c r="T83116" i="1"/>
  <c r="T83117" i="1"/>
  <c r="T83118" i="1"/>
  <c r="T83119" i="1"/>
  <c r="T83120" i="1"/>
  <c r="T83121" i="1"/>
  <c r="T83122" i="1"/>
  <c r="T83123" i="1"/>
  <c r="T83124" i="1"/>
  <c r="T83125" i="1"/>
  <c r="T83126" i="1"/>
  <c r="T83127" i="1"/>
  <c r="T83128" i="1"/>
  <c r="T83129" i="1"/>
  <c r="T83130" i="1"/>
  <c r="T83131" i="1"/>
  <c r="T83132" i="1"/>
  <c r="T83133" i="1"/>
  <c r="T83134" i="1"/>
  <c r="T83135" i="1"/>
  <c r="T83136" i="1"/>
  <c r="T83137" i="1"/>
  <c r="T83138" i="1"/>
  <c r="T83139" i="1"/>
  <c r="T83140" i="1"/>
  <c r="T83141" i="1"/>
  <c r="T83142" i="1"/>
  <c r="T83143" i="1"/>
  <c r="T83144" i="1"/>
  <c r="T83145" i="1"/>
  <c r="T83146" i="1"/>
  <c r="T83147" i="1"/>
  <c r="T83148" i="1"/>
  <c r="T83149" i="1"/>
  <c r="T83150" i="1"/>
  <c r="T83151" i="1"/>
  <c r="T83152" i="1"/>
  <c r="T83153" i="1"/>
  <c r="T83154" i="1"/>
  <c r="T83155" i="1"/>
  <c r="T83156" i="1"/>
  <c r="T83157" i="1"/>
  <c r="T83158" i="1"/>
  <c r="T83159" i="1"/>
  <c r="T83160" i="1"/>
  <c r="T83161" i="1"/>
  <c r="T83162" i="1"/>
  <c r="T83163" i="1"/>
  <c r="T83164" i="1"/>
  <c r="T83165" i="1"/>
  <c r="T83166" i="1"/>
  <c r="T83167" i="1"/>
  <c r="T83168" i="1"/>
  <c r="T83169" i="1"/>
  <c r="T83170" i="1"/>
  <c r="T83171" i="1"/>
  <c r="T83172" i="1"/>
  <c r="T83173" i="1"/>
  <c r="T83174" i="1"/>
  <c r="T83175" i="1"/>
  <c r="T83176" i="1"/>
  <c r="T83177" i="1"/>
  <c r="T83178" i="1"/>
  <c r="T83179" i="1"/>
  <c r="T83180" i="1"/>
  <c r="T83181" i="1"/>
  <c r="T83182" i="1"/>
  <c r="T83183" i="1"/>
  <c r="T83184" i="1"/>
  <c r="T83185" i="1"/>
  <c r="T83186" i="1"/>
  <c r="T83187" i="1"/>
  <c r="T83188" i="1"/>
  <c r="T83189" i="1"/>
  <c r="T83190" i="1"/>
  <c r="T83191" i="1"/>
  <c r="T83192" i="1"/>
  <c r="T83193" i="1"/>
  <c r="T83194" i="1"/>
  <c r="T83195" i="1"/>
  <c r="T83196" i="1"/>
  <c r="T83197" i="1"/>
  <c r="T83198" i="1"/>
  <c r="T83199" i="1"/>
  <c r="T83200" i="1"/>
  <c r="T83201" i="1"/>
  <c r="T83202" i="1"/>
  <c r="T83203" i="1"/>
  <c r="T83204" i="1"/>
  <c r="T83205" i="1"/>
  <c r="T83206" i="1"/>
  <c r="T83207" i="1"/>
  <c r="T83208" i="1"/>
  <c r="T83209" i="1"/>
  <c r="T83210" i="1"/>
  <c r="T83211" i="1"/>
  <c r="T83212" i="1"/>
  <c r="T83213" i="1"/>
  <c r="T83214" i="1"/>
  <c r="T83215" i="1"/>
  <c r="T83216" i="1"/>
  <c r="T83217" i="1"/>
  <c r="T83218" i="1"/>
  <c r="T83219" i="1"/>
  <c r="T83220" i="1"/>
  <c r="T83221" i="1"/>
  <c r="T83222" i="1"/>
  <c r="T83223" i="1"/>
  <c r="T83224" i="1"/>
  <c r="T83225" i="1"/>
  <c r="T83226" i="1"/>
  <c r="T83227" i="1"/>
  <c r="T83228" i="1"/>
  <c r="T83229" i="1"/>
  <c r="T83230" i="1"/>
  <c r="T83231" i="1"/>
  <c r="T83232" i="1"/>
  <c r="T83233" i="1"/>
  <c r="T83234" i="1"/>
  <c r="T83235" i="1"/>
  <c r="T83236" i="1"/>
  <c r="T83237" i="1"/>
  <c r="T83238" i="1"/>
  <c r="T83239" i="1"/>
  <c r="T83240" i="1"/>
  <c r="T83241" i="1"/>
  <c r="T83242" i="1"/>
  <c r="T83243" i="1"/>
  <c r="T83244" i="1"/>
  <c r="T83245" i="1"/>
  <c r="T83246" i="1"/>
  <c r="T83247" i="1"/>
  <c r="T83248" i="1"/>
  <c r="T83249" i="1"/>
  <c r="T83250" i="1"/>
  <c r="T83251" i="1"/>
  <c r="T83252" i="1"/>
  <c r="T83253" i="1"/>
  <c r="T83254" i="1"/>
  <c r="T83255" i="1"/>
  <c r="T83256" i="1"/>
  <c r="T83257" i="1"/>
  <c r="T83258" i="1"/>
  <c r="T83259" i="1"/>
  <c r="T83260" i="1"/>
  <c r="T83261" i="1"/>
  <c r="T83262" i="1"/>
  <c r="T83263" i="1"/>
  <c r="T83264" i="1"/>
  <c r="T83265" i="1"/>
  <c r="T83266" i="1"/>
  <c r="T83267" i="1"/>
  <c r="T83268" i="1"/>
  <c r="T83269" i="1"/>
  <c r="T83270" i="1"/>
  <c r="T83271" i="1"/>
  <c r="T83272" i="1"/>
  <c r="T83273" i="1"/>
  <c r="T83274" i="1"/>
  <c r="T83275" i="1"/>
  <c r="T83276" i="1"/>
  <c r="T83277" i="1"/>
  <c r="T83278" i="1"/>
  <c r="T83279" i="1"/>
  <c r="T83280" i="1"/>
  <c r="T83281" i="1"/>
  <c r="T83282" i="1"/>
  <c r="T83283" i="1"/>
  <c r="T83284" i="1"/>
  <c r="T83285" i="1"/>
  <c r="T83286" i="1"/>
  <c r="T83287" i="1"/>
  <c r="T83288" i="1"/>
  <c r="T83289" i="1"/>
  <c r="T83290" i="1"/>
  <c r="T83291" i="1"/>
  <c r="T83292" i="1"/>
  <c r="T83293" i="1"/>
  <c r="T83294" i="1"/>
  <c r="T83295" i="1"/>
  <c r="T83296" i="1"/>
  <c r="T83297" i="1"/>
  <c r="T83298" i="1"/>
  <c r="T83299" i="1"/>
  <c r="T83300" i="1"/>
  <c r="T83301" i="1"/>
  <c r="T83302" i="1"/>
  <c r="T83303" i="1"/>
  <c r="T83304" i="1"/>
  <c r="T83305" i="1"/>
  <c r="T83306" i="1"/>
  <c r="T83307" i="1"/>
  <c r="T83308" i="1"/>
  <c r="T83309" i="1"/>
  <c r="T83310" i="1"/>
  <c r="T83311" i="1"/>
  <c r="T83312" i="1"/>
  <c r="T83313" i="1"/>
  <c r="T83314" i="1"/>
  <c r="T83315" i="1"/>
  <c r="T83316" i="1"/>
  <c r="T83317" i="1"/>
  <c r="T83318" i="1"/>
  <c r="T83319" i="1"/>
  <c r="T83320" i="1"/>
  <c r="T83321" i="1"/>
  <c r="T83322" i="1"/>
  <c r="T83323" i="1"/>
  <c r="T83324" i="1"/>
  <c r="T83325" i="1"/>
  <c r="T83326" i="1"/>
  <c r="T83327" i="1"/>
  <c r="T83328" i="1"/>
  <c r="T83329" i="1"/>
  <c r="T83330" i="1"/>
  <c r="T83331" i="1"/>
  <c r="T83332" i="1"/>
  <c r="T83333" i="1"/>
  <c r="T83334" i="1"/>
  <c r="T83335" i="1"/>
  <c r="T83336" i="1"/>
  <c r="T83337" i="1"/>
  <c r="T83338" i="1"/>
  <c r="T83339" i="1"/>
  <c r="T83340" i="1"/>
  <c r="T83341" i="1"/>
  <c r="T83342" i="1"/>
  <c r="T83343" i="1"/>
  <c r="T83344" i="1"/>
  <c r="T83345" i="1"/>
  <c r="T83346" i="1"/>
  <c r="T83347" i="1"/>
  <c r="T83348" i="1"/>
  <c r="T83349" i="1"/>
  <c r="T83350" i="1"/>
  <c r="T83351" i="1"/>
  <c r="T83352" i="1"/>
  <c r="T83353" i="1"/>
  <c r="T83354" i="1"/>
  <c r="T83355" i="1"/>
  <c r="T83356" i="1"/>
  <c r="T83357" i="1"/>
  <c r="T83358" i="1"/>
  <c r="T83359" i="1"/>
  <c r="T83360" i="1"/>
  <c r="T83361" i="1"/>
  <c r="T83362" i="1"/>
  <c r="T83363" i="1"/>
  <c r="T83364" i="1"/>
  <c r="T83365" i="1"/>
  <c r="T83366" i="1"/>
  <c r="T83367" i="1"/>
  <c r="T83368" i="1"/>
  <c r="T83369" i="1"/>
  <c r="T83370" i="1"/>
  <c r="T83371" i="1"/>
  <c r="T83372" i="1"/>
  <c r="T83373" i="1"/>
  <c r="T83374" i="1"/>
  <c r="T83375" i="1"/>
  <c r="T83376" i="1"/>
  <c r="T83377" i="1"/>
  <c r="T83378" i="1"/>
  <c r="T83379" i="1"/>
  <c r="T83380" i="1"/>
  <c r="T83381" i="1"/>
  <c r="T83382" i="1"/>
  <c r="T83383" i="1"/>
  <c r="T83384" i="1"/>
  <c r="T83385" i="1"/>
  <c r="T83386" i="1"/>
  <c r="T83387" i="1"/>
  <c r="T83388" i="1"/>
  <c r="T83389" i="1"/>
  <c r="T83390" i="1"/>
  <c r="T83391" i="1"/>
  <c r="T83392" i="1"/>
  <c r="T83393" i="1"/>
  <c r="T83394" i="1"/>
  <c r="T83395" i="1"/>
  <c r="T83396" i="1"/>
  <c r="T83397" i="1"/>
  <c r="T83398" i="1"/>
  <c r="T83399" i="1"/>
  <c r="T83400" i="1"/>
  <c r="T83401" i="1"/>
  <c r="T83402" i="1"/>
  <c r="T83403" i="1"/>
  <c r="T83404" i="1"/>
  <c r="T83405" i="1"/>
  <c r="T83406" i="1"/>
  <c r="T83407" i="1"/>
  <c r="T83408" i="1"/>
  <c r="T83409" i="1"/>
  <c r="T83410" i="1"/>
  <c r="T83411" i="1"/>
  <c r="T83412" i="1"/>
  <c r="T83413" i="1"/>
  <c r="T83414" i="1"/>
  <c r="T83415" i="1"/>
  <c r="T83416" i="1"/>
  <c r="T83417" i="1"/>
  <c r="T83418" i="1"/>
  <c r="T83419" i="1"/>
  <c r="T83420" i="1"/>
  <c r="T83421" i="1"/>
  <c r="T83422" i="1"/>
  <c r="T83423" i="1"/>
  <c r="T83424" i="1"/>
  <c r="T83425" i="1"/>
  <c r="T83426" i="1"/>
  <c r="T83427" i="1"/>
  <c r="T83428" i="1"/>
  <c r="T83429" i="1"/>
  <c r="T83430" i="1"/>
  <c r="T83431" i="1"/>
  <c r="T83432" i="1"/>
  <c r="T83433" i="1"/>
  <c r="T83434" i="1"/>
  <c r="T83435" i="1"/>
  <c r="T83436" i="1"/>
  <c r="T83437" i="1"/>
  <c r="T83438" i="1"/>
  <c r="T83439" i="1"/>
  <c r="T83440" i="1"/>
  <c r="T83441" i="1"/>
  <c r="T83442" i="1"/>
  <c r="T83443" i="1"/>
  <c r="T83444" i="1"/>
  <c r="T83445" i="1"/>
  <c r="T83446" i="1"/>
  <c r="T83447" i="1"/>
  <c r="T83448" i="1"/>
  <c r="T83449" i="1"/>
  <c r="T83450" i="1"/>
  <c r="T83451" i="1"/>
  <c r="T83452" i="1"/>
  <c r="T83453" i="1"/>
  <c r="T83454" i="1"/>
  <c r="T83455" i="1"/>
  <c r="T83456" i="1"/>
  <c r="T83457" i="1"/>
  <c r="T83458" i="1"/>
  <c r="T83459" i="1"/>
  <c r="T83460" i="1"/>
  <c r="T83461" i="1"/>
  <c r="T83462" i="1"/>
  <c r="T83463" i="1"/>
  <c r="T83464" i="1"/>
  <c r="T83465" i="1"/>
  <c r="T83466" i="1"/>
  <c r="T83467" i="1"/>
  <c r="T83468" i="1"/>
  <c r="T83469" i="1"/>
  <c r="T83470" i="1"/>
  <c r="T83471" i="1"/>
  <c r="T83472" i="1"/>
  <c r="T83473" i="1"/>
  <c r="T83474" i="1"/>
  <c r="T83475" i="1"/>
  <c r="T83476" i="1"/>
  <c r="T83477" i="1"/>
  <c r="T83478" i="1"/>
  <c r="T83479" i="1"/>
  <c r="T83480" i="1"/>
  <c r="T83481" i="1"/>
  <c r="T83482" i="1"/>
  <c r="T83483" i="1"/>
  <c r="T83484" i="1"/>
  <c r="T83485" i="1"/>
  <c r="T83486" i="1"/>
  <c r="T83487" i="1"/>
  <c r="T83488" i="1"/>
  <c r="T83489" i="1"/>
  <c r="T83490" i="1"/>
  <c r="T83491" i="1"/>
  <c r="T83492" i="1"/>
  <c r="T83493" i="1"/>
  <c r="T83494" i="1"/>
  <c r="T83495" i="1"/>
  <c r="T83496" i="1"/>
  <c r="T83497" i="1"/>
  <c r="T83498" i="1"/>
  <c r="T83499" i="1"/>
  <c r="T83500" i="1"/>
  <c r="T83501" i="1"/>
  <c r="T83502" i="1"/>
  <c r="T83503" i="1"/>
  <c r="T83504" i="1"/>
  <c r="T83505" i="1"/>
  <c r="T83506" i="1"/>
  <c r="T83507" i="1"/>
  <c r="T83508" i="1"/>
  <c r="T83509" i="1"/>
  <c r="T83510" i="1"/>
  <c r="T83511" i="1"/>
  <c r="T83512" i="1"/>
  <c r="T83513" i="1"/>
  <c r="T83514" i="1"/>
  <c r="T83515" i="1"/>
  <c r="T83516" i="1"/>
  <c r="T83517" i="1"/>
  <c r="T83518" i="1"/>
  <c r="T83519" i="1"/>
  <c r="T83520" i="1"/>
  <c r="T83521" i="1"/>
  <c r="T83522" i="1"/>
  <c r="T83523" i="1"/>
  <c r="T83524" i="1"/>
  <c r="T83525" i="1"/>
  <c r="T83526" i="1"/>
  <c r="T83527" i="1"/>
  <c r="T83528" i="1"/>
  <c r="T83529" i="1"/>
  <c r="T83530" i="1"/>
  <c r="T83531" i="1"/>
  <c r="T83532" i="1"/>
  <c r="T83533" i="1"/>
  <c r="T83534" i="1"/>
  <c r="T83535" i="1"/>
  <c r="T83536" i="1"/>
  <c r="T83537" i="1"/>
  <c r="T83538" i="1"/>
  <c r="T83539" i="1"/>
  <c r="T83540" i="1"/>
  <c r="T83541" i="1"/>
  <c r="T83542" i="1"/>
  <c r="T83543" i="1"/>
  <c r="T83544" i="1"/>
  <c r="T83545" i="1"/>
  <c r="T83546" i="1"/>
  <c r="T83547" i="1"/>
  <c r="T83548" i="1"/>
  <c r="T83549" i="1"/>
  <c r="T83550" i="1"/>
  <c r="T83551" i="1"/>
  <c r="T83552" i="1"/>
  <c r="T83553" i="1"/>
  <c r="T83554" i="1"/>
  <c r="T83555" i="1"/>
  <c r="T83556" i="1"/>
  <c r="T83557" i="1"/>
  <c r="T83558" i="1"/>
  <c r="T83559" i="1"/>
  <c r="T83560" i="1"/>
  <c r="T83561" i="1"/>
  <c r="T83562" i="1"/>
  <c r="T83563" i="1"/>
  <c r="T83564" i="1"/>
  <c r="T83565" i="1"/>
  <c r="T83566" i="1"/>
  <c r="T83567" i="1"/>
  <c r="T83568" i="1"/>
  <c r="T83569" i="1"/>
  <c r="T83570" i="1"/>
  <c r="T83571" i="1"/>
  <c r="T83572" i="1"/>
  <c r="T83573" i="1"/>
  <c r="T83574" i="1"/>
  <c r="T83575" i="1"/>
  <c r="T83576" i="1"/>
  <c r="T83577" i="1"/>
  <c r="T83578" i="1"/>
  <c r="T83579" i="1"/>
  <c r="T83580" i="1"/>
  <c r="T83581" i="1"/>
  <c r="T83582" i="1"/>
  <c r="T83583" i="1"/>
  <c r="T83584" i="1"/>
  <c r="T83585" i="1"/>
  <c r="T83586" i="1"/>
  <c r="T83587" i="1"/>
  <c r="T83588" i="1"/>
  <c r="T83589" i="1"/>
  <c r="T83590" i="1"/>
  <c r="T83591" i="1"/>
  <c r="T83592" i="1"/>
  <c r="T83593" i="1"/>
  <c r="T83594" i="1"/>
  <c r="T83595" i="1"/>
  <c r="T83596" i="1"/>
  <c r="T83597" i="1"/>
  <c r="T83598" i="1"/>
  <c r="T83599" i="1"/>
  <c r="T83600" i="1"/>
  <c r="T83601" i="1"/>
  <c r="T83602" i="1"/>
  <c r="T83603" i="1"/>
  <c r="T83604" i="1"/>
  <c r="T83605" i="1"/>
  <c r="T83606" i="1"/>
  <c r="T83607" i="1"/>
  <c r="T83608" i="1"/>
  <c r="T83609" i="1"/>
  <c r="T83610" i="1"/>
  <c r="T83611" i="1"/>
  <c r="T83612" i="1"/>
  <c r="T83613" i="1"/>
  <c r="T83614" i="1"/>
  <c r="T83615" i="1"/>
  <c r="T83616" i="1"/>
  <c r="T83617" i="1"/>
  <c r="T83618" i="1"/>
  <c r="T83619" i="1"/>
  <c r="T83620" i="1"/>
  <c r="T83621" i="1"/>
  <c r="T83622" i="1"/>
  <c r="T83623" i="1"/>
  <c r="T83624" i="1"/>
  <c r="T83625" i="1"/>
  <c r="T83626" i="1"/>
  <c r="T83627" i="1"/>
  <c r="T83628" i="1"/>
  <c r="T83629" i="1"/>
  <c r="T83630" i="1"/>
  <c r="T83631" i="1"/>
  <c r="T83632" i="1"/>
  <c r="T83633" i="1"/>
  <c r="T83634" i="1"/>
  <c r="T83635" i="1"/>
  <c r="T83636" i="1"/>
  <c r="T83637" i="1"/>
  <c r="T83638" i="1"/>
  <c r="T83639" i="1"/>
  <c r="T83640" i="1"/>
  <c r="T83641" i="1"/>
  <c r="T83642" i="1"/>
  <c r="T83643" i="1"/>
  <c r="T83644" i="1"/>
  <c r="T83645" i="1"/>
  <c r="T83646" i="1"/>
  <c r="T83647" i="1"/>
  <c r="T83648" i="1"/>
  <c r="T83649" i="1"/>
  <c r="T83650" i="1"/>
  <c r="T83651" i="1"/>
  <c r="T83652" i="1"/>
  <c r="T83653" i="1"/>
  <c r="T83654" i="1"/>
  <c r="T83655" i="1"/>
  <c r="T83656" i="1"/>
  <c r="T83657" i="1"/>
  <c r="T83658" i="1"/>
  <c r="T83659" i="1"/>
  <c r="T83660" i="1"/>
  <c r="T83661" i="1"/>
  <c r="T83662" i="1"/>
  <c r="T83663" i="1"/>
  <c r="T83664" i="1"/>
  <c r="T83665" i="1"/>
  <c r="T83666" i="1"/>
  <c r="T83667" i="1"/>
  <c r="T83668" i="1"/>
  <c r="T83669" i="1"/>
  <c r="T83670" i="1"/>
  <c r="T83671" i="1"/>
  <c r="T83672" i="1"/>
  <c r="T83673" i="1"/>
  <c r="T83674" i="1"/>
  <c r="T83675" i="1"/>
  <c r="T83676" i="1"/>
  <c r="T83677" i="1"/>
  <c r="T83678" i="1"/>
  <c r="T83679" i="1"/>
  <c r="T83680" i="1"/>
  <c r="T83681" i="1"/>
  <c r="T83682" i="1"/>
  <c r="T83683" i="1"/>
  <c r="T83684" i="1"/>
  <c r="T83685" i="1"/>
  <c r="T83686" i="1"/>
  <c r="T83687" i="1"/>
  <c r="T83688" i="1"/>
  <c r="T83689" i="1"/>
  <c r="T83690" i="1"/>
  <c r="T83691" i="1"/>
  <c r="T83692" i="1"/>
  <c r="T83693" i="1"/>
  <c r="T83694" i="1"/>
  <c r="T83695" i="1"/>
  <c r="T83696" i="1"/>
  <c r="T83697" i="1"/>
  <c r="T83698" i="1"/>
  <c r="T83699" i="1"/>
  <c r="T83700" i="1"/>
  <c r="T83701" i="1"/>
  <c r="T83702" i="1"/>
  <c r="T83703" i="1"/>
  <c r="T83704" i="1"/>
  <c r="T83705" i="1"/>
  <c r="T83706" i="1"/>
  <c r="T83707" i="1"/>
  <c r="T83708" i="1"/>
  <c r="T83709" i="1"/>
  <c r="T83710" i="1"/>
  <c r="T83711" i="1"/>
  <c r="T83712" i="1"/>
  <c r="T83713" i="1"/>
  <c r="T83714" i="1"/>
  <c r="T83715" i="1"/>
  <c r="T83716" i="1"/>
  <c r="T83717" i="1"/>
  <c r="T83718" i="1"/>
  <c r="T83719" i="1"/>
  <c r="T83720" i="1"/>
  <c r="T83721" i="1"/>
  <c r="T83722" i="1"/>
  <c r="T83723" i="1"/>
  <c r="T83724" i="1"/>
  <c r="T83725" i="1"/>
  <c r="T83726" i="1"/>
  <c r="T83727" i="1"/>
  <c r="T83728" i="1"/>
  <c r="T83729" i="1"/>
  <c r="T83730" i="1"/>
  <c r="T83731" i="1"/>
  <c r="T83732" i="1"/>
  <c r="T83733" i="1"/>
  <c r="T83734" i="1"/>
  <c r="T83735" i="1"/>
  <c r="T83736" i="1"/>
  <c r="T83737" i="1"/>
  <c r="T83738" i="1"/>
  <c r="T83739" i="1"/>
  <c r="T83740" i="1"/>
  <c r="T83741" i="1"/>
  <c r="T83742" i="1"/>
  <c r="T83743" i="1"/>
  <c r="T83744" i="1"/>
  <c r="T83745" i="1"/>
  <c r="T83746" i="1"/>
  <c r="T83747" i="1"/>
  <c r="T83748" i="1"/>
  <c r="T83749" i="1"/>
  <c r="T83750" i="1"/>
  <c r="T83751" i="1"/>
  <c r="T83752" i="1"/>
  <c r="T83753" i="1"/>
  <c r="T83754" i="1"/>
  <c r="T83755" i="1"/>
  <c r="T83756" i="1"/>
  <c r="T83757" i="1"/>
  <c r="T83758" i="1"/>
  <c r="T83759" i="1"/>
  <c r="T83760" i="1"/>
  <c r="T83761" i="1"/>
  <c r="T83762" i="1"/>
  <c r="T83763" i="1"/>
  <c r="T83764" i="1"/>
  <c r="T83765" i="1"/>
  <c r="T83766" i="1"/>
  <c r="T83767" i="1"/>
  <c r="T83768" i="1"/>
  <c r="T83769" i="1"/>
  <c r="T83770" i="1"/>
  <c r="T83771" i="1"/>
  <c r="T83772" i="1"/>
  <c r="T83773" i="1"/>
  <c r="T83774" i="1"/>
  <c r="T83775" i="1"/>
  <c r="T83776" i="1"/>
  <c r="T83777" i="1"/>
  <c r="T83778" i="1"/>
  <c r="T83779" i="1"/>
  <c r="T83780" i="1"/>
  <c r="T83781" i="1"/>
  <c r="T83782" i="1"/>
  <c r="T83783" i="1"/>
  <c r="T83784" i="1"/>
  <c r="T83785" i="1"/>
  <c r="T83786" i="1"/>
  <c r="T83787" i="1"/>
  <c r="T83788" i="1"/>
  <c r="T83789" i="1"/>
  <c r="T83790" i="1"/>
  <c r="T83791" i="1"/>
  <c r="T83792" i="1"/>
  <c r="T83793" i="1"/>
  <c r="T83794" i="1"/>
  <c r="T83795" i="1"/>
  <c r="T83796" i="1"/>
  <c r="T83797" i="1"/>
  <c r="T83798" i="1"/>
  <c r="T83799" i="1"/>
  <c r="T83800" i="1"/>
  <c r="T83801" i="1"/>
  <c r="T83802" i="1"/>
  <c r="T83803" i="1"/>
  <c r="T83804" i="1"/>
  <c r="T83805" i="1"/>
  <c r="T83806" i="1"/>
  <c r="T83807" i="1"/>
  <c r="T83808" i="1"/>
  <c r="T83809" i="1"/>
  <c r="T83810" i="1"/>
  <c r="T83811" i="1"/>
  <c r="T83812" i="1"/>
  <c r="T83813" i="1"/>
  <c r="T83814" i="1"/>
  <c r="T83815" i="1"/>
  <c r="T83816" i="1"/>
  <c r="T83817" i="1"/>
  <c r="T83818" i="1"/>
  <c r="T83819" i="1"/>
  <c r="T83820" i="1"/>
  <c r="T83821" i="1"/>
  <c r="T83822" i="1"/>
  <c r="T83823" i="1"/>
  <c r="T83824" i="1"/>
  <c r="T83825" i="1"/>
  <c r="T83826" i="1"/>
  <c r="T83827" i="1"/>
  <c r="T83828" i="1"/>
  <c r="T83829" i="1"/>
  <c r="T83830" i="1"/>
  <c r="T83831" i="1"/>
  <c r="T83832" i="1"/>
  <c r="T83833" i="1"/>
  <c r="T83834" i="1"/>
  <c r="T83835" i="1"/>
  <c r="T83836" i="1"/>
  <c r="T83837" i="1"/>
  <c r="T83838" i="1"/>
  <c r="T83839" i="1"/>
  <c r="T83840" i="1"/>
  <c r="T83841" i="1"/>
  <c r="T83842" i="1"/>
  <c r="T83843" i="1"/>
  <c r="T83844" i="1"/>
  <c r="T83845" i="1"/>
  <c r="T83846" i="1"/>
  <c r="T83847" i="1"/>
  <c r="T83848" i="1"/>
  <c r="T83849" i="1"/>
  <c r="T83850" i="1"/>
  <c r="T83851" i="1"/>
  <c r="T83852" i="1"/>
  <c r="T83853" i="1"/>
  <c r="T83854" i="1"/>
  <c r="T83855" i="1"/>
  <c r="T83856" i="1"/>
  <c r="T83857" i="1"/>
  <c r="T83858" i="1"/>
  <c r="T83859" i="1"/>
  <c r="T83860" i="1"/>
  <c r="T83861" i="1"/>
  <c r="T83862" i="1"/>
  <c r="T83863" i="1"/>
  <c r="T83864" i="1"/>
  <c r="T83865" i="1"/>
  <c r="T83866" i="1"/>
  <c r="T83867" i="1"/>
  <c r="T83868" i="1"/>
  <c r="T83869" i="1"/>
  <c r="T83870" i="1"/>
  <c r="T83871" i="1"/>
  <c r="T83872" i="1"/>
  <c r="T83873" i="1"/>
  <c r="T83874" i="1"/>
  <c r="T83875" i="1"/>
  <c r="T83876" i="1"/>
  <c r="T83877" i="1"/>
  <c r="T83878" i="1"/>
  <c r="T83879" i="1"/>
  <c r="T83880" i="1"/>
  <c r="T83881" i="1"/>
  <c r="T83882" i="1"/>
  <c r="T83883" i="1"/>
  <c r="T83884" i="1"/>
  <c r="T83885" i="1"/>
  <c r="T83886" i="1"/>
  <c r="T83887" i="1"/>
  <c r="T83888" i="1"/>
  <c r="T83889" i="1"/>
  <c r="T83890" i="1"/>
  <c r="T83891" i="1"/>
  <c r="T83892" i="1"/>
  <c r="T83893" i="1"/>
  <c r="T83894" i="1"/>
  <c r="T83895" i="1"/>
  <c r="T83896" i="1"/>
  <c r="T83897" i="1"/>
  <c r="T83898" i="1"/>
  <c r="T83899" i="1"/>
  <c r="T83900" i="1"/>
  <c r="T83901" i="1"/>
  <c r="T83902" i="1"/>
  <c r="T83903" i="1"/>
  <c r="T83904" i="1"/>
  <c r="T83905" i="1"/>
  <c r="T83906" i="1"/>
  <c r="T83907" i="1"/>
  <c r="T83908" i="1"/>
  <c r="T83909" i="1"/>
  <c r="T83910" i="1"/>
  <c r="T83911" i="1"/>
  <c r="T83912" i="1"/>
  <c r="T83913" i="1"/>
  <c r="T83914" i="1"/>
  <c r="T83915" i="1"/>
  <c r="T83916" i="1"/>
  <c r="T83917" i="1"/>
  <c r="T83918" i="1"/>
  <c r="T83919" i="1"/>
  <c r="T83920" i="1"/>
  <c r="T83921" i="1"/>
  <c r="T83922" i="1"/>
  <c r="T83923" i="1"/>
  <c r="T83924" i="1"/>
  <c r="T83925" i="1"/>
  <c r="T83926" i="1"/>
  <c r="T83927" i="1"/>
  <c r="T83928" i="1"/>
  <c r="T83929" i="1"/>
  <c r="T83930" i="1"/>
  <c r="T83931" i="1"/>
  <c r="T83932" i="1"/>
  <c r="T83933" i="1"/>
  <c r="T83934" i="1"/>
  <c r="T83935" i="1"/>
  <c r="T83936" i="1"/>
  <c r="T83937" i="1"/>
  <c r="T83938" i="1"/>
  <c r="T83939" i="1"/>
  <c r="T83940" i="1"/>
  <c r="T83941" i="1"/>
  <c r="T83942" i="1"/>
  <c r="T83943" i="1"/>
  <c r="T83944" i="1"/>
  <c r="T83945" i="1"/>
  <c r="T83946" i="1"/>
  <c r="T83947" i="1"/>
  <c r="T83948" i="1"/>
  <c r="T83949" i="1"/>
  <c r="T83950" i="1"/>
  <c r="T83951" i="1"/>
  <c r="T83952" i="1"/>
  <c r="T83953" i="1"/>
  <c r="T83954" i="1"/>
  <c r="T83955" i="1"/>
  <c r="T83956" i="1"/>
  <c r="T83957" i="1"/>
  <c r="T83958" i="1"/>
  <c r="T83959" i="1"/>
  <c r="T83960" i="1"/>
  <c r="T83961" i="1"/>
  <c r="T83962" i="1"/>
  <c r="T83963" i="1"/>
  <c r="T83964" i="1"/>
  <c r="T83965" i="1"/>
  <c r="T83966" i="1"/>
  <c r="T83967" i="1"/>
  <c r="T83968" i="1"/>
  <c r="T83969" i="1"/>
  <c r="T83970" i="1"/>
  <c r="T83971" i="1"/>
  <c r="T83972" i="1"/>
  <c r="T83973" i="1"/>
  <c r="T83974" i="1"/>
  <c r="T83975" i="1"/>
  <c r="T83976" i="1"/>
  <c r="T83977" i="1"/>
  <c r="T83978" i="1"/>
  <c r="T83979" i="1"/>
  <c r="T83980" i="1"/>
  <c r="T83981" i="1"/>
  <c r="T83982" i="1"/>
  <c r="T83983" i="1"/>
  <c r="T83984" i="1"/>
  <c r="T83985" i="1"/>
  <c r="T83986" i="1"/>
  <c r="T83987" i="1"/>
  <c r="T83988" i="1"/>
  <c r="T83989" i="1"/>
  <c r="T83990" i="1"/>
  <c r="T83991" i="1"/>
  <c r="T83992" i="1"/>
  <c r="T83993" i="1"/>
  <c r="T83994" i="1"/>
  <c r="T83995" i="1"/>
  <c r="T83996" i="1"/>
  <c r="T83997" i="1"/>
  <c r="T83998" i="1"/>
  <c r="T83999" i="1"/>
  <c r="T84000" i="1"/>
  <c r="T84001" i="1"/>
  <c r="T84002" i="1"/>
  <c r="T84003" i="1"/>
  <c r="T84004" i="1"/>
  <c r="T84005" i="1"/>
  <c r="T84006" i="1"/>
  <c r="T84007" i="1"/>
  <c r="T84008" i="1"/>
  <c r="T84009" i="1"/>
  <c r="T84010" i="1"/>
  <c r="T84011" i="1"/>
  <c r="T84012" i="1"/>
  <c r="T84013" i="1"/>
  <c r="T84014" i="1"/>
  <c r="T84015" i="1"/>
  <c r="T84016" i="1"/>
  <c r="T84017" i="1"/>
  <c r="T84018" i="1"/>
  <c r="T84019" i="1"/>
  <c r="T84020" i="1"/>
  <c r="T84021" i="1"/>
  <c r="T84022" i="1"/>
  <c r="T84023" i="1"/>
  <c r="T84024" i="1"/>
  <c r="T84025" i="1"/>
  <c r="T84026" i="1"/>
  <c r="T84027" i="1"/>
  <c r="T84028" i="1"/>
  <c r="T84029" i="1"/>
  <c r="T84030" i="1"/>
  <c r="T84031" i="1"/>
  <c r="T84032" i="1"/>
  <c r="T84033" i="1"/>
  <c r="T84034" i="1"/>
  <c r="T84035" i="1"/>
  <c r="T84036" i="1"/>
  <c r="T84037" i="1"/>
  <c r="T84038" i="1"/>
  <c r="T84039" i="1"/>
  <c r="T84040" i="1"/>
  <c r="T84041" i="1"/>
  <c r="T84042" i="1"/>
  <c r="T84043" i="1"/>
  <c r="T84044" i="1"/>
  <c r="T84045" i="1"/>
  <c r="T84046" i="1"/>
  <c r="T84047" i="1"/>
  <c r="T84048" i="1"/>
  <c r="T84049" i="1"/>
  <c r="T84050" i="1"/>
  <c r="T84051" i="1"/>
  <c r="T84052" i="1"/>
  <c r="T84053" i="1"/>
  <c r="T84054" i="1"/>
  <c r="T84055" i="1"/>
  <c r="T84056" i="1"/>
  <c r="T84057" i="1"/>
  <c r="T84058" i="1"/>
  <c r="T84059" i="1"/>
  <c r="T84060" i="1"/>
  <c r="T84061" i="1"/>
  <c r="T84062" i="1"/>
  <c r="T84063" i="1"/>
  <c r="T84064" i="1"/>
  <c r="T84065" i="1"/>
  <c r="T84066" i="1"/>
  <c r="T84067" i="1"/>
  <c r="T84068" i="1"/>
  <c r="T84069" i="1"/>
  <c r="T84070" i="1"/>
  <c r="T84071" i="1"/>
  <c r="T84072" i="1"/>
  <c r="T84073" i="1"/>
  <c r="T84074" i="1"/>
  <c r="T84075" i="1"/>
  <c r="T84076" i="1"/>
  <c r="T84077" i="1"/>
  <c r="T84078" i="1"/>
  <c r="T84079" i="1"/>
  <c r="T84080" i="1"/>
  <c r="T84081" i="1"/>
  <c r="T84082" i="1"/>
  <c r="T84083" i="1"/>
  <c r="T84084" i="1"/>
  <c r="T84085" i="1"/>
  <c r="T84086" i="1"/>
  <c r="T84087" i="1"/>
  <c r="T84088" i="1"/>
  <c r="T84089" i="1"/>
  <c r="T84090" i="1"/>
  <c r="T84091" i="1"/>
  <c r="T84092" i="1"/>
  <c r="T84093" i="1"/>
  <c r="T84094" i="1"/>
  <c r="T84095" i="1"/>
  <c r="T84096" i="1"/>
  <c r="T84097" i="1"/>
  <c r="T84098" i="1"/>
  <c r="T84099" i="1"/>
  <c r="T84100" i="1"/>
  <c r="T84101" i="1"/>
  <c r="T84102" i="1"/>
  <c r="T84103" i="1"/>
  <c r="T84104" i="1"/>
  <c r="T84105" i="1"/>
  <c r="T84106" i="1"/>
  <c r="T84107" i="1"/>
  <c r="T84108" i="1"/>
  <c r="T84109" i="1"/>
  <c r="T84110" i="1"/>
  <c r="T84111" i="1"/>
  <c r="T84112" i="1"/>
  <c r="T84113" i="1"/>
  <c r="T84114" i="1"/>
  <c r="T84115" i="1"/>
  <c r="T84116" i="1"/>
  <c r="T84117" i="1"/>
  <c r="T84118" i="1"/>
  <c r="T84119" i="1"/>
  <c r="T84120" i="1"/>
  <c r="T84121" i="1"/>
  <c r="T84122" i="1"/>
  <c r="T84123" i="1"/>
  <c r="T84124" i="1"/>
  <c r="T84125" i="1"/>
  <c r="T84126" i="1"/>
  <c r="T84127" i="1"/>
  <c r="T84128" i="1"/>
  <c r="T84129" i="1"/>
  <c r="T84130" i="1"/>
  <c r="T84131" i="1"/>
  <c r="T84132" i="1"/>
  <c r="T84133" i="1"/>
  <c r="T84134" i="1"/>
  <c r="T84135" i="1"/>
  <c r="T84136" i="1"/>
  <c r="T84137" i="1"/>
  <c r="T84138" i="1"/>
  <c r="T84139" i="1"/>
  <c r="T84140" i="1"/>
  <c r="T84141" i="1"/>
  <c r="T84142" i="1"/>
  <c r="T84143" i="1"/>
  <c r="T84144" i="1"/>
  <c r="T84145" i="1"/>
  <c r="T84146" i="1"/>
  <c r="T84147" i="1"/>
  <c r="T84148" i="1"/>
  <c r="T84149" i="1"/>
  <c r="T84150" i="1"/>
  <c r="T84151" i="1"/>
  <c r="T84152" i="1"/>
  <c r="T84153" i="1"/>
  <c r="T84154" i="1"/>
  <c r="T84155" i="1"/>
  <c r="T84156" i="1"/>
  <c r="T84157" i="1"/>
  <c r="T84158" i="1"/>
  <c r="T84159" i="1"/>
  <c r="T84160" i="1"/>
  <c r="T84161" i="1"/>
  <c r="T84162" i="1"/>
  <c r="T84163" i="1"/>
  <c r="T84164" i="1"/>
  <c r="T84165" i="1"/>
  <c r="T84166" i="1"/>
  <c r="T84167" i="1"/>
  <c r="T84168" i="1"/>
  <c r="T84169" i="1"/>
  <c r="T84170" i="1"/>
  <c r="T84171" i="1"/>
  <c r="T84172" i="1"/>
  <c r="T84173" i="1"/>
  <c r="T84174" i="1"/>
  <c r="T84175" i="1"/>
  <c r="T84176" i="1"/>
  <c r="T84177" i="1"/>
  <c r="T84178" i="1"/>
  <c r="T84179" i="1"/>
  <c r="T84180" i="1"/>
  <c r="T84181" i="1"/>
  <c r="T84182" i="1"/>
  <c r="T84183" i="1"/>
  <c r="T84184" i="1"/>
  <c r="T84185" i="1"/>
  <c r="T84186" i="1"/>
  <c r="T84187" i="1"/>
  <c r="T84188" i="1"/>
  <c r="T84189" i="1"/>
  <c r="T84190" i="1"/>
  <c r="T84191" i="1"/>
  <c r="T84192" i="1"/>
  <c r="T84193" i="1"/>
  <c r="T84194" i="1"/>
  <c r="T84195" i="1"/>
  <c r="T84196" i="1"/>
  <c r="T84197" i="1"/>
  <c r="T84198" i="1"/>
  <c r="T84199" i="1"/>
  <c r="T84200" i="1"/>
  <c r="T84201" i="1"/>
  <c r="T84202" i="1"/>
  <c r="T84203" i="1"/>
  <c r="T84204" i="1"/>
  <c r="T84205" i="1"/>
  <c r="T84206" i="1"/>
  <c r="T84207" i="1"/>
  <c r="T84208" i="1"/>
  <c r="T84209" i="1"/>
  <c r="T84210" i="1"/>
  <c r="T84211" i="1"/>
  <c r="T84212" i="1"/>
  <c r="T84213" i="1"/>
  <c r="T84214" i="1"/>
  <c r="T84215" i="1"/>
  <c r="T84216" i="1"/>
  <c r="T84217" i="1"/>
  <c r="T84218" i="1"/>
  <c r="T84219" i="1"/>
  <c r="T84220" i="1"/>
  <c r="T84221" i="1"/>
  <c r="T84222" i="1"/>
  <c r="T84223" i="1"/>
  <c r="T84224" i="1"/>
  <c r="T84225" i="1"/>
  <c r="T84226" i="1"/>
  <c r="T84227" i="1"/>
  <c r="T84228" i="1"/>
  <c r="T84229" i="1"/>
  <c r="T84230" i="1"/>
  <c r="T84231" i="1"/>
  <c r="T84232" i="1"/>
  <c r="T84233" i="1"/>
  <c r="T84234" i="1"/>
  <c r="T84235" i="1"/>
  <c r="T84236" i="1"/>
  <c r="T84237" i="1"/>
  <c r="T84238" i="1"/>
  <c r="T84239" i="1"/>
  <c r="T84240" i="1"/>
  <c r="T84241" i="1"/>
  <c r="T84242" i="1"/>
  <c r="T84243" i="1"/>
  <c r="T84244" i="1"/>
  <c r="T84245" i="1"/>
  <c r="T84246" i="1"/>
  <c r="T84247" i="1"/>
  <c r="T84248" i="1"/>
  <c r="T84249" i="1"/>
  <c r="T84250" i="1"/>
  <c r="T84251" i="1"/>
  <c r="T84252" i="1"/>
  <c r="T84253" i="1"/>
  <c r="T84254" i="1"/>
  <c r="T84255" i="1"/>
  <c r="T84256" i="1"/>
  <c r="T84257" i="1"/>
  <c r="T84258" i="1"/>
  <c r="T84259" i="1"/>
  <c r="T84260" i="1"/>
  <c r="T84261" i="1"/>
  <c r="T84262" i="1"/>
  <c r="T84263" i="1"/>
  <c r="T84264" i="1"/>
  <c r="T84265" i="1"/>
  <c r="T84266" i="1"/>
  <c r="T84267" i="1"/>
  <c r="T84268" i="1"/>
  <c r="T84269" i="1"/>
  <c r="T84270" i="1"/>
  <c r="T84271" i="1"/>
  <c r="T84272" i="1"/>
  <c r="T84273" i="1"/>
  <c r="T84274" i="1"/>
  <c r="T84275" i="1"/>
  <c r="T84276" i="1"/>
  <c r="T84277" i="1"/>
  <c r="T84278" i="1"/>
  <c r="T84279" i="1"/>
  <c r="T84280" i="1"/>
  <c r="T84281" i="1"/>
  <c r="T84282" i="1"/>
  <c r="T84283" i="1"/>
  <c r="T84284" i="1"/>
  <c r="T84285" i="1"/>
  <c r="T84286" i="1"/>
  <c r="T84287" i="1"/>
  <c r="T84288" i="1"/>
  <c r="T84289" i="1"/>
  <c r="T84290" i="1"/>
  <c r="T84291" i="1"/>
  <c r="T84292" i="1"/>
  <c r="T84293" i="1"/>
  <c r="T84294" i="1"/>
  <c r="T84295" i="1"/>
  <c r="T84296" i="1"/>
  <c r="T84297" i="1"/>
  <c r="T84298" i="1"/>
  <c r="T84299" i="1"/>
  <c r="T84300" i="1"/>
  <c r="T84301" i="1"/>
  <c r="T84302" i="1"/>
  <c r="T84303" i="1"/>
  <c r="T84304" i="1"/>
  <c r="T84305" i="1"/>
  <c r="T84306" i="1"/>
  <c r="T84307" i="1"/>
  <c r="T84308" i="1"/>
  <c r="T84309" i="1"/>
  <c r="T84310" i="1"/>
  <c r="T84311" i="1"/>
  <c r="T84312" i="1"/>
  <c r="T84313" i="1"/>
  <c r="T84314" i="1"/>
  <c r="T84315" i="1"/>
  <c r="T84316" i="1"/>
  <c r="T84317" i="1"/>
  <c r="T84318" i="1"/>
  <c r="T84319" i="1"/>
  <c r="T84320" i="1"/>
  <c r="T84321" i="1"/>
  <c r="T84322" i="1"/>
  <c r="T84323" i="1"/>
  <c r="T84324" i="1"/>
  <c r="T84325" i="1"/>
  <c r="T84326" i="1"/>
  <c r="T84327" i="1"/>
  <c r="T84328" i="1"/>
  <c r="T84329" i="1"/>
  <c r="T84330" i="1"/>
  <c r="T84331" i="1"/>
  <c r="T84332" i="1"/>
  <c r="T84333" i="1"/>
  <c r="T84334" i="1"/>
  <c r="T84335" i="1"/>
  <c r="T84336" i="1"/>
  <c r="T84337" i="1"/>
  <c r="T84338" i="1"/>
  <c r="T84339" i="1"/>
  <c r="T84340" i="1"/>
  <c r="T84341" i="1"/>
  <c r="T84342" i="1"/>
  <c r="T84343" i="1"/>
  <c r="T84344" i="1"/>
  <c r="T84345" i="1"/>
  <c r="T84346" i="1"/>
  <c r="T84347" i="1"/>
  <c r="T84348" i="1"/>
  <c r="T84349" i="1"/>
  <c r="T84350" i="1"/>
  <c r="T84351" i="1"/>
  <c r="T84352" i="1"/>
  <c r="T84353" i="1"/>
  <c r="T84354" i="1"/>
  <c r="T84355" i="1"/>
  <c r="T84356" i="1"/>
  <c r="T84357" i="1"/>
  <c r="T84358" i="1"/>
  <c r="T84359" i="1"/>
  <c r="T84360" i="1"/>
  <c r="T84361" i="1"/>
  <c r="T84362" i="1"/>
  <c r="T84363" i="1"/>
  <c r="T84364" i="1"/>
  <c r="T84365" i="1"/>
  <c r="T84366" i="1"/>
  <c r="T84367" i="1"/>
  <c r="T84368" i="1"/>
  <c r="T84369" i="1"/>
  <c r="T84370" i="1"/>
  <c r="T84371" i="1"/>
  <c r="T84372" i="1"/>
  <c r="T84373" i="1"/>
  <c r="T84374" i="1"/>
  <c r="T84375" i="1"/>
  <c r="T84376" i="1"/>
  <c r="T84377" i="1"/>
  <c r="T84378" i="1"/>
  <c r="T84379" i="1"/>
  <c r="T84380" i="1"/>
  <c r="T84381" i="1"/>
  <c r="T84382" i="1"/>
  <c r="T84383" i="1"/>
  <c r="T84384" i="1"/>
  <c r="T84385" i="1"/>
  <c r="T84386" i="1"/>
  <c r="T84387" i="1"/>
  <c r="T84388" i="1"/>
  <c r="T84389" i="1"/>
  <c r="T84390" i="1"/>
  <c r="T84391" i="1"/>
  <c r="T84392" i="1"/>
  <c r="T84393" i="1"/>
  <c r="T84394" i="1"/>
  <c r="T84395" i="1"/>
  <c r="T84396" i="1"/>
  <c r="T84397" i="1"/>
  <c r="T84398" i="1"/>
  <c r="T84399" i="1"/>
  <c r="T84400" i="1"/>
  <c r="T84401" i="1"/>
  <c r="T84402" i="1"/>
  <c r="T84403" i="1"/>
  <c r="T84404" i="1"/>
  <c r="T84405" i="1"/>
  <c r="T84406" i="1"/>
  <c r="T84407" i="1"/>
  <c r="T84408" i="1"/>
  <c r="T84409" i="1"/>
  <c r="T84410" i="1"/>
  <c r="T84411" i="1"/>
  <c r="T84412" i="1"/>
  <c r="T84413" i="1"/>
  <c r="T84414" i="1"/>
  <c r="T84415" i="1"/>
  <c r="T84416" i="1"/>
  <c r="T84417" i="1"/>
  <c r="T84418" i="1"/>
  <c r="T84419" i="1"/>
  <c r="T84420" i="1"/>
  <c r="T84421" i="1"/>
  <c r="T84422" i="1"/>
  <c r="T84423" i="1"/>
  <c r="T84424" i="1"/>
  <c r="T84425" i="1"/>
  <c r="T84426" i="1"/>
  <c r="T84427" i="1"/>
  <c r="T84428" i="1"/>
  <c r="T84429" i="1"/>
  <c r="T84430" i="1"/>
  <c r="T84431" i="1"/>
  <c r="T84432" i="1"/>
  <c r="T84433" i="1"/>
  <c r="T84434" i="1"/>
  <c r="T84435" i="1"/>
  <c r="T84436" i="1"/>
  <c r="T84437" i="1"/>
  <c r="T84438" i="1"/>
  <c r="T84439" i="1"/>
  <c r="T84440" i="1"/>
  <c r="T84441" i="1"/>
  <c r="T84442" i="1"/>
  <c r="T84443" i="1"/>
  <c r="T84444" i="1"/>
  <c r="T84445" i="1"/>
  <c r="T84446" i="1"/>
  <c r="T84447" i="1"/>
  <c r="T84448" i="1"/>
  <c r="T84449" i="1"/>
  <c r="T84450" i="1"/>
  <c r="T84451" i="1"/>
  <c r="T84452" i="1"/>
  <c r="T84453" i="1"/>
  <c r="T84454" i="1"/>
  <c r="T84455" i="1"/>
  <c r="T84456" i="1"/>
  <c r="T84457" i="1"/>
  <c r="T84458" i="1"/>
  <c r="T84459" i="1"/>
  <c r="T84460" i="1"/>
  <c r="T84461" i="1"/>
  <c r="T84462" i="1"/>
  <c r="T84463" i="1"/>
  <c r="T84464" i="1"/>
  <c r="T84465" i="1"/>
  <c r="T84466" i="1"/>
  <c r="T84467" i="1"/>
  <c r="T84468" i="1"/>
  <c r="T84469" i="1"/>
  <c r="T84470" i="1"/>
  <c r="T84471" i="1"/>
  <c r="T84472" i="1"/>
  <c r="T84473" i="1"/>
  <c r="T84474" i="1"/>
  <c r="T84475" i="1"/>
  <c r="T84476" i="1"/>
  <c r="T84477" i="1"/>
  <c r="T84478" i="1"/>
  <c r="T84479" i="1"/>
  <c r="T84480" i="1"/>
  <c r="T84481" i="1"/>
  <c r="T84482" i="1"/>
  <c r="T84483" i="1"/>
  <c r="T84484" i="1"/>
  <c r="T84485" i="1"/>
  <c r="T84486" i="1"/>
  <c r="T84487" i="1"/>
  <c r="T84488" i="1"/>
  <c r="T84489" i="1"/>
  <c r="T84490" i="1"/>
  <c r="T84491" i="1"/>
  <c r="T84492" i="1"/>
  <c r="T84493" i="1"/>
  <c r="T84494" i="1"/>
  <c r="T84495" i="1"/>
  <c r="T84496" i="1"/>
  <c r="T84497" i="1"/>
  <c r="T84498" i="1"/>
  <c r="T84499" i="1"/>
  <c r="T84500" i="1"/>
  <c r="T84501" i="1"/>
  <c r="T84502" i="1"/>
  <c r="T84503" i="1"/>
  <c r="T84504" i="1"/>
  <c r="T84505" i="1"/>
  <c r="T84506" i="1"/>
  <c r="T84507" i="1"/>
  <c r="T84508" i="1"/>
  <c r="T84509" i="1"/>
  <c r="T84510" i="1"/>
  <c r="T84511" i="1"/>
  <c r="T84512" i="1"/>
  <c r="T84513" i="1"/>
  <c r="T84514" i="1"/>
  <c r="T84515" i="1"/>
  <c r="T84516" i="1"/>
  <c r="T84517" i="1"/>
  <c r="T84518" i="1"/>
  <c r="T84519" i="1"/>
  <c r="T84520" i="1"/>
  <c r="T84521" i="1"/>
  <c r="T84522" i="1"/>
  <c r="T84523" i="1"/>
  <c r="T84524" i="1"/>
  <c r="T84525" i="1"/>
  <c r="T84526" i="1"/>
  <c r="T84527" i="1"/>
  <c r="T84528" i="1"/>
  <c r="T84529" i="1"/>
  <c r="T84530" i="1"/>
  <c r="T84531" i="1"/>
  <c r="T84532" i="1"/>
  <c r="T84533" i="1"/>
  <c r="T84534" i="1"/>
  <c r="T84535" i="1"/>
  <c r="T84536" i="1"/>
  <c r="T84537" i="1"/>
  <c r="T84538" i="1"/>
  <c r="T84539" i="1"/>
  <c r="T84540" i="1"/>
  <c r="T84541" i="1"/>
  <c r="T84542" i="1"/>
  <c r="T84543" i="1"/>
  <c r="T84544" i="1"/>
  <c r="T84545" i="1"/>
  <c r="T84546" i="1"/>
  <c r="T84547" i="1"/>
  <c r="T84548" i="1"/>
  <c r="T84549" i="1"/>
  <c r="T84550" i="1"/>
  <c r="T84551" i="1"/>
  <c r="T84552" i="1"/>
  <c r="T84553" i="1"/>
  <c r="T84554" i="1"/>
  <c r="T84555" i="1"/>
  <c r="T84556" i="1"/>
  <c r="T84557" i="1"/>
  <c r="T84558" i="1"/>
  <c r="T84559" i="1"/>
  <c r="T84560" i="1"/>
  <c r="T84561" i="1"/>
  <c r="T84562" i="1"/>
  <c r="T84563" i="1"/>
  <c r="T84564" i="1"/>
  <c r="T84565" i="1"/>
  <c r="T84566" i="1"/>
  <c r="T84567" i="1"/>
  <c r="T84568" i="1"/>
  <c r="T84569" i="1"/>
  <c r="T84570" i="1"/>
  <c r="T84571" i="1"/>
  <c r="T84572" i="1"/>
  <c r="T84573" i="1"/>
  <c r="T84574" i="1"/>
  <c r="T84575" i="1"/>
  <c r="T84576" i="1"/>
  <c r="T84577" i="1"/>
  <c r="T84578" i="1"/>
  <c r="T84579" i="1"/>
  <c r="T84580" i="1"/>
  <c r="T84581" i="1"/>
  <c r="T84582" i="1"/>
  <c r="T84583" i="1"/>
  <c r="T84584" i="1"/>
  <c r="T84585" i="1"/>
  <c r="T84586" i="1"/>
  <c r="T84587" i="1"/>
  <c r="T84588" i="1"/>
  <c r="T84589" i="1"/>
  <c r="T84590" i="1"/>
  <c r="T84591" i="1"/>
  <c r="T84592" i="1"/>
  <c r="T84593" i="1"/>
  <c r="T84594" i="1"/>
  <c r="T84595" i="1"/>
  <c r="T84596" i="1"/>
  <c r="T84597" i="1"/>
  <c r="T84598" i="1"/>
  <c r="T84599" i="1"/>
  <c r="T84600" i="1"/>
  <c r="T84601" i="1"/>
  <c r="T84602" i="1"/>
  <c r="T84603" i="1"/>
  <c r="T84604" i="1"/>
  <c r="T84605" i="1"/>
  <c r="T84606" i="1"/>
  <c r="T84607" i="1"/>
  <c r="T84608" i="1"/>
  <c r="T84609" i="1"/>
  <c r="T84610" i="1"/>
  <c r="T84611" i="1"/>
  <c r="T84612" i="1"/>
  <c r="T84613" i="1"/>
  <c r="T84614" i="1"/>
  <c r="T84615" i="1"/>
  <c r="T84616" i="1"/>
  <c r="T84617" i="1"/>
  <c r="T84618" i="1"/>
  <c r="T84619" i="1"/>
  <c r="T84620" i="1"/>
  <c r="T84621" i="1"/>
  <c r="T84622" i="1"/>
  <c r="T84623" i="1"/>
  <c r="T84624" i="1"/>
  <c r="T84625" i="1"/>
  <c r="T84626" i="1"/>
  <c r="T84627" i="1"/>
  <c r="T84628" i="1"/>
  <c r="T84629" i="1"/>
  <c r="T84630" i="1"/>
  <c r="T84631" i="1"/>
  <c r="T84632" i="1"/>
  <c r="T84633" i="1"/>
  <c r="T84634" i="1"/>
  <c r="T84635" i="1"/>
  <c r="T84636" i="1"/>
  <c r="T84637" i="1"/>
  <c r="T84638" i="1"/>
  <c r="T84639" i="1"/>
  <c r="T84640" i="1"/>
  <c r="T84641" i="1"/>
  <c r="T84642" i="1"/>
  <c r="T84643" i="1"/>
  <c r="T84644" i="1"/>
  <c r="T84645" i="1"/>
  <c r="T84646" i="1"/>
  <c r="T84647" i="1"/>
  <c r="T84648" i="1"/>
  <c r="T84649" i="1"/>
  <c r="T84650" i="1"/>
  <c r="T84651" i="1"/>
  <c r="T84652" i="1"/>
  <c r="T84653" i="1"/>
  <c r="T84654" i="1"/>
  <c r="T84655" i="1"/>
  <c r="T84656" i="1"/>
  <c r="T84657" i="1"/>
  <c r="T84658" i="1"/>
  <c r="T84659" i="1"/>
  <c r="T84660" i="1"/>
  <c r="T84661" i="1"/>
  <c r="T84662" i="1"/>
  <c r="T84663" i="1"/>
  <c r="T84664" i="1"/>
  <c r="T84665" i="1"/>
  <c r="T84666" i="1"/>
  <c r="T84667" i="1"/>
  <c r="T84668" i="1"/>
  <c r="T84669" i="1"/>
  <c r="T84670" i="1"/>
  <c r="T84671" i="1"/>
  <c r="T84672" i="1"/>
  <c r="T84673" i="1"/>
  <c r="T84674" i="1"/>
  <c r="T84675" i="1"/>
  <c r="T84676" i="1"/>
  <c r="T84677" i="1"/>
  <c r="T84678" i="1"/>
  <c r="T84679" i="1"/>
  <c r="T84680" i="1"/>
  <c r="T84681" i="1"/>
  <c r="T84682" i="1"/>
  <c r="T84683" i="1"/>
  <c r="T84684" i="1"/>
  <c r="T84685" i="1"/>
  <c r="T84686" i="1"/>
  <c r="T84687" i="1"/>
  <c r="T84688" i="1"/>
  <c r="T84689" i="1"/>
  <c r="T84690" i="1"/>
  <c r="T84691" i="1"/>
  <c r="T84692" i="1"/>
  <c r="T84693" i="1"/>
  <c r="T84694" i="1"/>
  <c r="T84695" i="1"/>
  <c r="T84696" i="1"/>
  <c r="T84697" i="1"/>
  <c r="T84698" i="1"/>
  <c r="T84699" i="1"/>
  <c r="T84700" i="1"/>
  <c r="T84701" i="1"/>
  <c r="T84702" i="1"/>
  <c r="T84703" i="1"/>
  <c r="T84704" i="1"/>
  <c r="T84705" i="1"/>
  <c r="T84706" i="1"/>
  <c r="T84707" i="1"/>
  <c r="T84708" i="1"/>
  <c r="T84709" i="1"/>
  <c r="T84710" i="1"/>
  <c r="T84711" i="1"/>
  <c r="T84712" i="1"/>
  <c r="T84713" i="1"/>
  <c r="T84714" i="1"/>
  <c r="T84715" i="1"/>
  <c r="T84716" i="1"/>
  <c r="T84717" i="1"/>
  <c r="T84718" i="1"/>
  <c r="T84719" i="1"/>
  <c r="T84720" i="1"/>
  <c r="T84721" i="1"/>
  <c r="T84722" i="1"/>
  <c r="T84723" i="1"/>
  <c r="T84724" i="1"/>
  <c r="T84725" i="1"/>
  <c r="T84726" i="1"/>
  <c r="T84727" i="1"/>
  <c r="T84728" i="1"/>
  <c r="T84729" i="1"/>
  <c r="T84730" i="1"/>
  <c r="T84731" i="1"/>
  <c r="T84732" i="1"/>
  <c r="T84733" i="1"/>
  <c r="T84734" i="1"/>
  <c r="T84735" i="1"/>
  <c r="T84736" i="1"/>
  <c r="T84737" i="1"/>
  <c r="T84738" i="1"/>
  <c r="T84739" i="1"/>
  <c r="T84740" i="1"/>
  <c r="T84741" i="1"/>
  <c r="T84742" i="1"/>
  <c r="T84743" i="1"/>
  <c r="T84744" i="1"/>
  <c r="T84745" i="1"/>
  <c r="T84746" i="1"/>
  <c r="T84747" i="1"/>
  <c r="T84748" i="1"/>
  <c r="T84749" i="1"/>
  <c r="T84750" i="1"/>
  <c r="T84751" i="1"/>
  <c r="T84752" i="1"/>
  <c r="T84753" i="1"/>
  <c r="T84754" i="1"/>
  <c r="T84755" i="1"/>
  <c r="T84756" i="1"/>
  <c r="T84757" i="1"/>
  <c r="T84758" i="1"/>
  <c r="T84759" i="1"/>
  <c r="T84760" i="1"/>
  <c r="T84761" i="1"/>
  <c r="T84762" i="1"/>
  <c r="T84763" i="1"/>
  <c r="T84764" i="1"/>
  <c r="T84765" i="1"/>
  <c r="T84766" i="1"/>
  <c r="T84767" i="1"/>
  <c r="T84768" i="1"/>
  <c r="T84769" i="1"/>
  <c r="T84770" i="1"/>
  <c r="T84771" i="1"/>
  <c r="T84772" i="1"/>
  <c r="T84773" i="1"/>
  <c r="T84774" i="1"/>
  <c r="T84775" i="1"/>
  <c r="T84776" i="1"/>
  <c r="T84777" i="1"/>
  <c r="T84778" i="1"/>
  <c r="T84779" i="1"/>
  <c r="T84780" i="1"/>
  <c r="T84781" i="1"/>
  <c r="T84782" i="1"/>
  <c r="T84783" i="1"/>
  <c r="T84784" i="1"/>
  <c r="T84785" i="1"/>
  <c r="T84786" i="1"/>
  <c r="T84787" i="1"/>
  <c r="T84788" i="1"/>
  <c r="T84789" i="1"/>
  <c r="T84790" i="1"/>
  <c r="T84791" i="1"/>
  <c r="T84792" i="1"/>
  <c r="T84793" i="1"/>
  <c r="T84794" i="1"/>
  <c r="T84795" i="1"/>
  <c r="T84796" i="1"/>
  <c r="T84797" i="1"/>
  <c r="T84798" i="1"/>
  <c r="T84799" i="1"/>
  <c r="T84800" i="1"/>
  <c r="T84801" i="1"/>
  <c r="T84802" i="1"/>
  <c r="T84803" i="1"/>
  <c r="T84804" i="1"/>
  <c r="T84805" i="1"/>
  <c r="T84806" i="1"/>
  <c r="T84807" i="1"/>
  <c r="T84808" i="1"/>
  <c r="T84809" i="1"/>
  <c r="T84810" i="1"/>
  <c r="T84811" i="1"/>
  <c r="T84812" i="1"/>
  <c r="T84813" i="1"/>
  <c r="T84814" i="1"/>
  <c r="T84815" i="1"/>
  <c r="T84816" i="1"/>
  <c r="T84817" i="1"/>
  <c r="T84818" i="1"/>
  <c r="T84819" i="1"/>
  <c r="T84820" i="1"/>
  <c r="T84821" i="1"/>
  <c r="T84822" i="1"/>
  <c r="T84823" i="1"/>
  <c r="T84824" i="1"/>
  <c r="T84825" i="1"/>
  <c r="T84826" i="1"/>
  <c r="T84827" i="1"/>
  <c r="T84828" i="1"/>
  <c r="T84829" i="1"/>
  <c r="T84830" i="1"/>
  <c r="T84831" i="1"/>
  <c r="T84832" i="1"/>
  <c r="T84833" i="1"/>
  <c r="T84834" i="1"/>
  <c r="T84835" i="1"/>
  <c r="T84836" i="1"/>
  <c r="T84837" i="1"/>
  <c r="T84838" i="1"/>
  <c r="T84839" i="1"/>
  <c r="T84840" i="1"/>
  <c r="T84841" i="1"/>
  <c r="T84842" i="1"/>
  <c r="T84843" i="1"/>
  <c r="T84844" i="1"/>
  <c r="T84845" i="1"/>
  <c r="T84846" i="1"/>
  <c r="T84847" i="1"/>
  <c r="T84848" i="1"/>
  <c r="T84849" i="1"/>
  <c r="T84850" i="1"/>
  <c r="T84851" i="1"/>
  <c r="T84852" i="1"/>
  <c r="T84853" i="1"/>
  <c r="T84854" i="1"/>
  <c r="T84855" i="1"/>
  <c r="T84856" i="1"/>
  <c r="T84857" i="1"/>
  <c r="T84858" i="1"/>
  <c r="T84859" i="1"/>
  <c r="T84860" i="1"/>
  <c r="T84861" i="1"/>
  <c r="T84862" i="1"/>
  <c r="T84863" i="1"/>
  <c r="T84864" i="1"/>
  <c r="T84865" i="1"/>
  <c r="T84866" i="1"/>
  <c r="T84867" i="1"/>
  <c r="T84868" i="1"/>
  <c r="T84869" i="1"/>
  <c r="T84870" i="1"/>
  <c r="T84871" i="1"/>
  <c r="T84872" i="1"/>
  <c r="T84873" i="1"/>
  <c r="T84874" i="1"/>
  <c r="T84875" i="1"/>
  <c r="T84876" i="1"/>
  <c r="T84877" i="1"/>
  <c r="T84878" i="1"/>
  <c r="T84879" i="1"/>
  <c r="T84880" i="1"/>
  <c r="T84881" i="1"/>
  <c r="T84882" i="1"/>
  <c r="T84883" i="1"/>
  <c r="T84884" i="1"/>
  <c r="T84885" i="1"/>
  <c r="T84886" i="1"/>
  <c r="T84887" i="1"/>
  <c r="T84888" i="1"/>
  <c r="T84889" i="1"/>
  <c r="T84890" i="1"/>
  <c r="T84891" i="1"/>
  <c r="T84892" i="1"/>
  <c r="T84893" i="1"/>
  <c r="T84894" i="1"/>
  <c r="T84895" i="1"/>
  <c r="T84896" i="1"/>
  <c r="T84897" i="1"/>
  <c r="T84898" i="1"/>
  <c r="T84899" i="1"/>
  <c r="T84900" i="1"/>
  <c r="T84901" i="1"/>
  <c r="T84902" i="1"/>
  <c r="T84903" i="1"/>
  <c r="T84904" i="1"/>
  <c r="T84905" i="1"/>
  <c r="T84906" i="1"/>
  <c r="T84907" i="1"/>
  <c r="T84908" i="1"/>
  <c r="T84909" i="1"/>
  <c r="T84910" i="1"/>
  <c r="T84911" i="1"/>
  <c r="T84912" i="1"/>
  <c r="T84913" i="1"/>
  <c r="T84914" i="1"/>
  <c r="T84915" i="1"/>
  <c r="T84916" i="1"/>
  <c r="T84917" i="1"/>
  <c r="T84918" i="1"/>
  <c r="T84919" i="1"/>
  <c r="T84920" i="1"/>
  <c r="T84921" i="1"/>
  <c r="T84922" i="1"/>
  <c r="T84923" i="1"/>
  <c r="T84924" i="1"/>
  <c r="T84925" i="1"/>
  <c r="T84926" i="1"/>
  <c r="T84927" i="1"/>
  <c r="T84928" i="1"/>
  <c r="T84929" i="1"/>
  <c r="T84930" i="1"/>
  <c r="T84931" i="1"/>
  <c r="T84932" i="1"/>
  <c r="T84933" i="1"/>
  <c r="T84934" i="1"/>
  <c r="T84935" i="1"/>
  <c r="T84936" i="1"/>
  <c r="T84937" i="1"/>
  <c r="T84938" i="1"/>
  <c r="T84939" i="1"/>
  <c r="T84940" i="1"/>
  <c r="T84941" i="1"/>
  <c r="T84942" i="1"/>
  <c r="T84943" i="1"/>
  <c r="T84944" i="1"/>
  <c r="T84945" i="1"/>
  <c r="T84946" i="1"/>
  <c r="T84947" i="1"/>
  <c r="T84948" i="1"/>
  <c r="T84949" i="1"/>
  <c r="T84950" i="1"/>
  <c r="T84951" i="1"/>
  <c r="T84952" i="1"/>
  <c r="T84953" i="1"/>
  <c r="T84954" i="1"/>
  <c r="T84955" i="1"/>
  <c r="T84956" i="1"/>
  <c r="T84957" i="1"/>
  <c r="T84958" i="1"/>
  <c r="T84959" i="1"/>
  <c r="T84960" i="1"/>
  <c r="T84961" i="1"/>
  <c r="T84962" i="1"/>
  <c r="T84963" i="1"/>
  <c r="T84964" i="1"/>
  <c r="T84965" i="1"/>
  <c r="T84966" i="1"/>
  <c r="T84967" i="1"/>
  <c r="T84968" i="1"/>
  <c r="T84969" i="1"/>
  <c r="T84970" i="1"/>
  <c r="T84971" i="1"/>
  <c r="T84972" i="1"/>
  <c r="T84973" i="1"/>
  <c r="T84974" i="1"/>
  <c r="T84975" i="1"/>
  <c r="T84976" i="1"/>
  <c r="T84977" i="1"/>
  <c r="T84978" i="1"/>
  <c r="T84979" i="1"/>
  <c r="T84980" i="1"/>
  <c r="T84981" i="1"/>
  <c r="T84982" i="1"/>
  <c r="T84983" i="1"/>
  <c r="T84984" i="1"/>
  <c r="T84985" i="1"/>
  <c r="T84986" i="1"/>
  <c r="T84987" i="1"/>
  <c r="T84988" i="1"/>
  <c r="T84989" i="1"/>
  <c r="T84990" i="1"/>
  <c r="T84991" i="1"/>
  <c r="T84992" i="1"/>
  <c r="T84993" i="1"/>
  <c r="T84994" i="1"/>
  <c r="T84995" i="1"/>
  <c r="T84996" i="1"/>
  <c r="T84997" i="1"/>
  <c r="T84998" i="1"/>
  <c r="T84999" i="1"/>
  <c r="T85000" i="1"/>
  <c r="T85001" i="1"/>
  <c r="T85002" i="1"/>
  <c r="T85003" i="1"/>
  <c r="T85004" i="1"/>
  <c r="T85005" i="1"/>
  <c r="T85006" i="1"/>
  <c r="T85007" i="1"/>
  <c r="T85008" i="1"/>
  <c r="T85009" i="1"/>
  <c r="T85010" i="1"/>
  <c r="T85011" i="1"/>
  <c r="T85012" i="1"/>
  <c r="T85013" i="1"/>
  <c r="T85014" i="1"/>
  <c r="T85015" i="1"/>
  <c r="T85016" i="1"/>
  <c r="T85017" i="1"/>
  <c r="T85018" i="1"/>
  <c r="T85019" i="1"/>
  <c r="T85020" i="1"/>
  <c r="T85021" i="1"/>
  <c r="T85022" i="1"/>
  <c r="T85023" i="1"/>
  <c r="T85024" i="1"/>
  <c r="T85025" i="1"/>
  <c r="T85026" i="1"/>
  <c r="T85027" i="1"/>
  <c r="T85028" i="1"/>
  <c r="T85029" i="1"/>
  <c r="T85030" i="1"/>
  <c r="T85031" i="1"/>
  <c r="T85032" i="1"/>
  <c r="T85033" i="1"/>
  <c r="T85034" i="1"/>
  <c r="T85035" i="1"/>
  <c r="T85036" i="1"/>
  <c r="T85037" i="1"/>
  <c r="T85038" i="1"/>
  <c r="T85039" i="1"/>
  <c r="T85040" i="1"/>
  <c r="T85041" i="1"/>
  <c r="T85042" i="1"/>
  <c r="T85043" i="1"/>
  <c r="T85044" i="1"/>
  <c r="T85045" i="1"/>
  <c r="T85046" i="1"/>
  <c r="T85047" i="1"/>
  <c r="T85048" i="1"/>
  <c r="T85049" i="1"/>
  <c r="T85050" i="1"/>
  <c r="T85051" i="1"/>
  <c r="T85052" i="1"/>
  <c r="T85053" i="1"/>
  <c r="T85054" i="1"/>
  <c r="T85055" i="1"/>
  <c r="T85056" i="1"/>
  <c r="T85057" i="1"/>
  <c r="T85058" i="1"/>
  <c r="T85059" i="1"/>
  <c r="T85060" i="1"/>
  <c r="T85061" i="1"/>
  <c r="T85062" i="1"/>
  <c r="T85063" i="1"/>
  <c r="T85064" i="1"/>
  <c r="T85065" i="1"/>
  <c r="T85066" i="1"/>
  <c r="T85067" i="1"/>
  <c r="T85068" i="1"/>
  <c r="T85069" i="1"/>
  <c r="T85070" i="1"/>
  <c r="T85071" i="1"/>
  <c r="T85072" i="1"/>
  <c r="T85073" i="1"/>
  <c r="T85074" i="1"/>
  <c r="T85075" i="1"/>
  <c r="T85076" i="1"/>
  <c r="T85077" i="1"/>
  <c r="T85078" i="1"/>
  <c r="T85079" i="1"/>
  <c r="T85080" i="1"/>
  <c r="T85081" i="1"/>
  <c r="T85082" i="1"/>
  <c r="T85083" i="1"/>
  <c r="T85084" i="1"/>
  <c r="T85085" i="1"/>
  <c r="T85086" i="1"/>
  <c r="T85087" i="1"/>
  <c r="T85088" i="1"/>
  <c r="T85089" i="1"/>
  <c r="T85090" i="1"/>
  <c r="T85091" i="1"/>
  <c r="T85092" i="1"/>
  <c r="T85093" i="1"/>
  <c r="T85094" i="1"/>
  <c r="T85095" i="1"/>
  <c r="T85096" i="1"/>
  <c r="T85097" i="1"/>
  <c r="T85098" i="1"/>
  <c r="T85099" i="1"/>
  <c r="T85100" i="1"/>
  <c r="T85101" i="1"/>
  <c r="T85102" i="1"/>
  <c r="T85103" i="1"/>
  <c r="T85104" i="1"/>
  <c r="T85105" i="1"/>
  <c r="T85106" i="1"/>
  <c r="T85107" i="1"/>
  <c r="T85108" i="1"/>
  <c r="T85109" i="1"/>
  <c r="T85110" i="1"/>
  <c r="T85111" i="1"/>
  <c r="T85112" i="1"/>
  <c r="T85113" i="1"/>
  <c r="T85114" i="1"/>
  <c r="T85115" i="1"/>
  <c r="T85116" i="1"/>
  <c r="T85117" i="1"/>
  <c r="T85118" i="1"/>
  <c r="T85119" i="1"/>
  <c r="T85120" i="1"/>
  <c r="T85121" i="1"/>
  <c r="T85122" i="1"/>
  <c r="T85123" i="1"/>
  <c r="T85124" i="1"/>
  <c r="T85125" i="1"/>
  <c r="T85126" i="1"/>
  <c r="T85127" i="1"/>
  <c r="T85128" i="1"/>
  <c r="T85129" i="1"/>
  <c r="T85130" i="1"/>
  <c r="T85131" i="1"/>
  <c r="T85132" i="1"/>
  <c r="T85133" i="1"/>
  <c r="T85134" i="1"/>
  <c r="T85135" i="1"/>
  <c r="T85136" i="1"/>
  <c r="T85137" i="1"/>
  <c r="T85138" i="1"/>
  <c r="T85139" i="1"/>
  <c r="T85140" i="1"/>
  <c r="T85141" i="1"/>
  <c r="T85142" i="1"/>
  <c r="T85143" i="1"/>
  <c r="T85144" i="1"/>
  <c r="T85145" i="1"/>
  <c r="T85146" i="1"/>
  <c r="T85147" i="1"/>
  <c r="T85148" i="1"/>
  <c r="T85149" i="1"/>
  <c r="T85150" i="1"/>
  <c r="T85151" i="1"/>
  <c r="T85152" i="1"/>
  <c r="T85153" i="1"/>
  <c r="T85154" i="1"/>
  <c r="T85155" i="1"/>
  <c r="T85156" i="1"/>
  <c r="T85157" i="1"/>
  <c r="T85158" i="1"/>
  <c r="T85159" i="1"/>
  <c r="T85160" i="1"/>
  <c r="T85161" i="1"/>
  <c r="T85162" i="1"/>
  <c r="T85163" i="1"/>
  <c r="T85164" i="1"/>
  <c r="T85165" i="1"/>
  <c r="T85166" i="1"/>
  <c r="T85167" i="1"/>
  <c r="T85168" i="1"/>
  <c r="T85169" i="1"/>
  <c r="T85170" i="1"/>
  <c r="T85171" i="1"/>
  <c r="T85172" i="1"/>
  <c r="T85173" i="1"/>
  <c r="T85174" i="1"/>
  <c r="T85175" i="1"/>
  <c r="T85176" i="1"/>
  <c r="T85177" i="1"/>
  <c r="T85178" i="1"/>
  <c r="T85179" i="1"/>
  <c r="T85180" i="1"/>
  <c r="T85181" i="1"/>
  <c r="T85182" i="1"/>
  <c r="T85183" i="1"/>
  <c r="T85184" i="1"/>
  <c r="T85185" i="1"/>
  <c r="T85186" i="1"/>
  <c r="T85187" i="1"/>
  <c r="T85188" i="1"/>
  <c r="T85189" i="1"/>
  <c r="T85190" i="1"/>
  <c r="T85191" i="1"/>
  <c r="T85192" i="1"/>
  <c r="T85193" i="1"/>
  <c r="T85194" i="1"/>
  <c r="T85195" i="1"/>
  <c r="T85196" i="1"/>
  <c r="T85197" i="1"/>
  <c r="T85198" i="1"/>
  <c r="T85199" i="1"/>
  <c r="T85200" i="1"/>
  <c r="T85201" i="1"/>
  <c r="T85202" i="1"/>
  <c r="T85203" i="1"/>
  <c r="T85204" i="1"/>
  <c r="T85205" i="1"/>
  <c r="T85206" i="1"/>
  <c r="T85207" i="1"/>
  <c r="T85208" i="1"/>
  <c r="T85209" i="1"/>
  <c r="T85210" i="1"/>
  <c r="T85211" i="1"/>
  <c r="T85212" i="1"/>
  <c r="T85213" i="1"/>
  <c r="T85214" i="1"/>
  <c r="T85215" i="1"/>
  <c r="T85216" i="1"/>
  <c r="T85217" i="1"/>
  <c r="T85218" i="1"/>
  <c r="T85219" i="1"/>
  <c r="T85220" i="1"/>
  <c r="T85221" i="1"/>
  <c r="T85222" i="1"/>
  <c r="T85223" i="1"/>
  <c r="T85224" i="1"/>
  <c r="T85225" i="1"/>
  <c r="T85226" i="1"/>
  <c r="T85227" i="1"/>
  <c r="T85228" i="1"/>
  <c r="T85229" i="1"/>
  <c r="T85230" i="1"/>
  <c r="T85231" i="1"/>
  <c r="T85232" i="1"/>
  <c r="T85233" i="1"/>
  <c r="T85234" i="1"/>
  <c r="T85235" i="1"/>
  <c r="T85236" i="1"/>
  <c r="T85237" i="1"/>
  <c r="T85238" i="1"/>
  <c r="T85239" i="1"/>
  <c r="T85240" i="1"/>
  <c r="T85241" i="1"/>
  <c r="T85242" i="1"/>
  <c r="T85243" i="1"/>
  <c r="T85244" i="1"/>
  <c r="T85245" i="1"/>
  <c r="T85246" i="1"/>
  <c r="T85247" i="1"/>
  <c r="T85248" i="1"/>
  <c r="T85249" i="1"/>
  <c r="T85250" i="1"/>
  <c r="T85251" i="1"/>
  <c r="T85252" i="1"/>
  <c r="T85253" i="1"/>
  <c r="T85254" i="1"/>
  <c r="T85255" i="1"/>
  <c r="T85256" i="1"/>
  <c r="T85257" i="1"/>
  <c r="T85258" i="1"/>
  <c r="T85259" i="1"/>
  <c r="T85260" i="1"/>
  <c r="T85261" i="1"/>
  <c r="T85262" i="1"/>
  <c r="T85263" i="1"/>
  <c r="T85264" i="1"/>
  <c r="T85265" i="1"/>
  <c r="T85266" i="1"/>
  <c r="T85267" i="1"/>
  <c r="T85268" i="1"/>
  <c r="T85269" i="1"/>
  <c r="T85270" i="1"/>
  <c r="T85271" i="1"/>
  <c r="T85272" i="1"/>
  <c r="T85273" i="1"/>
  <c r="T85274" i="1"/>
  <c r="T85275" i="1"/>
  <c r="T85276" i="1"/>
  <c r="T85277" i="1"/>
  <c r="T85278" i="1"/>
  <c r="T85279" i="1"/>
  <c r="T85280" i="1"/>
  <c r="T85281" i="1"/>
  <c r="T85282" i="1"/>
  <c r="T85283" i="1"/>
  <c r="T85284" i="1"/>
  <c r="T85285" i="1"/>
  <c r="T85286" i="1"/>
  <c r="T85287" i="1"/>
  <c r="T85288" i="1"/>
  <c r="T85289" i="1"/>
  <c r="T85290" i="1"/>
  <c r="T85291" i="1"/>
  <c r="T85292" i="1"/>
  <c r="T85293" i="1"/>
  <c r="T85294" i="1"/>
  <c r="T85295" i="1"/>
  <c r="T85296" i="1"/>
  <c r="T85297" i="1"/>
  <c r="T85298" i="1"/>
  <c r="T85299" i="1"/>
  <c r="T85300" i="1"/>
  <c r="T85301" i="1"/>
  <c r="T85302" i="1"/>
  <c r="T85303" i="1"/>
  <c r="T85304" i="1"/>
  <c r="T85305" i="1"/>
  <c r="T85306" i="1"/>
  <c r="T85307" i="1"/>
  <c r="T85308" i="1"/>
  <c r="T85309" i="1"/>
  <c r="T85310" i="1"/>
  <c r="T85311" i="1"/>
  <c r="T85312" i="1"/>
  <c r="T85313" i="1"/>
  <c r="T85314" i="1"/>
  <c r="T85315" i="1"/>
  <c r="T85316" i="1"/>
  <c r="T85317" i="1"/>
  <c r="T85318" i="1"/>
  <c r="T85319" i="1"/>
  <c r="T85320" i="1"/>
  <c r="T85321" i="1"/>
  <c r="T85322" i="1"/>
  <c r="T85323" i="1"/>
  <c r="T85324" i="1"/>
  <c r="T85325" i="1"/>
  <c r="T85326" i="1"/>
  <c r="T85327" i="1"/>
  <c r="T85328" i="1"/>
  <c r="T85329" i="1"/>
  <c r="T85330" i="1"/>
  <c r="T85331" i="1"/>
  <c r="T85332" i="1"/>
  <c r="T85333" i="1"/>
  <c r="T85334" i="1"/>
  <c r="T85335" i="1"/>
  <c r="T85336" i="1"/>
  <c r="T85337" i="1"/>
  <c r="T85338" i="1"/>
  <c r="T85339" i="1"/>
  <c r="T85340" i="1"/>
  <c r="T85341" i="1"/>
  <c r="T85342" i="1"/>
  <c r="T85343" i="1"/>
  <c r="T85344" i="1"/>
  <c r="T85345" i="1"/>
  <c r="T85346" i="1"/>
  <c r="T85347" i="1"/>
  <c r="T85348" i="1"/>
  <c r="T85349" i="1"/>
  <c r="T85350" i="1"/>
  <c r="T85351" i="1"/>
  <c r="T85352" i="1"/>
  <c r="T85353" i="1"/>
  <c r="T85354" i="1"/>
  <c r="T85355" i="1"/>
  <c r="T85356" i="1"/>
  <c r="T85357" i="1"/>
  <c r="T85358" i="1"/>
  <c r="T85359" i="1"/>
  <c r="T85360" i="1"/>
  <c r="T85361" i="1"/>
  <c r="T85362" i="1"/>
  <c r="T85363" i="1"/>
  <c r="T85364" i="1"/>
  <c r="T85365" i="1"/>
  <c r="T85366" i="1"/>
  <c r="T85367" i="1"/>
  <c r="T85368" i="1"/>
  <c r="T85369" i="1"/>
  <c r="T85370" i="1"/>
  <c r="T85371" i="1"/>
  <c r="T85372" i="1"/>
  <c r="T85373" i="1"/>
  <c r="T85374" i="1"/>
  <c r="T85375" i="1"/>
  <c r="T85376" i="1"/>
  <c r="T85377" i="1"/>
  <c r="T85378" i="1"/>
  <c r="T85379" i="1"/>
  <c r="T85380" i="1"/>
  <c r="T85381" i="1"/>
  <c r="T85382" i="1"/>
  <c r="T85383" i="1"/>
  <c r="T85384" i="1"/>
  <c r="T85385" i="1"/>
  <c r="T85386" i="1"/>
  <c r="T85387" i="1"/>
  <c r="T85388" i="1"/>
  <c r="T85389" i="1"/>
  <c r="T85390" i="1"/>
  <c r="T85391" i="1"/>
  <c r="T85392" i="1"/>
  <c r="T85393" i="1"/>
  <c r="T85394" i="1"/>
  <c r="T85395" i="1"/>
  <c r="T85396" i="1"/>
  <c r="T85397" i="1"/>
  <c r="T85398" i="1"/>
  <c r="T85399" i="1"/>
  <c r="T85400" i="1"/>
  <c r="T85401" i="1"/>
  <c r="T85402" i="1"/>
  <c r="T85403" i="1"/>
  <c r="T85404" i="1"/>
  <c r="T85405" i="1"/>
  <c r="T85406" i="1"/>
  <c r="T85407" i="1"/>
  <c r="T85408" i="1"/>
  <c r="T85409" i="1"/>
  <c r="T85410" i="1"/>
  <c r="T85411" i="1"/>
  <c r="T85412" i="1"/>
  <c r="T85413" i="1"/>
  <c r="T85414" i="1"/>
  <c r="T85415" i="1"/>
  <c r="T85416" i="1"/>
  <c r="T85417" i="1"/>
  <c r="T85418" i="1"/>
  <c r="T85419" i="1"/>
  <c r="T85420" i="1"/>
  <c r="T85421" i="1"/>
  <c r="T85422" i="1"/>
  <c r="T85423" i="1"/>
  <c r="T85424" i="1"/>
  <c r="T85425" i="1"/>
  <c r="T85426" i="1"/>
  <c r="T85427" i="1"/>
  <c r="T85428" i="1"/>
  <c r="T85429" i="1"/>
  <c r="T85430" i="1"/>
  <c r="T85431" i="1"/>
  <c r="T85432" i="1"/>
  <c r="T85433" i="1"/>
  <c r="T85434" i="1"/>
  <c r="T85435" i="1"/>
  <c r="T85436" i="1"/>
  <c r="T85437" i="1"/>
  <c r="T85438" i="1"/>
  <c r="T85439" i="1"/>
  <c r="T85440" i="1"/>
  <c r="T85441" i="1"/>
  <c r="T85442" i="1"/>
  <c r="T85443" i="1"/>
  <c r="T85444" i="1"/>
  <c r="T85445" i="1"/>
  <c r="T85446" i="1"/>
  <c r="T85447" i="1"/>
  <c r="T85448" i="1"/>
  <c r="T85449" i="1"/>
  <c r="T85450" i="1"/>
  <c r="T85451" i="1"/>
  <c r="T85452" i="1"/>
  <c r="T85453" i="1"/>
  <c r="T85454" i="1"/>
  <c r="T85455" i="1"/>
  <c r="T85456" i="1"/>
  <c r="T85457" i="1"/>
  <c r="T85458" i="1"/>
  <c r="T85459" i="1"/>
  <c r="T85460" i="1"/>
  <c r="T85461" i="1"/>
  <c r="T85462" i="1"/>
  <c r="T85463" i="1"/>
  <c r="T85464" i="1"/>
  <c r="T85465" i="1"/>
  <c r="T85466" i="1"/>
  <c r="T85467" i="1"/>
  <c r="T85468" i="1"/>
  <c r="T85469" i="1"/>
  <c r="T85470" i="1"/>
  <c r="T85471" i="1"/>
  <c r="T85472" i="1"/>
  <c r="T85473" i="1"/>
  <c r="T85474" i="1"/>
  <c r="T85475" i="1"/>
  <c r="T85476" i="1"/>
  <c r="T85477" i="1"/>
  <c r="T85478" i="1"/>
  <c r="T85479" i="1"/>
  <c r="T85480" i="1"/>
  <c r="T85481" i="1"/>
  <c r="T85482" i="1"/>
  <c r="T85483" i="1"/>
  <c r="T85484" i="1"/>
  <c r="T85485" i="1"/>
  <c r="T85486" i="1"/>
  <c r="T85487" i="1"/>
  <c r="T85488" i="1"/>
  <c r="T85489" i="1"/>
  <c r="T85490" i="1"/>
  <c r="T85491" i="1"/>
  <c r="T85492" i="1"/>
  <c r="T85493" i="1"/>
  <c r="T85494" i="1"/>
  <c r="T85495" i="1"/>
  <c r="T85496" i="1"/>
  <c r="T85497" i="1"/>
  <c r="T85498" i="1"/>
  <c r="T85499" i="1"/>
  <c r="T85500" i="1"/>
  <c r="T85501" i="1"/>
  <c r="T85502" i="1"/>
  <c r="T85503" i="1"/>
  <c r="T85504" i="1"/>
  <c r="T85505" i="1"/>
  <c r="T85506" i="1"/>
  <c r="T85507" i="1"/>
  <c r="T85508" i="1"/>
  <c r="T85509" i="1"/>
  <c r="T85510" i="1"/>
  <c r="T85511" i="1"/>
  <c r="T85512" i="1"/>
  <c r="T85513" i="1"/>
  <c r="T85514" i="1"/>
  <c r="T85515" i="1"/>
  <c r="T85516" i="1"/>
  <c r="T85517" i="1"/>
  <c r="T85518" i="1"/>
  <c r="T85519" i="1"/>
  <c r="T85520" i="1"/>
  <c r="T85521" i="1"/>
  <c r="T85522" i="1"/>
  <c r="T85523" i="1"/>
  <c r="T85524" i="1"/>
  <c r="T85525" i="1"/>
  <c r="T85526" i="1"/>
  <c r="T85527" i="1"/>
  <c r="T85528" i="1"/>
  <c r="T85529" i="1"/>
  <c r="T85530" i="1"/>
  <c r="T85531" i="1"/>
  <c r="T85532" i="1"/>
  <c r="T85533" i="1"/>
  <c r="T85534" i="1"/>
  <c r="T85535" i="1"/>
  <c r="T85536" i="1"/>
  <c r="T85537" i="1"/>
  <c r="T85538" i="1"/>
  <c r="T85539" i="1"/>
  <c r="T85540" i="1"/>
  <c r="T85541" i="1"/>
  <c r="T85542" i="1"/>
  <c r="T85543" i="1"/>
  <c r="T85544" i="1"/>
  <c r="T85545" i="1"/>
  <c r="T85546" i="1"/>
  <c r="T85547" i="1"/>
  <c r="T85548" i="1"/>
  <c r="T85549" i="1"/>
  <c r="T85550" i="1"/>
  <c r="T85551" i="1"/>
  <c r="T85552" i="1"/>
  <c r="T85553" i="1"/>
  <c r="T85554" i="1"/>
  <c r="T85555" i="1"/>
  <c r="T85556" i="1"/>
  <c r="T85557" i="1"/>
  <c r="T85558" i="1"/>
  <c r="T85559" i="1"/>
  <c r="T85560" i="1"/>
  <c r="T85561" i="1"/>
  <c r="T85562" i="1"/>
  <c r="T85563" i="1"/>
  <c r="T85564" i="1"/>
  <c r="T85565" i="1"/>
  <c r="T85566" i="1"/>
  <c r="T85567" i="1"/>
  <c r="T85568" i="1"/>
  <c r="T85569" i="1"/>
  <c r="T85570" i="1"/>
  <c r="T85571" i="1"/>
  <c r="T85572" i="1"/>
  <c r="T85573" i="1"/>
  <c r="T85574" i="1"/>
  <c r="T85575" i="1"/>
  <c r="T85576" i="1"/>
  <c r="T85577" i="1"/>
  <c r="T85578" i="1"/>
  <c r="T85579" i="1"/>
  <c r="T85580" i="1"/>
  <c r="T85581" i="1"/>
  <c r="T85582" i="1"/>
  <c r="T85583" i="1"/>
  <c r="T85584" i="1"/>
  <c r="T85585" i="1"/>
  <c r="T85586" i="1"/>
  <c r="T85587" i="1"/>
  <c r="T85588" i="1"/>
  <c r="T85589" i="1"/>
  <c r="T85590" i="1"/>
  <c r="T85591" i="1"/>
  <c r="T85592" i="1"/>
  <c r="T85593" i="1"/>
  <c r="T85594" i="1"/>
  <c r="T85595" i="1"/>
  <c r="T85596" i="1"/>
  <c r="T85597" i="1"/>
  <c r="T85598" i="1"/>
  <c r="T85599" i="1"/>
  <c r="T85600" i="1"/>
  <c r="T85601" i="1"/>
  <c r="T85602" i="1"/>
  <c r="T85603" i="1"/>
  <c r="T85604" i="1"/>
  <c r="T85605" i="1"/>
  <c r="T85606" i="1"/>
  <c r="T85607" i="1"/>
  <c r="T85608" i="1"/>
  <c r="T85609" i="1"/>
  <c r="T85610" i="1"/>
  <c r="T85611" i="1"/>
  <c r="T85612" i="1"/>
  <c r="T85613" i="1"/>
  <c r="T85614" i="1"/>
  <c r="T85615" i="1"/>
  <c r="T85616" i="1"/>
  <c r="T85617" i="1"/>
  <c r="T85618" i="1"/>
  <c r="T85619" i="1"/>
  <c r="T85620" i="1"/>
  <c r="T85621" i="1"/>
  <c r="T85622" i="1"/>
  <c r="T85623" i="1"/>
  <c r="T85624" i="1"/>
  <c r="T85625" i="1"/>
  <c r="T85626" i="1"/>
  <c r="T85627" i="1"/>
  <c r="T85628" i="1"/>
  <c r="T85629" i="1"/>
  <c r="T85630" i="1"/>
  <c r="T85631" i="1"/>
  <c r="T85632" i="1"/>
  <c r="T85633" i="1"/>
  <c r="T85634" i="1"/>
  <c r="T85635" i="1"/>
  <c r="T85636" i="1"/>
  <c r="T85637" i="1"/>
  <c r="T85638" i="1"/>
  <c r="T85639" i="1"/>
  <c r="T85640" i="1"/>
  <c r="T85641" i="1"/>
  <c r="T85642" i="1"/>
  <c r="T85643" i="1"/>
  <c r="T85644" i="1"/>
  <c r="T85645" i="1"/>
  <c r="T85646" i="1"/>
  <c r="T85647" i="1"/>
  <c r="T85648" i="1"/>
  <c r="T85649" i="1"/>
  <c r="T85650" i="1"/>
  <c r="T85651" i="1"/>
  <c r="T85652" i="1"/>
  <c r="T85653" i="1"/>
  <c r="T85654" i="1"/>
  <c r="T85655" i="1"/>
  <c r="T85656" i="1"/>
  <c r="T85657" i="1"/>
  <c r="T85658" i="1"/>
  <c r="T85659" i="1"/>
  <c r="T85660" i="1"/>
  <c r="T85661" i="1"/>
  <c r="T85662" i="1"/>
  <c r="T85663" i="1"/>
  <c r="T85664" i="1"/>
  <c r="T85665" i="1"/>
  <c r="T85666" i="1"/>
  <c r="T85667" i="1"/>
  <c r="T85668" i="1"/>
  <c r="T85669" i="1"/>
  <c r="T85670" i="1"/>
  <c r="T85671" i="1"/>
  <c r="T85672" i="1"/>
  <c r="T85673" i="1"/>
  <c r="T85674" i="1"/>
  <c r="T85675" i="1"/>
  <c r="T85676" i="1"/>
  <c r="T85677" i="1"/>
  <c r="T85678" i="1"/>
  <c r="T85679" i="1"/>
  <c r="T85680" i="1"/>
  <c r="T85681" i="1"/>
  <c r="T85682" i="1"/>
  <c r="T85683" i="1"/>
  <c r="T85684" i="1"/>
  <c r="T85685" i="1"/>
  <c r="T85686" i="1"/>
  <c r="T85687" i="1"/>
  <c r="T85688" i="1"/>
  <c r="T85689" i="1"/>
  <c r="T85690" i="1"/>
  <c r="T85691" i="1"/>
  <c r="T85692" i="1"/>
  <c r="T85693" i="1"/>
  <c r="T85694" i="1"/>
  <c r="T85695" i="1"/>
  <c r="T85696" i="1"/>
  <c r="T85697" i="1"/>
  <c r="T85698" i="1"/>
  <c r="T85699" i="1"/>
  <c r="T85700" i="1"/>
  <c r="T85701" i="1"/>
  <c r="T85702" i="1"/>
  <c r="T85703" i="1"/>
  <c r="T85704" i="1"/>
  <c r="T85705" i="1"/>
  <c r="T85706" i="1"/>
  <c r="T85707" i="1"/>
  <c r="T85708" i="1"/>
  <c r="T85709" i="1"/>
  <c r="T85710" i="1"/>
  <c r="T85711" i="1"/>
  <c r="T85712" i="1"/>
  <c r="T85713" i="1"/>
  <c r="T85714" i="1"/>
  <c r="T85715" i="1"/>
  <c r="T85716" i="1"/>
  <c r="T85717" i="1"/>
  <c r="T85718" i="1"/>
  <c r="T85719" i="1"/>
  <c r="T85720" i="1"/>
  <c r="T85721" i="1"/>
  <c r="T85722" i="1"/>
  <c r="T85723" i="1"/>
  <c r="T85724" i="1"/>
  <c r="T85725" i="1"/>
  <c r="T85726" i="1"/>
  <c r="T85727" i="1"/>
  <c r="T85728" i="1"/>
  <c r="T85729" i="1"/>
  <c r="T85730" i="1"/>
  <c r="T85731" i="1"/>
  <c r="T85732" i="1"/>
  <c r="T85733" i="1"/>
  <c r="T85734" i="1"/>
  <c r="T85735" i="1"/>
  <c r="T85736" i="1"/>
  <c r="T85737" i="1"/>
  <c r="T85738" i="1"/>
  <c r="T85739" i="1"/>
  <c r="T85740" i="1"/>
  <c r="T85741" i="1"/>
  <c r="T85742" i="1"/>
  <c r="T85743" i="1"/>
  <c r="T85744" i="1"/>
  <c r="T85745" i="1"/>
  <c r="T85746" i="1"/>
  <c r="T85747" i="1"/>
  <c r="T85748" i="1"/>
  <c r="T85749" i="1"/>
  <c r="T85750" i="1"/>
  <c r="T85751" i="1"/>
  <c r="T85752" i="1"/>
  <c r="T85753" i="1"/>
  <c r="T85754" i="1"/>
  <c r="T85755" i="1"/>
  <c r="T85756" i="1"/>
  <c r="T85757" i="1"/>
  <c r="T85758" i="1"/>
  <c r="T85759" i="1"/>
  <c r="T85760" i="1"/>
  <c r="T85761" i="1"/>
  <c r="T85762" i="1"/>
  <c r="T85763" i="1"/>
  <c r="T85764" i="1"/>
  <c r="T85765" i="1"/>
  <c r="T85766" i="1"/>
  <c r="T85767" i="1"/>
  <c r="T85768" i="1"/>
  <c r="T85769" i="1"/>
  <c r="T85770" i="1"/>
  <c r="T85771" i="1"/>
  <c r="T85772" i="1"/>
  <c r="T85773" i="1"/>
  <c r="T85774" i="1"/>
  <c r="T85775" i="1"/>
  <c r="T85776" i="1"/>
  <c r="T85777" i="1"/>
  <c r="T85778" i="1"/>
  <c r="T85779" i="1"/>
  <c r="T85780" i="1"/>
  <c r="T85781" i="1"/>
  <c r="T85782" i="1"/>
  <c r="T85783" i="1"/>
  <c r="T85784" i="1"/>
  <c r="T85785" i="1"/>
  <c r="T85786" i="1"/>
  <c r="T85787" i="1"/>
  <c r="T85788" i="1"/>
  <c r="T85789" i="1"/>
  <c r="T85790" i="1"/>
  <c r="T85791" i="1"/>
  <c r="T85792" i="1"/>
  <c r="T85793" i="1"/>
  <c r="T85794" i="1"/>
  <c r="T85795" i="1"/>
  <c r="T85796" i="1"/>
  <c r="T85797" i="1"/>
  <c r="T85798" i="1"/>
  <c r="T85799" i="1"/>
  <c r="T85800" i="1"/>
  <c r="T85801" i="1"/>
  <c r="T85802" i="1"/>
  <c r="T85803" i="1"/>
  <c r="T85804" i="1"/>
  <c r="T85805" i="1"/>
  <c r="T85806" i="1"/>
  <c r="T85807" i="1"/>
  <c r="T85808" i="1"/>
  <c r="T85809" i="1"/>
  <c r="T85810" i="1"/>
  <c r="T85811" i="1"/>
  <c r="T85812" i="1"/>
  <c r="T85813" i="1"/>
  <c r="T85814" i="1"/>
  <c r="T85815" i="1"/>
  <c r="T85816" i="1"/>
  <c r="T85817" i="1"/>
  <c r="T85818" i="1"/>
  <c r="T85819" i="1"/>
  <c r="T85820" i="1"/>
  <c r="T85821" i="1"/>
  <c r="T85822" i="1"/>
  <c r="T85823" i="1"/>
  <c r="T85824" i="1"/>
  <c r="T85825" i="1"/>
  <c r="T85826" i="1"/>
  <c r="T85827" i="1"/>
  <c r="T85828" i="1"/>
  <c r="T85829" i="1"/>
  <c r="T85830" i="1"/>
  <c r="T85831" i="1"/>
  <c r="T85832" i="1"/>
  <c r="T85833" i="1"/>
  <c r="T85834" i="1"/>
  <c r="T85835" i="1"/>
  <c r="T85836" i="1"/>
  <c r="T85837" i="1"/>
  <c r="T85838" i="1"/>
  <c r="T85839" i="1"/>
  <c r="T85840" i="1"/>
  <c r="T85841" i="1"/>
  <c r="T85842" i="1"/>
  <c r="T85843" i="1"/>
  <c r="T85844" i="1"/>
  <c r="T85845" i="1"/>
  <c r="T85846" i="1"/>
  <c r="T85847" i="1"/>
  <c r="T85848" i="1"/>
  <c r="T85849" i="1"/>
  <c r="T85850" i="1"/>
  <c r="T85851" i="1"/>
  <c r="T85852" i="1"/>
  <c r="T85853" i="1"/>
  <c r="T85854" i="1"/>
  <c r="T85855" i="1"/>
  <c r="T85856" i="1"/>
  <c r="T85857" i="1"/>
  <c r="T85858" i="1"/>
  <c r="T85859" i="1"/>
  <c r="T85860" i="1"/>
  <c r="T85861" i="1"/>
  <c r="T85862" i="1"/>
  <c r="T85863" i="1"/>
  <c r="T85864" i="1"/>
  <c r="T85865" i="1"/>
  <c r="T85866" i="1"/>
  <c r="T85867" i="1"/>
  <c r="T85868" i="1"/>
  <c r="T85869" i="1"/>
  <c r="T85870" i="1"/>
  <c r="T85871" i="1"/>
  <c r="T85872" i="1"/>
  <c r="T85873" i="1"/>
  <c r="T85874" i="1"/>
  <c r="T85875" i="1"/>
  <c r="T85876" i="1"/>
  <c r="T85877" i="1"/>
  <c r="T85878" i="1"/>
  <c r="T85879" i="1"/>
  <c r="T85880" i="1"/>
  <c r="T85881" i="1"/>
  <c r="T85882" i="1"/>
  <c r="T85883" i="1"/>
  <c r="T85884" i="1"/>
  <c r="T85885" i="1"/>
  <c r="T85886" i="1"/>
  <c r="T85887" i="1"/>
  <c r="T85888" i="1"/>
  <c r="T85889" i="1"/>
  <c r="T85890" i="1"/>
  <c r="T85891" i="1"/>
  <c r="T85892" i="1"/>
  <c r="T85893" i="1"/>
  <c r="T85894" i="1"/>
  <c r="T85895" i="1"/>
  <c r="T85896" i="1"/>
  <c r="T85897" i="1"/>
  <c r="T85898" i="1"/>
  <c r="T85899" i="1"/>
  <c r="T85900" i="1"/>
  <c r="T85901" i="1"/>
  <c r="T85902" i="1"/>
  <c r="T85903" i="1"/>
  <c r="T85904" i="1"/>
  <c r="T85905" i="1"/>
  <c r="T85906" i="1"/>
  <c r="T85907" i="1"/>
  <c r="T85908" i="1"/>
  <c r="T85909" i="1"/>
  <c r="T85910" i="1"/>
  <c r="T85911" i="1"/>
  <c r="T85912" i="1"/>
  <c r="T85913" i="1"/>
  <c r="T85914" i="1"/>
  <c r="T85915" i="1"/>
  <c r="T85916" i="1"/>
  <c r="T85917" i="1"/>
  <c r="T85918" i="1"/>
  <c r="T85919" i="1"/>
  <c r="T85920" i="1"/>
  <c r="T85921" i="1"/>
  <c r="T85922" i="1"/>
  <c r="T85923" i="1"/>
  <c r="T85924" i="1"/>
  <c r="T85925" i="1"/>
  <c r="T85926" i="1"/>
  <c r="T85927" i="1"/>
  <c r="T85928" i="1"/>
  <c r="T85929" i="1"/>
  <c r="T85930" i="1"/>
  <c r="T85931" i="1"/>
  <c r="T85932" i="1"/>
  <c r="T85933" i="1"/>
  <c r="T85934" i="1"/>
  <c r="T85935" i="1"/>
  <c r="T85936" i="1"/>
  <c r="T85937" i="1"/>
  <c r="T85938" i="1"/>
  <c r="T85939" i="1"/>
  <c r="T85940" i="1"/>
  <c r="T85941" i="1"/>
  <c r="T85942" i="1"/>
  <c r="T85943" i="1"/>
  <c r="T85944" i="1"/>
  <c r="T85945" i="1"/>
  <c r="T85946" i="1"/>
  <c r="T85947" i="1"/>
  <c r="T85948" i="1"/>
  <c r="T85949" i="1"/>
  <c r="T85950" i="1"/>
  <c r="T85951" i="1"/>
  <c r="T85952" i="1"/>
  <c r="T85953" i="1"/>
  <c r="T85954" i="1"/>
  <c r="T85955" i="1"/>
  <c r="T85956" i="1"/>
  <c r="T85957" i="1"/>
  <c r="T85958" i="1"/>
  <c r="T85959" i="1"/>
  <c r="T85960" i="1"/>
  <c r="T85961" i="1"/>
  <c r="T85962" i="1"/>
  <c r="T85963" i="1"/>
  <c r="T85964" i="1"/>
  <c r="T85965" i="1"/>
  <c r="T85966" i="1"/>
  <c r="T85967" i="1"/>
  <c r="T85968" i="1"/>
  <c r="T85969" i="1"/>
  <c r="T85970" i="1"/>
  <c r="T85971" i="1"/>
  <c r="T85972" i="1"/>
  <c r="T85973" i="1"/>
  <c r="T85974" i="1"/>
  <c r="T85975" i="1"/>
  <c r="T85976" i="1"/>
  <c r="T85977" i="1"/>
  <c r="T85978" i="1"/>
  <c r="T85979" i="1"/>
  <c r="T85980" i="1"/>
  <c r="T85981" i="1"/>
  <c r="T85982" i="1"/>
  <c r="T85983" i="1"/>
  <c r="T85984" i="1"/>
  <c r="T85985" i="1"/>
  <c r="T85986" i="1"/>
  <c r="T85987" i="1"/>
  <c r="T85988" i="1"/>
  <c r="T85989" i="1"/>
  <c r="T85990" i="1"/>
  <c r="T85991" i="1"/>
  <c r="T85992" i="1"/>
  <c r="T85993" i="1"/>
  <c r="T85994" i="1"/>
  <c r="T85995" i="1"/>
  <c r="T85996" i="1"/>
  <c r="T85997" i="1"/>
  <c r="T85998" i="1"/>
  <c r="T85999" i="1"/>
  <c r="T86000" i="1"/>
  <c r="T86001" i="1"/>
  <c r="T86002" i="1"/>
  <c r="T86003" i="1"/>
  <c r="T86004" i="1"/>
  <c r="T86005" i="1"/>
  <c r="T86006" i="1"/>
  <c r="T86007" i="1"/>
  <c r="T86008" i="1"/>
  <c r="T86009" i="1"/>
  <c r="T86010" i="1"/>
  <c r="T86011" i="1"/>
  <c r="T86012" i="1"/>
  <c r="T86013" i="1"/>
  <c r="T86014" i="1"/>
  <c r="T86015" i="1"/>
  <c r="T86016" i="1"/>
  <c r="T86017" i="1"/>
  <c r="T86018" i="1"/>
  <c r="T86019" i="1"/>
  <c r="T86020" i="1"/>
  <c r="T86021" i="1"/>
  <c r="T86022" i="1"/>
  <c r="T86023" i="1"/>
  <c r="T86024" i="1"/>
  <c r="T86025" i="1"/>
  <c r="T86026" i="1"/>
  <c r="T86027" i="1"/>
  <c r="T86028" i="1"/>
  <c r="T86029" i="1"/>
  <c r="T86030" i="1"/>
  <c r="T86031" i="1"/>
  <c r="T86032" i="1"/>
  <c r="T86033" i="1"/>
  <c r="T86034" i="1"/>
  <c r="T86035" i="1"/>
  <c r="T86036" i="1"/>
  <c r="T86037" i="1"/>
  <c r="T86038" i="1"/>
  <c r="T86039" i="1"/>
  <c r="T86040" i="1"/>
  <c r="T86041" i="1"/>
  <c r="T86042" i="1"/>
  <c r="T86043" i="1"/>
  <c r="T86044" i="1"/>
  <c r="T86045" i="1"/>
  <c r="T86046" i="1"/>
  <c r="T86047" i="1"/>
  <c r="T86048" i="1"/>
  <c r="T86049" i="1"/>
  <c r="T86050" i="1"/>
  <c r="T86051" i="1"/>
  <c r="T86052" i="1"/>
  <c r="T86053" i="1"/>
  <c r="T86054" i="1"/>
  <c r="T86055" i="1"/>
  <c r="T86056" i="1"/>
  <c r="T86057" i="1"/>
  <c r="T86058" i="1"/>
  <c r="T86059" i="1"/>
  <c r="T86060" i="1"/>
  <c r="T86061" i="1"/>
  <c r="T86062" i="1"/>
  <c r="T86063" i="1"/>
  <c r="T86064" i="1"/>
  <c r="T86065" i="1"/>
  <c r="T86066" i="1"/>
  <c r="T86067" i="1"/>
  <c r="T86068" i="1"/>
  <c r="T86069" i="1"/>
  <c r="T86070" i="1"/>
  <c r="T86071" i="1"/>
  <c r="T86072" i="1"/>
  <c r="T86073" i="1"/>
  <c r="T86074" i="1"/>
  <c r="T86075" i="1"/>
  <c r="T86076" i="1"/>
  <c r="T86077" i="1"/>
  <c r="T86078" i="1"/>
  <c r="T86079" i="1"/>
  <c r="T86080" i="1"/>
  <c r="T86081" i="1"/>
  <c r="T86082" i="1"/>
  <c r="T86083" i="1"/>
  <c r="T86084" i="1"/>
  <c r="T86085" i="1"/>
  <c r="T86086" i="1"/>
  <c r="T86087" i="1"/>
  <c r="T86088" i="1"/>
  <c r="T86089" i="1"/>
  <c r="T86090" i="1"/>
  <c r="T86091" i="1"/>
  <c r="T86092" i="1"/>
  <c r="T86093" i="1"/>
  <c r="T86094" i="1"/>
  <c r="T86095" i="1"/>
  <c r="T86096" i="1"/>
  <c r="T86097" i="1"/>
  <c r="T86098" i="1"/>
  <c r="T86099" i="1"/>
  <c r="T86100" i="1"/>
  <c r="T86101" i="1"/>
  <c r="T86102" i="1"/>
  <c r="T86103" i="1"/>
  <c r="T86104" i="1"/>
  <c r="T86105" i="1"/>
  <c r="T86106" i="1"/>
  <c r="T86107" i="1"/>
  <c r="T86108" i="1"/>
  <c r="T86109" i="1"/>
  <c r="T86110" i="1"/>
  <c r="T86111" i="1"/>
  <c r="T86112" i="1"/>
  <c r="T86113" i="1"/>
  <c r="T86114" i="1"/>
  <c r="T86115" i="1"/>
  <c r="T86116" i="1"/>
  <c r="T86117" i="1"/>
  <c r="T86118" i="1"/>
  <c r="T86119" i="1"/>
  <c r="T86120" i="1"/>
  <c r="T86121" i="1"/>
  <c r="T86122" i="1"/>
  <c r="T86123" i="1"/>
  <c r="T86124" i="1"/>
  <c r="T86125" i="1"/>
  <c r="T86126" i="1"/>
  <c r="T86127" i="1"/>
  <c r="T86128" i="1"/>
  <c r="T86129" i="1"/>
  <c r="T86130" i="1"/>
  <c r="T86131" i="1"/>
  <c r="T86132" i="1"/>
  <c r="T86133" i="1"/>
  <c r="T86134" i="1"/>
  <c r="T86135" i="1"/>
  <c r="T86136" i="1"/>
  <c r="T86137" i="1"/>
  <c r="T86138" i="1"/>
  <c r="T86139" i="1"/>
  <c r="T86140" i="1"/>
  <c r="T86141" i="1"/>
  <c r="T86142" i="1"/>
  <c r="T86143" i="1"/>
  <c r="T86144" i="1"/>
  <c r="T86145" i="1"/>
  <c r="T86146" i="1"/>
  <c r="T86147" i="1"/>
  <c r="T86148" i="1"/>
  <c r="T86149" i="1"/>
  <c r="T86150" i="1"/>
  <c r="T86151" i="1"/>
  <c r="T86152" i="1"/>
  <c r="T86153" i="1"/>
  <c r="T86154" i="1"/>
  <c r="T86155" i="1"/>
  <c r="T86156" i="1"/>
  <c r="T86157" i="1"/>
  <c r="T86158" i="1"/>
  <c r="T86159" i="1"/>
  <c r="T86160" i="1"/>
  <c r="T86161" i="1"/>
  <c r="T86162" i="1"/>
  <c r="T86163" i="1"/>
  <c r="T86164" i="1"/>
  <c r="T86165" i="1"/>
  <c r="T86166" i="1"/>
  <c r="T86167" i="1"/>
  <c r="T86168" i="1"/>
  <c r="T86169" i="1"/>
  <c r="T86170" i="1"/>
  <c r="T86171" i="1"/>
  <c r="T86172" i="1"/>
  <c r="T86173" i="1"/>
  <c r="T86174" i="1"/>
  <c r="T86175" i="1"/>
  <c r="T86176" i="1"/>
  <c r="T86177" i="1"/>
  <c r="T86178" i="1"/>
  <c r="T86179" i="1"/>
  <c r="T86180" i="1"/>
  <c r="T86181" i="1"/>
  <c r="T86182" i="1"/>
  <c r="T86183" i="1"/>
  <c r="T86184" i="1"/>
  <c r="T86185" i="1"/>
  <c r="T86186" i="1"/>
  <c r="T86187" i="1"/>
  <c r="T86188" i="1"/>
  <c r="T86189" i="1"/>
  <c r="T86190" i="1"/>
  <c r="T86191" i="1"/>
  <c r="T86192" i="1"/>
  <c r="T86193" i="1"/>
  <c r="T86194" i="1"/>
  <c r="T86195" i="1"/>
  <c r="T86196" i="1"/>
  <c r="T86197" i="1"/>
  <c r="T86198" i="1"/>
  <c r="T86199" i="1"/>
  <c r="T86200" i="1"/>
  <c r="T86201" i="1"/>
  <c r="T86202" i="1"/>
  <c r="T86203" i="1"/>
  <c r="T86204" i="1"/>
  <c r="T86205" i="1"/>
  <c r="T86206" i="1"/>
  <c r="T86207" i="1"/>
  <c r="T86208" i="1"/>
  <c r="T86209" i="1"/>
  <c r="T86210" i="1"/>
  <c r="T86211" i="1"/>
  <c r="T86212" i="1"/>
  <c r="T86213" i="1"/>
  <c r="T86214" i="1"/>
  <c r="T86215" i="1"/>
  <c r="T86216" i="1"/>
  <c r="T86217" i="1"/>
  <c r="T86218" i="1"/>
  <c r="T86219" i="1"/>
  <c r="T86220" i="1"/>
  <c r="T86221" i="1"/>
  <c r="T86222" i="1"/>
  <c r="T86223" i="1"/>
  <c r="T86224" i="1"/>
  <c r="T86225" i="1"/>
  <c r="T86226" i="1"/>
  <c r="T86227" i="1"/>
  <c r="T86228" i="1"/>
  <c r="T86229" i="1"/>
  <c r="T86230" i="1"/>
  <c r="T86231" i="1"/>
  <c r="T86232" i="1"/>
  <c r="T86233" i="1"/>
  <c r="T86234" i="1"/>
  <c r="T86235" i="1"/>
  <c r="T86236" i="1"/>
  <c r="T86237" i="1"/>
  <c r="T86238" i="1"/>
  <c r="T86239" i="1"/>
  <c r="T86240" i="1"/>
  <c r="T86241" i="1"/>
  <c r="T86242" i="1"/>
  <c r="T86243" i="1"/>
  <c r="T86244" i="1"/>
  <c r="T86245" i="1"/>
  <c r="T86246" i="1"/>
  <c r="T86247" i="1"/>
  <c r="T86248" i="1"/>
  <c r="T86249" i="1"/>
  <c r="T86250" i="1"/>
  <c r="T86251" i="1"/>
  <c r="T86252" i="1"/>
  <c r="T86253" i="1"/>
  <c r="T86254" i="1"/>
  <c r="T86255" i="1"/>
  <c r="T86256" i="1"/>
  <c r="T86257" i="1"/>
  <c r="T86258" i="1"/>
  <c r="T86259" i="1"/>
  <c r="T86260" i="1"/>
  <c r="T86261" i="1"/>
  <c r="T86262" i="1"/>
  <c r="T86263" i="1"/>
  <c r="T86264" i="1"/>
  <c r="T86265" i="1"/>
  <c r="T86266" i="1"/>
  <c r="T86267" i="1"/>
  <c r="T86268" i="1"/>
  <c r="T86269" i="1"/>
  <c r="T86270" i="1"/>
  <c r="T86271" i="1"/>
  <c r="T86272" i="1"/>
  <c r="T86273" i="1"/>
  <c r="T86274" i="1"/>
  <c r="T86275" i="1"/>
  <c r="T86276" i="1"/>
  <c r="T86277" i="1"/>
  <c r="T86278" i="1"/>
  <c r="T86279" i="1"/>
  <c r="T86280" i="1"/>
  <c r="T86281" i="1"/>
  <c r="T86282" i="1"/>
  <c r="T86283" i="1"/>
  <c r="T86284" i="1"/>
  <c r="T86285" i="1"/>
  <c r="T86286" i="1"/>
  <c r="T86287" i="1"/>
  <c r="T86288" i="1"/>
  <c r="T86289" i="1"/>
  <c r="T86290" i="1"/>
  <c r="T86291" i="1"/>
  <c r="T86292" i="1"/>
  <c r="T86293" i="1"/>
  <c r="T86294" i="1"/>
  <c r="T86295" i="1"/>
  <c r="T86296" i="1"/>
  <c r="T86297" i="1"/>
  <c r="T86298" i="1"/>
  <c r="T86299" i="1"/>
  <c r="T86300" i="1"/>
  <c r="T86301" i="1"/>
  <c r="T86302" i="1"/>
  <c r="T86303" i="1"/>
  <c r="T86304" i="1"/>
  <c r="T86305" i="1"/>
  <c r="T86306" i="1"/>
  <c r="T86307" i="1"/>
  <c r="T86308" i="1"/>
  <c r="T86309" i="1"/>
  <c r="T86310" i="1"/>
  <c r="T86311" i="1"/>
  <c r="T86312" i="1"/>
  <c r="T86313" i="1"/>
  <c r="T86314" i="1"/>
  <c r="T86315" i="1"/>
  <c r="T86316" i="1"/>
  <c r="T86317" i="1"/>
  <c r="T86318" i="1"/>
  <c r="T86319" i="1"/>
  <c r="T86320" i="1"/>
  <c r="T86321" i="1"/>
  <c r="T86322" i="1"/>
  <c r="T86323" i="1"/>
  <c r="T86324" i="1"/>
  <c r="T86325" i="1"/>
  <c r="T86326" i="1"/>
  <c r="T86327" i="1"/>
  <c r="T86328" i="1"/>
  <c r="T86329" i="1"/>
  <c r="T86330" i="1"/>
  <c r="T86331" i="1"/>
  <c r="T86332" i="1"/>
  <c r="T86333" i="1"/>
  <c r="T86334" i="1"/>
  <c r="T86335" i="1"/>
  <c r="T86336" i="1"/>
  <c r="T86337" i="1"/>
  <c r="T86338" i="1"/>
  <c r="T86339" i="1"/>
  <c r="T86340" i="1"/>
  <c r="T86341" i="1"/>
  <c r="T86342" i="1"/>
  <c r="T86343" i="1"/>
  <c r="T86344" i="1"/>
  <c r="T86345" i="1"/>
  <c r="T86346" i="1"/>
  <c r="T86347" i="1"/>
  <c r="T86348" i="1"/>
  <c r="T86349" i="1"/>
  <c r="T86350" i="1"/>
  <c r="T86351" i="1"/>
  <c r="T86352" i="1"/>
  <c r="T86353" i="1"/>
  <c r="T86354" i="1"/>
  <c r="T86355" i="1"/>
  <c r="T86356" i="1"/>
  <c r="T86357" i="1"/>
  <c r="T86358" i="1"/>
  <c r="T86359" i="1"/>
  <c r="T86360" i="1"/>
  <c r="T86361" i="1"/>
  <c r="T86362" i="1"/>
  <c r="T86363" i="1"/>
  <c r="T86364" i="1"/>
  <c r="T86365" i="1"/>
  <c r="T86366" i="1"/>
  <c r="T86367" i="1"/>
  <c r="T86368" i="1"/>
  <c r="T86369" i="1"/>
  <c r="T86370" i="1"/>
  <c r="T86371" i="1"/>
  <c r="T86372" i="1"/>
  <c r="T86373" i="1"/>
  <c r="T86374" i="1"/>
  <c r="T86375" i="1"/>
  <c r="T86376" i="1"/>
  <c r="T86377" i="1"/>
  <c r="T86378" i="1"/>
  <c r="T86379" i="1"/>
  <c r="T86380" i="1"/>
  <c r="T86381" i="1"/>
  <c r="T86382" i="1"/>
  <c r="T86383" i="1"/>
  <c r="T86384" i="1"/>
  <c r="T86385" i="1"/>
  <c r="T86386" i="1"/>
  <c r="T86387" i="1"/>
  <c r="T86388" i="1"/>
  <c r="T86389" i="1"/>
  <c r="T86390" i="1"/>
  <c r="T86391" i="1"/>
  <c r="T86392" i="1"/>
  <c r="T86393" i="1"/>
  <c r="T86394" i="1"/>
  <c r="T86395" i="1"/>
  <c r="T86396" i="1"/>
  <c r="T86397" i="1"/>
  <c r="T86398" i="1"/>
  <c r="T86399" i="1"/>
  <c r="T86400" i="1"/>
  <c r="T86401" i="1"/>
  <c r="T86402" i="1"/>
  <c r="T86403" i="1"/>
  <c r="T86404" i="1"/>
  <c r="T86405" i="1"/>
  <c r="T86406" i="1"/>
  <c r="T86407" i="1"/>
  <c r="T86408" i="1"/>
  <c r="T86409" i="1"/>
  <c r="T86410" i="1"/>
  <c r="T86411" i="1"/>
  <c r="T86412" i="1"/>
  <c r="T86413" i="1"/>
  <c r="T86414" i="1"/>
  <c r="T86415" i="1"/>
  <c r="T86416" i="1"/>
  <c r="T86417" i="1"/>
  <c r="T86418" i="1"/>
  <c r="T86419" i="1"/>
  <c r="T86420" i="1"/>
  <c r="T86421" i="1"/>
  <c r="T86422" i="1"/>
  <c r="T86423" i="1"/>
  <c r="T86424" i="1"/>
  <c r="T86425" i="1"/>
  <c r="T86426" i="1"/>
  <c r="T86427" i="1"/>
  <c r="T86428" i="1"/>
  <c r="T86429" i="1"/>
  <c r="T86430" i="1"/>
  <c r="T86431" i="1"/>
  <c r="T86432" i="1"/>
  <c r="T86433" i="1"/>
  <c r="T86434" i="1"/>
  <c r="T86435" i="1"/>
  <c r="T86436" i="1"/>
  <c r="T86437" i="1"/>
  <c r="T86438" i="1"/>
  <c r="T86439" i="1"/>
  <c r="T86440" i="1"/>
  <c r="T86441" i="1"/>
  <c r="T86442" i="1"/>
  <c r="T86443" i="1"/>
  <c r="T86444" i="1"/>
  <c r="T86445" i="1"/>
  <c r="T86446" i="1"/>
  <c r="T86447" i="1"/>
  <c r="T86448" i="1"/>
  <c r="T86449" i="1"/>
  <c r="T86450" i="1"/>
  <c r="T86451" i="1"/>
  <c r="T86452" i="1"/>
  <c r="T86453" i="1"/>
  <c r="T86454" i="1"/>
  <c r="T86455" i="1"/>
  <c r="T86456" i="1"/>
  <c r="T86457" i="1"/>
  <c r="T86458" i="1"/>
  <c r="T86459" i="1"/>
  <c r="T86460" i="1"/>
  <c r="T86461" i="1"/>
  <c r="T86462" i="1"/>
  <c r="T86463" i="1"/>
  <c r="T86464" i="1"/>
  <c r="T86465" i="1"/>
  <c r="T86466" i="1"/>
  <c r="T86467" i="1"/>
  <c r="T86468" i="1"/>
  <c r="T86469" i="1"/>
  <c r="T86470" i="1"/>
  <c r="T86471" i="1"/>
  <c r="T86472" i="1"/>
  <c r="T86473" i="1"/>
  <c r="T86474" i="1"/>
  <c r="T86475" i="1"/>
  <c r="T86476" i="1"/>
  <c r="T86477" i="1"/>
  <c r="T86478" i="1"/>
  <c r="T86479" i="1"/>
  <c r="T86480" i="1"/>
  <c r="T86481" i="1"/>
  <c r="T86482" i="1"/>
  <c r="T86483" i="1"/>
  <c r="T86484" i="1"/>
  <c r="T86485" i="1"/>
  <c r="T86486" i="1"/>
  <c r="T86487" i="1"/>
  <c r="T86488" i="1"/>
  <c r="T86489" i="1"/>
  <c r="T86490" i="1"/>
  <c r="T86491" i="1"/>
  <c r="T86492" i="1"/>
  <c r="T86493" i="1"/>
  <c r="T86494" i="1"/>
  <c r="T86495" i="1"/>
  <c r="T86496" i="1"/>
  <c r="T86497" i="1"/>
  <c r="T86498" i="1"/>
  <c r="T86499" i="1"/>
  <c r="T86500" i="1"/>
  <c r="T86501" i="1"/>
  <c r="T86502" i="1"/>
  <c r="T86503" i="1"/>
  <c r="T86504" i="1"/>
  <c r="T86505" i="1"/>
  <c r="T86506" i="1"/>
  <c r="T86507" i="1"/>
  <c r="T86508" i="1"/>
  <c r="T86509" i="1"/>
  <c r="T86510" i="1"/>
  <c r="T86511" i="1"/>
  <c r="T86512" i="1"/>
  <c r="T86513" i="1"/>
  <c r="T86514" i="1"/>
  <c r="T86515" i="1"/>
  <c r="T86516" i="1"/>
  <c r="T86517" i="1"/>
  <c r="T86518" i="1"/>
  <c r="T86519" i="1"/>
  <c r="T86520" i="1"/>
  <c r="T86521" i="1"/>
  <c r="T86522" i="1"/>
  <c r="T86523" i="1"/>
  <c r="T86524" i="1"/>
  <c r="T86525" i="1"/>
  <c r="T86526" i="1"/>
  <c r="T86527" i="1"/>
  <c r="T86528" i="1"/>
  <c r="T86529" i="1"/>
  <c r="T86530" i="1"/>
  <c r="T86531" i="1"/>
  <c r="T86532" i="1"/>
  <c r="T86533" i="1"/>
  <c r="T86534" i="1"/>
  <c r="T86535" i="1"/>
  <c r="T86536" i="1"/>
  <c r="T86537" i="1"/>
  <c r="T86538" i="1"/>
  <c r="T86539" i="1"/>
  <c r="T86540" i="1"/>
  <c r="T86541" i="1"/>
  <c r="T86542" i="1"/>
  <c r="T86543" i="1"/>
  <c r="T86544" i="1"/>
  <c r="T86545" i="1"/>
  <c r="T86546" i="1"/>
  <c r="T86547" i="1"/>
  <c r="T86548" i="1"/>
  <c r="T86549" i="1"/>
  <c r="T86550" i="1"/>
  <c r="T86551" i="1"/>
  <c r="T86552" i="1"/>
  <c r="T86553" i="1"/>
  <c r="T86554" i="1"/>
  <c r="T86555" i="1"/>
  <c r="T86556" i="1"/>
  <c r="T86557" i="1"/>
  <c r="T86558" i="1"/>
  <c r="T86559" i="1"/>
  <c r="T86560" i="1"/>
  <c r="T86561" i="1"/>
  <c r="T86562" i="1"/>
  <c r="T86563" i="1"/>
  <c r="T86564" i="1"/>
  <c r="T86565" i="1"/>
  <c r="T86566" i="1"/>
  <c r="T86567" i="1"/>
  <c r="T86568" i="1"/>
  <c r="T86569" i="1"/>
  <c r="T86570" i="1"/>
  <c r="T86571" i="1"/>
  <c r="T86572" i="1"/>
  <c r="T86573" i="1"/>
  <c r="T86574" i="1"/>
  <c r="T86575" i="1"/>
  <c r="T86576" i="1"/>
  <c r="T86577" i="1"/>
  <c r="T86578" i="1"/>
  <c r="T86579" i="1"/>
  <c r="T86580" i="1"/>
  <c r="T86581" i="1"/>
  <c r="T86582" i="1"/>
  <c r="T86583" i="1"/>
  <c r="T86584" i="1"/>
  <c r="T86585" i="1"/>
  <c r="T86586" i="1"/>
  <c r="T86587" i="1"/>
  <c r="T86588" i="1"/>
  <c r="T86589" i="1"/>
  <c r="T86590" i="1"/>
  <c r="T86591" i="1"/>
  <c r="T86592" i="1"/>
  <c r="T86593" i="1"/>
  <c r="T86594" i="1"/>
  <c r="T86595" i="1"/>
  <c r="T86596" i="1"/>
  <c r="T86597" i="1"/>
  <c r="T86598" i="1"/>
  <c r="T86599" i="1"/>
  <c r="T86600" i="1"/>
  <c r="T86601" i="1"/>
  <c r="T86602" i="1"/>
  <c r="T86603" i="1"/>
  <c r="T86604" i="1"/>
  <c r="T86605" i="1"/>
  <c r="T86606" i="1"/>
  <c r="T86607" i="1"/>
  <c r="T86608" i="1"/>
  <c r="T86609" i="1"/>
  <c r="T86610" i="1"/>
  <c r="T86611" i="1"/>
  <c r="T86612" i="1"/>
  <c r="T86613" i="1"/>
  <c r="T86614" i="1"/>
  <c r="T86615" i="1"/>
  <c r="T86616" i="1"/>
  <c r="T86617" i="1"/>
  <c r="T86618" i="1"/>
  <c r="T86619" i="1"/>
  <c r="T86620" i="1"/>
  <c r="T86621" i="1"/>
  <c r="T86622" i="1"/>
  <c r="T86623" i="1"/>
  <c r="T86624" i="1"/>
  <c r="T86625" i="1"/>
  <c r="T86626" i="1"/>
  <c r="T86627" i="1"/>
  <c r="T86628" i="1"/>
  <c r="T86629" i="1"/>
  <c r="T86630" i="1"/>
  <c r="T86631" i="1"/>
  <c r="T86632" i="1"/>
  <c r="T86633" i="1"/>
  <c r="T86634" i="1"/>
  <c r="T86635" i="1"/>
  <c r="T86636" i="1"/>
  <c r="T86637" i="1"/>
  <c r="T86638" i="1"/>
  <c r="T86639" i="1"/>
  <c r="T86640" i="1"/>
  <c r="T86641" i="1"/>
  <c r="T86642" i="1"/>
  <c r="T86643" i="1"/>
  <c r="T86644" i="1"/>
  <c r="T86645" i="1"/>
  <c r="T86646" i="1"/>
  <c r="T86647" i="1"/>
  <c r="T86648" i="1"/>
  <c r="T86649" i="1"/>
  <c r="T86650" i="1"/>
  <c r="T86651" i="1"/>
  <c r="T86652" i="1"/>
  <c r="T86653" i="1"/>
  <c r="T86654" i="1"/>
  <c r="T86655" i="1"/>
  <c r="T86656" i="1"/>
  <c r="T86657" i="1"/>
  <c r="T86658" i="1"/>
  <c r="T86659" i="1"/>
  <c r="T86660" i="1"/>
  <c r="T86661" i="1"/>
  <c r="T86662" i="1"/>
  <c r="T86663" i="1"/>
  <c r="T86664" i="1"/>
  <c r="T86665" i="1"/>
  <c r="T86666" i="1"/>
  <c r="T86667" i="1"/>
  <c r="T86668" i="1"/>
  <c r="T86669" i="1"/>
  <c r="T86670" i="1"/>
  <c r="T86671" i="1"/>
  <c r="T86672" i="1"/>
  <c r="T86673" i="1"/>
  <c r="T86674" i="1"/>
  <c r="T86675" i="1"/>
  <c r="T86676" i="1"/>
  <c r="T86677" i="1"/>
  <c r="T86678" i="1"/>
  <c r="T86679" i="1"/>
  <c r="T86680" i="1"/>
  <c r="T86681" i="1"/>
  <c r="T86682" i="1"/>
  <c r="T86683" i="1"/>
  <c r="T86684" i="1"/>
  <c r="T86685" i="1"/>
  <c r="T86686" i="1"/>
  <c r="T86687" i="1"/>
  <c r="T86688" i="1"/>
  <c r="T86689" i="1"/>
  <c r="T86690" i="1"/>
  <c r="T86691" i="1"/>
  <c r="T86692" i="1"/>
  <c r="T86693" i="1"/>
  <c r="T86694" i="1"/>
  <c r="T86695" i="1"/>
  <c r="T86696" i="1"/>
  <c r="T86697" i="1"/>
  <c r="T86698" i="1"/>
  <c r="T86699" i="1"/>
  <c r="T86700" i="1"/>
  <c r="T86701" i="1"/>
  <c r="T86702" i="1"/>
  <c r="T86703" i="1"/>
  <c r="T86704" i="1"/>
  <c r="T86705" i="1"/>
  <c r="T86706" i="1"/>
  <c r="T86707" i="1"/>
  <c r="T86708" i="1"/>
  <c r="T86709" i="1"/>
  <c r="T86710" i="1"/>
  <c r="T86711" i="1"/>
  <c r="T86712" i="1"/>
  <c r="T86713" i="1"/>
  <c r="T86714" i="1"/>
  <c r="T86715" i="1"/>
  <c r="T86716" i="1"/>
  <c r="T86717" i="1"/>
  <c r="T86718" i="1"/>
  <c r="T86719" i="1"/>
  <c r="T86720" i="1"/>
  <c r="T86721" i="1"/>
  <c r="T86722" i="1"/>
  <c r="T86723" i="1"/>
  <c r="T86724" i="1"/>
  <c r="T86725" i="1"/>
  <c r="T86726" i="1"/>
  <c r="T86727" i="1"/>
  <c r="T86728" i="1"/>
  <c r="T86729" i="1"/>
  <c r="T86730" i="1"/>
  <c r="T86731" i="1"/>
  <c r="T86732" i="1"/>
  <c r="T86733" i="1"/>
  <c r="T86734" i="1"/>
  <c r="T86735" i="1"/>
  <c r="T86736" i="1"/>
  <c r="T86737" i="1"/>
  <c r="T86738" i="1"/>
  <c r="T86739" i="1"/>
  <c r="T86740" i="1"/>
  <c r="T86741" i="1"/>
  <c r="T86742" i="1"/>
  <c r="T86743" i="1"/>
  <c r="T86744" i="1"/>
  <c r="T86745" i="1"/>
  <c r="T86746" i="1"/>
  <c r="T86747" i="1"/>
  <c r="T86748" i="1"/>
  <c r="T86749" i="1"/>
  <c r="T86750" i="1"/>
  <c r="T86751" i="1"/>
  <c r="T86752" i="1"/>
  <c r="T86753" i="1"/>
  <c r="T86754" i="1"/>
  <c r="T86755" i="1"/>
  <c r="T86756" i="1"/>
  <c r="T86757" i="1"/>
  <c r="T86758" i="1"/>
  <c r="T86759" i="1"/>
  <c r="T86760" i="1"/>
  <c r="T86761" i="1"/>
  <c r="T86762" i="1"/>
  <c r="T86763" i="1"/>
  <c r="T86764" i="1"/>
  <c r="T86765" i="1"/>
  <c r="T86766" i="1"/>
  <c r="T86767" i="1"/>
  <c r="T86768" i="1"/>
  <c r="T86769" i="1"/>
  <c r="T86770" i="1"/>
  <c r="T86771" i="1"/>
  <c r="T86772" i="1"/>
  <c r="T86773" i="1"/>
  <c r="T86774" i="1"/>
  <c r="T86775" i="1"/>
  <c r="T86776" i="1"/>
  <c r="T86777" i="1"/>
  <c r="T86778" i="1"/>
  <c r="T86779" i="1"/>
  <c r="T86780" i="1"/>
  <c r="T86781" i="1"/>
  <c r="T86782" i="1"/>
  <c r="T86783" i="1"/>
  <c r="T86784" i="1"/>
  <c r="T86785" i="1"/>
  <c r="T86786" i="1"/>
  <c r="T86787" i="1"/>
  <c r="T86788" i="1"/>
  <c r="T86789" i="1"/>
  <c r="T86790" i="1"/>
  <c r="T86791" i="1"/>
  <c r="T86792" i="1"/>
  <c r="T86793" i="1"/>
  <c r="T86794" i="1"/>
  <c r="T86795" i="1"/>
  <c r="T86796" i="1"/>
  <c r="T86797" i="1"/>
  <c r="T86798" i="1"/>
  <c r="T86799" i="1"/>
  <c r="T86800" i="1"/>
  <c r="T86801" i="1"/>
  <c r="T86802" i="1"/>
  <c r="T86803" i="1"/>
  <c r="T86804" i="1"/>
  <c r="T86805" i="1"/>
  <c r="T86806" i="1"/>
  <c r="T86807" i="1"/>
  <c r="T86808" i="1"/>
  <c r="T86809" i="1"/>
  <c r="T86810" i="1"/>
  <c r="T86811" i="1"/>
  <c r="T86812" i="1"/>
  <c r="T86813" i="1"/>
  <c r="T86814" i="1"/>
  <c r="T86815" i="1"/>
  <c r="T86816" i="1"/>
  <c r="T86817" i="1"/>
  <c r="T86818" i="1"/>
  <c r="T86819" i="1"/>
  <c r="T86820" i="1"/>
  <c r="T86821" i="1"/>
  <c r="T86822" i="1"/>
  <c r="T86823" i="1"/>
  <c r="T86824" i="1"/>
  <c r="T86825" i="1"/>
  <c r="T86826" i="1"/>
  <c r="T86827" i="1"/>
  <c r="T86828" i="1"/>
  <c r="T86829" i="1"/>
  <c r="T86830" i="1"/>
  <c r="T86831" i="1"/>
  <c r="T86832" i="1"/>
  <c r="T86833" i="1"/>
  <c r="T86834" i="1"/>
  <c r="T86835" i="1"/>
  <c r="T86836" i="1"/>
  <c r="T86837" i="1"/>
  <c r="T86838" i="1"/>
  <c r="T86839" i="1"/>
  <c r="T86840" i="1"/>
  <c r="T86841" i="1"/>
  <c r="T86842" i="1"/>
  <c r="T86843" i="1"/>
  <c r="T86844" i="1"/>
  <c r="T86845" i="1"/>
  <c r="T86846" i="1"/>
  <c r="T86847" i="1"/>
  <c r="T86848" i="1"/>
  <c r="T86849" i="1"/>
  <c r="T86850" i="1"/>
  <c r="T86851" i="1"/>
  <c r="T86852" i="1"/>
  <c r="T86853" i="1"/>
  <c r="T86854" i="1"/>
  <c r="T86855" i="1"/>
  <c r="T86856" i="1"/>
  <c r="T86857" i="1"/>
  <c r="T86858" i="1"/>
  <c r="T86859" i="1"/>
  <c r="T86860" i="1"/>
  <c r="T86861" i="1"/>
  <c r="T86862" i="1"/>
  <c r="T86863" i="1"/>
  <c r="T86864" i="1"/>
  <c r="T86865" i="1"/>
  <c r="T86866" i="1"/>
  <c r="T86867" i="1"/>
  <c r="T86868" i="1"/>
  <c r="T86869" i="1"/>
  <c r="T86870" i="1"/>
  <c r="T86871" i="1"/>
  <c r="T86872" i="1"/>
  <c r="T86873" i="1"/>
  <c r="T86874" i="1"/>
  <c r="T86875" i="1"/>
  <c r="T86876" i="1"/>
  <c r="T86877" i="1"/>
  <c r="T86878" i="1"/>
  <c r="T86879" i="1"/>
  <c r="T86880" i="1"/>
  <c r="T86881" i="1"/>
  <c r="T86882" i="1"/>
  <c r="T86883" i="1"/>
  <c r="T86884" i="1"/>
  <c r="T86885" i="1"/>
  <c r="T86886" i="1"/>
  <c r="T86887" i="1"/>
  <c r="T86888" i="1"/>
  <c r="T86889" i="1"/>
  <c r="T86890" i="1"/>
  <c r="T86891" i="1"/>
  <c r="T86892" i="1"/>
  <c r="T86893" i="1"/>
  <c r="T86894" i="1"/>
  <c r="T86895" i="1"/>
  <c r="T86896" i="1"/>
  <c r="T86897" i="1"/>
  <c r="T86898" i="1"/>
  <c r="T86899" i="1"/>
  <c r="T86900" i="1"/>
  <c r="T86901" i="1"/>
  <c r="T86902" i="1"/>
  <c r="T86903" i="1"/>
  <c r="T86904" i="1"/>
  <c r="T86905" i="1"/>
  <c r="T86906" i="1"/>
  <c r="T86907" i="1"/>
  <c r="T86908" i="1"/>
  <c r="T86909" i="1"/>
  <c r="T86910" i="1"/>
  <c r="T86911" i="1"/>
  <c r="T86912" i="1"/>
  <c r="T86913" i="1"/>
  <c r="T86914" i="1"/>
  <c r="T86915" i="1"/>
  <c r="T86916" i="1"/>
  <c r="T86917" i="1"/>
  <c r="T86918" i="1"/>
  <c r="T86919" i="1"/>
  <c r="T86920" i="1"/>
  <c r="T86921" i="1"/>
  <c r="T86922" i="1"/>
  <c r="T86923" i="1"/>
  <c r="T86924" i="1"/>
  <c r="T86925" i="1"/>
  <c r="T86926" i="1"/>
  <c r="T86927" i="1"/>
  <c r="T86928" i="1"/>
  <c r="T86929" i="1"/>
  <c r="T86930" i="1"/>
  <c r="T86931" i="1"/>
  <c r="T86932" i="1"/>
  <c r="T86933" i="1"/>
  <c r="T86934" i="1"/>
  <c r="T86935" i="1"/>
  <c r="T86936" i="1"/>
  <c r="T86937" i="1"/>
  <c r="T86938" i="1"/>
  <c r="T86939" i="1"/>
  <c r="T86940" i="1"/>
  <c r="T86941" i="1"/>
  <c r="T86942" i="1"/>
  <c r="T86943" i="1"/>
  <c r="T86944" i="1"/>
  <c r="T86945" i="1"/>
  <c r="T86946" i="1"/>
  <c r="T86947" i="1"/>
  <c r="T86948" i="1"/>
  <c r="T86949" i="1"/>
  <c r="T86950" i="1"/>
  <c r="T86951" i="1"/>
  <c r="T86952" i="1"/>
  <c r="T86953" i="1"/>
  <c r="T86954" i="1"/>
  <c r="T86955" i="1"/>
  <c r="T86956" i="1"/>
  <c r="T86957" i="1"/>
  <c r="T86958" i="1"/>
  <c r="T86959" i="1"/>
  <c r="T86960" i="1"/>
  <c r="T86961" i="1"/>
  <c r="T86962" i="1"/>
  <c r="T86963" i="1"/>
  <c r="T86964" i="1"/>
  <c r="T86965" i="1"/>
  <c r="T86966" i="1"/>
  <c r="T86967" i="1"/>
  <c r="T86968" i="1"/>
  <c r="T86969" i="1"/>
  <c r="T86970" i="1"/>
  <c r="T86971" i="1"/>
  <c r="T86972" i="1"/>
  <c r="T86973" i="1"/>
  <c r="T86974" i="1"/>
  <c r="T86975" i="1"/>
  <c r="T86976" i="1"/>
  <c r="T86977" i="1"/>
  <c r="T86978" i="1"/>
  <c r="T86979" i="1"/>
  <c r="T86980" i="1"/>
  <c r="T86981" i="1"/>
  <c r="T86982" i="1"/>
  <c r="T86983" i="1"/>
  <c r="T86984" i="1"/>
  <c r="T86985" i="1"/>
  <c r="T86986" i="1"/>
  <c r="T86987" i="1"/>
  <c r="T86988" i="1"/>
  <c r="T86989" i="1"/>
  <c r="T86990" i="1"/>
  <c r="T86991" i="1"/>
  <c r="T86992" i="1"/>
  <c r="T86993" i="1"/>
  <c r="T86994" i="1"/>
  <c r="T86995" i="1"/>
  <c r="T86996" i="1"/>
  <c r="T86997" i="1"/>
  <c r="T86998" i="1"/>
  <c r="T86999" i="1"/>
  <c r="T87000" i="1"/>
  <c r="T87001" i="1"/>
  <c r="T87002" i="1"/>
  <c r="T87003" i="1"/>
  <c r="T87004" i="1"/>
  <c r="T87005" i="1"/>
  <c r="T87006" i="1"/>
  <c r="T87007" i="1"/>
  <c r="T87008" i="1"/>
  <c r="T87009" i="1"/>
  <c r="T87010" i="1"/>
  <c r="T87011" i="1"/>
  <c r="T87012" i="1"/>
  <c r="T87013" i="1"/>
  <c r="T87014" i="1"/>
  <c r="T87015" i="1"/>
  <c r="T87016" i="1"/>
  <c r="T87017" i="1"/>
  <c r="T87018" i="1"/>
  <c r="T87019" i="1"/>
  <c r="T87020" i="1"/>
  <c r="T87021" i="1"/>
  <c r="T87022" i="1"/>
  <c r="T87023" i="1"/>
  <c r="T87024" i="1"/>
  <c r="T87025" i="1"/>
  <c r="T87026" i="1"/>
  <c r="T87027" i="1"/>
  <c r="T87028" i="1"/>
  <c r="T87029" i="1"/>
  <c r="T87030" i="1"/>
  <c r="T87031" i="1"/>
  <c r="T87032" i="1"/>
  <c r="T87033" i="1"/>
  <c r="T87034" i="1"/>
  <c r="T87035" i="1"/>
  <c r="T87036" i="1"/>
  <c r="T87037" i="1"/>
  <c r="T87038" i="1"/>
  <c r="T87039" i="1"/>
  <c r="T87040" i="1"/>
  <c r="T87041" i="1"/>
  <c r="T87042" i="1"/>
  <c r="T87043" i="1"/>
  <c r="T87044" i="1"/>
  <c r="T87045" i="1"/>
  <c r="T87046" i="1"/>
  <c r="T87047" i="1"/>
  <c r="T87048" i="1"/>
  <c r="T87049" i="1"/>
  <c r="T87050" i="1"/>
  <c r="T87051" i="1"/>
  <c r="T87052" i="1"/>
  <c r="T87053" i="1"/>
  <c r="T87054" i="1"/>
  <c r="T87055" i="1"/>
  <c r="T87056" i="1"/>
  <c r="T87057" i="1"/>
  <c r="T87058" i="1"/>
  <c r="T87059" i="1"/>
  <c r="T87060" i="1"/>
  <c r="T87061" i="1"/>
  <c r="T87062" i="1"/>
  <c r="T87063" i="1"/>
  <c r="T87064" i="1"/>
  <c r="T87065" i="1"/>
  <c r="T87066" i="1"/>
  <c r="T87067" i="1"/>
  <c r="T87068" i="1"/>
  <c r="T87069" i="1"/>
  <c r="T87070" i="1"/>
  <c r="T87071" i="1"/>
  <c r="T87072" i="1"/>
  <c r="T87073" i="1"/>
  <c r="T87074" i="1"/>
  <c r="T87075" i="1"/>
  <c r="T87076" i="1"/>
  <c r="T87077" i="1"/>
  <c r="T87078" i="1"/>
  <c r="T87079" i="1"/>
  <c r="T87080" i="1"/>
  <c r="T87081" i="1"/>
  <c r="T87082" i="1"/>
  <c r="T87083" i="1"/>
  <c r="T87084" i="1"/>
  <c r="T87085" i="1"/>
  <c r="T87086" i="1"/>
  <c r="T87087" i="1"/>
  <c r="T87088" i="1"/>
  <c r="T87089" i="1"/>
  <c r="T87090" i="1"/>
  <c r="T87091" i="1"/>
  <c r="T87092" i="1"/>
  <c r="T87093" i="1"/>
  <c r="T87094" i="1"/>
  <c r="T87095" i="1"/>
  <c r="T87096" i="1"/>
  <c r="T87097" i="1"/>
  <c r="T87098" i="1"/>
  <c r="T87099" i="1"/>
  <c r="T87100" i="1"/>
  <c r="T87101" i="1"/>
  <c r="T87102" i="1"/>
  <c r="T87103" i="1"/>
  <c r="T87104" i="1"/>
  <c r="T87105" i="1"/>
  <c r="T87106" i="1"/>
  <c r="T87107" i="1"/>
  <c r="T87108" i="1"/>
  <c r="T87109" i="1"/>
  <c r="T87110" i="1"/>
  <c r="T87111" i="1"/>
  <c r="T87112" i="1"/>
  <c r="T87113" i="1"/>
  <c r="T87114" i="1"/>
  <c r="T87115" i="1"/>
  <c r="T87116" i="1"/>
  <c r="T87117" i="1"/>
  <c r="T87118" i="1"/>
  <c r="T87119" i="1"/>
  <c r="T87120" i="1"/>
  <c r="T87121" i="1"/>
  <c r="T87122" i="1"/>
  <c r="T87123" i="1"/>
  <c r="T87124" i="1"/>
  <c r="T87125" i="1"/>
  <c r="T87126" i="1"/>
  <c r="T87127" i="1"/>
  <c r="T87128" i="1"/>
  <c r="T87129" i="1"/>
  <c r="T87130" i="1"/>
  <c r="T87131" i="1"/>
  <c r="T87132" i="1"/>
  <c r="T87133" i="1"/>
  <c r="T87134" i="1"/>
  <c r="T87135" i="1"/>
  <c r="T87136" i="1"/>
  <c r="T87137" i="1"/>
  <c r="T87138" i="1"/>
  <c r="T87139" i="1"/>
  <c r="T87140" i="1"/>
  <c r="T87141" i="1"/>
  <c r="T87142" i="1"/>
  <c r="T87143" i="1"/>
  <c r="T87144" i="1"/>
  <c r="T87145" i="1"/>
  <c r="T87146" i="1"/>
  <c r="T87147" i="1"/>
  <c r="T87148" i="1"/>
  <c r="T87149" i="1"/>
  <c r="T87150" i="1"/>
  <c r="T87151" i="1"/>
  <c r="T87152" i="1"/>
  <c r="T87153" i="1"/>
  <c r="T87154" i="1"/>
  <c r="T87155" i="1"/>
  <c r="T87156" i="1"/>
  <c r="T87157" i="1"/>
  <c r="T87158" i="1"/>
  <c r="T87159" i="1"/>
  <c r="T87160" i="1"/>
  <c r="T87161" i="1"/>
  <c r="T87162" i="1"/>
  <c r="T87163" i="1"/>
  <c r="T87164" i="1"/>
  <c r="T87165" i="1"/>
  <c r="T87166" i="1"/>
  <c r="T87167" i="1"/>
  <c r="T87168" i="1"/>
  <c r="T87169" i="1"/>
  <c r="T87170" i="1"/>
  <c r="T87171" i="1"/>
  <c r="T87172" i="1"/>
  <c r="T87173" i="1"/>
  <c r="T87174" i="1"/>
  <c r="T87175" i="1"/>
  <c r="T87176" i="1"/>
  <c r="T87177" i="1"/>
  <c r="T87178" i="1"/>
  <c r="T87179" i="1"/>
  <c r="T87180" i="1"/>
  <c r="T87181" i="1"/>
  <c r="T87182" i="1"/>
  <c r="T87183" i="1"/>
  <c r="T87184" i="1"/>
  <c r="T87185" i="1"/>
  <c r="T87186" i="1"/>
  <c r="T87187" i="1"/>
  <c r="T87188" i="1"/>
  <c r="T87189" i="1"/>
  <c r="T87190" i="1"/>
  <c r="T87191" i="1"/>
  <c r="T87192" i="1"/>
  <c r="T87193" i="1"/>
  <c r="T87194" i="1"/>
  <c r="T87195" i="1"/>
  <c r="T87196" i="1"/>
  <c r="T87197" i="1"/>
  <c r="T87198" i="1"/>
  <c r="T87199" i="1"/>
  <c r="T87200" i="1"/>
  <c r="T87201" i="1"/>
  <c r="T87202" i="1"/>
  <c r="T87203" i="1"/>
  <c r="T87204" i="1"/>
  <c r="T87205" i="1"/>
  <c r="T87206" i="1"/>
  <c r="T87207" i="1"/>
  <c r="T87208" i="1"/>
  <c r="T87209" i="1"/>
  <c r="T87210" i="1"/>
  <c r="T87211" i="1"/>
  <c r="T87212" i="1"/>
  <c r="T87213" i="1"/>
  <c r="T87214" i="1"/>
  <c r="T87215" i="1"/>
  <c r="T87216" i="1"/>
  <c r="T87217" i="1"/>
  <c r="T87218" i="1"/>
  <c r="T87219" i="1"/>
  <c r="T87220" i="1"/>
  <c r="T87221" i="1"/>
  <c r="T87222" i="1"/>
  <c r="T87223" i="1"/>
  <c r="T87224" i="1"/>
  <c r="T87225" i="1"/>
  <c r="T87226" i="1"/>
  <c r="T87227" i="1"/>
  <c r="T87228" i="1"/>
  <c r="T87229" i="1"/>
  <c r="T87230" i="1"/>
  <c r="T87231" i="1"/>
  <c r="T87232" i="1"/>
  <c r="T87233" i="1"/>
  <c r="T87234" i="1"/>
  <c r="T87235" i="1"/>
  <c r="T87236" i="1"/>
  <c r="T87237" i="1"/>
  <c r="T87238" i="1"/>
  <c r="T87239" i="1"/>
  <c r="T87240" i="1"/>
  <c r="T87241" i="1"/>
  <c r="T87242" i="1"/>
  <c r="T87243" i="1"/>
  <c r="T87244" i="1"/>
  <c r="T87245" i="1"/>
  <c r="T87246" i="1"/>
  <c r="T87247" i="1"/>
  <c r="T87248" i="1"/>
  <c r="T87249" i="1"/>
  <c r="T87250" i="1"/>
  <c r="T87251" i="1"/>
  <c r="T87252" i="1"/>
  <c r="T87253" i="1"/>
  <c r="T87254" i="1"/>
  <c r="T87255" i="1"/>
  <c r="T87256" i="1"/>
  <c r="T87257" i="1"/>
  <c r="T87258" i="1"/>
  <c r="T87259" i="1"/>
  <c r="T87260" i="1"/>
  <c r="T87261" i="1"/>
  <c r="T87262" i="1"/>
  <c r="T87263" i="1"/>
  <c r="T87264" i="1"/>
  <c r="T87265" i="1"/>
  <c r="T87266" i="1"/>
  <c r="T87267" i="1"/>
  <c r="T87268" i="1"/>
  <c r="T87269" i="1"/>
  <c r="T87270" i="1"/>
  <c r="T87271" i="1"/>
  <c r="T87272" i="1"/>
  <c r="T87273" i="1"/>
  <c r="T87274" i="1"/>
  <c r="T87275" i="1"/>
  <c r="T87276" i="1"/>
  <c r="T87277" i="1"/>
  <c r="T87278" i="1"/>
  <c r="T87279" i="1"/>
  <c r="T87280" i="1"/>
  <c r="T87281" i="1"/>
  <c r="T87282" i="1"/>
  <c r="T87283" i="1"/>
  <c r="T87284" i="1"/>
  <c r="T87285" i="1"/>
  <c r="T87286" i="1"/>
  <c r="T87287" i="1"/>
  <c r="T87288" i="1"/>
  <c r="T87289" i="1"/>
  <c r="T87290" i="1"/>
  <c r="T87291" i="1"/>
  <c r="T87292" i="1"/>
  <c r="T87293" i="1"/>
  <c r="T87294" i="1"/>
  <c r="T87295" i="1"/>
  <c r="T87296" i="1"/>
  <c r="T87297" i="1"/>
  <c r="T87298" i="1"/>
  <c r="T87299" i="1"/>
  <c r="T87300" i="1"/>
  <c r="T87301" i="1"/>
  <c r="T87302" i="1"/>
  <c r="T87303" i="1"/>
  <c r="T87304" i="1"/>
  <c r="T87305" i="1"/>
  <c r="T87306" i="1"/>
  <c r="T87307" i="1"/>
  <c r="T87308" i="1"/>
  <c r="T87309" i="1"/>
  <c r="T87310" i="1"/>
  <c r="T87311" i="1"/>
  <c r="T87312" i="1"/>
  <c r="T87313" i="1"/>
  <c r="T87314" i="1"/>
  <c r="T87315" i="1"/>
  <c r="T87316" i="1"/>
  <c r="T87317" i="1"/>
  <c r="T87318" i="1"/>
  <c r="T87319" i="1"/>
  <c r="T87320" i="1"/>
  <c r="T87321" i="1"/>
  <c r="T87322" i="1"/>
  <c r="T87323" i="1"/>
  <c r="T87324" i="1"/>
  <c r="T87325" i="1"/>
  <c r="T87326" i="1"/>
  <c r="T87327" i="1"/>
  <c r="T87328" i="1"/>
  <c r="T87329" i="1"/>
  <c r="T87330" i="1"/>
  <c r="T87331" i="1"/>
  <c r="T87332" i="1"/>
  <c r="T87333" i="1"/>
  <c r="T87334" i="1"/>
  <c r="T87335" i="1"/>
  <c r="T87336" i="1"/>
  <c r="T87337" i="1"/>
  <c r="T87338" i="1"/>
  <c r="T87339" i="1"/>
  <c r="T87340" i="1"/>
  <c r="T87341" i="1"/>
  <c r="T87342" i="1"/>
  <c r="T87343" i="1"/>
  <c r="T87344" i="1"/>
  <c r="T87345" i="1"/>
  <c r="T87346" i="1"/>
  <c r="T87347" i="1"/>
  <c r="T87348" i="1"/>
  <c r="T87349" i="1"/>
  <c r="T87350" i="1"/>
  <c r="T87351" i="1"/>
  <c r="T87352" i="1"/>
  <c r="T87353" i="1"/>
  <c r="T87354" i="1"/>
  <c r="T87355" i="1"/>
  <c r="T87356" i="1"/>
  <c r="T87357" i="1"/>
  <c r="T87358" i="1"/>
  <c r="T87359" i="1"/>
  <c r="T87360" i="1"/>
  <c r="T87361" i="1"/>
  <c r="T87362" i="1"/>
  <c r="T87363" i="1"/>
  <c r="T87364" i="1"/>
  <c r="T87365" i="1"/>
  <c r="T87366" i="1"/>
  <c r="T87367" i="1"/>
  <c r="T87368" i="1"/>
  <c r="T87369" i="1"/>
  <c r="T87370" i="1"/>
  <c r="T87371" i="1"/>
  <c r="T87372" i="1"/>
  <c r="T87373" i="1"/>
  <c r="T87374" i="1"/>
  <c r="T87375" i="1"/>
  <c r="T87376" i="1"/>
  <c r="T87377" i="1"/>
  <c r="T87378" i="1"/>
  <c r="T87379" i="1"/>
  <c r="T87380" i="1"/>
  <c r="T87381" i="1"/>
  <c r="T87382" i="1"/>
  <c r="T87383" i="1"/>
  <c r="T87384" i="1"/>
  <c r="T87385" i="1"/>
  <c r="T87386" i="1"/>
  <c r="T87387" i="1"/>
  <c r="T87388" i="1"/>
  <c r="T87389" i="1"/>
  <c r="T87390" i="1"/>
  <c r="T87391" i="1"/>
  <c r="T87392" i="1"/>
  <c r="T87393" i="1"/>
  <c r="T87394" i="1"/>
  <c r="T87395" i="1"/>
  <c r="T87396" i="1"/>
  <c r="T87397" i="1"/>
  <c r="T87398" i="1"/>
  <c r="T87399" i="1"/>
  <c r="T87400" i="1"/>
  <c r="T87401" i="1"/>
  <c r="T87402" i="1"/>
  <c r="T87403" i="1"/>
  <c r="T87404" i="1"/>
  <c r="T87405" i="1"/>
  <c r="T87406" i="1"/>
  <c r="T87407" i="1"/>
  <c r="T87408" i="1"/>
  <c r="T87409" i="1"/>
  <c r="T87410" i="1"/>
  <c r="T87411" i="1"/>
  <c r="T87412" i="1"/>
  <c r="T87413" i="1"/>
  <c r="T87414" i="1"/>
  <c r="T87415" i="1"/>
  <c r="T87416" i="1"/>
  <c r="T87417" i="1"/>
  <c r="T87418" i="1"/>
  <c r="T87419" i="1"/>
  <c r="T87420" i="1"/>
  <c r="T87421" i="1"/>
  <c r="T87422" i="1"/>
  <c r="T87423" i="1"/>
  <c r="T87424" i="1"/>
  <c r="T87425" i="1"/>
  <c r="T87426" i="1"/>
  <c r="T87427" i="1"/>
  <c r="T87428" i="1"/>
  <c r="T87429" i="1"/>
  <c r="T87430" i="1"/>
  <c r="T87431" i="1"/>
  <c r="T87432" i="1"/>
  <c r="T87433" i="1"/>
  <c r="T87434" i="1"/>
  <c r="T87435" i="1"/>
  <c r="T87436" i="1"/>
  <c r="T87437" i="1"/>
  <c r="T87438" i="1"/>
  <c r="T87439" i="1"/>
  <c r="T87440" i="1"/>
  <c r="T87441" i="1"/>
  <c r="T87442" i="1"/>
  <c r="T87443" i="1"/>
  <c r="T87444" i="1"/>
  <c r="T87445" i="1"/>
  <c r="T87446" i="1"/>
  <c r="T87447" i="1"/>
  <c r="T87448" i="1"/>
  <c r="T87449" i="1"/>
  <c r="T87450" i="1"/>
  <c r="T87451" i="1"/>
  <c r="T87452" i="1"/>
  <c r="T87453" i="1"/>
  <c r="T87454" i="1"/>
  <c r="T87455" i="1"/>
  <c r="T87456" i="1"/>
  <c r="T87457" i="1"/>
  <c r="T87458" i="1"/>
  <c r="T87459" i="1"/>
  <c r="T87460" i="1"/>
  <c r="T87461" i="1"/>
  <c r="T87462" i="1"/>
  <c r="T87463" i="1"/>
  <c r="T87464" i="1"/>
  <c r="T87465" i="1"/>
  <c r="T87466" i="1"/>
  <c r="T87467" i="1"/>
  <c r="T87468" i="1"/>
  <c r="T87469" i="1"/>
  <c r="T87470" i="1"/>
  <c r="T87471" i="1"/>
  <c r="T87472" i="1"/>
  <c r="T87473" i="1"/>
  <c r="T87474" i="1"/>
  <c r="T87475" i="1"/>
  <c r="T87476" i="1"/>
  <c r="T87477" i="1"/>
  <c r="T87478" i="1"/>
  <c r="T87479" i="1"/>
  <c r="T87480" i="1"/>
  <c r="T87481" i="1"/>
  <c r="T87482" i="1"/>
  <c r="T87483" i="1"/>
  <c r="T87484" i="1"/>
  <c r="T87485" i="1"/>
  <c r="T87486" i="1"/>
  <c r="T87487" i="1"/>
  <c r="T87488" i="1"/>
  <c r="T87489" i="1"/>
  <c r="T87490" i="1"/>
  <c r="T87491" i="1"/>
  <c r="T87492" i="1"/>
  <c r="T87493" i="1"/>
  <c r="T87494" i="1"/>
  <c r="T87495" i="1"/>
  <c r="T87496" i="1"/>
  <c r="T87497" i="1"/>
  <c r="T87498" i="1"/>
  <c r="T87499" i="1"/>
  <c r="T87500" i="1"/>
  <c r="T87501" i="1"/>
  <c r="T87502" i="1"/>
  <c r="T87503" i="1"/>
  <c r="T87504" i="1"/>
  <c r="T87505" i="1"/>
  <c r="T87506" i="1"/>
  <c r="T87507" i="1"/>
  <c r="T87508" i="1"/>
  <c r="T87509" i="1"/>
  <c r="T87510" i="1"/>
  <c r="T87511" i="1"/>
  <c r="T87512" i="1"/>
  <c r="T87513" i="1"/>
  <c r="T87514" i="1"/>
  <c r="T87515" i="1"/>
  <c r="T87516" i="1"/>
  <c r="T87517" i="1"/>
  <c r="T87518" i="1"/>
  <c r="T87519" i="1"/>
  <c r="T87520" i="1"/>
  <c r="T87521" i="1"/>
  <c r="T87522" i="1"/>
  <c r="T87523" i="1"/>
  <c r="T87524" i="1"/>
  <c r="T87525" i="1"/>
  <c r="T87526" i="1"/>
  <c r="T87527" i="1"/>
  <c r="T87528" i="1"/>
  <c r="T87529" i="1"/>
  <c r="T87530" i="1"/>
  <c r="T87531" i="1"/>
  <c r="T87532" i="1"/>
  <c r="T87533" i="1"/>
  <c r="T87534" i="1"/>
  <c r="T87535" i="1"/>
  <c r="T87536" i="1"/>
  <c r="T87537" i="1"/>
  <c r="T87538" i="1"/>
  <c r="T87539" i="1"/>
  <c r="T87540" i="1"/>
  <c r="T87541" i="1"/>
  <c r="T87542" i="1"/>
  <c r="T87543" i="1"/>
  <c r="T87544" i="1"/>
  <c r="T87545" i="1"/>
  <c r="T87546" i="1"/>
  <c r="T87547" i="1"/>
  <c r="T87548" i="1"/>
  <c r="T87549" i="1"/>
  <c r="T87550" i="1"/>
  <c r="T87551" i="1"/>
  <c r="T87552" i="1"/>
  <c r="T87553" i="1"/>
  <c r="T87554" i="1"/>
  <c r="T87555" i="1"/>
  <c r="T87556" i="1"/>
  <c r="T87557" i="1"/>
  <c r="T87558" i="1"/>
  <c r="T87559" i="1"/>
  <c r="T87560" i="1"/>
  <c r="T87561" i="1"/>
  <c r="T87562" i="1"/>
  <c r="T87563" i="1"/>
  <c r="T87564" i="1"/>
  <c r="T87565" i="1"/>
  <c r="T87566" i="1"/>
  <c r="T87567" i="1"/>
  <c r="T87568" i="1"/>
  <c r="T87569" i="1"/>
  <c r="T87570" i="1"/>
  <c r="T87571" i="1"/>
  <c r="T87572" i="1"/>
  <c r="T87573" i="1"/>
  <c r="T87574" i="1"/>
  <c r="T87575" i="1"/>
  <c r="T87576" i="1"/>
  <c r="T87577" i="1"/>
  <c r="T87578" i="1"/>
  <c r="T87579" i="1"/>
  <c r="T87580" i="1"/>
  <c r="T87581" i="1"/>
  <c r="T87582" i="1"/>
  <c r="T87583" i="1"/>
  <c r="T87584" i="1"/>
  <c r="T87585" i="1"/>
  <c r="T87586" i="1"/>
  <c r="T87587" i="1"/>
  <c r="T87588" i="1"/>
  <c r="T87589" i="1"/>
  <c r="T87590" i="1"/>
  <c r="T87591" i="1"/>
  <c r="T87592" i="1"/>
  <c r="T87593" i="1"/>
  <c r="T87594" i="1"/>
  <c r="T87595" i="1"/>
  <c r="T87596" i="1"/>
  <c r="T87597" i="1"/>
  <c r="T87598" i="1"/>
  <c r="T87599" i="1"/>
  <c r="T87600" i="1"/>
  <c r="T87601" i="1"/>
  <c r="T87602" i="1"/>
  <c r="T87603" i="1"/>
  <c r="T87604" i="1"/>
  <c r="T87605" i="1"/>
  <c r="T87606" i="1"/>
  <c r="T87607" i="1"/>
  <c r="T87608" i="1"/>
  <c r="T87609" i="1"/>
  <c r="T87610" i="1"/>
  <c r="T87611" i="1"/>
  <c r="T87612" i="1"/>
  <c r="T87613" i="1"/>
  <c r="T87614" i="1"/>
  <c r="T87615" i="1"/>
  <c r="T87616" i="1"/>
  <c r="T87617" i="1"/>
  <c r="T87618" i="1"/>
  <c r="T87619" i="1"/>
  <c r="T87620" i="1"/>
  <c r="T87621" i="1"/>
  <c r="T87622" i="1"/>
  <c r="T87623" i="1"/>
  <c r="T87624" i="1"/>
  <c r="T87625" i="1"/>
  <c r="T87626" i="1"/>
  <c r="T87627" i="1"/>
  <c r="T87628" i="1"/>
  <c r="T87629" i="1"/>
  <c r="T87630" i="1"/>
  <c r="T87631" i="1"/>
  <c r="T87632" i="1"/>
  <c r="T87633" i="1"/>
  <c r="T87634" i="1"/>
  <c r="T87635" i="1"/>
  <c r="T87636" i="1"/>
  <c r="T87637" i="1"/>
  <c r="T87638" i="1"/>
  <c r="T87639" i="1"/>
  <c r="T87640" i="1"/>
  <c r="T87641" i="1"/>
  <c r="T87642" i="1"/>
  <c r="T87643" i="1"/>
  <c r="T87644" i="1"/>
  <c r="T87645" i="1"/>
  <c r="T87646" i="1"/>
  <c r="T87647" i="1"/>
  <c r="T87648" i="1"/>
  <c r="T87649" i="1"/>
  <c r="T87650" i="1"/>
  <c r="T87651" i="1"/>
  <c r="T87652" i="1"/>
  <c r="T87653" i="1"/>
  <c r="T87654" i="1"/>
  <c r="T87655" i="1"/>
  <c r="T87656" i="1"/>
  <c r="T87657" i="1"/>
  <c r="T87658" i="1"/>
  <c r="T87659" i="1"/>
  <c r="T87660" i="1"/>
  <c r="T87661" i="1"/>
  <c r="T87662" i="1"/>
  <c r="T87663" i="1"/>
  <c r="T87664" i="1"/>
  <c r="T87665" i="1"/>
  <c r="T87666" i="1"/>
  <c r="T87667" i="1"/>
  <c r="T87668" i="1"/>
  <c r="T87669" i="1"/>
  <c r="T87670" i="1"/>
  <c r="T87671" i="1"/>
  <c r="T87672" i="1"/>
  <c r="T87673" i="1"/>
  <c r="T87674" i="1"/>
  <c r="T87675" i="1"/>
  <c r="T87676" i="1"/>
  <c r="T87677" i="1"/>
  <c r="T87678" i="1"/>
  <c r="T87679" i="1"/>
  <c r="T87680" i="1"/>
  <c r="T87681" i="1"/>
  <c r="T87682" i="1"/>
  <c r="T87683" i="1"/>
  <c r="T87684" i="1"/>
  <c r="T87685" i="1"/>
  <c r="T87686" i="1"/>
  <c r="T87687" i="1"/>
  <c r="T87688" i="1"/>
  <c r="T87689" i="1"/>
  <c r="T87690" i="1"/>
  <c r="T87691" i="1"/>
  <c r="T87692" i="1"/>
  <c r="T87693" i="1"/>
  <c r="T87694" i="1"/>
  <c r="T87695" i="1"/>
  <c r="T87696" i="1"/>
  <c r="T87697" i="1"/>
  <c r="T87698" i="1"/>
  <c r="T87699" i="1"/>
  <c r="T87700" i="1"/>
  <c r="T87701" i="1"/>
  <c r="T87702" i="1"/>
  <c r="T87703" i="1"/>
  <c r="T87704" i="1"/>
  <c r="T87705" i="1"/>
  <c r="T87706" i="1"/>
  <c r="T87707" i="1"/>
  <c r="T87708" i="1"/>
  <c r="T87709" i="1"/>
  <c r="T87710" i="1"/>
  <c r="T87711" i="1"/>
  <c r="T87712" i="1"/>
  <c r="T87713" i="1"/>
  <c r="T87714" i="1"/>
  <c r="T87715" i="1"/>
  <c r="T87716" i="1"/>
  <c r="T87717" i="1"/>
  <c r="T87718" i="1"/>
  <c r="T87719" i="1"/>
  <c r="T87720" i="1"/>
  <c r="T87721" i="1"/>
  <c r="T87722" i="1"/>
  <c r="T87723" i="1"/>
  <c r="T87724" i="1"/>
  <c r="T87725" i="1"/>
  <c r="T87726" i="1"/>
  <c r="T87727" i="1"/>
  <c r="T87728" i="1"/>
  <c r="T87729" i="1"/>
  <c r="T87730" i="1"/>
  <c r="T87731" i="1"/>
  <c r="T87732" i="1"/>
  <c r="T87733" i="1"/>
  <c r="T87734" i="1"/>
  <c r="T87735" i="1"/>
  <c r="T87736" i="1"/>
  <c r="T87737" i="1"/>
  <c r="T87738" i="1"/>
  <c r="T87739" i="1"/>
  <c r="T87740" i="1"/>
  <c r="T87741" i="1"/>
  <c r="T87742" i="1"/>
  <c r="T87743" i="1"/>
  <c r="T87744" i="1"/>
  <c r="T87745" i="1"/>
  <c r="T87746" i="1"/>
  <c r="T87747" i="1"/>
  <c r="T87748" i="1"/>
  <c r="T87749" i="1"/>
  <c r="T87750" i="1"/>
  <c r="T87751" i="1"/>
  <c r="T87752" i="1"/>
  <c r="T87753" i="1"/>
  <c r="T87754" i="1"/>
  <c r="T87755" i="1"/>
  <c r="T87756" i="1"/>
  <c r="T87757" i="1"/>
  <c r="T87758" i="1"/>
  <c r="T87759" i="1"/>
  <c r="T87760" i="1"/>
  <c r="T87761" i="1"/>
  <c r="T87762" i="1"/>
  <c r="T87763" i="1"/>
  <c r="T87764" i="1"/>
  <c r="T87765" i="1"/>
  <c r="T87766" i="1"/>
  <c r="T87767" i="1"/>
  <c r="T87768" i="1"/>
  <c r="T87769" i="1"/>
  <c r="T87770" i="1"/>
  <c r="T87771" i="1"/>
  <c r="T87772" i="1"/>
  <c r="T87773" i="1"/>
  <c r="T87774" i="1"/>
  <c r="T87775" i="1"/>
  <c r="T87776" i="1"/>
  <c r="T87777" i="1"/>
  <c r="T87778" i="1"/>
  <c r="T87779" i="1"/>
  <c r="T87780" i="1"/>
  <c r="T87781" i="1"/>
  <c r="T87782" i="1"/>
  <c r="T87783" i="1"/>
  <c r="T87784" i="1"/>
  <c r="T87785" i="1"/>
  <c r="T87786" i="1"/>
  <c r="T87787" i="1"/>
  <c r="T87788" i="1"/>
  <c r="T87789" i="1"/>
  <c r="T87790" i="1"/>
  <c r="T87791" i="1"/>
  <c r="T87792" i="1"/>
  <c r="T87793" i="1"/>
  <c r="T87794" i="1"/>
  <c r="T87795" i="1"/>
  <c r="T87796" i="1"/>
  <c r="T87797" i="1"/>
  <c r="T87798" i="1"/>
  <c r="T87799" i="1"/>
  <c r="T87800" i="1"/>
  <c r="T87801" i="1"/>
  <c r="T87802" i="1"/>
  <c r="T87803" i="1"/>
  <c r="T87804" i="1"/>
  <c r="T87805" i="1"/>
  <c r="T87806" i="1"/>
  <c r="T87807" i="1"/>
  <c r="T87808" i="1"/>
  <c r="T87809" i="1"/>
  <c r="T87810" i="1"/>
  <c r="T87811" i="1"/>
  <c r="T87812" i="1"/>
  <c r="T87813" i="1"/>
  <c r="T87814" i="1"/>
  <c r="T87815" i="1"/>
  <c r="T87816" i="1"/>
  <c r="T87817" i="1"/>
  <c r="T87818" i="1"/>
  <c r="T87819" i="1"/>
  <c r="T87820" i="1"/>
  <c r="T87821" i="1"/>
  <c r="T87822" i="1"/>
  <c r="T87823" i="1"/>
  <c r="T87824" i="1"/>
  <c r="T87825" i="1"/>
  <c r="T87826" i="1"/>
  <c r="T87827" i="1"/>
  <c r="T87828" i="1"/>
  <c r="T87829" i="1"/>
  <c r="T87830" i="1"/>
  <c r="T87831" i="1"/>
  <c r="T87832" i="1"/>
  <c r="T87833" i="1"/>
  <c r="T87834" i="1"/>
  <c r="T87835" i="1"/>
  <c r="T87836" i="1"/>
  <c r="T87837" i="1"/>
  <c r="T87838" i="1"/>
  <c r="T87839" i="1"/>
  <c r="T87840" i="1"/>
  <c r="T87841" i="1"/>
  <c r="T87842" i="1"/>
  <c r="T87843" i="1"/>
  <c r="T87844" i="1"/>
  <c r="T87845" i="1"/>
  <c r="T87846" i="1"/>
  <c r="T87847" i="1"/>
  <c r="T87848" i="1"/>
  <c r="T87849" i="1"/>
  <c r="T87850" i="1"/>
  <c r="T87851" i="1"/>
  <c r="T87852" i="1"/>
  <c r="T87853" i="1"/>
  <c r="T87854" i="1"/>
  <c r="T87855" i="1"/>
  <c r="T87856" i="1"/>
  <c r="T87857" i="1"/>
  <c r="T87858" i="1"/>
  <c r="T87859" i="1"/>
  <c r="T87860" i="1"/>
  <c r="T87861" i="1"/>
  <c r="T87862" i="1"/>
  <c r="T87863" i="1"/>
  <c r="T87864" i="1"/>
  <c r="T87865" i="1"/>
  <c r="T87866" i="1"/>
  <c r="T87867" i="1"/>
  <c r="T87868" i="1"/>
  <c r="T87869" i="1"/>
  <c r="T87870" i="1"/>
  <c r="T87871" i="1"/>
  <c r="T87872" i="1"/>
  <c r="T87873" i="1"/>
  <c r="T87874" i="1"/>
  <c r="T87875" i="1"/>
  <c r="T87876" i="1"/>
  <c r="T87877" i="1"/>
  <c r="T87878" i="1"/>
  <c r="T87879" i="1"/>
  <c r="T87880" i="1"/>
  <c r="T87881" i="1"/>
  <c r="T87882" i="1"/>
  <c r="T87883" i="1"/>
  <c r="T87884" i="1"/>
  <c r="T87885" i="1"/>
  <c r="T87886" i="1"/>
  <c r="T87887" i="1"/>
  <c r="T87888" i="1"/>
  <c r="T87889" i="1"/>
  <c r="T87890" i="1"/>
  <c r="T87891" i="1"/>
  <c r="T87892" i="1"/>
  <c r="T87893" i="1"/>
  <c r="T87894" i="1"/>
  <c r="T87895" i="1"/>
  <c r="T87896" i="1"/>
  <c r="T87897" i="1"/>
  <c r="T87898" i="1"/>
  <c r="T87899" i="1"/>
  <c r="T87900" i="1"/>
  <c r="T87901" i="1"/>
  <c r="T87902" i="1"/>
  <c r="T87903" i="1"/>
  <c r="T87904" i="1"/>
  <c r="T87905" i="1"/>
  <c r="T87906" i="1"/>
  <c r="T87907" i="1"/>
  <c r="T87908" i="1"/>
  <c r="T87909" i="1"/>
  <c r="T87910" i="1"/>
  <c r="T87911" i="1"/>
  <c r="T87912" i="1"/>
  <c r="T87913" i="1"/>
  <c r="T87914" i="1"/>
  <c r="T87915" i="1"/>
  <c r="T87916" i="1"/>
  <c r="T87917" i="1"/>
  <c r="T87918" i="1"/>
  <c r="T87919" i="1"/>
  <c r="T87920" i="1"/>
  <c r="T87921" i="1"/>
  <c r="T87922" i="1"/>
  <c r="T87923" i="1"/>
  <c r="T87924" i="1"/>
  <c r="T87925" i="1"/>
  <c r="T87926" i="1"/>
  <c r="T87927" i="1"/>
  <c r="T87928" i="1"/>
  <c r="T87929" i="1"/>
  <c r="T87930" i="1"/>
  <c r="T87931" i="1"/>
  <c r="T87932" i="1"/>
  <c r="T87933" i="1"/>
  <c r="T87934" i="1"/>
  <c r="T87935" i="1"/>
  <c r="T87936" i="1"/>
  <c r="T87937" i="1"/>
  <c r="T87938" i="1"/>
  <c r="T87939" i="1"/>
  <c r="T87940" i="1"/>
  <c r="T87941" i="1"/>
  <c r="T87942" i="1"/>
  <c r="T87943" i="1"/>
  <c r="T87944" i="1"/>
  <c r="T87945" i="1"/>
  <c r="T87946" i="1"/>
  <c r="T87947" i="1"/>
  <c r="T87948" i="1"/>
  <c r="T87949" i="1"/>
  <c r="T87950" i="1"/>
  <c r="T87951" i="1"/>
  <c r="T87952" i="1"/>
  <c r="T87953" i="1"/>
  <c r="T87954" i="1"/>
  <c r="T87955" i="1"/>
  <c r="T87956" i="1"/>
  <c r="T87957" i="1"/>
  <c r="T87958" i="1"/>
  <c r="T87959" i="1"/>
  <c r="T87960" i="1"/>
  <c r="T87961" i="1"/>
  <c r="T87962" i="1"/>
  <c r="T87963" i="1"/>
  <c r="T87964" i="1"/>
  <c r="T87965" i="1"/>
  <c r="T87966" i="1"/>
  <c r="T87967" i="1"/>
  <c r="T87968" i="1"/>
  <c r="T87969" i="1"/>
  <c r="T87970" i="1"/>
  <c r="T87971" i="1"/>
  <c r="T87972" i="1"/>
  <c r="T87973" i="1"/>
  <c r="T87974" i="1"/>
  <c r="T87975" i="1"/>
  <c r="T87976" i="1"/>
  <c r="T87977" i="1"/>
  <c r="T87978" i="1"/>
  <c r="T87979" i="1"/>
  <c r="T87980" i="1"/>
  <c r="T87981" i="1"/>
  <c r="T87982" i="1"/>
  <c r="T87983" i="1"/>
  <c r="T87984" i="1"/>
  <c r="T87985" i="1"/>
  <c r="T87986" i="1"/>
  <c r="T87987" i="1"/>
  <c r="T87988" i="1"/>
  <c r="T87989" i="1"/>
  <c r="T87990" i="1"/>
  <c r="T87991" i="1"/>
  <c r="T87992" i="1"/>
  <c r="T87993" i="1"/>
  <c r="T87994" i="1"/>
  <c r="T87995" i="1"/>
  <c r="T87996" i="1"/>
  <c r="T87997" i="1"/>
  <c r="T87998" i="1"/>
  <c r="T87999" i="1"/>
  <c r="T88000" i="1"/>
  <c r="T88001" i="1"/>
  <c r="T88002" i="1"/>
  <c r="T88003" i="1"/>
  <c r="T88004" i="1"/>
  <c r="T88005" i="1"/>
  <c r="T88006" i="1"/>
  <c r="T88007" i="1"/>
  <c r="T88008" i="1"/>
  <c r="T88009" i="1"/>
  <c r="T88010" i="1"/>
  <c r="T88011" i="1"/>
  <c r="T88012" i="1"/>
  <c r="T88013" i="1"/>
  <c r="T88014" i="1"/>
  <c r="T88015" i="1"/>
  <c r="T88016" i="1"/>
  <c r="T88017" i="1"/>
  <c r="T88018" i="1"/>
  <c r="T88019" i="1"/>
  <c r="T88020" i="1"/>
  <c r="T88021" i="1"/>
  <c r="T88022" i="1"/>
  <c r="T88023" i="1"/>
  <c r="T88024" i="1"/>
  <c r="T88025" i="1"/>
  <c r="T88026" i="1"/>
  <c r="T88027" i="1"/>
  <c r="T88028" i="1"/>
  <c r="T88029" i="1"/>
  <c r="T88030" i="1"/>
  <c r="T88031" i="1"/>
  <c r="T88032" i="1"/>
  <c r="T88033" i="1"/>
  <c r="T88034" i="1"/>
  <c r="T88035" i="1"/>
  <c r="T88036" i="1"/>
  <c r="T88037" i="1"/>
  <c r="T88038" i="1"/>
  <c r="T88039" i="1"/>
  <c r="T88040" i="1"/>
  <c r="T88041" i="1"/>
  <c r="T88042" i="1"/>
  <c r="T88043" i="1"/>
  <c r="T88044" i="1"/>
  <c r="T88045" i="1"/>
  <c r="T88046" i="1"/>
  <c r="T88047" i="1"/>
  <c r="T88048" i="1"/>
  <c r="T88049" i="1"/>
  <c r="T88050" i="1"/>
  <c r="T88051" i="1"/>
  <c r="T88052" i="1"/>
  <c r="T88053" i="1"/>
  <c r="T88054" i="1"/>
  <c r="T88055" i="1"/>
  <c r="T88056" i="1"/>
  <c r="T88057" i="1"/>
  <c r="T88058" i="1"/>
  <c r="T88059" i="1"/>
  <c r="T88060" i="1"/>
  <c r="T88061" i="1"/>
  <c r="T88062" i="1"/>
  <c r="T88063" i="1"/>
  <c r="T88064" i="1"/>
  <c r="T88065" i="1"/>
  <c r="T88066" i="1"/>
  <c r="T88067" i="1"/>
  <c r="T88068" i="1"/>
  <c r="T88069" i="1"/>
  <c r="T88070" i="1"/>
  <c r="T88071" i="1"/>
  <c r="T88072" i="1"/>
  <c r="T88073" i="1"/>
  <c r="T88074" i="1"/>
  <c r="T88075" i="1"/>
  <c r="T88076" i="1"/>
  <c r="T88077" i="1"/>
  <c r="T88078" i="1"/>
  <c r="T88079" i="1"/>
  <c r="T88080" i="1"/>
  <c r="T88081" i="1"/>
  <c r="T88082" i="1"/>
  <c r="T88083" i="1"/>
  <c r="T88084" i="1"/>
  <c r="T88085" i="1"/>
  <c r="T88086" i="1"/>
  <c r="T88087" i="1"/>
  <c r="T88088" i="1"/>
  <c r="T88089" i="1"/>
  <c r="T88090" i="1"/>
  <c r="T88091" i="1"/>
  <c r="T88092" i="1"/>
  <c r="T88093" i="1"/>
  <c r="T88094" i="1"/>
  <c r="T88095" i="1"/>
  <c r="T88096" i="1"/>
  <c r="T88097" i="1"/>
  <c r="T88098" i="1"/>
  <c r="T88099" i="1"/>
  <c r="T88100" i="1"/>
  <c r="T88101" i="1"/>
  <c r="T88102" i="1"/>
  <c r="T88103" i="1"/>
  <c r="T88104" i="1"/>
  <c r="T88105" i="1"/>
  <c r="T88106" i="1"/>
  <c r="T88107" i="1"/>
  <c r="T88108" i="1"/>
  <c r="T88109" i="1"/>
  <c r="T88110" i="1"/>
  <c r="T88111" i="1"/>
  <c r="T88112" i="1"/>
  <c r="T88113" i="1"/>
  <c r="T88114" i="1"/>
  <c r="T88115" i="1"/>
  <c r="T88116" i="1"/>
  <c r="T88117" i="1"/>
  <c r="T88118" i="1"/>
  <c r="T88119" i="1"/>
  <c r="T88120" i="1"/>
  <c r="T88121" i="1"/>
  <c r="T88122" i="1"/>
  <c r="T88123" i="1"/>
  <c r="T88124" i="1"/>
  <c r="T88125" i="1"/>
  <c r="T88126" i="1"/>
  <c r="T88127" i="1"/>
  <c r="T88128" i="1"/>
  <c r="T88129" i="1"/>
  <c r="T88130" i="1"/>
  <c r="T88131" i="1"/>
  <c r="T88132" i="1"/>
  <c r="T88133" i="1"/>
  <c r="T88134" i="1"/>
  <c r="T88135" i="1"/>
  <c r="T88136" i="1"/>
  <c r="T88137" i="1"/>
  <c r="T88138" i="1"/>
  <c r="T88139" i="1"/>
  <c r="T88140" i="1"/>
  <c r="T88141" i="1"/>
  <c r="T88142" i="1"/>
  <c r="T88143" i="1"/>
  <c r="T88144" i="1"/>
  <c r="T88145" i="1"/>
  <c r="T88146" i="1"/>
  <c r="T88147" i="1"/>
  <c r="T88148" i="1"/>
  <c r="T88149" i="1"/>
  <c r="T88150" i="1"/>
  <c r="T88151" i="1"/>
  <c r="T88152" i="1"/>
  <c r="T88153" i="1"/>
  <c r="T88154" i="1"/>
  <c r="T88155" i="1"/>
  <c r="T88156" i="1"/>
  <c r="T88157" i="1"/>
  <c r="T88158" i="1"/>
  <c r="T88159" i="1"/>
  <c r="T88160" i="1"/>
  <c r="T88161" i="1"/>
  <c r="T88162" i="1"/>
  <c r="T88163" i="1"/>
  <c r="T88164" i="1"/>
  <c r="T88165" i="1"/>
  <c r="T88166" i="1"/>
  <c r="T88167" i="1"/>
  <c r="T88168" i="1"/>
  <c r="T88169" i="1"/>
  <c r="T88170" i="1"/>
  <c r="T88171" i="1"/>
  <c r="T88172" i="1"/>
  <c r="T88173" i="1"/>
  <c r="T88174" i="1"/>
  <c r="T88175" i="1"/>
  <c r="T88176" i="1"/>
  <c r="T88177" i="1"/>
  <c r="T88178" i="1"/>
  <c r="T88179" i="1"/>
  <c r="T88180" i="1"/>
  <c r="T88181" i="1"/>
  <c r="T88182" i="1"/>
  <c r="T88183" i="1"/>
  <c r="T88184" i="1"/>
  <c r="T88185" i="1"/>
  <c r="T88186" i="1"/>
  <c r="T88187" i="1"/>
  <c r="T88188" i="1"/>
  <c r="T88189" i="1"/>
  <c r="T88190" i="1"/>
  <c r="T88191" i="1"/>
  <c r="T88192" i="1"/>
  <c r="T88193" i="1"/>
  <c r="T88194" i="1"/>
  <c r="T88195" i="1"/>
  <c r="T88196" i="1"/>
  <c r="T88197" i="1"/>
  <c r="T88198" i="1"/>
  <c r="T88199" i="1"/>
  <c r="T88200" i="1"/>
  <c r="T88201" i="1"/>
  <c r="T88202" i="1"/>
  <c r="T88203" i="1"/>
  <c r="T88204" i="1"/>
  <c r="T88205" i="1"/>
  <c r="T88206" i="1"/>
  <c r="T88207" i="1"/>
  <c r="T88208" i="1"/>
  <c r="T88209" i="1"/>
  <c r="T88210" i="1"/>
  <c r="T88211" i="1"/>
  <c r="T88212" i="1"/>
  <c r="T88213" i="1"/>
  <c r="T88214" i="1"/>
  <c r="T88215" i="1"/>
  <c r="T88216" i="1"/>
  <c r="T88217" i="1"/>
  <c r="T88218" i="1"/>
  <c r="T88219" i="1"/>
  <c r="T88220" i="1"/>
  <c r="T88221" i="1"/>
  <c r="T88222" i="1"/>
  <c r="T88223" i="1"/>
  <c r="T88224" i="1"/>
  <c r="T88225" i="1"/>
  <c r="T88226" i="1"/>
  <c r="T88227" i="1"/>
  <c r="T88228" i="1"/>
  <c r="T88229" i="1"/>
  <c r="T88230" i="1"/>
  <c r="T88231" i="1"/>
  <c r="T88232" i="1"/>
  <c r="T88233" i="1"/>
  <c r="T88234" i="1"/>
  <c r="T88235" i="1"/>
  <c r="T88236" i="1"/>
  <c r="T88237" i="1"/>
  <c r="T88238" i="1"/>
  <c r="T88239" i="1"/>
  <c r="T88240" i="1"/>
  <c r="T88241" i="1"/>
  <c r="T88242" i="1"/>
  <c r="T88243" i="1"/>
  <c r="T88244" i="1"/>
  <c r="T88245" i="1"/>
  <c r="T88246" i="1"/>
  <c r="T88247" i="1"/>
  <c r="T88248" i="1"/>
  <c r="T88249" i="1"/>
  <c r="T88250" i="1"/>
  <c r="T88251" i="1"/>
  <c r="T88252" i="1"/>
  <c r="T88253" i="1"/>
  <c r="T88254" i="1"/>
  <c r="T88255" i="1"/>
  <c r="T88256" i="1"/>
  <c r="T88257" i="1"/>
  <c r="T88258" i="1"/>
  <c r="T88259" i="1"/>
  <c r="T88260" i="1"/>
  <c r="T88261" i="1"/>
  <c r="T88262" i="1"/>
  <c r="T88263" i="1"/>
  <c r="T88264" i="1"/>
  <c r="T88265" i="1"/>
  <c r="T88266" i="1"/>
  <c r="T88267" i="1"/>
  <c r="T88268" i="1"/>
  <c r="T88269" i="1"/>
  <c r="T88270" i="1"/>
  <c r="T88271" i="1"/>
  <c r="T88272" i="1"/>
  <c r="T88273" i="1"/>
  <c r="T88274" i="1"/>
  <c r="T88275" i="1"/>
  <c r="T88276" i="1"/>
  <c r="T88277" i="1"/>
  <c r="T88278" i="1"/>
  <c r="T88279" i="1"/>
  <c r="T88280" i="1"/>
  <c r="T88281" i="1"/>
  <c r="T88282" i="1"/>
  <c r="T88283" i="1"/>
  <c r="T88284" i="1"/>
  <c r="T88285" i="1"/>
  <c r="T88286" i="1"/>
  <c r="T88287" i="1"/>
  <c r="T88288" i="1"/>
  <c r="T88289" i="1"/>
  <c r="T88290" i="1"/>
  <c r="T88291" i="1"/>
  <c r="T88292" i="1"/>
  <c r="T88293" i="1"/>
  <c r="T88294" i="1"/>
  <c r="T88295" i="1"/>
  <c r="T88296" i="1"/>
  <c r="T88297" i="1"/>
  <c r="T88298" i="1"/>
  <c r="T88299" i="1"/>
  <c r="T88300" i="1"/>
  <c r="T88301" i="1"/>
  <c r="T88302" i="1"/>
  <c r="T88303" i="1"/>
  <c r="T88304" i="1"/>
  <c r="T88305" i="1"/>
  <c r="T88306" i="1"/>
  <c r="T88307" i="1"/>
  <c r="T88308" i="1"/>
  <c r="T88309" i="1"/>
  <c r="T88310" i="1"/>
  <c r="T88311" i="1"/>
  <c r="T88312" i="1"/>
  <c r="T88313" i="1"/>
  <c r="T88314" i="1"/>
  <c r="T88315" i="1"/>
  <c r="T88316" i="1"/>
  <c r="T88317" i="1"/>
  <c r="T88318" i="1"/>
  <c r="T88319" i="1"/>
  <c r="T88320" i="1"/>
  <c r="T88321" i="1"/>
  <c r="T88322" i="1"/>
  <c r="T88323" i="1"/>
  <c r="T88324" i="1"/>
  <c r="T88325" i="1"/>
  <c r="T88326" i="1"/>
  <c r="T88327" i="1"/>
  <c r="T88328" i="1"/>
  <c r="T88329" i="1"/>
  <c r="T88330" i="1"/>
  <c r="T88331" i="1"/>
  <c r="T88332" i="1"/>
  <c r="T88333" i="1"/>
  <c r="T88334" i="1"/>
  <c r="T88335" i="1"/>
  <c r="T88336" i="1"/>
  <c r="T88337" i="1"/>
  <c r="T88338" i="1"/>
  <c r="T88339" i="1"/>
  <c r="T88340" i="1"/>
  <c r="T88341" i="1"/>
  <c r="T88342" i="1"/>
  <c r="T88343" i="1"/>
  <c r="T88344" i="1"/>
  <c r="T88345" i="1"/>
  <c r="T88346" i="1"/>
  <c r="T88347" i="1"/>
  <c r="T88348" i="1"/>
  <c r="T88349" i="1"/>
  <c r="T88350" i="1"/>
  <c r="T88351" i="1"/>
  <c r="T88352" i="1"/>
  <c r="T88353" i="1"/>
  <c r="T88354" i="1"/>
  <c r="T88355" i="1"/>
  <c r="T88356" i="1"/>
  <c r="T88357" i="1"/>
  <c r="T88358" i="1"/>
  <c r="T88359" i="1"/>
  <c r="T88360" i="1"/>
  <c r="T88361" i="1"/>
  <c r="T88362" i="1"/>
  <c r="T88363" i="1"/>
  <c r="T88364" i="1"/>
  <c r="T88365" i="1"/>
  <c r="T88366" i="1"/>
  <c r="T88367" i="1"/>
  <c r="T88368" i="1"/>
  <c r="T88369" i="1"/>
  <c r="T88370" i="1"/>
  <c r="T88371" i="1"/>
  <c r="T88372" i="1"/>
  <c r="T88373" i="1"/>
  <c r="T88374" i="1"/>
  <c r="T88375" i="1"/>
  <c r="T88376" i="1"/>
  <c r="T88377" i="1"/>
  <c r="T88378" i="1"/>
  <c r="T88379" i="1"/>
  <c r="T88380" i="1"/>
  <c r="T88381" i="1"/>
  <c r="T88382" i="1"/>
  <c r="T88383" i="1"/>
  <c r="T88384" i="1"/>
  <c r="T88385" i="1"/>
  <c r="T88386" i="1"/>
  <c r="T88387" i="1"/>
  <c r="T88388" i="1"/>
  <c r="T88389" i="1"/>
  <c r="T88390" i="1"/>
  <c r="T88391" i="1"/>
  <c r="T88392" i="1"/>
  <c r="T88393" i="1"/>
  <c r="T88394" i="1"/>
  <c r="T88395" i="1"/>
  <c r="T88396" i="1"/>
  <c r="T88397" i="1"/>
  <c r="T88398" i="1"/>
  <c r="T88399" i="1"/>
  <c r="T88400" i="1"/>
  <c r="T88401" i="1"/>
  <c r="T88402" i="1"/>
  <c r="T88403" i="1"/>
  <c r="T88404" i="1"/>
  <c r="T88405" i="1"/>
  <c r="T88406" i="1"/>
  <c r="T88407" i="1"/>
  <c r="T88408" i="1"/>
  <c r="T88409" i="1"/>
  <c r="T88410" i="1"/>
  <c r="T88411" i="1"/>
  <c r="T88412" i="1"/>
  <c r="T88413" i="1"/>
  <c r="T88414" i="1"/>
  <c r="T88415" i="1"/>
  <c r="T88416" i="1"/>
  <c r="T88417" i="1"/>
  <c r="T88418" i="1"/>
  <c r="T88419" i="1"/>
  <c r="T88420" i="1"/>
  <c r="T88421" i="1"/>
  <c r="T88422" i="1"/>
  <c r="T88423" i="1"/>
  <c r="T88424" i="1"/>
  <c r="T88425" i="1"/>
  <c r="T88426" i="1"/>
  <c r="T88427" i="1"/>
  <c r="T88428" i="1"/>
  <c r="T88429" i="1"/>
  <c r="T88430" i="1"/>
  <c r="T88431" i="1"/>
  <c r="T88432" i="1"/>
  <c r="T88433" i="1"/>
  <c r="T88434" i="1"/>
  <c r="T88435" i="1"/>
  <c r="T88436" i="1"/>
  <c r="T88437" i="1"/>
  <c r="T88438" i="1"/>
  <c r="T88439" i="1"/>
  <c r="T88440" i="1"/>
  <c r="T88441" i="1"/>
  <c r="T88442" i="1"/>
  <c r="T88443" i="1"/>
  <c r="T88444" i="1"/>
  <c r="T88445" i="1"/>
  <c r="T88446" i="1"/>
  <c r="T88447" i="1"/>
  <c r="T88448" i="1"/>
  <c r="T88449" i="1"/>
  <c r="T88450" i="1"/>
  <c r="T88451" i="1"/>
  <c r="T88452" i="1"/>
  <c r="T88453" i="1"/>
  <c r="T88454" i="1"/>
  <c r="T88455" i="1"/>
  <c r="T88456" i="1"/>
  <c r="T88457" i="1"/>
  <c r="T88458" i="1"/>
  <c r="T88459" i="1"/>
  <c r="T88460" i="1"/>
  <c r="T88461" i="1"/>
  <c r="T88462" i="1"/>
  <c r="T88463" i="1"/>
  <c r="T88464" i="1"/>
  <c r="T88465" i="1"/>
  <c r="T88466" i="1"/>
  <c r="T88467" i="1"/>
  <c r="T88468" i="1"/>
  <c r="T88469" i="1"/>
  <c r="T88470" i="1"/>
  <c r="T88471" i="1"/>
  <c r="T88472" i="1"/>
  <c r="T88473" i="1"/>
  <c r="T88474" i="1"/>
  <c r="T88475" i="1"/>
  <c r="T88476" i="1"/>
  <c r="T88477" i="1"/>
  <c r="T88478" i="1"/>
  <c r="T88479" i="1"/>
  <c r="T88480" i="1"/>
  <c r="T88481" i="1"/>
  <c r="T88482" i="1"/>
  <c r="T88483" i="1"/>
  <c r="T88484" i="1"/>
  <c r="T88485" i="1"/>
  <c r="T88486" i="1"/>
  <c r="T88487" i="1"/>
  <c r="T88488" i="1"/>
  <c r="T88489" i="1"/>
  <c r="T88490" i="1"/>
  <c r="T88491" i="1"/>
  <c r="T88492" i="1"/>
  <c r="T88493" i="1"/>
  <c r="T88494" i="1"/>
  <c r="T88495" i="1"/>
  <c r="T88496" i="1"/>
  <c r="T88497" i="1"/>
  <c r="T88498" i="1"/>
  <c r="T88499" i="1"/>
  <c r="T88500" i="1"/>
  <c r="T88501" i="1"/>
  <c r="T88502" i="1"/>
  <c r="T88503" i="1"/>
  <c r="T88504" i="1"/>
  <c r="T88505" i="1"/>
  <c r="T88506" i="1"/>
  <c r="T88507" i="1"/>
  <c r="T88508" i="1"/>
  <c r="T88509" i="1"/>
  <c r="T88510" i="1"/>
  <c r="T88511" i="1"/>
  <c r="T88512" i="1"/>
  <c r="T88513" i="1"/>
  <c r="T88514" i="1"/>
  <c r="T88515" i="1"/>
  <c r="T88516" i="1"/>
  <c r="T88517" i="1"/>
  <c r="T88518" i="1"/>
  <c r="T88519" i="1"/>
  <c r="T88520" i="1"/>
  <c r="T88521" i="1"/>
  <c r="T88522" i="1"/>
  <c r="T88523" i="1"/>
  <c r="T88524" i="1"/>
  <c r="T88525" i="1"/>
  <c r="T88526" i="1"/>
  <c r="T88527" i="1"/>
  <c r="T88528" i="1"/>
  <c r="T88529" i="1"/>
  <c r="T88530" i="1"/>
  <c r="T88531" i="1"/>
  <c r="T88532" i="1"/>
  <c r="T88533" i="1"/>
  <c r="T88534" i="1"/>
  <c r="T88535" i="1"/>
  <c r="T88536" i="1"/>
  <c r="T88537" i="1"/>
  <c r="T88538" i="1"/>
  <c r="T88539" i="1"/>
  <c r="T88540" i="1"/>
  <c r="T88541" i="1"/>
  <c r="T88542" i="1"/>
  <c r="T88543" i="1"/>
  <c r="T88544" i="1"/>
  <c r="T88545" i="1"/>
  <c r="T88546" i="1"/>
  <c r="T88547" i="1"/>
  <c r="T88548" i="1"/>
  <c r="T88549" i="1"/>
  <c r="T88550" i="1"/>
  <c r="T88551" i="1"/>
  <c r="T88552" i="1"/>
  <c r="T88553" i="1"/>
  <c r="T88554" i="1"/>
  <c r="T88555" i="1"/>
  <c r="T88556" i="1"/>
  <c r="T88557" i="1"/>
  <c r="T88558" i="1"/>
  <c r="T88559" i="1"/>
  <c r="T88560" i="1"/>
  <c r="T88561" i="1"/>
  <c r="T88562" i="1"/>
  <c r="T88563" i="1"/>
  <c r="T88564" i="1"/>
  <c r="T88565" i="1"/>
  <c r="T88566" i="1"/>
  <c r="T88567" i="1"/>
  <c r="T88568" i="1"/>
  <c r="T88569" i="1"/>
  <c r="T88570" i="1"/>
  <c r="T88571" i="1"/>
  <c r="T88572" i="1"/>
  <c r="T88573" i="1"/>
  <c r="T88574" i="1"/>
  <c r="T88575" i="1"/>
  <c r="T88576" i="1"/>
  <c r="T88577" i="1"/>
  <c r="T88578" i="1"/>
  <c r="T88579" i="1"/>
  <c r="T88580" i="1"/>
  <c r="T88581" i="1"/>
  <c r="T88582" i="1"/>
  <c r="T88583" i="1"/>
  <c r="T88584" i="1"/>
  <c r="T88585" i="1"/>
  <c r="T88586" i="1"/>
  <c r="T88587" i="1"/>
  <c r="T88588" i="1"/>
  <c r="T88589" i="1"/>
  <c r="T88590" i="1"/>
  <c r="T88591" i="1"/>
  <c r="T88592" i="1"/>
  <c r="T88593" i="1"/>
  <c r="T88594" i="1"/>
  <c r="T88595" i="1"/>
  <c r="T88596" i="1"/>
  <c r="T88597" i="1"/>
  <c r="T88598" i="1"/>
  <c r="T88599" i="1"/>
  <c r="T88600" i="1"/>
  <c r="T88601" i="1"/>
  <c r="T88602" i="1"/>
  <c r="T88603" i="1"/>
  <c r="T88604" i="1"/>
  <c r="T88605" i="1"/>
  <c r="T88606" i="1"/>
  <c r="T88607" i="1"/>
  <c r="T88608" i="1"/>
  <c r="T88609" i="1"/>
  <c r="T88610" i="1"/>
  <c r="T88611" i="1"/>
  <c r="T88612" i="1"/>
  <c r="T88613" i="1"/>
  <c r="T88614" i="1"/>
  <c r="T88615" i="1"/>
  <c r="T88616" i="1"/>
  <c r="T88617" i="1"/>
  <c r="T88618" i="1"/>
  <c r="T88619" i="1"/>
  <c r="T88620" i="1"/>
  <c r="T88621" i="1"/>
  <c r="T88622" i="1"/>
  <c r="T88623" i="1"/>
  <c r="T88624" i="1"/>
  <c r="T88625" i="1"/>
  <c r="T88626" i="1"/>
  <c r="T88627" i="1"/>
  <c r="T88628" i="1"/>
  <c r="T88629" i="1"/>
  <c r="T88630" i="1"/>
  <c r="T88631" i="1"/>
  <c r="T88632" i="1"/>
  <c r="T88633" i="1"/>
  <c r="T88634" i="1"/>
  <c r="T88635" i="1"/>
  <c r="T88636" i="1"/>
  <c r="T88637" i="1"/>
  <c r="T88638" i="1"/>
  <c r="T88639" i="1"/>
  <c r="T88640" i="1"/>
  <c r="T88641" i="1"/>
  <c r="T88642" i="1"/>
  <c r="T88643" i="1"/>
  <c r="T88644" i="1"/>
  <c r="T88645" i="1"/>
  <c r="T88646" i="1"/>
  <c r="T88647" i="1"/>
  <c r="T88648" i="1"/>
  <c r="T88649" i="1"/>
  <c r="T88650" i="1"/>
  <c r="T88651" i="1"/>
  <c r="T88652" i="1"/>
  <c r="T88653" i="1"/>
  <c r="T88654" i="1"/>
  <c r="T88655" i="1"/>
  <c r="T88656" i="1"/>
  <c r="T88657" i="1"/>
  <c r="T88658" i="1"/>
  <c r="T88659" i="1"/>
  <c r="T88660" i="1"/>
  <c r="T88661" i="1"/>
  <c r="T88662" i="1"/>
  <c r="T88663" i="1"/>
  <c r="T88664" i="1"/>
  <c r="T88665" i="1"/>
  <c r="T88666" i="1"/>
  <c r="T88667" i="1"/>
  <c r="T88668" i="1"/>
  <c r="T88669" i="1"/>
  <c r="T88670" i="1"/>
  <c r="T88671" i="1"/>
  <c r="T88672" i="1"/>
  <c r="T88673" i="1"/>
  <c r="T88674" i="1"/>
  <c r="T88675" i="1"/>
  <c r="T88676" i="1"/>
  <c r="T88677" i="1"/>
  <c r="T88678" i="1"/>
  <c r="T88679" i="1"/>
  <c r="T88680" i="1"/>
  <c r="T88681" i="1"/>
  <c r="T88682" i="1"/>
  <c r="T88683" i="1"/>
  <c r="T88684" i="1"/>
  <c r="T88685" i="1"/>
  <c r="T88686" i="1"/>
  <c r="T88687" i="1"/>
  <c r="T88688" i="1"/>
  <c r="T88689" i="1"/>
  <c r="T88690" i="1"/>
  <c r="T88691" i="1"/>
  <c r="T88692" i="1"/>
  <c r="T88693" i="1"/>
  <c r="T88694" i="1"/>
  <c r="T88695" i="1"/>
  <c r="T88696" i="1"/>
  <c r="T88697" i="1"/>
  <c r="T88698" i="1"/>
  <c r="T88699" i="1"/>
  <c r="T88700" i="1"/>
  <c r="T88701" i="1"/>
  <c r="T88702" i="1"/>
  <c r="T88703" i="1"/>
  <c r="T88704" i="1"/>
  <c r="T88705" i="1"/>
  <c r="T88706" i="1"/>
  <c r="T88707" i="1"/>
  <c r="T88708" i="1"/>
  <c r="T88709" i="1"/>
  <c r="T88710" i="1"/>
  <c r="T88711" i="1"/>
  <c r="T88712" i="1"/>
  <c r="T88713" i="1"/>
  <c r="T88714" i="1"/>
  <c r="T88715" i="1"/>
  <c r="T88716" i="1"/>
  <c r="T88717" i="1"/>
  <c r="T88718" i="1"/>
  <c r="T88719" i="1"/>
  <c r="T88720" i="1"/>
  <c r="T88721" i="1"/>
  <c r="T88722" i="1"/>
  <c r="T88723" i="1"/>
  <c r="T88724" i="1"/>
  <c r="T88725" i="1"/>
  <c r="T88726" i="1"/>
  <c r="T88727" i="1"/>
  <c r="T88728" i="1"/>
  <c r="T88729" i="1"/>
  <c r="T88730" i="1"/>
  <c r="T88731" i="1"/>
  <c r="T88732" i="1"/>
  <c r="T88733" i="1"/>
  <c r="T88734" i="1"/>
  <c r="T88735" i="1"/>
  <c r="T88736" i="1"/>
  <c r="T88737" i="1"/>
  <c r="T88738" i="1"/>
  <c r="T88739" i="1"/>
  <c r="T88740" i="1"/>
  <c r="T88741" i="1"/>
  <c r="T88742" i="1"/>
  <c r="T88743" i="1"/>
  <c r="T88744" i="1"/>
  <c r="T88745" i="1"/>
  <c r="T88746" i="1"/>
  <c r="T88747" i="1"/>
  <c r="T88748" i="1"/>
  <c r="T88749" i="1"/>
  <c r="T88750" i="1"/>
  <c r="T88751" i="1"/>
  <c r="T88752" i="1"/>
  <c r="T88753" i="1"/>
  <c r="T88754" i="1"/>
  <c r="T88755" i="1"/>
  <c r="T88756" i="1"/>
  <c r="T88757" i="1"/>
  <c r="T88758" i="1"/>
  <c r="T88759" i="1"/>
  <c r="T88760" i="1"/>
  <c r="T88761" i="1"/>
  <c r="T88762" i="1"/>
  <c r="T88763" i="1"/>
  <c r="T88764" i="1"/>
  <c r="T88765" i="1"/>
  <c r="T88766" i="1"/>
  <c r="T88767" i="1"/>
  <c r="T88768" i="1"/>
  <c r="T88769" i="1"/>
  <c r="T88770" i="1"/>
  <c r="T88771" i="1"/>
  <c r="T88772" i="1"/>
  <c r="T88773" i="1"/>
  <c r="T88774" i="1"/>
  <c r="T88775" i="1"/>
  <c r="T88776" i="1"/>
  <c r="T88777" i="1"/>
  <c r="T88778" i="1"/>
  <c r="T88779" i="1"/>
  <c r="T88780" i="1"/>
  <c r="T88781" i="1"/>
  <c r="T88782" i="1"/>
  <c r="T88783" i="1"/>
  <c r="T88784" i="1"/>
  <c r="T88785" i="1"/>
  <c r="T88786" i="1"/>
  <c r="T88787" i="1"/>
  <c r="T88788" i="1"/>
  <c r="T88789" i="1"/>
  <c r="T88790" i="1"/>
  <c r="T88791" i="1"/>
  <c r="T88792" i="1"/>
  <c r="T88793" i="1"/>
  <c r="T88794" i="1"/>
  <c r="T88795" i="1"/>
  <c r="T88796" i="1"/>
  <c r="T88797" i="1"/>
  <c r="T88798" i="1"/>
  <c r="T88799" i="1"/>
  <c r="T88800" i="1"/>
  <c r="T88801" i="1"/>
  <c r="T88802" i="1"/>
  <c r="T88803" i="1"/>
  <c r="T88804" i="1"/>
  <c r="T88805" i="1"/>
  <c r="T88806" i="1"/>
  <c r="T88807" i="1"/>
  <c r="T88808" i="1"/>
  <c r="T88809" i="1"/>
  <c r="T88810" i="1"/>
  <c r="T88811" i="1"/>
  <c r="T88812" i="1"/>
  <c r="T88813" i="1"/>
  <c r="T88814" i="1"/>
  <c r="T88815" i="1"/>
  <c r="T88816" i="1"/>
  <c r="T88817" i="1"/>
  <c r="T88818" i="1"/>
  <c r="T88819" i="1"/>
  <c r="T88820" i="1"/>
  <c r="T88821" i="1"/>
  <c r="T88822" i="1"/>
  <c r="T88823" i="1"/>
  <c r="T88824" i="1"/>
  <c r="T88825" i="1"/>
  <c r="T88826" i="1"/>
  <c r="T88827" i="1"/>
  <c r="T88828" i="1"/>
  <c r="T88829" i="1"/>
  <c r="T88830" i="1"/>
  <c r="T88831" i="1"/>
  <c r="T88832" i="1"/>
  <c r="T88833" i="1"/>
  <c r="T88834" i="1"/>
  <c r="T88835" i="1"/>
  <c r="T88836" i="1"/>
  <c r="T88837" i="1"/>
  <c r="T88838" i="1"/>
  <c r="T88839" i="1"/>
  <c r="T88840" i="1"/>
  <c r="T88841" i="1"/>
  <c r="T88842" i="1"/>
  <c r="T88843" i="1"/>
  <c r="T88844" i="1"/>
  <c r="T88845" i="1"/>
  <c r="T88846" i="1"/>
  <c r="T88847" i="1"/>
  <c r="T88848" i="1"/>
  <c r="T88849" i="1"/>
  <c r="T88850" i="1"/>
  <c r="T88851" i="1"/>
  <c r="T88852" i="1"/>
  <c r="T88853" i="1"/>
  <c r="T88854" i="1"/>
  <c r="T88855" i="1"/>
  <c r="T88856" i="1"/>
  <c r="T88857" i="1"/>
  <c r="T88858" i="1"/>
  <c r="T88859" i="1"/>
  <c r="T88860" i="1"/>
  <c r="T88861" i="1"/>
  <c r="T88862" i="1"/>
  <c r="T88863" i="1"/>
  <c r="T88864" i="1"/>
  <c r="T88865" i="1"/>
  <c r="T88866" i="1"/>
  <c r="T88867" i="1"/>
  <c r="T88868" i="1"/>
  <c r="T88869" i="1"/>
  <c r="T88870" i="1"/>
  <c r="T88871" i="1"/>
  <c r="T88872" i="1"/>
  <c r="T88873" i="1"/>
  <c r="T88874" i="1"/>
  <c r="T88875" i="1"/>
  <c r="T88876" i="1"/>
  <c r="T88877" i="1"/>
  <c r="T88878" i="1"/>
  <c r="T88879" i="1"/>
  <c r="T88880" i="1"/>
  <c r="T88881" i="1"/>
  <c r="T88882" i="1"/>
  <c r="T88883" i="1"/>
  <c r="T88884" i="1"/>
  <c r="T88885" i="1"/>
  <c r="T88886" i="1"/>
  <c r="T88887" i="1"/>
  <c r="T88888" i="1"/>
  <c r="T88889" i="1"/>
  <c r="T88890" i="1"/>
  <c r="T88891" i="1"/>
  <c r="T88892" i="1"/>
  <c r="T88893" i="1"/>
  <c r="T88894" i="1"/>
  <c r="T88895" i="1"/>
  <c r="T88896" i="1"/>
  <c r="T88897" i="1"/>
  <c r="T88898" i="1"/>
  <c r="T88899" i="1"/>
  <c r="T88900" i="1"/>
  <c r="T88901" i="1"/>
  <c r="T88902" i="1"/>
  <c r="T88903" i="1"/>
  <c r="T88904" i="1"/>
  <c r="T88905" i="1"/>
  <c r="T88906" i="1"/>
  <c r="T88907" i="1"/>
  <c r="T88908" i="1"/>
  <c r="T88909" i="1"/>
  <c r="T88910" i="1"/>
  <c r="T88911" i="1"/>
  <c r="T88912" i="1"/>
  <c r="T88913" i="1"/>
  <c r="T88914" i="1"/>
  <c r="T88915" i="1"/>
  <c r="T88916" i="1"/>
  <c r="T88917" i="1"/>
  <c r="T88918" i="1"/>
  <c r="T88919" i="1"/>
  <c r="T88920" i="1"/>
  <c r="T88921" i="1"/>
  <c r="T88922" i="1"/>
  <c r="T88923" i="1"/>
  <c r="T88924" i="1"/>
  <c r="T88925" i="1"/>
  <c r="T88926" i="1"/>
  <c r="T88927" i="1"/>
  <c r="T88928" i="1"/>
  <c r="T88929" i="1"/>
  <c r="T88930" i="1"/>
  <c r="T88931" i="1"/>
  <c r="T88932" i="1"/>
  <c r="T88933" i="1"/>
  <c r="T88934" i="1"/>
  <c r="T88935" i="1"/>
  <c r="T88936" i="1"/>
  <c r="T88937" i="1"/>
  <c r="T88938" i="1"/>
  <c r="T88939" i="1"/>
  <c r="T88940" i="1"/>
  <c r="T88941" i="1"/>
  <c r="T88942" i="1"/>
  <c r="T88943" i="1"/>
  <c r="T88944" i="1"/>
  <c r="T88945" i="1"/>
  <c r="T88946" i="1"/>
  <c r="T88947" i="1"/>
  <c r="T88948" i="1"/>
  <c r="T88949" i="1"/>
  <c r="T88950" i="1"/>
  <c r="T88951" i="1"/>
  <c r="T88952" i="1"/>
  <c r="T88953" i="1"/>
  <c r="T88954" i="1"/>
  <c r="T88955" i="1"/>
  <c r="T88956" i="1"/>
  <c r="T88957" i="1"/>
  <c r="T88958" i="1"/>
  <c r="T88959" i="1"/>
  <c r="T88960" i="1"/>
  <c r="T88961" i="1"/>
  <c r="T88962" i="1"/>
  <c r="T88963" i="1"/>
  <c r="T88964" i="1"/>
  <c r="T88965" i="1"/>
  <c r="T88966" i="1"/>
  <c r="T88967" i="1"/>
  <c r="T88968" i="1"/>
  <c r="T88969" i="1"/>
  <c r="T88970" i="1"/>
  <c r="T88971" i="1"/>
  <c r="T88972" i="1"/>
  <c r="T88973" i="1"/>
  <c r="T88974" i="1"/>
  <c r="T88975" i="1"/>
  <c r="T88976" i="1"/>
  <c r="T88977" i="1"/>
  <c r="T88978" i="1"/>
  <c r="T88979" i="1"/>
  <c r="T88980" i="1"/>
  <c r="T88981" i="1"/>
  <c r="T88982" i="1"/>
  <c r="T88983" i="1"/>
  <c r="T88984" i="1"/>
  <c r="T88985" i="1"/>
  <c r="T88986" i="1"/>
  <c r="T88987" i="1"/>
  <c r="T88988" i="1"/>
  <c r="T88989" i="1"/>
  <c r="T88990" i="1"/>
  <c r="T88991" i="1"/>
  <c r="T88992" i="1"/>
  <c r="T88993" i="1"/>
  <c r="T88994" i="1"/>
  <c r="T88995" i="1"/>
  <c r="T88996" i="1"/>
  <c r="T88997" i="1"/>
  <c r="T88998" i="1"/>
  <c r="T88999" i="1"/>
  <c r="T89000" i="1"/>
  <c r="T89001" i="1"/>
  <c r="T89002" i="1"/>
  <c r="T89003" i="1"/>
  <c r="T89004" i="1"/>
  <c r="T89005" i="1"/>
  <c r="T89006" i="1"/>
  <c r="T89007" i="1"/>
  <c r="T89008" i="1"/>
  <c r="T89009" i="1"/>
  <c r="T89010" i="1"/>
  <c r="T89011" i="1"/>
  <c r="T89012" i="1"/>
  <c r="T89013" i="1"/>
  <c r="T89014" i="1"/>
  <c r="T89015" i="1"/>
  <c r="T89016" i="1"/>
  <c r="T89017" i="1"/>
  <c r="T89018" i="1"/>
  <c r="T89019" i="1"/>
  <c r="T89020" i="1"/>
  <c r="T89021" i="1"/>
  <c r="T89022" i="1"/>
  <c r="T89023" i="1"/>
  <c r="T89024" i="1"/>
  <c r="T89025" i="1"/>
  <c r="T89026" i="1"/>
  <c r="T89027" i="1"/>
  <c r="T89028" i="1"/>
  <c r="T89029" i="1"/>
  <c r="T89030" i="1"/>
  <c r="T89031" i="1"/>
  <c r="T89032" i="1"/>
  <c r="T89033" i="1"/>
  <c r="T89034" i="1"/>
  <c r="T89035" i="1"/>
  <c r="T89036" i="1"/>
  <c r="T89037" i="1"/>
  <c r="T89038" i="1"/>
  <c r="T89039" i="1"/>
  <c r="T89040" i="1"/>
  <c r="T89041" i="1"/>
  <c r="T89042" i="1"/>
  <c r="T89043" i="1"/>
  <c r="T89044" i="1"/>
  <c r="T89045" i="1"/>
  <c r="T89046" i="1"/>
  <c r="T89047" i="1"/>
  <c r="T89048" i="1"/>
  <c r="T89049" i="1"/>
  <c r="T89050" i="1"/>
  <c r="T89051" i="1"/>
  <c r="T89052" i="1"/>
  <c r="T89053" i="1"/>
  <c r="T89054" i="1"/>
  <c r="T89055" i="1"/>
  <c r="T89056" i="1"/>
  <c r="T89057" i="1"/>
  <c r="T89058" i="1"/>
  <c r="T89059" i="1"/>
  <c r="T89060" i="1"/>
  <c r="T89061" i="1"/>
  <c r="T89062" i="1"/>
  <c r="T89063" i="1"/>
  <c r="T89064" i="1"/>
  <c r="T89065" i="1"/>
  <c r="T89066" i="1"/>
  <c r="T89067" i="1"/>
  <c r="T89068" i="1"/>
  <c r="T89069" i="1"/>
  <c r="T89070" i="1"/>
  <c r="T89071" i="1"/>
  <c r="T89072" i="1"/>
  <c r="T89073" i="1"/>
  <c r="T89074" i="1"/>
  <c r="T89075" i="1"/>
  <c r="T89076" i="1"/>
  <c r="T89077" i="1"/>
  <c r="T89078" i="1"/>
  <c r="T89079" i="1"/>
  <c r="T89080" i="1"/>
  <c r="T89081" i="1"/>
  <c r="T89082" i="1"/>
  <c r="T89083" i="1"/>
  <c r="T89084" i="1"/>
  <c r="T89085" i="1"/>
  <c r="T89086" i="1"/>
  <c r="T89087" i="1"/>
  <c r="T89088" i="1"/>
  <c r="T89089" i="1"/>
  <c r="T89090" i="1"/>
  <c r="T89091" i="1"/>
  <c r="T89092" i="1"/>
  <c r="T89093" i="1"/>
  <c r="T89094" i="1"/>
  <c r="T89095" i="1"/>
  <c r="T89096" i="1"/>
  <c r="T89097" i="1"/>
  <c r="T89098" i="1"/>
  <c r="T89099" i="1"/>
  <c r="T89100" i="1"/>
  <c r="T89101" i="1"/>
  <c r="T89102" i="1"/>
  <c r="T89103" i="1"/>
  <c r="T89104" i="1"/>
  <c r="T89105" i="1"/>
  <c r="T89106" i="1"/>
  <c r="T89107" i="1"/>
  <c r="T89108" i="1"/>
  <c r="T89109" i="1"/>
  <c r="T89110" i="1"/>
  <c r="T89111" i="1"/>
  <c r="T89112" i="1"/>
  <c r="T89113" i="1"/>
  <c r="T89114" i="1"/>
  <c r="T89115" i="1"/>
  <c r="T89116" i="1"/>
  <c r="T89117" i="1"/>
  <c r="T89118" i="1"/>
  <c r="T89119" i="1"/>
  <c r="T89120" i="1"/>
  <c r="T89121" i="1"/>
  <c r="T89122" i="1"/>
  <c r="T89123" i="1"/>
  <c r="T89124" i="1"/>
  <c r="T89125" i="1"/>
  <c r="T89126" i="1"/>
  <c r="T89127" i="1"/>
  <c r="T89128" i="1"/>
  <c r="T89129" i="1"/>
  <c r="T89130" i="1"/>
  <c r="T89131" i="1"/>
  <c r="T89132" i="1"/>
  <c r="T89133" i="1"/>
  <c r="T89134" i="1"/>
  <c r="T89135" i="1"/>
  <c r="T89136" i="1"/>
  <c r="T89137" i="1"/>
  <c r="T89138" i="1"/>
  <c r="T89139" i="1"/>
  <c r="T89140" i="1"/>
  <c r="T89141" i="1"/>
  <c r="T89142" i="1"/>
  <c r="T89143" i="1"/>
  <c r="T89144" i="1"/>
  <c r="T89145" i="1"/>
  <c r="T89146" i="1"/>
  <c r="T89147" i="1"/>
  <c r="T89148" i="1"/>
  <c r="T89149" i="1"/>
  <c r="T89150" i="1"/>
  <c r="T89151" i="1"/>
  <c r="T89152" i="1"/>
  <c r="T89153" i="1"/>
  <c r="T89154" i="1"/>
  <c r="T89155" i="1"/>
  <c r="T89156" i="1"/>
  <c r="T89157" i="1"/>
  <c r="T89158" i="1"/>
  <c r="T89159" i="1"/>
  <c r="T89160" i="1"/>
  <c r="T89161" i="1"/>
  <c r="T89162" i="1"/>
  <c r="T89163" i="1"/>
  <c r="T89164" i="1"/>
  <c r="T89165" i="1"/>
  <c r="T89166" i="1"/>
  <c r="T89167" i="1"/>
  <c r="T89168" i="1"/>
  <c r="T89169" i="1"/>
  <c r="T89170" i="1"/>
  <c r="T89171" i="1"/>
  <c r="T89172" i="1"/>
  <c r="T89173" i="1"/>
  <c r="T89174" i="1"/>
  <c r="T89175" i="1"/>
  <c r="T89176" i="1"/>
  <c r="T89177" i="1"/>
  <c r="T89178" i="1"/>
  <c r="T89179" i="1"/>
  <c r="T89180" i="1"/>
  <c r="T89181" i="1"/>
  <c r="T89182" i="1"/>
  <c r="T89183" i="1"/>
  <c r="T89184" i="1"/>
  <c r="T89185" i="1"/>
  <c r="T89186" i="1"/>
  <c r="T89187" i="1"/>
  <c r="T89188" i="1"/>
  <c r="T89189" i="1"/>
  <c r="T89190" i="1"/>
  <c r="T89191" i="1"/>
  <c r="T89192" i="1"/>
  <c r="T89193" i="1"/>
  <c r="T89194" i="1"/>
  <c r="T89195" i="1"/>
  <c r="T89196" i="1"/>
  <c r="T89197" i="1"/>
  <c r="T89198" i="1"/>
  <c r="T89199" i="1"/>
  <c r="T89200" i="1"/>
  <c r="T89201" i="1"/>
  <c r="T89202" i="1"/>
  <c r="T89203" i="1"/>
  <c r="T89204" i="1"/>
  <c r="T89205" i="1"/>
  <c r="T89206" i="1"/>
  <c r="T89207" i="1"/>
  <c r="T89208" i="1"/>
  <c r="T89209" i="1"/>
  <c r="T89210" i="1"/>
  <c r="T89211" i="1"/>
  <c r="T89212" i="1"/>
  <c r="T89213" i="1"/>
  <c r="T89214" i="1"/>
  <c r="T89215" i="1"/>
  <c r="T89216" i="1"/>
  <c r="T89217" i="1"/>
  <c r="T89218" i="1"/>
  <c r="T89219" i="1"/>
  <c r="T89220" i="1"/>
  <c r="T89221" i="1"/>
  <c r="T89222" i="1"/>
  <c r="T89223" i="1"/>
  <c r="T89224" i="1"/>
  <c r="T89225" i="1"/>
  <c r="T89226" i="1"/>
  <c r="T89227" i="1"/>
  <c r="T89228" i="1"/>
  <c r="T89229" i="1"/>
  <c r="T89230" i="1"/>
  <c r="T89231" i="1"/>
  <c r="T89232" i="1"/>
  <c r="T89233" i="1"/>
  <c r="T89234" i="1"/>
  <c r="T89235" i="1"/>
  <c r="T89236" i="1"/>
  <c r="T89237" i="1"/>
  <c r="T89238" i="1"/>
  <c r="T89239" i="1"/>
  <c r="T89240" i="1"/>
  <c r="T89241" i="1"/>
  <c r="T89242" i="1"/>
  <c r="T89243" i="1"/>
  <c r="T89244" i="1"/>
  <c r="T89245" i="1"/>
  <c r="T89246" i="1"/>
  <c r="T89247" i="1"/>
  <c r="T89248" i="1"/>
  <c r="T89249" i="1"/>
  <c r="T89250" i="1"/>
  <c r="T89251" i="1"/>
  <c r="T89252" i="1"/>
  <c r="T89253" i="1"/>
  <c r="T89254" i="1"/>
  <c r="T89255" i="1"/>
  <c r="T89256" i="1"/>
  <c r="T89257" i="1"/>
  <c r="T89258" i="1"/>
  <c r="T89259" i="1"/>
  <c r="T89260" i="1"/>
  <c r="T89261" i="1"/>
  <c r="T89262" i="1"/>
  <c r="T89263" i="1"/>
  <c r="T89264" i="1"/>
  <c r="T89265" i="1"/>
  <c r="T89266" i="1"/>
  <c r="T89267" i="1"/>
  <c r="T89268" i="1"/>
  <c r="T89269" i="1"/>
  <c r="T89270" i="1"/>
  <c r="T89271" i="1"/>
  <c r="T89272" i="1"/>
  <c r="T89273" i="1"/>
  <c r="T89274" i="1"/>
  <c r="T89275" i="1"/>
  <c r="T89276" i="1"/>
  <c r="T89277" i="1"/>
  <c r="T89278" i="1"/>
  <c r="T89279" i="1"/>
  <c r="T89280" i="1"/>
  <c r="T89281" i="1"/>
  <c r="T89282" i="1"/>
  <c r="T89283" i="1"/>
  <c r="T89284" i="1"/>
  <c r="T89285" i="1"/>
  <c r="T89286" i="1"/>
  <c r="T89287" i="1"/>
  <c r="T89288" i="1"/>
  <c r="T89289" i="1"/>
  <c r="T89290" i="1"/>
  <c r="T89291" i="1"/>
  <c r="T89292" i="1"/>
  <c r="T89293" i="1"/>
  <c r="T89294" i="1"/>
  <c r="T89295" i="1"/>
  <c r="T89296" i="1"/>
  <c r="T89297" i="1"/>
  <c r="T89298" i="1"/>
  <c r="T89299" i="1"/>
  <c r="T89300" i="1"/>
  <c r="T89301" i="1"/>
  <c r="T89302" i="1"/>
  <c r="T89303" i="1"/>
  <c r="T89304" i="1"/>
  <c r="T89305" i="1"/>
  <c r="T89306" i="1"/>
  <c r="T89307" i="1"/>
  <c r="T89308" i="1"/>
  <c r="T89309" i="1"/>
  <c r="T89310" i="1"/>
  <c r="T89311" i="1"/>
  <c r="T89312" i="1"/>
  <c r="T89313" i="1"/>
  <c r="T89314" i="1"/>
  <c r="T89315" i="1"/>
  <c r="T89316" i="1"/>
  <c r="T89317" i="1"/>
  <c r="T89318" i="1"/>
  <c r="T89319" i="1"/>
  <c r="T89320" i="1"/>
  <c r="T89321" i="1"/>
  <c r="T89322" i="1"/>
  <c r="T89323" i="1"/>
  <c r="T89324" i="1"/>
  <c r="T89325" i="1"/>
  <c r="T89326" i="1"/>
  <c r="T89327" i="1"/>
  <c r="T89328" i="1"/>
  <c r="T89329" i="1"/>
  <c r="T89330" i="1"/>
  <c r="T89331" i="1"/>
  <c r="T89332" i="1"/>
  <c r="T89333" i="1"/>
  <c r="T89334" i="1"/>
  <c r="T89335" i="1"/>
  <c r="T89336" i="1"/>
  <c r="T89337" i="1"/>
  <c r="T89338" i="1"/>
  <c r="T89339" i="1"/>
  <c r="T89340" i="1"/>
  <c r="T89341" i="1"/>
  <c r="T89342" i="1"/>
  <c r="T89343" i="1"/>
  <c r="T89344" i="1"/>
  <c r="T89345" i="1"/>
  <c r="T89346" i="1"/>
  <c r="T89347" i="1"/>
  <c r="T89348" i="1"/>
  <c r="T89349" i="1"/>
  <c r="T89350" i="1"/>
  <c r="T89351" i="1"/>
  <c r="T89352" i="1"/>
  <c r="T89353" i="1"/>
  <c r="T89354" i="1"/>
  <c r="T89355" i="1"/>
  <c r="T89356" i="1"/>
  <c r="T89357" i="1"/>
  <c r="T89358" i="1"/>
  <c r="T89359" i="1"/>
  <c r="T89360" i="1"/>
  <c r="T89361" i="1"/>
  <c r="T89362" i="1"/>
  <c r="T89363" i="1"/>
  <c r="T89364" i="1"/>
  <c r="T89365" i="1"/>
  <c r="T89366" i="1"/>
  <c r="T89367" i="1"/>
  <c r="T89368" i="1"/>
  <c r="T89369" i="1"/>
  <c r="T89370" i="1"/>
  <c r="T89371" i="1"/>
  <c r="T89372" i="1"/>
  <c r="T89373" i="1"/>
  <c r="T89374" i="1"/>
  <c r="T89375" i="1"/>
  <c r="T89376" i="1"/>
  <c r="T89377" i="1"/>
  <c r="T89378" i="1"/>
  <c r="T89379" i="1"/>
  <c r="T89380" i="1"/>
  <c r="T89381" i="1"/>
  <c r="T89382" i="1"/>
  <c r="T89383" i="1"/>
  <c r="T89384" i="1"/>
  <c r="T89385" i="1"/>
  <c r="T89386" i="1"/>
  <c r="T89387" i="1"/>
  <c r="T89388" i="1"/>
  <c r="T89389" i="1"/>
  <c r="T89390" i="1"/>
  <c r="T89391" i="1"/>
  <c r="T89392" i="1"/>
  <c r="T89393" i="1"/>
  <c r="T89394" i="1"/>
  <c r="T89395" i="1"/>
  <c r="T89396" i="1"/>
  <c r="T89397" i="1"/>
  <c r="T89398" i="1"/>
  <c r="T89399" i="1"/>
  <c r="T89400" i="1"/>
  <c r="T89401" i="1"/>
  <c r="T89402" i="1"/>
  <c r="T89403" i="1"/>
  <c r="T89404" i="1"/>
  <c r="T89405" i="1"/>
  <c r="T89406" i="1"/>
  <c r="T89407" i="1"/>
  <c r="T89408" i="1"/>
  <c r="T89409" i="1"/>
  <c r="T89410" i="1"/>
  <c r="T89411" i="1"/>
  <c r="T89412" i="1"/>
  <c r="T89413" i="1"/>
  <c r="T89414" i="1"/>
  <c r="T89415" i="1"/>
  <c r="T89416" i="1"/>
  <c r="T89417" i="1"/>
  <c r="T89418" i="1"/>
  <c r="T89419" i="1"/>
  <c r="T89420" i="1"/>
  <c r="T89421" i="1"/>
  <c r="T89422" i="1"/>
  <c r="T89423" i="1"/>
  <c r="T89424" i="1"/>
  <c r="T89425" i="1"/>
  <c r="T89426" i="1"/>
  <c r="T89427" i="1"/>
  <c r="T89428" i="1"/>
  <c r="T89429" i="1"/>
  <c r="T89430" i="1"/>
  <c r="T89431" i="1"/>
  <c r="T89432" i="1"/>
  <c r="T89433" i="1"/>
  <c r="T89434" i="1"/>
  <c r="T89435" i="1"/>
  <c r="T89436" i="1"/>
  <c r="T89437" i="1"/>
  <c r="T89438" i="1"/>
  <c r="T89439" i="1"/>
  <c r="T89440" i="1"/>
  <c r="T89441" i="1"/>
  <c r="T89442" i="1"/>
  <c r="T89443" i="1"/>
  <c r="T89444" i="1"/>
  <c r="T89445" i="1"/>
  <c r="T89446" i="1"/>
  <c r="T89447" i="1"/>
  <c r="T89448" i="1"/>
  <c r="T89449" i="1"/>
  <c r="T89450" i="1"/>
  <c r="T89451" i="1"/>
  <c r="T89452" i="1"/>
  <c r="T89453" i="1"/>
  <c r="T89454" i="1"/>
  <c r="T89455" i="1"/>
  <c r="T89456" i="1"/>
  <c r="T89457" i="1"/>
  <c r="T89458" i="1"/>
  <c r="T89459" i="1"/>
  <c r="T89460" i="1"/>
  <c r="T89461" i="1"/>
  <c r="T89462" i="1"/>
  <c r="T89463" i="1"/>
  <c r="T89464" i="1"/>
  <c r="T89465" i="1"/>
  <c r="T89466" i="1"/>
  <c r="T89467" i="1"/>
  <c r="T89468" i="1"/>
  <c r="T89469" i="1"/>
  <c r="T89470" i="1"/>
  <c r="T89471" i="1"/>
  <c r="T89472" i="1"/>
  <c r="T89473" i="1"/>
  <c r="T89474" i="1"/>
  <c r="T89475" i="1"/>
  <c r="T89476" i="1"/>
  <c r="T89477" i="1"/>
  <c r="T89478" i="1"/>
  <c r="T89479" i="1"/>
  <c r="T89480" i="1"/>
  <c r="T89481" i="1"/>
  <c r="T89482" i="1"/>
  <c r="T89483" i="1"/>
  <c r="T89484" i="1"/>
  <c r="T89485" i="1"/>
  <c r="T89486" i="1"/>
  <c r="T89487" i="1"/>
  <c r="T89488" i="1"/>
  <c r="T89489" i="1"/>
  <c r="T89490" i="1"/>
  <c r="T89491" i="1"/>
  <c r="T89492" i="1"/>
  <c r="T89493" i="1"/>
  <c r="T89494" i="1"/>
  <c r="T89495" i="1"/>
  <c r="T89496" i="1"/>
  <c r="T89497" i="1"/>
  <c r="T89498" i="1"/>
  <c r="T89499" i="1"/>
  <c r="T89500" i="1"/>
  <c r="T89501" i="1"/>
  <c r="T89502" i="1"/>
  <c r="T89503" i="1"/>
  <c r="T89504" i="1"/>
  <c r="T89505" i="1"/>
  <c r="T89506" i="1"/>
  <c r="T89507" i="1"/>
  <c r="T89508" i="1"/>
  <c r="T89509" i="1"/>
  <c r="T89510" i="1"/>
  <c r="T89511" i="1"/>
  <c r="T89512" i="1"/>
  <c r="T89513" i="1"/>
  <c r="T89514" i="1"/>
  <c r="T89515" i="1"/>
  <c r="T89516" i="1"/>
  <c r="T89517" i="1"/>
  <c r="T89518" i="1"/>
  <c r="T89519" i="1"/>
  <c r="T89520" i="1"/>
  <c r="T89521" i="1"/>
  <c r="T89522" i="1"/>
  <c r="T89523" i="1"/>
  <c r="T89524" i="1"/>
  <c r="T89525" i="1"/>
  <c r="T89526" i="1"/>
  <c r="T89527" i="1"/>
  <c r="T89528" i="1"/>
  <c r="T89529" i="1"/>
  <c r="T89530" i="1"/>
  <c r="T89531" i="1"/>
  <c r="T89532" i="1"/>
  <c r="T89533" i="1"/>
  <c r="T89534" i="1"/>
  <c r="T89535" i="1"/>
  <c r="T89536" i="1"/>
  <c r="T89537" i="1"/>
  <c r="T89538" i="1"/>
  <c r="T89539" i="1"/>
  <c r="T89540" i="1"/>
  <c r="T89541" i="1"/>
  <c r="T89542" i="1"/>
  <c r="T89543" i="1"/>
  <c r="T89544" i="1"/>
  <c r="T89545" i="1"/>
  <c r="T89546" i="1"/>
  <c r="T89547" i="1"/>
  <c r="T89548" i="1"/>
  <c r="T89549" i="1"/>
  <c r="T89550" i="1"/>
  <c r="T89551" i="1"/>
  <c r="T89552" i="1"/>
  <c r="T89553" i="1"/>
  <c r="T89554" i="1"/>
  <c r="T89555" i="1"/>
  <c r="T89556" i="1"/>
  <c r="T89557" i="1"/>
  <c r="T89558" i="1"/>
  <c r="T89559" i="1"/>
  <c r="T89560" i="1"/>
  <c r="T89561" i="1"/>
  <c r="T89562" i="1"/>
  <c r="T89563" i="1"/>
  <c r="T89564" i="1"/>
  <c r="T89565" i="1"/>
  <c r="T89566" i="1"/>
  <c r="T89567" i="1"/>
  <c r="T89568" i="1"/>
  <c r="T89569" i="1"/>
  <c r="T89570" i="1"/>
  <c r="T89571" i="1"/>
  <c r="T89572" i="1"/>
  <c r="T89573" i="1"/>
  <c r="T89574" i="1"/>
  <c r="T89575" i="1"/>
  <c r="T89576" i="1"/>
  <c r="T89577" i="1"/>
  <c r="T89578" i="1"/>
  <c r="T89579" i="1"/>
  <c r="T89580" i="1"/>
  <c r="T89581" i="1"/>
  <c r="T89582" i="1"/>
  <c r="T89583" i="1"/>
  <c r="T89584" i="1"/>
  <c r="T89585" i="1"/>
  <c r="T89586" i="1"/>
  <c r="T89587" i="1"/>
  <c r="T89588" i="1"/>
  <c r="T89589" i="1"/>
  <c r="T89590" i="1"/>
  <c r="T89591" i="1"/>
  <c r="T89592" i="1"/>
  <c r="T89593" i="1"/>
  <c r="T89594" i="1"/>
  <c r="T89595" i="1"/>
  <c r="T89596" i="1"/>
  <c r="T89597" i="1"/>
  <c r="T89598" i="1"/>
  <c r="T89599" i="1"/>
  <c r="T89600" i="1"/>
  <c r="T89601" i="1"/>
  <c r="T89602" i="1"/>
  <c r="T89603" i="1"/>
  <c r="T89604" i="1"/>
  <c r="T89605" i="1"/>
  <c r="T89606" i="1"/>
  <c r="T89607" i="1"/>
  <c r="T89608" i="1"/>
  <c r="T89609" i="1"/>
  <c r="T89610" i="1"/>
  <c r="T89611" i="1"/>
  <c r="T89612" i="1"/>
  <c r="T89613" i="1"/>
  <c r="T89614" i="1"/>
  <c r="T89615" i="1"/>
  <c r="T89616" i="1"/>
  <c r="T89617" i="1"/>
  <c r="T89618" i="1"/>
  <c r="T89619" i="1"/>
  <c r="T89620" i="1"/>
  <c r="T89621" i="1"/>
  <c r="T89622" i="1"/>
  <c r="T89623" i="1"/>
  <c r="T89624" i="1"/>
  <c r="T89625" i="1"/>
  <c r="T89626" i="1"/>
  <c r="T89627" i="1"/>
  <c r="T89628" i="1"/>
  <c r="T89629" i="1"/>
  <c r="T89630" i="1"/>
  <c r="T89631" i="1"/>
  <c r="T89632" i="1"/>
  <c r="T89633" i="1"/>
  <c r="T89634" i="1"/>
  <c r="T89635" i="1"/>
  <c r="T89636" i="1"/>
  <c r="T89637" i="1"/>
  <c r="T89638" i="1"/>
  <c r="T89639" i="1"/>
  <c r="T89640" i="1"/>
  <c r="T89641" i="1"/>
  <c r="T89642" i="1"/>
  <c r="T89643" i="1"/>
  <c r="T89644" i="1"/>
  <c r="T89645" i="1"/>
  <c r="T89646" i="1"/>
  <c r="T89647" i="1"/>
  <c r="T89648" i="1"/>
  <c r="T89649" i="1"/>
  <c r="T89650" i="1"/>
  <c r="T89651" i="1"/>
  <c r="T89652" i="1"/>
  <c r="T89653" i="1"/>
  <c r="T89654" i="1"/>
  <c r="T89655" i="1"/>
  <c r="T89656" i="1"/>
  <c r="T89657" i="1"/>
  <c r="T89658" i="1"/>
  <c r="T89659" i="1"/>
  <c r="T89660" i="1"/>
  <c r="T89661" i="1"/>
  <c r="T89662" i="1"/>
  <c r="T89663" i="1"/>
  <c r="T89664" i="1"/>
  <c r="T89665" i="1"/>
  <c r="T89666" i="1"/>
  <c r="T89667" i="1"/>
  <c r="T89668" i="1"/>
  <c r="T89669" i="1"/>
  <c r="T89670" i="1"/>
  <c r="T89671" i="1"/>
  <c r="T89672" i="1"/>
  <c r="T89673" i="1"/>
  <c r="T89674" i="1"/>
  <c r="T89675" i="1"/>
  <c r="T89676" i="1"/>
  <c r="T89677" i="1"/>
  <c r="T89678" i="1"/>
  <c r="T89679" i="1"/>
  <c r="T89680" i="1"/>
  <c r="T89681" i="1"/>
  <c r="T89682" i="1"/>
  <c r="T89683" i="1"/>
  <c r="T89684" i="1"/>
  <c r="T89685" i="1"/>
  <c r="T89686" i="1"/>
  <c r="T89687" i="1"/>
  <c r="T89688" i="1"/>
  <c r="T89689" i="1"/>
  <c r="T89690" i="1"/>
  <c r="T89691" i="1"/>
  <c r="T89692" i="1"/>
  <c r="T89693" i="1"/>
  <c r="T89694" i="1"/>
  <c r="T89695" i="1"/>
  <c r="T89696" i="1"/>
  <c r="T89697" i="1"/>
  <c r="T89698" i="1"/>
  <c r="T89699" i="1"/>
  <c r="T89700" i="1"/>
  <c r="T89701" i="1"/>
  <c r="T89702" i="1"/>
  <c r="T89703" i="1"/>
  <c r="T89704" i="1"/>
  <c r="T89705" i="1"/>
  <c r="T89706" i="1"/>
  <c r="T89707" i="1"/>
  <c r="T89708" i="1"/>
  <c r="T89709" i="1"/>
  <c r="T89710" i="1"/>
  <c r="T89711" i="1"/>
  <c r="T89712" i="1"/>
  <c r="T89713" i="1"/>
  <c r="T89714" i="1"/>
  <c r="T89715" i="1"/>
  <c r="T89716" i="1"/>
  <c r="T89717" i="1"/>
  <c r="T89718" i="1"/>
  <c r="T89719" i="1"/>
  <c r="T89720" i="1"/>
  <c r="T89721" i="1"/>
  <c r="T89722" i="1"/>
  <c r="T89723" i="1"/>
  <c r="T89724" i="1"/>
  <c r="T89725" i="1"/>
  <c r="T89726" i="1"/>
  <c r="T89727" i="1"/>
  <c r="T89728" i="1"/>
  <c r="T89729" i="1"/>
  <c r="T89730" i="1"/>
  <c r="T89731" i="1"/>
  <c r="T89732" i="1"/>
  <c r="T89733" i="1"/>
  <c r="T89734" i="1"/>
  <c r="T89735" i="1"/>
  <c r="T89736" i="1"/>
  <c r="T89737" i="1"/>
  <c r="T89738" i="1"/>
  <c r="T89739" i="1"/>
  <c r="T89740" i="1"/>
  <c r="T89741" i="1"/>
  <c r="T89742" i="1"/>
  <c r="T89743" i="1"/>
  <c r="T89744" i="1"/>
  <c r="T89745" i="1"/>
  <c r="T89746" i="1"/>
  <c r="T89747" i="1"/>
  <c r="T89748" i="1"/>
  <c r="T89749" i="1"/>
  <c r="T89750" i="1"/>
  <c r="T89751" i="1"/>
  <c r="T89752" i="1"/>
  <c r="T89753" i="1"/>
  <c r="T89754" i="1"/>
  <c r="T89755" i="1"/>
  <c r="T89756" i="1"/>
  <c r="T89757" i="1"/>
  <c r="T89758" i="1"/>
  <c r="T89759" i="1"/>
  <c r="T89760" i="1"/>
  <c r="T89761" i="1"/>
  <c r="T89762" i="1"/>
  <c r="T89763" i="1"/>
  <c r="T89764" i="1"/>
  <c r="T89765" i="1"/>
  <c r="T89766" i="1"/>
  <c r="T89767" i="1"/>
  <c r="T89768" i="1"/>
  <c r="T89769" i="1"/>
  <c r="T89770" i="1"/>
  <c r="T89771" i="1"/>
  <c r="T89772" i="1"/>
  <c r="T89773" i="1"/>
  <c r="T89774" i="1"/>
  <c r="T89775" i="1"/>
  <c r="T89776" i="1"/>
  <c r="T89777" i="1"/>
  <c r="T89778" i="1"/>
  <c r="T89779" i="1"/>
  <c r="T89780" i="1"/>
  <c r="T89781" i="1"/>
  <c r="T89782" i="1"/>
  <c r="T89783" i="1"/>
  <c r="T89784" i="1"/>
  <c r="T89785" i="1"/>
  <c r="T89786" i="1"/>
  <c r="T89787" i="1"/>
  <c r="T89788" i="1"/>
  <c r="T89789" i="1"/>
  <c r="T89790" i="1"/>
  <c r="T89791" i="1"/>
  <c r="T89792" i="1"/>
  <c r="T89793" i="1"/>
  <c r="T89794" i="1"/>
  <c r="T89795" i="1"/>
  <c r="T89796" i="1"/>
  <c r="T89797" i="1"/>
  <c r="T89798" i="1"/>
  <c r="T89799" i="1"/>
  <c r="T89800" i="1"/>
  <c r="T89801" i="1"/>
  <c r="T89802" i="1"/>
  <c r="T89803" i="1"/>
  <c r="T89804" i="1"/>
  <c r="T89805" i="1"/>
  <c r="T89806" i="1"/>
  <c r="T89807" i="1"/>
  <c r="T89808" i="1"/>
  <c r="T89809" i="1"/>
  <c r="T89810" i="1"/>
  <c r="T89811" i="1"/>
  <c r="T89812" i="1"/>
  <c r="T89813" i="1"/>
  <c r="T89814" i="1"/>
  <c r="T89815" i="1"/>
  <c r="T89816" i="1"/>
  <c r="T89817" i="1"/>
  <c r="T89818" i="1"/>
  <c r="T89819" i="1"/>
  <c r="T89820" i="1"/>
  <c r="T89821" i="1"/>
  <c r="T89822" i="1"/>
  <c r="T89823" i="1"/>
  <c r="T89824" i="1"/>
  <c r="T89825" i="1"/>
  <c r="T89826" i="1"/>
  <c r="T89827" i="1"/>
  <c r="T89828" i="1"/>
  <c r="T89829" i="1"/>
  <c r="T89830" i="1"/>
  <c r="T89831" i="1"/>
  <c r="T89832" i="1"/>
  <c r="T89833" i="1"/>
  <c r="T89834" i="1"/>
  <c r="T89835" i="1"/>
  <c r="T89836" i="1"/>
  <c r="T89837" i="1"/>
  <c r="T89838" i="1"/>
  <c r="T89839" i="1"/>
  <c r="T89840" i="1"/>
  <c r="T89841" i="1"/>
  <c r="T89842" i="1"/>
  <c r="T89843" i="1"/>
  <c r="T89844" i="1"/>
  <c r="T89845" i="1"/>
  <c r="T89846" i="1"/>
  <c r="T89847" i="1"/>
  <c r="T89848" i="1"/>
  <c r="T89849" i="1"/>
  <c r="T89850" i="1"/>
  <c r="T89851" i="1"/>
  <c r="T89852" i="1"/>
  <c r="T89853" i="1"/>
  <c r="T89854" i="1"/>
  <c r="T89855" i="1"/>
  <c r="T89856" i="1"/>
  <c r="T89857" i="1"/>
  <c r="T89858" i="1"/>
  <c r="T89859" i="1"/>
  <c r="T89860" i="1"/>
  <c r="T89861" i="1"/>
  <c r="T89862" i="1"/>
  <c r="T89863" i="1"/>
  <c r="T89864" i="1"/>
  <c r="T89865" i="1"/>
  <c r="T89866" i="1"/>
  <c r="T89867" i="1"/>
  <c r="T89868" i="1"/>
  <c r="T89869" i="1"/>
  <c r="T89870" i="1"/>
  <c r="T89871" i="1"/>
  <c r="T89872" i="1"/>
  <c r="T89873" i="1"/>
  <c r="T89874" i="1"/>
  <c r="T89875" i="1"/>
  <c r="T89876" i="1"/>
  <c r="T89877" i="1"/>
  <c r="T89878" i="1"/>
  <c r="T89879" i="1"/>
  <c r="T89880" i="1"/>
  <c r="T89881" i="1"/>
  <c r="T89882" i="1"/>
  <c r="T89883" i="1"/>
  <c r="T89884" i="1"/>
  <c r="T89885" i="1"/>
  <c r="T89886" i="1"/>
  <c r="T89887" i="1"/>
  <c r="T89888" i="1"/>
  <c r="T89889" i="1"/>
  <c r="T89890" i="1"/>
  <c r="T89891" i="1"/>
  <c r="T89892" i="1"/>
  <c r="T89893" i="1"/>
  <c r="T89894" i="1"/>
  <c r="T89895" i="1"/>
  <c r="T89896" i="1"/>
  <c r="T89897" i="1"/>
  <c r="T89898" i="1"/>
  <c r="T89899" i="1"/>
  <c r="T89900" i="1"/>
  <c r="T89901" i="1"/>
  <c r="T89902" i="1"/>
  <c r="T89903" i="1"/>
  <c r="T89904" i="1"/>
  <c r="T89905" i="1"/>
  <c r="T89906" i="1"/>
  <c r="T89907" i="1"/>
  <c r="T89908" i="1"/>
  <c r="T89909" i="1"/>
  <c r="T89910" i="1"/>
  <c r="T89911" i="1"/>
  <c r="T89912" i="1"/>
  <c r="T89913" i="1"/>
  <c r="T89914" i="1"/>
  <c r="T89915" i="1"/>
  <c r="T89916" i="1"/>
  <c r="T89917" i="1"/>
  <c r="T89918" i="1"/>
  <c r="T89919" i="1"/>
  <c r="T89920" i="1"/>
  <c r="T89921" i="1"/>
  <c r="T89922" i="1"/>
  <c r="T89923" i="1"/>
  <c r="T89924" i="1"/>
  <c r="T89925" i="1"/>
  <c r="T89926" i="1"/>
  <c r="T89927" i="1"/>
  <c r="T89928" i="1"/>
  <c r="T89929" i="1"/>
  <c r="T89930" i="1"/>
  <c r="T89931" i="1"/>
  <c r="T89932" i="1"/>
  <c r="T89933" i="1"/>
  <c r="T89934" i="1"/>
  <c r="T89935" i="1"/>
  <c r="T89936" i="1"/>
  <c r="T89937" i="1"/>
  <c r="T89938" i="1"/>
  <c r="T89939" i="1"/>
  <c r="T89940" i="1"/>
  <c r="T89941" i="1"/>
  <c r="T89942" i="1"/>
  <c r="T89943" i="1"/>
  <c r="T89944" i="1"/>
  <c r="T89945" i="1"/>
  <c r="T89946" i="1"/>
  <c r="T89947" i="1"/>
  <c r="T89948" i="1"/>
  <c r="T89949" i="1"/>
  <c r="T89950" i="1"/>
  <c r="T89951" i="1"/>
  <c r="T89952" i="1"/>
  <c r="T89953" i="1"/>
  <c r="T89954" i="1"/>
  <c r="T89955" i="1"/>
  <c r="T89956" i="1"/>
  <c r="T89957" i="1"/>
  <c r="T89958" i="1"/>
  <c r="T89959" i="1"/>
  <c r="T89960" i="1"/>
  <c r="T89961" i="1"/>
  <c r="T89962" i="1"/>
  <c r="T89963" i="1"/>
  <c r="T89964" i="1"/>
  <c r="T89965" i="1"/>
  <c r="T89966" i="1"/>
  <c r="T89967" i="1"/>
  <c r="T89968" i="1"/>
  <c r="T89969" i="1"/>
  <c r="T89970" i="1"/>
  <c r="T89971" i="1"/>
  <c r="T89972" i="1"/>
  <c r="T89973" i="1"/>
  <c r="T89974" i="1"/>
  <c r="T89975" i="1"/>
  <c r="T89976" i="1"/>
  <c r="T89977" i="1"/>
  <c r="T89978" i="1"/>
  <c r="T89979" i="1"/>
  <c r="T89980" i="1"/>
  <c r="T89981" i="1"/>
  <c r="T89982" i="1"/>
  <c r="T89983" i="1"/>
  <c r="T89984" i="1"/>
  <c r="T89985" i="1"/>
  <c r="T89986" i="1"/>
  <c r="T89987" i="1"/>
  <c r="T89988" i="1"/>
  <c r="T89989" i="1"/>
  <c r="T89990" i="1"/>
  <c r="T89991" i="1"/>
  <c r="T89992" i="1"/>
  <c r="T89993" i="1"/>
  <c r="T89994" i="1"/>
  <c r="T89995" i="1"/>
  <c r="T89996" i="1"/>
  <c r="T89997" i="1"/>
  <c r="T89998" i="1"/>
  <c r="T89999" i="1"/>
  <c r="T90000" i="1"/>
  <c r="T90001" i="1"/>
  <c r="T90002" i="1"/>
  <c r="T90003" i="1"/>
  <c r="T90004" i="1"/>
  <c r="T90005" i="1"/>
  <c r="T90006" i="1"/>
  <c r="T90007" i="1"/>
  <c r="T90008" i="1"/>
  <c r="T90009" i="1"/>
  <c r="T90010" i="1"/>
  <c r="T90011" i="1"/>
  <c r="T90012" i="1"/>
  <c r="T90013" i="1"/>
  <c r="T90014" i="1"/>
  <c r="T90015" i="1"/>
  <c r="T90016" i="1"/>
  <c r="T90017" i="1"/>
  <c r="T90018" i="1"/>
  <c r="T90019" i="1"/>
  <c r="T90020" i="1"/>
  <c r="T90021" i="1"/>
  <c r="T90022" i="1"/>
  <c r="T90023" i="1"/>
  <c r="T90024" i="1"/>
  <c r="T90025" i="1"/>
  <c r="T90026" i="1"/>
  <c r="T90027" i="1"/>
  <c r="T90028" i="1"/>
  <c r="T90029" i="1"/>
  <c r="T90030" i="1"/>
  <c r="T90031" i="1"/>
  <c r="T90032" i="1"/>
  <c r="T90033" i="1"/>
  <c r="T90034" i="1"/>
  <c r="T90035" i="1"/>
  <c r="T90036" i="1"/>
  <c r="T90037" i="1"/>
  <c r="T90038" i="1"/>
  <c r="T90039" i="1"/>
  <c r="T90040" i="1"/>
  <c r="T90041" i="1"/>
  <c r="T90042" i="1"/>
  <c r="T90043" i="1"/>
  <c r="T90044" i="1"/>
  <c r="T90045" i="1"/>
  <c r="T90046" i="1"/>
  <c r="T90047" i="1"/>
  <c r="T90048" i="1"/>
  <c r="T90049" i="1"/>
  <c r="T90050" i="1"/>
  <c r="T90051" i="1"/>
  <c r="T90052" i="1"/>
  <c r="T90053" i="1"/>
  <c r="T90054" i="1"/>
  <c r="T90055" i="1"/>
  <c r="T90056" i="1"/>
  <c r="T90057" i="1"/>
  <c r="T90058" i="1"/>
  <c r="T90059" i="1"/>
  <c r="T90060" i="1"/>
  <c r="T90061" i="1"/>
  <c r="T90062" i="1"/>
  <c r="T90063" i="1"/>
  <c r="T90064" i="1"/>
  <c r="T90065" i="1"/>
  <c r="T90066" i="1"/>
  <c r="T90067" i="1"/>
  <c r="T90068" i="1"/>
  <c r="T90069" i="1"/>
  <c r="T90070" i="1"/>
  <c r="T90071" i="1"/>
  <c r="T90072" i="1"/>
  <c r="T90073" i="1"/>
  <c r="T90074" i="1"/>
  <c r="T90075" i="1"/>
  <c r="T90076" i="1"/>
  <c r="T90077" i="1"/>
  <c r="T90078" i="1"/>
  <c r="T90079" i="1"/>
  <c r="T90080" i="1"/>
  <c r="T90081" i="1"/>
  <c r="T90082" i="1"/>
  <c r="T90083" i="1"/>
  <c r="T90084" i="1"/>
  <c r="T90085" i="1"/>
  <c r="T90086" i="1"/>
  <c r="T90087" i="1"/>
  <c r="T90088" i="1"/>
  <c r="T90089" i="1"/>
  <c r="T90090" i="1"/>
  <c r="T90091" i="1"/>
  <c r="T90092" i="1"/>
  <c r="T90093" i="1"/>
  <c r="T90094" i="1"/>
  <c r="T90095" i="1"/>
  <c r="T90096" i="1"/>
  <c r="T90097" i="1"/>
  <c r="T90098" i="1"/>
  <c r="T90099" i="1"/>
  <c r="T90100" i="1"/>
  <c r="T90101" i="1"/>
  <c r="T90102" i="1"/>
  <c r="T90103" i="1"/>
  <c r="T90104" i="1"/>
  <c r="T90105" i="1"/>
  <c r="T90106" i="1"/>
  <c r="T90107" i="1"/>
  <c r="T90108" i="1"/>
  <c r="T90109" i="1"/>
  <c r="T90110" i="1"/>
  <c r="T90111" i="1"/>
  <c r="T90112" i="1"/>
  <c r="T90113" i="1"/>
  <c r="T90114" i="1"/>
  <c r="T90115" i="1"/>
  <c r="T90116" i="1"/>
  <c r="T90117" i="1"/>
  <c r="T90118" i="1"/>
  <c r="T90119" i="1"/>
  <c r="T90120" i="1"/>
  <c r="T90121" i="1"/>
  <c r="T90122" i="1"/>
  <c r="T90123" i="1"/>
  <c r="T90124" i="1"/>
  <c r="T90125" i="1"/>
  <c r="T90126" i="1"/>
  <c r="T90127" i="1"/>
  <c r="T90128" i="1"/>
  <c r="T90129" i="1"/>
  <c r="T90130" i="1"/>
  <c r="T90131" i="1"/>
  <c r="T90132" i="1"/>
  <c r="T90133" i="1"/>
  <c r="T90134" i="1"/>
  <c r="T90135" i="1"/>
  <c r="T90136" i="1"/>
  <c r="T90137" i="1"/>
  <c r="T90138" i="1"/>
  <c r="T90139" i="1"/>
  <c r="T90140" i="1"/>
  <c r="T90141" i="1"/>
  <c r="T90142" i="1"/>
  <c r="T90143" i="1"/>
  <c r="T90144" i="1"/>
  <c r="T90145" i="1"/>
  <c r="T90146" i="1"/>
  <c r="T90147" i="1"/>
  <c r="T90148" i="1"/>
  <c r="T90149" i="1"/>
  <c r="T90150" i="1"/>
  <c r="T90151" i="1"/>
  <c r="T90152" i="1"/>
  <c r="T90153" i="1"/>
  <c r="T90154" i="1"/>
  <c r="T90155" i="1"/>
  <c r="T90156" i="1"/>
  <c r="T90157" i="1"/>
  <c r="T90158" i="1"/>
  <c r="T90159" i="1"/>
  <c r="T90160" i="1"/>
  <c r="T90161" i="1"/>
  <c r="T90162" i="1"/>
  <c r="T90163" i="1"/>
  <c r="T90164" i="1"/>
  <c r="T90165" i="1"/>
  <c r="T90166" i="1"/>
  <c r="T90167" i="1"/>
  <c r="T90168" i="1"/>
  <c r="T90169" i="1"/>
  <c r="T90170" i="1"/>
  <c r="T90171" i="1"/>
  <c r="T90172" i="1"/>
  <c r="T90173" i="1"/>
  <c r="T90174" i="1"/>
  <c r="T90175" i="1"/>
  <c r="T90176" i="1"/>
  <c r="T90177" i="1"/>
  <c r="T90178" i="1"/>
  <c r="T90179" i="1"/>
  <c r="T90180" i="1"/>
  <c r="T90181" i="1"/>
  <c r="T90182" i="1"/>
  <c r="T90183" i="1"/>
  <c r="T90184" i="1"/>
  <c r="T90185" i="1"/>
  <c r="T90186" i="1"/>
  <c r="T90187" i="1"/>
  <c r="T90188" i="1"/>
  <c r="T90189" i="1"/>
  <c r="T90190" i="1"/>
  <c r="T90191" i="1"/>
  <c r="T90192" i="1"/>
  <c r="T90193" i="1"/>
  <c r="T90194" i="1"/>
  <c r="T90195" i="1"/>
  <c r="T90196" i="1"/>
  <c r="T90197" i="1"/>
  <c r="T90198" i="1"/>
  <c r="T90199" i="1"/>
  <c r="T90200" i="1"/>
  <c r="T90201" i="1"/>
  <c r="T90202" i="1"/>
  <c r="T90203" i="1"/>
  <c r="T90204" i="1"/>
  <c r="T90205" i="1"/>
  <c r="T90206" i="1"/>
  <c r="T90207" i="1"/>
  <c r="T90208" i="1"/>
  <c r="T90209" i="1"/>
  <c r="T90210" i="1"/>
  <c r="T90211" i="1"/>
  <c r="T90212" i="1"/>
  <c r="T90213" i="1"/>
  <c r="T90214" i="1"/>
  <c r="T90215" i="1"/>
  <c r="T90216" i="1"/>
  <c r="T90217" i="1"/>
  <c r="T90218" i="1"/>
  <c r="T90219" i="1"/>
  <c r="T90220" i="1"/>
  <c r="T90221" i="1"/>
  <c r="T90222" i="1"/>
  <c r="T90223" i="1"/>
  <c r="T90224" i="1"/>
  <c r="T90225" i="1"/>
  <c r="T90226" i="1"/>
  <c r="T90227" i="1"/>
  <c r="T90228" i="1"/>
  <c r="T90229" i="1"/>
  <c r="T90230" i="1"/>
  <c r="T90231" i="1"/>
  <c r="T90232" i="1"/>
  <c r="T90233" i="1"/>
  <c r="T90234" i="1"/>
  <c r="T90235" i="1"/>
  <c r="T90236" i="1"/>
  <c r="T90237" i="1"/>
  <c r="T90238" i="1"/>
  <c r="T90239" i="1"/>
  <c r="T90240" i="1"/>
  <c r="T90241" i="1"/>
  <c r="T90242" i="1"/>
  <c r="T90243" i="1"/>
  <c r="T90244" i="1"/>
  <c r="T90245" i="1"/>
  <c r="T90246" i="1"/>
  <c r="T90247" i="1"/>
  <c r="T90248" i="1"/>
  <c r="T90249" i="1"/>
  <c r="T90250" i="1"/>
  <c r="T90251" i="1"/>
  <c r="T90252" i="1"/>
  <c r="T90253" i="1"/>
  <c r="T90254" i="1"/>
  <c r="T90255" i="1"/>
  <c r="T90256" i="1"/>
  <c r="T90257" i="1"/>
  <c r="T90258" i="1"/>
  <c r="T90259" i="1"/>
  <c r="T90260" i="1"/>
  <c r="T90261" i="1"/>
  <c r="T90262" i="1"/>
  <c r="T90263" i="1"/>
  <c r="T90264" i="1"/>
  <c r="T90265" i="1"/>
  <c r="T90266" i="1"/>
  <c r="T90267" i="1"/>
  <c r="T90268" i="1"/>
  <c r="T90269" i="1"/>
  <c r="T90270" i="1"/>
  <c r="T90271" i="1"/>
  <c r="T90272" i="1"/>
  <c r="T90273" i="1"/>
  <c r="T90274" i="1"/>
  <c r="T90275" i="1"/>
  <c r="T90276" i="1"/>
  <c r="T90277" i="1"/>
  <c r="T90278" i="1"/>
  <c r="T90279" i="1"/>
  <c r="T90280" i="1"/>
  <c r="T90281" i="1"/>
  <c r="T90282" i="1"/>
  <c r="T90283" i="1"/>
  <c r="T90284" i="1"/>
  <c r="T90285" i="1"/>
  <c r="T90286" i="1"/>
  <c r="T90287" i="1"/>
  <c r="T90288" i="1"/>
  <c r="T90289" i="1"/>
  <c r="T90290" i="1"/>
  <c r="T90291" i="1"/>
  <c r="T90292" i="1"/>
  <c r="T90293" i="1"/>
  <c r="T90294" i="1"/>
  <c r="T90295" i="1"/>
  <c r="T90296" i="1"/>
  <c r="T90297" i="1"/>
  <c r="T90298" i="1"/>
  <c r="T90299" i="1"/>
  <c r="T90300" i="1"/>
  <c r="T90301" i="1"/>
  <c r="T90302" i="1"/>
  <c r="T90303" i="1"/>
  <c r="T90304" i="1"/>
  <c r="T90305" i="1"/>
  <c r="T90306" i="1"/>
  <c r="T90307" i="1"/>
  <c r="T90308" i="1"/>
  <c r="T90309" i="1"/>
  <c r="T90310" i="1"/>
  <c r="T90311" i="1"/>
  <c r="T90312" i="1"/>
  <c r="T90313" i="1"/>
  <c r="T90314" i="1"/>
  <c r="T90315" i="1"/>
  <c r="T90316" i="1"/>
  <c r="T90317" i="1"/>
  <c r="T90318" i="1"/>
  <c r="T90319" i="1"/>
  <c r="T90320" i="1"/>
  <c r="T90321" i="1"/>
  <c r="T90322" i="1"/>
  <c r="T90323" i="1"/>
  <c r="T90324" i="1"/>
  <c r="T90325" i="1"/>
  <c r="T90326" i="1"/>
  <c r="T90327" i="1"/>
  <c r="T90328" i="1"/>
  <c r="T90329" i="1"/>
  <c r="T90330" i="1"/>
  <c r="T90331" i="1"/>
  <c r="T90332" i="1"/>
  <c r="T90333" i="1"/>
  <c r="T90334" i="1"/>
  <c r="T90335" i="1"/>
  <c r="T90336" i="1"/>
  <c r="T90337" i="1"/>
  <c r="T90338" i="1"/>
  <c r="T90339" i="1"/>
  <c r="T90340" i="1"/>
  <c r="T90341" i="1"/>
  <c r="T90342" i="1"/>
  <c r="T90343" i="1"/>
  <c r="T90344" i="1"/>
  <c r="T90345" i="1"/>
  <c r="T90346" i="1"/>
  <c r="T90347" i="1"/>
  <c r="T90348" i="1"/>
  <c r="T90349" i="1"/>
  <c r="T90350" i="1"/>
  <c r="T90351" i="1"/>
  <c r="T90352" i="1"/>
  <c r="T90353" i="1"/>
  <c r="T90354" i="1"/>
  <c r="T90355" i="1"/>
  <c r="T90356" i="1"/>
  <c r="T90357" i="1"/>
  <c r="T90358" i="1"/>
  <c r="T90359" i="1"/>
  <c r="T90360" i="1"/>
  <c r="T90361" i="1"/>
  <c r="T90362" i="1"/>
  <c r="T90363" i="1"/>
  <c r="T90364" i="1"/>
  <c r="T90365" i="1"/>
  <c r="T90366" i="1"/>
  <c r="T90367" i="1"/>
  <c r="T90368" i="1"/>
  <c r="T90369" i="1"/>
  <c r="T90370" i="1"/>
  <c r="T90371" i="1"/>
  <c r="T90372" i="1"/>
  <c r="T90373" i="1"/>
  <c r="T90374" i="1"/>
  <c r="T90375" i="1"/>
  <c r="T90376" i="1"/>
  <c r="T90377" i="1"/>
  <c r="T90378" i="1"/>
  <c r="T90379" i="1"/>
  <c r="T90380" i="1"/>
  <c r="T90381" i="1"/>
  <c r="T90382" i="1"/>
  <c r="T90383" i="1"/>
  <c r="T90384" i="1"/>
  <c r="T90385" i="1"/>
  <c r="T90386" i="1"/>
  <c r="T90387" i="1"/>
  <c r="T90388" i="1"/>
  <c r="T90389" i="1"/>
  <c r="T90390" i="1"/>
  <c r="T90391" i="1"/>
  <c r="T90392" i="1"/>
  <c r="T90393" i="1"/>
  <c r="T90394" i="1"/>
  <c r="T90395" i="1"/>
  <c r="T90396" i="1"/>
  <c r="T90397" i="1"/>
  <c r="T90398" i="1"/>
  <c r="T90399" i="1"/>
  <c r="T90400" i="1"/>
  <c r="T90401" i="1"/>
  <c r="T90402" i="1"/>
  <c r="T90403" i="1"/>
  <c r="T90404" i="1"/>
  <c r="T90405" i="1"/>
  <c r="T90406" i="1"/>
  <c r="T90407" i="1"/>
  <c r="T90408" i="1"/>
  <c r="T90409" i="1"/>
  <c r="T90410" i="1"/>
  <c r="T90411" i="1"/>
  <c r="T90412" i="1"/>
  <c r="T90413" i="1"/>
  <c r="T90414" i="1"/>
  <c r="T90415" i="1"/>
  <c r="T90416" i="1"/>
  <c r="T90417" i="1"/>
  <c r="T90418" i="1"/>
  <c r="T90419" i="1"/>
  <c r="T90420" i="1"/>
  <c r="T90421" i="1"/>
  <c r="T90422" i="1"/>
  <c r="T90423" i="1"/>
  <c r="T90424" i="1"/>
  <c r="T90425" i="1"/>
  <c r="T90426" i="1"/>
  <c r="T90427" i="1"/>
  <c r="T90428" i="1"/>
  <c r="T90429" i="1"/>
  <c r="T90430" i="1"/>
  <c r="T90431" i="1"/>
  <c r="T90432" i="1"/>
  <c r="T90433" i="1"/>
  <c r="T90434" i="1"/>
  <c r="T90435" i="1"/>
  <c r="T90436" i="1"/>
  <c r="T90437" i="1"/>
  <c r="T90438" i="1"/>
  <c r="T90439" i="1"/>
  <c r="T90440" i="1"/>
  <c r="T90441" i="1"/>
  <c r="T90442" i="1"/>
  <c r="T90443" i="1"/>
  <c r="T90444" i="1"/>
  <c r="T90445" i="1"/>
  <c r="T90446" i="1"/>
  <c r="T90447" i="1"/>
  <c r="T90448" i="1"/>
  <c r="T90449" i="1"/>
  <c r="T90450" i="1"/>
  <c r="T90451" i="1"/>
  <c r="T90452" i="1"/>
  <c r="T90453" i="1"/>
  <c r="T90454" i="1"/>
  <c r="T90455" i="1"/>
  <c r="T90456" i="1"/>
  <c r="T90457" i="1"/>
  <c r="T90458" i="1"/>
  <c r="T90459" i="1"/>
  <c r="T90460" i="1"/>
  <c r="T90461" i="1"/>
  <c r="T90462" i="1"/>
  <c r="T90463" i="1"/>
  <c r="T90464" i="1"/>
  <c r="T90465" i="1"/>
  <c r="T90466" i="1"/>
  <c r="T90467" i="1"/>
  <c r="T90468" i="1"/>
  <c r="T90469" i="1"/>
  <c r="T90470" i="1"/>
  <c r="T90471" i="1"/>
  <c r="T90472" i="1"/>
  <c r="T90473" i="1"/>
  <c r="T90474" i="1"/>
  <c r="T90475" i="1"/>
  <c r="T90476" i="1"/>
  <c r="T90477" i="1"/>
  <c r="T90478" i="1"/>
  <c r="T90479" i="1"/>
  <c r="T90480" i="1"/>
  <c r="T90481" i="1"/>
  <c r="T90482" i="1"/>
  <c r="T90483" i="1"/>
  <c r="T90484" i="1"/>
  <c r="T90485" i="1"/>
  <c r="T90486" i="1"/>
  <c r="T90487" i="1"/>
  <c r="T90488" i="1"/>
  <c r="T90489" i="1"/>
  <c r="T90490" i="1"/>
  <c r="T90491" i="1"/>
  <c r="T90492" i="1"/>
  <c r="T90493" i="1"/>
  <c r="T90494" i="1"/>
  <c r="T90495" i="1"/>
  <c r="T90496" i="1"/>
  <c r="T90497" i="1"/>
  <c r="T90498" i="1"/>
  <c r="T90499" i="1"/>
  <c r="T90500" i="1"/>
  <c r="T90501" i="1"/>
  <c r="T90502" i="1"/>
  <c r="T90503" i="1"/>
  <c r="T90504" i="1"/>
  <c r="T90505" i="1"/>
  <c r="T90506" i="1"/>
  <c r="T90507" i="1"/>
  <c r="T90508" i="1"/>
  <c r="T90509" i="1"/>
  <c r="T90510" i="1"/>
  <c r="T90511" i="1"/>
  <c r="T90512" i="1"/>
  <c r="T90513" i="1"/>
  <c r="T90514" i="1"/>
  <c r="T90515" i="1"/>
  <c r="T90516" i="1"/>
  <c r="T90517" i="1"/>
  <c r="T90518" i="1"/>
  <c r="T90519" i="1"/>
  <c r="T90520" i="1"/>
  <c r="T90521" i="1"/>
  <c r="T90522" i="1"/>
  <c r="T90523" i="1"/>
  <c r="T90524" i="1"/>
  <c r="T90525" i="1"/>
  <c r="T90526" i="1"/>
  <c r="T90527" i="1"/>
  <c r="T90528" i="1"/>
  <c r="T90529" i="1"/>
  <c r="T90530" i="1"/>
  <c r="T90531" i="1"/>
  <c r="T90532" i="1"/>
  <c r="T90533" i="1"/>
  <c r="T90534" i="1"/>
  <c r="T90535" i="1"/>
  <c r="T90536" i="1"/>
  <c r="T90537" i="1"/>
  <c r="T90538" i="1"/>
  <c r="T90539" i="1"/>
  <c r="T90540" i="1"/>
  <c r="T90541" i="1"/>
  <c r="T90542" i="1"/>
  <c r="T90543" i="1"/>
  <c r="T90544" i="1"/>
  <c r="T90545" i="1"/>
  <c r="T90546" i="1"/>
  <c r="T90547" i="1"/>
  <c r="T90548" i="1"/>
  <c r="T90549" i="1"/>
  <c r="T90550" i="1"/>
  <c r="T90551" i="1"/>
  <c r="T90552" i="1"/>
  <c r="T90553" i="1"/>
  <c r="T90554" i="1"/>
  <c r="T90555" i="1"/>
  <c r="T90556" i="1"/>
  <c r="T90557" i="1"/>
  <c r="T90558" i="1"/>
  <c r="T90559" i="1"/>
  <c r="T90560" i="1"/>
  <c r="T90561" i="1"/>
  <c r="T90562" i="1"/>
  <c r="T90563" i="1"/>
  <c r="T90564" i="1"/>
  <c r="T90565" i="1"/>
  <c r="T90566" i="1"/>
  <c r="T90567" i="1"/>
  <c r="T90568" i="1"/>
  <c r="T90569" i="1"/>
  <c r="T90570" i="1"/>
  <c r="T90571" i="1"/>
  <c r="T90572" i="1"/>
  <c r="T90573" i="1"/>
  <c r="T90574" i="1"/>
  <c r="T90575" i="1"/>
  <c r="T90576" i="1"/>
  <c r="T90577" i="1"/>
  <c r="T90578" i="1"/>
  <c r="T90579" i="1"/>
  <c r="T90580" i="1"/>
  <c r="T90581" i="1"/>
  <c r="T90582" i="1"/>
  <c r="T90583" i="1"/>
  <c r="T90584" i="1"/>
  <c r="T90585" i="1"/>
  <c r="T90586" i="1"/>
  <c r="T90587" i="1"/>
  <c r="T90588" i="1"/>
  <c r="T90589" i="1"/>
  <c r="T90590" i="1"/>
  <c r="T90591" i="1"/>
  <c r="T90592" i="1"/>
  <c r="T90593" i="1"/>
  <c r="T90594" i="1"/>
  <c r="T90595" i="1"/>
  <c r="T90596" i="1"/>
  <c r="T90597" i="1"/>
  <c r="T90598" i="1"/>
  <c r="T90599" i="1"/>
  <c r="T90600" i="1"/>
  <c r="T90601" i="1"/>
  <c r="T90602" i="1"/>
  <c r="T90603" i="1"/>
  <c r="T90604" i="1"/>
  <c r="T90605" i="1"/>
  <c r="T90606" i="1"/>
  <c r="T90607" i="1"/>
  <c r="T90608" i="1"/>
  <c r="T90609" i="1"/>
  <c r="T90610" i="1"/>
  <c r="T90611" i="1"/>
  <c r="T90612" i="1"/>
  <c r="T90613" i="1"/>
  <c r="T90614" i="1"/>
  <c r="T90615" i="1"/>
  <c r="T90616" i="1"/>
  <c r="T90617" i="1"/>
  <c r="T90618" i="1"/>
  <c r="T90619" i="1"/>
  <c r="T90620" i="1"/>
  <c r="T90621" i="1"/>
  <c r="T90622" i="1"/>
  <c r="T90623" i="1"/>
  <c r="T90624" i="1"/>
  <c r="T90625" i="1"/>
  <c r="T90626" i="1"/>
  <c r="T90627" i="1"/>
  <c r="T90628" i="1"/>
  <c r="T90629" i="1"/>
  <c r="T90630" i="1"/>
  <c r="T90631" i="1"/>
  <c r="T90632" i="1"/>
  <c r="T90633" i="1"/>
  <c r="T90634" i="1"/>
  <c r="T90635" i="1"/>
  <c r="T90636" i="1"/>
  <c r="T90637" i="1"/>
  <c r="T90638" i="1"/>
  <c r="T90639" i="1"/>
  <c r="T90640" i="1"/>
  <c r="T90641" i="1"/>
  <c r="T90642" i="1"/>
  <c r="T90643" i="1"/>
  <c r="T90644" i="1"/>
  <c r="T90645" i="1"/>
  <c r="T90646" i="1"/>
  <c r="T90647" i="1"/>
  <c r="T90648" i="1"/>
  <c r="T90649" i="1"/>
  <c r="T90650" i="1"/>
  <c r="T90651" i="1"/>
  <c r="T90652" i="1"/>
  <c r="T90653" i="1"/>
  <c r="T90654" i="1"/>
  <c r="T90655" i="1"/>
  <c r="T90656" i="1"/>
  <c r="T90657" i="1"/>
  <c r="T90658" i="1"/>
  <c r="T90659" i="1"/>
  <c r="T90660" i="1"/>
  <c r="T90661" i="1"/>
  <c r="T90662" i="1"/>
  <c r="T90663" i="1"/>
  <c r="T90664" i="1"/>
  <c r="T90665" i="1"/>
  <c r="T90666" i="1"/>
  <c r="T90667" i="1"/>
  <c r="T90668" i="1"/>
  <c r="T90669" i="1"/>
  <c r="T90670" i="1"/>
  <c r="T90671" i="1"/>
  <c r="T90672" i="1"/>
  <c r="T90673" i="1"/>
  <c r="T90674" i="1"/>
  <c r="T90675" i="1"/>
  <c r="T90676" i="1"/>
  <c r="T90677" i="1"/>
  <c r="T90678" i="1"/>
  <c r="T90679" i="1"/>
  <c r="T90680" i="1"/>
  <c r="T90681" i="1"/>
  <c r="T90682" i="1"/>
  <c r="T90683" i="1"/>
  <c r="T90684" i="1"/>
  <c r="T90685" i="1"/>
  <c r="T90686" i="1"/>
  <c r="T90687" i="1"/>
  <c r="T90688" i="1"/>
  <c r="T90689" i="1"/>
  <c r="T90690" i="1"/>
  <c r="T90691" i="1"/>
  <c r="T90692" i="1"/>
  <c r="T90693" i="1"/>
  <c r="T90694" i="1"/>
  <c r="T90695" i="1"/>
  <c r="T90696" i="1"/>
  <c r="T90697" i="1"/>
  <c r="T90698" i="1"/>
  <c r="T90699" i="1"/>
  <c r="T90700" i="1"/>
  <c r="T90701" i="1"/>
  <c r="T90702" i="1"/>
  <c r="T90703" i="1"/>
  <c r="T90704" i="1"/>
  <c r="T90705" i="1"/>
  <c r="T90706" i="1"/>
  <c r="T90707" i="1"/>
  <c r="T90708" i="1"/>
  <c r="T90709" i="1"/>
  <c r="T90710" i="1"/>
  <c r="T90711" i="1"/>
  <c r="T90712" i="1"/>
  <c r="T90713" i="1"/>
  <c r="T90714" i="1"/>
  <c r="T90715" i="1"/>
  <c r="T90716" i="1"/>
  <c r="T90717" i="1"/>
  <c r="T90718" i="1"/>
  <c r="T90719" i="1"/>
  <c r="T90720" i="1"/>
  <c r="T90721" i="1"/>
  <c r="T90722" i="1"/>
  <c r="T90723" i="1"/>
  <c r="T90724" i="1"/>
  <c r="T90725" i="1"/>
  <c r="T90726" i="1"/>
  <c r="T90727" i="1"/>
  <c r="T90728" i="1"/>
  <c r="T90729" i="1"/>
  <c r="T90730" i="1"/>
  <c r="T90731" i="1"/>
  <c r="T90732" i="1"/>
  <c r="T90733" i="1"/>
  <c r="T90734" i="1"/>
  <c r="T90735" i="1"/>
  <c r="T90736" i="1"/>
  <c r="T90737" i="1"/>
  <c r="T90738" i="1"/>
  <c r="T90739" i="1"/>
  <c r="T90740" i="1"/>
  <c r="T90741" i="1"/>
  <c r="T90742" i="1"/>
  <c r="T90743" i="1"/>
  <c r="T90744" i="1"/>
  <c r="T90745" i="1"/>
  <c r="T90746" i="1"/>
  <c r="T90747" i="1"/>
  <c r="T90748" i="1"/>
  <c r="T90749" i="1"/>
  <c r="T90750" i="1"/>
  <c r="T90751" i="1"/>
  <c r="T90752" i="1"/>
  <c r="T90753" i="1"/>
  <c r="T90754" i="1"/>
  <c r="T90755" i="1"/>
  <c r="T90756" i="1"/>
  <c r="T90757" i="1"/>
  <c r="T90758" i="1"/>
  <c r="T90759" i="1"/>
  <c r="T90760" i="1"/>
  <c r="T90761" i="1"/>
  <c r="T90762" i="1"/>
  <c r="T90763" i="1"/>
  <c r="T90764" i="1"/>
  <c r="T90765" i="1"/>
  <c r="T90766" i="1"/>
  <c r="T90767" i="1"/>
  <c r="T90768" i="1"/>
  <c r="T90769" i="1"/>
  <c r="T90770" i="1"/>
  <c r="T90771" i="1"/>
  <c r="T90772" i="1"/>
  <c r="T90773" i="1"/>
  <c r="T90774" i="1"/>
  <c r="T90775" i="1"/>
  <c r="T90776" i="1"/>
  <c r="T90777" i="1"/>
  <c r="T90778" i="1"/>
  <c r="T90779" i="1"/>
  <c r="T90780" i="1"/>
  <c r="T90781" i="1"/>
  <c r="T90782" i="1"/>
  <c r="T90783" i="1"/>
  <c r="T90784" i="1"/>
  <c r="T90785" i="1"/>
  <c r="T90786" i="1"/>
  <c r="T90787" i="1"/>
  <c r="T90788" i="1"/>
  <c r="T90789" i="1"/>
  <c r="T90790" i="1"/>
  <c r="T90791" i="1"/>
  <c r="T90792" i="1"/>
  <c r="T90793" i="1"/>
  <c r="T90794" i="1"/>
  <c r="T90795" i="1"/>
  <c r="T90796" i="1"/>
  <c r="T90797" i="1"/>
  <c r="T90798" i="1"/>
  <c r="T90799" i="1"/>
  <c r="T90800" i="1"/>
  <c r="T90801" i="1"/>
  <c r="T90802" i="1"/>
  <c r="T90803" i="1"/>
  <c r="T90804" i="1"/>
  <c r="T90805" i="1"/>
  <c r="T90806" i="1"/>
  <c r="T90807" i="1"/>
  <c r="T90808" i="1"/>
  <c r="T90809" i="1"/>
  <c r="T90810" i="1"/>
  <c r="T90811" i="1"/>
  <c r="T90812" i="1"/>
  <c r="T90813" i="1"/>
  <c r="T90814" i="1"/>
  <c r="T90815" i="1"/>
  <c r="T90816" i="1"/>
  <c r="T90817" i="1"/>
  <c r="T90818" i="1"/>
  <c r="T90819" i="1"/>
  <c r="T90820" i="1"/>
  <c r="T90821" i="1"/>
  <c r="T90822" i="1"/>
  <c r="T90823" i="1"/>
  <c r="T90824" i="1"/>
  <c r="T90825" i="1"/>
  <c r="T90826" i="1"/>
  <c r="T90827" i="1"/>
  <c r="T90828" i="1"/>
  <c r="T90829" i="1"/>
  <c r="T90830" i="1"/>
  <c r="T90831" i="1"/>
  <c r="T90832" i="1"/>
  <c r="T90833" i="1"/>
  <c r="T90834" i="1"/>
  <c r="T90835" i="1"/>
  <c r="T90836" i="1"/>
  <c r="T90837" i="1"/>
  <c r="T90838" i="1"/>
  <c r="T90839" i="1"/>
  <c r="T90840" i="1"/>
  <c r="T90841" i="1"/>
  <c r="T90842" i="1"/>
  <c r="T90843" i="1"/>
  <c r="T90844" i="1"/>
  <c r="T90845" i="1"/>
  <c r="T90846" i="1"/>
  <c r="T90847" i="1"/>
  <c r="T90848" i="1"/>
  <c r="T90849" i="1"/>
  <c r="T90850" i="1"/>
  <c r="T90851" i="1"/>
  <c r="T90852" i="1"/>
  <c r="T90853" i="1"/>
  <c r="T90854" i="1"/>
  <c r="T90855" i="1"/>
  <c r="T90856" i="1"/>
  <c r="T90857" i="1"/>
  <c r="T90858" i="1"/>
  <c r="T90859" i="1"/>
  <c r="T90860" i="1"/>
  <c r="T90861" i="1"/>
  <c r="T90862" i="1"/>
  <c r="T90863" i="1"/>
  <c r="T90864" i="1"/>
  <c r="T90865" i="1"/>
  <c r="T90866" i="1"/>
  <c r="T90867" i="1"/>
  <c r="T90868" i="1"/>
  <c r="T90869" i="1"/>
  <c r="T90870" i="1"/>
  <c r="T90871" i="1"/>
  <c r="T90872" i="1"/>
  <c r="T90873" i="1"/>
  <c r="T90874" i="1"/>
  <c r="T90875" i="1"/>
  <c r="T90876" i="1"/>
  <c r="T90877" i="1"/>
  <c r="T90878" i="1"/>
  <c r="T90879" i="1"/>
  <c r="T90880" i="1"/>
  <c r="T90881" i="1"/>
  <c r="T90882" i="1"/>
  <c r="T90883" i="1"/>
  <c r="T90884" i="1"/>
  <c r="T90885" i="1"/>
  <c r="T90886" i="1"/>
  <c r="T90887" i="1"/>
  <c r="T90888" i="1"/>
  <c r="T90889" i="1"/>
  <c r="T90890" i="1"/>
  <c r="T90891" i="1"/>
  <c r="T90892" i="1"/>
  <c r="T90893" i="1"/>
  <c r="T90894" i="1"/>
  <c r="T90895" i="1"/>
  <c r="T90896" i="1"/>
  <c r="T90897" i="1"/>
  <c r="T90898" i="1"/>
  <c r="T90899" i="1"/>
  <c r="T90900" i="1"/>
  <c r="T90901" i="1"/>
  <c r="T90902" i="1"/>
  <c r="T90903" i="1"/>
  <c r="T90904" i="1"/>
  <c r="T90905" i="1"/>
  <c r="T90906" i="1"/>
  <c r="T90907" i="1"/>
  <c r="T90908" i="1"/>
  <c r="T90909" i="1"/>
  <c r="T90910" i="1"/>
  <c r="T90911" i="1"/>
  <c r="T90912" i="1"/>
  <c r="T90913" i="1"/>
  <c r="T90914" i="1"/>
  <c r="T90915" i="1"/>
  <c r="T90916" i="1"/>
  <c r="T90917" i="1"/>
  <c r="T90918" i="1"/>
  <c r="T90919" i="1"/>
  <c r="T90920" i="1"/>
  <c r="T90921" i="1"/>
  <c r="T90922" i="1"/>
  <c r="T90923" i="1"/>
  <c r="T90924" i="1"/>
  <c r="T90925" i="1"/>
  <c r="T90926" i="1"/>
  <c r="T90927" i="1"/>
  <c r="T90928" i="1"/>
  <c r="T90929" i="1"/>
  <c r="T90930" i="1"/>
  <c r="T90931" i="1"/>
  <c r="T90932" i="1"/>
  <c r="T90933" i="1"/>
  <c r="T90934" i="1"/>
  <c r="T90935" i="1"/>
  <c r="T90936" i="1"/>
  <c r="T90937" i="1"/>
  <c r="T90938" i="1"/>
  <c r="T90939" i="1"/>
  <c r="T90940" i="1"/>
  <c r="T90941" i="1"/>
  <c r="T90942" i="1"/>
  <c r="T90943" i="1"/>
  <c r="T90944" i="1"/>
  <c r="T90945" i="1"/>
  <c r="T90946" i="1"/>
  <c r="T90947" i="1"/>
  <c r="T90948" i="1"/>
  <c r="T90949" i="1"/>
  <c r="T90950" i="1"/>
  <c r="T90951" i="1"/>
  <c r="T90952" i="1"/>
  <c r="T90953" i="1"/>
  <c r="T90954" i="1"/>
  <c r="T90955" i="1"/>
  <c r="T90956" i="1"/>
  <c r="T90957" i="1"/>
  <c r="T90958" i="1"/>
  <c r="T90959" i="1"/>
  <c r="T90960" i="1"/>
  <c r="T90961" i="1"/>
  <c r="T90962" i="1"/>
  <c r="T90963" i="1"/>
  <c r="T90964" i="1"/>
  <c r="T90965" i="1"/>
  <c r="T90966" i="1"/>
  <c r="T90967" i="1"/>
  <c r="T90968" i="1"/>
  <c r="T90969" i="1"/>
  <c r="T90970" i="1"/>
  <c r="T90971" i="1"/>
  <c r="T90972" i="1"/>
  <c r="T90973" i="1"/>
  <c r="T90974" i="1"/>
  <c r="T90975" i="1"/>
  <c r="T90976" i="1"/>
  <c r="T90977" i="1"/>
  <c r="T90978" i="1"/>
  <c r="T90979" i="1"/>
  <c r="T90980" i="1"/>
  <c r="T90981" i="1"/>
  <c r="T90982" i="1"/>
  <c r="T90983" i="1"/>
  <c r="T90984" i="1"/>
  <c r="T90985" i="1"/>
  <c r="T90986" i="1"/>
  <c r="T90987" i="1"/>
  <c r="T90988" i="1"/>
  <c r="T90989" i="1"/>
  <c r="T90990" i="1"/>
  <c r="T90991" i="1"/>
  <c r="T90992" i="1"/>
  <c r="T90993" i="1"/>
  <c r="T90994" i="1"/>
  <c r="T90995" i="1"/>
  <c r="T90996" i="1"/>
  <c r="T90997" i="1"/>
  <c r="T90998" i="1"/>
  <c r="T90999" i="1"/>
  <c r="T91000" i="1"/>
  <c r="T91001" i="1"/>
  <c r="T91002" i="1"/>
  <c r="T91003" i="1"/>
  <c r="T91004" i="1"/>
  <c r="T91005" i="1"/>
  <c r="T91006" i="1"/>
  <c r="T91007" i="1"/>
  <c r="T91008" i="1"/>
  <c r="T91009" i="1"/>
  <c r="T91010" i="1"/>
  <c r="T91011" i="1"/>
  <c r="T91012" i="1"/>
  <c r="T91013" i="1"/>
  <c r="T91014" i="1"/>
  <c r="T91015" i="1"/>
  <c r="T91016" i="1"/>
  <c r="T91017" i="1"/>
  <c r="T91018" i="1"/>
  <c r="T91019" i="1"/>
  <c r="T91020" i="1"/>
  <c r="T91021" i="1"/>
  <c r="T91022" i="1"/>
  <c r="T91023" i="1"/>
  <c r="T91024" i="1"/>
  <c r="T91025" i="1"/>
  <c r="T91026" i="1"/>
  <c r="T91027" i="1"/>
  <c r="T91028" i="1"/>
  <c r="T91029" i="1"/>
  <c r="T91030" i="1"/>
  <c r="T91031" i="1"/>
  <c r="T91032" i="1"/>
  <c r="T91033" i="1"/>
  <c r="T91034" i="1"/>
  <c r="T91035" i="1"/>
  <c r="T91036" i="1"/>
  <c r="T91037" i="1"/>
  <c r="T91038" i="1"/>
  <c r="T91039" i="1"/>
  <c r="T91040" i="1"/>
  <c r="T91041" i="1"/>
  <c r="T91042" i="1"/>
  <c r="T91043" i="1"/>
  <c r="T91044" i="1"/>
  <c r="T91045" i="1"/>
  <c r="T91046" i="1"/>
  <c r="T91047" i="1"/>
  <c r="T91048" i="1"/>
  <c r="T91049" i="1"/>
  <c r="T91050" i="1"/>
  <c r="T91051" i="1"/>
  <c r="T91052" i="1"/>
  <c r="T91053" i="1"/>
  <c r="T91054" i="1"/>
  <c r="T91055" i="1"/>
  <c r="T91056" i="1"/>
  <c r="T91057" i="1"/>
  <c r="T91058" i="1"/>
  <c r="T91059" i="1"/>
  <c r="T91060" i="1"/>
  <c r="T91061" i="1"/>
  <c r="T91062" i="1"/>
  <c r="T91063" i="1"/>
  <c r="T91064" i="1"/>
  <c r="T91065" i="1"/>
  <c r="T91066" i="1"/>
  <c r="T91067" i="1"/>
  <c r="T91068" i="1"/>
  <c r="T91069" i="1"/>
  <c r="T91070" i="1"/>
  <c r="T91071" i="1"/>
  <c r="T91072" i="1"/>
  <c r="T91073" i="1"/>
  <c r="T91074" i="1"/>
  <c r="T91075" i="1"/>
  <c r="T91076" i="1"/>
  <c r="T91077" i="1"/>
  <c r="T91078" i="1"/>
  <c r="T91079" i="1"/>
  <c r="T91080" i="1"/>
  <c r="T91081" i="1"/>
  <c r="T91082" i="1"/>
  <c r="T91083" i="1"/>
  <c r="T91084" i="1"/>
  <c r="T91085" i="1"/>
  <c r="T91086" i="1"/>
  <c r="T91087" i="1"/>
  <c r="T91088" i="1"/>
  <c r="T91089" i="1"/>
  <c r="T91090" i="1"/>
  <c r="T91091" i="1"/>
  <c r="T91092" i="1"/>
  <c r="T91093" i="1"/>
  <c r="T91094" i="1"/>
  <c r="T91095" i="1"/>
  <c r="T91096" i="1"/>
  <c r="T91097" i="1"/>
  <c r="T91098" i="1"/>
  <c r="T91099" i="1"/>
  <c r="T91100" i="1"/>
  <c r="T91101" i="1"/>
  <c r="T91102" i="1"/>
  <c r="T91103" i="1"/>
  <c r="T91104" i="1"/>
  <c r="T91105" i="1"/>
  <c r="T91106" i="1"/>
  <c r="T91107" i="1"/>
  <c r="T91108" i="1"/>
  <c r="T91109" i="1"/>
  <c r="T91110" i="1"/>
  <c r="T91111" i="1"/>
  <c r="T91112" i="1"/>
  <c r="T91113" i="1"/>
  <c r="T91114" i="1"/>
  <c r="T91115" i="1"/>
  <c r="T91116" i="1"/>
  <c r="T91117" i="1"/>
  <c r="T91118" i="1"/>
  <c r="T91119" i="1"/>
  <c r="T91120" i="1"/>
  <c r="T91121" i="1"/>
  <c r="T91122" i="1"/>
  <c r="T91123" i="1"/>
  <c r="T91124" i="1"/>
  <c r="T91125" i="1"/>
  <c r="T91126" i="1"/>
  <c r="T91127" i="1"/>
  <c r="T91128" i="1"/>
  <c r="T91129" i="1"/>
  <c r="T91130" i="1"/>
  <c r="T91131" i="1"/>
  <c r="T91132" i="1"/>
  <c r="T91133" i="1"/>
  <c r="T91134" i="1"/>
  <c r="T91135" i="1"/>
  <c r="T91136" i="1"/>
  <c r="T91137" i="1"/>
  <c r="T91138" i="1"/>
  <c r="T91139" i="1"/>
  <c r="T91140" i="1"/>
  <c r="T91141" i="1"/>
  <c r="T91142" i="1"/>
  <c r="T91143" i="1"/>
  <c r="T91144" i="1"/>
  <c r="T91145" i="1"/>
  <c r="T91146" i="1"/>
  <c r="T91147" i="1"/>
  <c r="T91148" i="1"/>
  <c r="T91149" i="1"/>
  <c r="T91150" i="1"/>
  <c r="T91151" i="1"/>
  <c r="T91152" i="1"/>
  <c r="T91153" i="1"/>
  <c r="T91154" i="1"/>
  <c r="T91155" i="1"/>
  <c r="T91156" i="1"/>
  <c r="T91157" i="1"/>
  <c r="T91158" i="1"/>
  <c r="T91159" i="1"/>
  <c r="T91160" i="1"/>
  <c r="T91161" i="1"/>
  <c r="T91162" i="1"/>
  <c r="T91163" i="1"/>
  <c r="T91164" i="1"/>
  <c r="T91165" i="1"/>
  <c r="T91166" i="1"/>
  <c r="T91167" i="1"/>
  <c r="T91168" i="1"/>
  <c r="T91169" i="1"/>
  <c r="T91170" i="1"/>
  <c r="T91171" i="1"/>
  <c r="T91172" i="1"/>
  <c r="T91173" i="1"/>
  <c r="T91174" i="1"/>
  <c r="T91175" i="1"/>
  <c r="T91176" i="1"/>
  <c r="T91177" i="1"/>
  <c r="T91178" i="1"/>
  <c r="T91179" i="1"/>
  <c r="T91180" i="1"/>
  <c r="T91181" i="1"/>
  <c r="T91182" i="1"/>
  <c r="T91183" i="1"/>
  <c r="T91184" i="1"/>
  <c r="T91185" i="1"/>
  <c r="T91186" i="1"/>
  <c r="T91187" i="1"/>
  <c r="T91188" i="1"/>
  <c r="T91189" i="1"/>
  <c r="T91190" i="1"/>
  <c r="T91191" i="1"/>
  <c r="T91192" i="1"/>
  <c r="T91193" i="1"/>
  <c r="T91194" i="1"/>
  <c r="T91195" i="1"/>
  <c r="T91196" i="1"/>
  <c r="T91197" i="1"/>
  <c r="T91198" i="1"/>
  <c r="T91199" i="1"/>
  <c r="T91200" i="1"/>
  <c r="T91201" i="1"/>
  <c r="T91202" i="1"/>
  <c r="T91203" i="1"/>
  <c r="T91204" i="1"/>
  <c r="T91205" i="1"/>
  <c r="T91206" i="1"/>
  <c r="T91207" i="1"/>
  <c r="T91208" i="1"/>
  <c r="T91209" i="1"/>
  <c r="T91210" i="1"/>
  <c r="T91211" i="1"/>
  <c r="T91212" i="1"/>
  <c r="T91213" i="1"/>
  <c r="T91214" i="1"/>
  <c r="T91215" i="1"/>
  <c r="T91216" i="1"/>
  <c r="T91217" i="1"/>
  <c r="T91218" i="1"/>
  <c r="T91219" i="1"/>
  <c r="T91220" i="1"/>
  <c r="T91221" i="1"/>
  <c r="T91222" i="1"/>
  <c r="T91223" i="1"/>
  <c r="T91224" i="1"/>
  <c r="T91225" i="1"/>
  <c r="T91226" i="1"/>
  <c r="T91227" i="1"/>
  <c r="T91228" i="1"/>
  <c r="T91229" i="1"/>
  <c r="T91230" i="1"/>
  <c r="T91231" i="1"/>
  <c r="T91232" i="1"/>
  <c r="T91233" i="1"/>
  <c r="T91234" i="1"/>
  <c r="T91235" i="1"/>
  <c r="T91236" i="1"/>
  <c r="T91237" i="1"/>
  <c r="T91238" i="1"/>
  <c r="T91239" i="1"/>
  <c r="T91240" i="1"/>
  <c r="T91241" i="1"/>
  <c r="T91242" i="1"/>
  <c r="T91243" i="1"/>
  <c r="T91244" i="1"/>
  <c r="T91245" i="1"/>
  <c r="T91246" i="1"/>
  <c r="T91247" i="1"/>
  <c r="T91248" i="1"/>
  <c r="T91249" i="1"/>
  <c r="T91250" i="1"/>
  <c r="T91251" i="1"/>
  <c r="T91252" i="1"/>
  <c r="T91253" i="1"/>
  <c r="T91254" i="1"/>
  <c r="T91255" i="1"/>
  <c r="T91256" i="1"/>
  <c r="T91257" i="1"/>
  <c r="T91258" i="1"/>
  <c r="T91259" i="1"/>
  <c r="T91260" i="1"/>
  <c r="T91261" i="1"/>
  <c r="T91262" i="1"/>
  <c r="T91263" i="1"/>
  <c r="T91264" i="1"/>
  <c r="T91265" i="1"/>
  <c r="T91266" i="1"/>
  <c r="T91267" i="1"/>
  <c r="T91268" i="1"/>
  <c r="T91269" i="1"/>
  <c r="T91270" i="1"/>
  <c r="T91271" i="1"/>
  <c r="T91272" i="1"/>
  <c r="T91273" i="1"/>
  <c r="T91274" i="1"/>
  <c r="T91275" i="1"/>
  <c r="T91276" i="1"/>
  <c r="T91277" i="1"/>
  <c r="T91278" i="1"/>
  <c r="T91279" i="1"/>
  <c r="T91280" i="1"/>
  <c r="T91281" i="1"/>
  <c r="T91282" i="1"/>
  <c r="T91283" i="1"/>
  <c r="T91284" i="1"/>
  <c r="T91285" i="1"/>
  <c r="T91286" i="1"/>
  <c r="T91287" i="1"/>
  <c r="T91288" i="1"/>
  <c r="T91289" i="1"/>
  <c r="T91290" i="1"/>
  <c r="T91291" i="1"/>
  <c r="T91292" i="1"/>
  <c r="T91293" i="1"/>
  <c r="T91294" i="1"/>
  <c r="T91295" i="1"/>
  <c r="T91296" i="1"/>
  <c r="T91297" i="1"/>
  <c r="T91298" i="1"/>
  <c r="T91299" i="1"/>
  <c r="T91300" i="1"/>
  <c r="T91301" i="1"/>
  <c r="T91302" i="1"/>
  <c r="T91303" i="1"/>
  <c r="T91304" i="1"/>
  <c r="T91305" i="1"/>
  <c r="T91306" i="1"/>
  <c r="T91307" i="1"/>
  <c r="T91308" i="1"/>
  <c r="T91309" i="1"/>
  <c r="T91310" i="1"/>
  <c r="T91311" i="1"/>
  <c r="T91312" i="1"/>
  <c r="T91313" i="1"/>
  <c r="T91314" i="1"/>
  <c r="T91315" i="1"/>
  <c r="T91316" i="1"/>
  <c r="T91317" i="1"/>
  <c r="T91318" i="1"/>
  <c r="T91319" i="1"/>
  <c r="T91320" i="1"/>
  <c r="T91321" i="1"/>
  <c r="T91322" i="1"/>
  <c r="T91323" i="1"/>
  <c r="T91324" i="1"/>
  <c r="T91325" i="1"/>
  <c r="T91326" i="1"/>
  <c r="T91327" i="1"/>
  <c r="T91328" i="1"/>
  <c r="T91329" i="1"/>
  <c r="T91330" i="1"/>
  <c r="T91331" i="1"/>
  <c r="T91332" i="1"/>
  <c r="T91333" i="1"/>
  <c r="T91334" i="1"/>
  <c r="T91335" i="1"/>
  <c r="T91336" i="1"/>
  <c r="T91337" i="1"/>
  <c r="T91338" i="1"/>
  <c r="T91339" i="1"/>
  <c r="T91340" i="1"/>
  <c r="T91341" i="1"/>
  <c r="T91342" i="1"/>
  <c r="T91343" i="1"/>
  <c r="T91344" i="1"/>
  <c r="T91345" i="1"/>
  <c r="T91346" i="1"/>
  <c r="T91347" i="1"/>
  <c r="T91348" i="1"/>
  <c r="T91349" i="1"/>
  <c r="T91350" i="1"/>
  <c r="T91351" i="1"/>
  <c r="T91352" i="1"/>
  <c r="T91353" i="1"/>
  <c r="T91354" i="1"/>
  <c r="T91355" i="1"/>
  <c r="T91356" i="1"/>
  <c r="T91357" i="1"/>
  <c r="T91358" i="1"/>
  <c r="T91359" i="1"/>
  <c r="T91360" i="1"/>
  <c r="T91361" i="1"/>
  <c r="T91362" i="1"/>
  <c r="T91363" i="1"/>
  <c r="T91364" i="1"/>
  <c r="T91365" i="1"/>
  <c r="T91366" i="1"/>
  <c r="T91367" i="1"/>
  <c r="T91368" i="1"/>
  <c r="T91369" i="1"/>
  <c r="T91370" i="1"/>
  <c r="T91371" i="1"/>
  <c r="T91372" i="1"/>
  <c r="T91373" i="1"/>
  <c r="T91374" i="1"/>
  <c r="T91375" i="1"/>
  <c r="T91376" i="1"/>
  <c r="T91377" i="1"/>
  <c r="T91378" i="1"/>
  <c r="T91379" i="1"/>
  <c r="T91380" i="1"/>
  <c r="T91381" i="1"/>
  <c r="T91382" i="1"/>
  <c r="T91383" i="1"/>
  <c r="T91384" i="1"/>
  <c r="T91385" i="1"/>
  <c r="T91386" i="1"/>
  <c r="T91387" i="1"/>
  <c r="T91388" i="1"/>
  <c r="T91389" i="1"/>
  <c r="T91390" i="1"/>
  <c r="T91391" i="1"/>
  <c r="T91392" i="1"/>
  <c r="T91393" i="1"/>
  <c r="T91394" i="1"/>
  <c r="T91395" i="1"/>
  <c r="T91396" i="1"/>
  <c r="T91397" i="1"/>
  <c r="T91398" i="1"/>
  <c r="T91399" i="1"/>
  <c r="T91400" i="1"/>
  <c r="T91401" i="1"/>
  <c r="T91402" i="1"/>
  <c r="T91403" i="1"/>
  <c r="T91404" i="1"/>
  <c r="T91405" i="1"/>
  <c r="T91406" i="1"/>
  <c r="T91407" i="1"/>
  <c r="T91408" i="1"/>
  <c r="T91409" i="1"/>
  <c r="T91410" i="1"/>
  <c r="T91411" i="1"/>
  <c r="T91412" i="1"/>
  <c r="T91413" i="1"/>
  <c r="T91414" i="1"/>
  <c r="T91415" i="1"/>
  <c r="T91416" i="1"/>
  <c r="T91417" i="1"/>
  <c r="T91418" i="1"/>
  <c r="T91419" i="1"/>
  <c r="T91420" i="1"/>
  <c r="T91421" i="1"/>
  <c r="T91422" i="1"/>
  <c r="T91423" i="1"/>
  <c r="T91424" i="1"/>
  <c r="T91425" i="1"/>
  <c r="T91426" i="1"/>
  <c r="T91427" i="1"/>
  <c r="T91428" i="1"/>
  <c r="T91429" i="1"/>
  <c r="T91430" i="1"/>
  <c r="T91431" i="1"/>
  <c r="T91432" i="1"/>
  <c r="T91433" i="1"/>
  <c r="T91434" i="1"/>
  <c r="T91435" i="1"/>
  <c r="T91436" i="1"/>
  <c r="T91437" i="1"/>
  <c r="T91438" i="1"/>
  <c r="T91439" i="1"/>
  <c r="T91440" i="1"/>
  <c r="T91441" i="1"/>
  <c r="T91442" i="1"/>
  <c r="T91443" i="1"/>
  <c r="T91444" i="1"/>
  <c r="T91445" i="1"/>
  <c r="T91446" i="1"/>
  <c r="T91447" i="1"/>
  <c r="T91448" i="1"/>
  <c r="T91449" i="1"/>
  <c r="T91450" i="1"/>
  <c r="T91451" i="1"/>
  <c r="T91452" i="1"/>
  <c r="T91453" i="1"/>
  <c r="T91454" i="1"/>
  <c r="T91455" i="1"/>
  <c r="T91456" i="1"/>
  <c r="T91457" i="1"/>
  <c r="T91458" i="1"/>
  <c r="T91459" i="1"/>
  <c r="T91460" i="1"/>
  <c r="T91461" i="1"/>
  <c r="T91462" i="1"/>
  <c r="T91463" i="1"/>
  <c r="T91464" i="1"/>
  <c r="T91465" i="1"/>
  <c r="T91466" i="1"/>
  <c r="T91467" i="1"/>
  <c r="T91468" i="1"/>
  <c r="T91469" i="1"/>
  <c r="T91470" i="1"/>
  <c r="T91471" i="1"/>
  <c r="T91472" i="1"/>
  <c r="T91473" i="1"/>
  <c r="T91474" i="1"/>
  <c r="T91475" i="1"/>
  <c r="T91476" i="1"/>
  <c r="T91477" i="1"/>
  <c r="T91478" i="1"/>
  <c r="T91479" i="1"/>
  <c r="T91480" i="1"/>
  <c r="T91481" i="1"/>
  <c r="T91482" i="1"/>
  <c r="T91483" i="1"/>
  <c r="T91484" i="1"/>
  <c r="T91485" i="1"/>
  <c r="T91486" i="1"/>
  <c r="T91487" i="1"/>
  <c r="T91488" i="1"/>
  <c r="T91489" i="1"/>
  <c r="T91490" i="1"/>
  <c r="T91491" i="1"/>
  <c r="T91492" i="1"/>
  <c r="T91493" i="1"/>
  <c r="T91494" i="1"/>
  <c r="T91495" i="1"/>
  <c r="T91496" i="1"/>
  <c r="T91497" i="1"/>
  <c r="T91498" i="1"/>
  <c r="T91499" i="1"/>
  <c r="T91500" i="1"/>
  <c r="T91501" i="1"/>
  <c r="T91502" i="1"/>
  <c r="T91503" i="1"/>
  <c r="T91504" i="1"/>
  <c r="T91505" i="1"/>
  <c r="T91506" i="1"/>
  <c r="T91507" i="1"/>
  <c r="T91508" i="1"/>
  <c r="T91509" i="1"/>
  <c r="T91510" i="1"/>
  <c r="T91511" i="1"/>
  <c r="T91512" i="1"/>
  <c r="T91513" i="1"/>
  <c r="T91514" i="1"/>
  <c r="T91515" i="1"/>
  <c r="T91516" i="1"/>
  <c r="T91517" i="1"/>
  <c r="T91518" i="1"/>
  <c r="T91519" i="1"/>
  <c r="T91520" i="1"/>
  <c r="T91521" i="1"/>
  <c r="T91522" i="1"/>
  <c r="T91523" i="1"/>
  <c r="T91524" i="1"/>
  <c r="T91525" i="1"/>
  <c r="T91526" i="1"/>
  <c r="T91527" i="1"/>
  <c r="T91528" i="1"/>
  <c r="T91529" i="1"/>
  <c r="T91530" i="1"/>
  <c r="T91531" i="1"/>
  <c r="T91532" i="1"/>
  <c r="T91533" i="1"/>
  <c r="T91534" i="1"/>
  <c r="T91535" i="1"/>
  <c r="T91536" i="1"/>
  <c r="T91537" i="1"/>
  <c r="T91538" i="1"/>
  <c r="T91539" i="1"/>
  <c r="T91540" i="1"/>
  <c r="T91541" i="1"/>
  <c r="T91542" i="1"/>
  <c r="T91543" i="1"/>
  <c r="T91544" i="1"/>
  <c r="T91545" i="1"/>
  <c r="T91546" i="1"/>
  <c r="T91547" i="1"/>
  <c r="T91548" i="1"/>
  <c r="T91549" i="1"/>
  <c r="T91550" i="1"/>
  <c r="T91551" i="1"/>
  <c r="T91552" i="1"/>
  <c r="T91553" i="1"/>
  <c r="T91554" i="1"/>
  <c r="T91555" i="1"/>
  <c r="T91556" i="1"/>
  <c r="T91557" i="1"/>
  <c r="T91558" i="1"/>
  <c r="T91559" i="1"/>
  <c r="T91560" i="1"/>
  <c r="T91561" i="1"/>
  <c r="T91562" i="1"/>
  <c r="T91563" i="1"/>
  <c r="T91564" i="1"/>
  <c r="T91565" i="1"/>
  <c r="T91566" i="1"/>
  <c r="T91567" i="1"/>
  <c r="T91568" i="1"/>
  <c r="T91569" i="1"/>
  <c r="T91570" i="1"/>
  <c r="T91571" i="1"/>
  <c r="T91572" i="1"/>
  <c r="T91573" i="1"/>
  <c r="T91574" i="1"/>
  <c r="T91575" i="1"/>
  <c r="T91576" i="1"/>
  <c r="T91577" i="1"/>
  <c r="T91578" i="1"/>
  <c r="T91579" i="1"/>
  <c r="T91580" i="1"/>
  <c r="T91581" i="1"/>
  <c r="T91582" i="1"/>
  <c r="T91583" i="1"/>
  <c r="T91584" i="1"/>
  <c r="T91585" i="1"/>
  <c r="T91586" i="1"/>
  <c r="T91587" i="1"/>
  <c r="T91588" i="1"/>
  <c r="T91589" i="1"/>
  <c r="T91590" i="1"/>
  <c r="T91591" i="1"/>
  <c r="T91592" i="1"/>
  <c r="T91593" i="1"/>
  <c r="T91594" i="1"/>
  <c r="T91595" i="1"/>
  <c r="T91596" i="1"/>
  <c r="T91597" i="1"/>
  <c r="T91598" i="1"/>
  <c r="T91599" i="1"/>
  <c r="T91600" i="1"/>
  <c r="T91601" i="1"/>
  <c r="T91602" i="1"/>
  <c r="T91603" i="1"/>
  <c r="T91604" i="1"/>
  <c r="T91605" i="1"/>
  <c r="T91606" i="1"/>
  <c r="T91607" i="1"/>
  <c r="T91608" i="1"/>
  <c r="T91609" i="1"/>
  <c r="T91610" i="1"/>
  <c r="T91611" i="1"/>
  <c r="T91612" i="1"/>
  <c r="T91613" i="1"/>
  <c r="T91614" i="1"/>
  <c r="T91615" i="1"/>
  <c r="T91616" i="1"/>
  <c r="T91617" i="1"/>
  <c r="T91618" i="1"/>
  <c r="T91619" i="1"/>
  <c r="T91620" i="1"/>
  <c r="T91621" i="1"/>
  <c r="T91622" i="1"/>
  <c r="T91623" i="1"/>
  <c r="T91624" i="1"/>
  <c r="T91625" i="1"/>
  <c r="T91626" i="1"/>
  <c r="T91627" i="1"/>
  <c r="T91628" i="1"/>
  <c r="T91629" i="1"/>
  <c r="T91630" i="1"/>
  <c r="T91631" i="1"/>
  <c r="T91632" i="1"/>
  <c r="T91633" i="1"/>
  <c r="T91634" i="1"/>
  <c r="T91635" i="1"/>
  <c r="T91636" i="1"/>
  <c r="T91637" i="1"/>
  <c r="T91638" i="1"/>
  <c r="T91639" i="1"/>
  <c r="T91640" i="1"/>
  <c r="T91641" i="1"/>
  <c r="T91642" i="1"/>
  <c r="T91643" i="1"/>
  <c r="T91644" i="1"/>
  <c r="T91645" i="1"/>
  <c r="T91646" i="1"/>
  <c r="T91647" i="1"/>
  <c r="T91648" i="1"/>
  <c r="T91649" i="1"/>
  <c r="T91650" i="1"/>
  <c r="T91651" i="1"/>
  <c r="T91652" i="1"/>
  <c r="T91653" i="1"/>
  <c r="T91654" i="1"/>
  <c r="T91655" i="1"/>
  <c r="T91656" i="1"/>
  <c r="T91657" i="1"/>
  <c r="T91658" i="1"/>
  <c r="T91659" i="1"/>
  <c r="T91660" i="1"/>
  <c r="T91661" i="1"/>
  <c r="T91662" i="1"/>
  <c r="T91663" i="1"/>
  <c r="T91664" i="1"/>
  <c r="T91665" i="1"/>
  <c r="T91666" i="1"/>
  <c r="T91667" i="1"/>
  <c r="T91668" i="1"/>
  <c r="T91669" i="1"/>
  <c r="T91670" i="1"/>
  <c r="T91671" i="1"/>
  <c r="T91672" i="1"/>
  <c r="T91673" i="1"/>
  <c r="T91674" i="1"/>
  <c r="T91675" i="1"/>
  <c r="T91676" i="1"/>
  <c r="T91677" i="1"/>
  <c r="T91678" i="1"/>
  <c r="T91679" i="1"/>
  <c r="T91680" i="1"/>
  <c r="T91681" i="1"/>
  <c r="T91682" i="1"/>
  <c r="T91683" i="1"/>
  <c r="T91684" i="1"/>
  <c r="T91685" i="1"/>
  <c r="T91686" i="1"/>
  <c r="T91687" i="1"/>
  <c r="T91688" i="1"/>
  <c r="T91689" i="1"/>
  <c r="T91690" i="1"/>
  <c r="T91691" i="1"/>
  <c r="T91692" i="1"/>
  <c r="T91693" i="1"/>
  <c r="T91694" i="1"/>
  <c r="T91695" i="1"/>
  <c r="T91696" i="1"/>
  <c r="T91697" i="1"/>
  <c r="T91698" i="1"/>
  <c r="T91699" i="1"/>
  <c r="T91700" i="1"/>
  <c r="T91701" i="1"/>
  <c r="T91702" i="1"/>
  <c r="T91703" i="1"/>
  <c r="T91704" i="1"/>
  <c r="T91705" i="1"/>
  <c r="T91706" i="1"/>
  <c r="T91707" i="1"/>
  <c r="T91708" i="1"/>
  <c r="T91709" i="1"/>
  <c r="T91710" i="1"/>
  <c r="T91711" i="1"/>
  <c r="T91712" i="1"/>
  <c r="T91713" i="1"/>
  <c r="T91714" i="1"/>
  <c r="T91715" i="1"/>
  <c r="T91716" i="1"/>
  <c r="T91717" i="1"/>
  <c r="T91718" i="1"/>
  <c r="T91719" i="1"/>
  <c r="T91720" i="1"/>
  <c r="T91721" i="1"/>
  <c r="T91722" i="1"/>
  <c r="T91723" i="1"/>
  <c r="T91724" i="1"/>
  <c r="T91725" i="1"/>
  <c r="T91726" i="1"/>
  <c r="T91727" i="1"/>
  <c r="T91728" i="1"/>
  <c r="T91729" i="1"/>
  <c r="T91730" i="1"/>
  <c r="T91731" i="1"/>
  <c r="T91732" i="1"/>
  <c r="T91733" i="1"/>
  <c r="T91734" i="1"/>
  <c r="T91735" i="1"/>
  <c r="T91736" i="1"/>
  <c r="T91737" i="1"/>
  <c r="T91738" i="1"/>
  <c r="T91739" i="1"/>
  <c r="T91740" i="1"/>
  <c r="T91741" i="1"/>
  <c r="T91742" i="1"/>
  <c r="T91743" i="1"/>
  <c r="T91744" i="1"/>
  <c r="T91745" i="1"/>
  <c r="T91746" i="1"/>
  <c r="T91747" i="1"/>
  <c r="T91748" i="1"/>
  <c r="T91749" i="1"/>
  <c r="T91750" i="1"/>
  <c r="T91751" i="1"/>
  <c r="T91752" i="1"/>
  <c r="T91753" i="1"/>
  <c r="T91754" i="1"/>
  <c r="T91755" i="1"/>
  <c r="T91756" i="1"/>
  <c r="T91757" i="1"/>
  <c r="T91758" i="1"/>
  <c r="T91759" i="1"/>
  <c r="T91760" i="1"/>
  <c r="T91761" i="1"/>
  <c r="T91762" i="1"/>
  <c r="T91763" i="1"/>
  <c r="T91764" i="1"/>
  <c r="T91765" i="1"/>
  <c r="T91766" i="1"/>
  <c r="T91767" i="1"/>
  <c r="T91768" i="1"/>
  <c r="T91769" i="1"/>
  <c r="T91770" i="1"/>
  <c r="T91771" i="1"/>
  <c r="T91772" i="1"/>
  <c r="T91773" i="1"/>
  <c r="T91774" i="1"/>
  <c r="T91775" i="1"/>
  <c r="T91776" i="1"/>
  <c r="T91777" i="1"/>
  <c r="T91778" i="1"/>
  <c r="T91779" i="1"/>
  <c r="T91780" i="1"/>
  <c r="T91781" i="1"/>
  <c r="T91782" i="1"/>
  <c r="T91783" i="1"/>
  <c r="T91784" i="1"/>
  <c r="T91785" i="1"/>
  <c r="T91786" i="1"/>
  <c r="T91787" i="1"/>
  <c r="T91788" i="1"/>
  <c r="T91789" i="1"/>
  <c r="T91790" i="1"/>
  <c r="T91791" i="1"/>
  <c r="T91792" i="1"/>
  <c r="T91793" i="1"/>
  <c r="T91794" i="1"/>
  <c r="T91795" i="1"/>
  <c r="T91796" i="1"/>
  <c r="T91797" i="1"/>
  <c r="T91798" i="1"/>
  <c r="T91799" i="1"/>
  <c r="T91800" i="1"/>
  <c r="T91801" i="1"/>
  <c r="T91802" i="1"/>
  <c r="T91803" i="1"/>
  <c r="T91804" i="1"/>
  <c r="T91805" i="1"/>
  <c r="T91806" i="1"/>
  <c r="T91807" i="1"/>
  <c r="T91808" i="1"/>
  <c r="T91809" i="1"/>
  <c r="T91810" i="1"/>
  <c r="T91811" i="1"/>
  <c r="T91812" i="1"/>
  <c r="T91813" i="1"/>
  <c r="T91814" i="1"/>
  <c r="T91815" i="1"/>
  <c r="T91816" i="1"/>
  <c r="T91817" i="1"/>
  <c r="T91818" i="1"/>
  <c r="T91819" i="1"/>
  <c r="T91820" i="1"/>
  <c r="T91821" i="1"/>
  <c r="T91822" i="1"/>
  <c r="T91823" i="1"/>
  <c r="T91824" i="1"/>
  <c r="T91825" i="1"/>
  <c r="T91826" i="1"/>
  <c r="T91827" i="1"/>
  <c r="T91828" i="1"/>
  <c r="T91829" i="1"/>
  <c r="T91830" i="1"/>
  <c r="T91831" i="1"/>
  <c r="T91832" i="1"/>
  <c r="T91833" i="1"/>
  <c r="T91834" i="1"/>
  <c r="T91835" i="1"/>
  <c r="T91836" i="1"/>
  <c r="T91837" i="1"/>
  <c r="T91838" i="1"/>
  <c r="T91839" i="1"/>
  <c r="T91840" i="1"/>
  <c r="T91841" i="1"/>
  <c r="T91842" i="1"/>
  <c r="T91843" i="1"/>
  <c r="T91844" i="1"/>
  <c r="T91845" i="1"/>
  <c r="T91846" i="1"/>
  <c r="T91847" i="1"/>
  <c r="T91848" i="1"/>
  <c r="T91849" i="1"/>
  <c r="T91850" i="1"/>
  <c r="T91851" i="1"/>
  <c r="T91852" i="1"/>
  <c r="T91853" i="1"/>
  <c r="T91854" i="1"/>
  <c r="T91855" i="1"/>
  <c r="T91856" i="1"/>
  <c r="T91857" i="1"/>
  <c r="T91858" i="1"/>
  <c r="T91859" i="1"/>
  <c r="T91860" i="1"/>
  <c r="T91861" i="1"/>
  <c r="T91862" i="1"/>
  <c r="T91863" i="1"/>
  <c r="T91864" i="1"/>
  <c r="T91865" i="1"/>
  <c r="T91866" i="1"/>
  <c r="T91867" i="1"/>
  <c r="T91868" i="1"/>
  <c r="T91869" i="1"/>
  <c r="T91870" i="1"/>
  <c r="T91871" i="1"/>
  <c r="T91872" i="1"/>
  <c r="T91873" i="1"/>
  <c r="T91874" i="1"/>
  <c r="T91875" i="1"/>
  <c r="T91876" i="1"/>
  <c r="T91877" i="1"/>
  <c r="T91878" i="1"/>
  <c r="T91879" i="1"/>
  <c r="T91880" i="1"/>
  <c r="T91881" i="1"/>
  <c r="T91882" i="1"/>
  <c r="T91883" i="1"/>
  <c r="T91884" i="1"/>
  <c r="T91885" i="1"/>
  <c r="T91886" i="1"/>
  <c r="T91887" i="1"/>
  <c r="T91888" i="1"/>
  <c r="T91889" i="1"/>
  <c r="T91890" i="1"/>
  <c r="T91891" i="1"/>
  <c r="T91892" i="1"/>
  <c r="T91893" i="1"/>
  <c r="T91894" i="1"/>
  <c r="T91895" i="1"/>
  <c r="T91896" i="1"/>
  <c r="T91897" i="1"/>
  <c r="T91898" i="1"/>
  <c r="T91899" i="1"/>
  <c r="T91900" i="1"/>
  <c r="T91901" i="1"/>
  <c r="T91902" i="1"/>
  <c r="T91903" i="1"/>
  <c r="T91904" i="1"/>
  <c r="T91905" i="1"/>
  <c r="T91906" i="1"/>
  <c r="T91907" i="1"/>
  <c r="T91908" i="1"/>
  <c r="T91909" i="1"/>
  <c r="T91910" i="1"/>
  <c r="T91911" i="1"/>
  <c r="T91912" i="1"/>
  <c r="T91913" i="1"/>
  <c r="T91914" i="1"/>
  <c r="T91915" i="1"/>
  <c r="T91916" i="1"/>
  <c r="T91917" i="1"/>
  <c r="T91918" i="1"/>
  <c r="T91919" i="1"/>
  <c r="T91920" i="1"/>
  <c r="T91921" i="1"/>
  <c r="T91922" i="1"/>
  <c r="T91923" i="1"/>
  <c r="T91924" i="1"/>
  <c r="T91925" i="1"/>
  <c r="T91926" i="1"/>
  <c r="T91927" i="1"/>
  <c r="T91928" i="1"/>
  <c r="T91929" i="1"/>
  <c r="T91930" i="1"/>
  <c r="T91931" i="1"/>
  <c r="T91932" i="1"/>
  <c r="T91933" i="1"/>
  <c r="T91934" i="1"/>
  <c r="T91935" i="1"/>
  <c r="T91936" i="1"/>
  <c r="T91937" i="1"/>
  <c r="T91938" i="1"/>
  <c r="T91939" i="1"/>
  <c r="T91940" i="1"/>
  <c r="T91941" i="1"/>
  <c r="T91942" i="1"/>
  <c r="T91943" i="1"/>
  <c r="T91944" i="1"/>
  <c r="T91945" i="1"/>
  <c r="T91946" i="1"/>
  <c r="T91947" i="1"/>
  <c r="T91948" i="1"/>
  <c r="T91949" i="1"/>
  <c r="T91950" i="1"/>
  <c r="T91951" i="1"/>
  <c r="T91952" i="1"/>
  <c r="T91953" i="1"/>
  <c r="T91954" i="1"/>
  <c r="T91955" i="1"/>
  <c r="T91956" i="1"/>
  <c r="T91957" i="1"/>
  <c r="T91958" i="1"/>
  <c r="T91959" i="1"/>
  <c r="T91960" i="1"/>
  <c r="T91961" i="1"/>
  <c r="T91962" i="1"/>
  <c r="T91963" i="1"/>
  <c r="T91964" i="1"/>
  <c r="T91965" i="1"/>
  <c r="T91966" i="1"/>
  <c r="T91967" i="1"/>
  <c r="T91968" i="1"/>
  <c r="T91969" i="1"/>
  <c r="T91970" i="1"/>
  <c r="T91971" i="1"/>
  <c r="T91972" i="1"/>
  <c r="T91973" i="1"/>
  <c r="T91974" i="1"/>
  <c r="T91975" i="1"/>
  <c r="T91976" i="1"/>
  <c r="T91977" i="1"/>
  <c r="T91978" i="1"/>
  <c r="T91979" i="1"/>
  <c r="T91980" i="1"/>
  <c r="T91981" i="1"/>
  <c r="T91982" i="1"/>
  <c r="T91983" i="1"/>
  <c r="T91984" i="1"/>
  <c r="T91985" i="1"/>
  <c r="T91986" i="1"/>
  <c r="T91987" i="1"/>
  <c r="T91988" i="1"/>
  <c r="T91989" i="1"/>
  <c r="T91990" i="1"/>
  <c r="T91991" i="1"/>
  <c r="T91992" i="1"/>
  <c r="T91993" i="1"/>
  <c r="T91994" i="1"/>
  <c r="T91995" i="1"/>
  <c r="T91996" i="1"/>
  <c r="T91997" i="1"/>
  <c r="T91998" i="1"/>
  <c r="T91999" i="1"/>
  <c r="T92000" i="1"/>
  <c r="T92001" i="1"/>
  <c r="T92002" i="1"/>
  <c r="T92003" i="1"/>
  <c r="T92004" i="1"/>
  <c r="T92005" i="1"/>
  <c r="T92006" i="1"/>
  <c r="T92007" i="1"/>
  <c r="T92008" i="1"/>
  <c r="T92009" i="1"/>
  <c r="T92010" i="1"/>
  <c r="T92011" i="1"/>
  <c r="T92012" i="1"/>
  <c r="T92013" i="1"/>
  <c r="T92014" i="1"/>
  <c r="T92015" i="1"/>
  <c r="T92016" i="1"/>
  <c r="T92017" i="1"/>
  <c r="T92018" i="1"/>
  <c r="T92019" i="1"/>
  <c r="T92020" i="1"/>
  <c r="T92021" i="1"/>
  <c r="T92022" i="1"/>
  <c r="T92023" i="1"/>
  <c r="T92024" i="1"/>
  <c r="T92025" i="1"/>
  <c r="T92026" i="1"/>
  <c r="T92027" i="1"/>
  <c r="T92028" i="1"/>
  <c r="T92029" i="1"/>
  <c r="T92030" i="1"/>
  <c r="T92031" i="1"/>
  <c r="T92032" i="1"/>
  <c r="T92033" i="1"/>
  <c r="T92034" i="1"/>
  <c r="T92035" i="1"/>
  <c r="T92036" i="1"/>
  <c r="T92037" i="1"/>
  <c r="T92038" i="1"/>
  <c r="T92039" i="1"/>
  <c r="T92040" i="1"/>
  <c r="T92041" i="1"/>
  <c r="T92042" i="1"/>
  <c r="T92043" i="1"/>
  <c r="T92044" i="1"/>
  <c r="T92045" i="1"/>
  <c r="T92046" i="1"/>
  <c r="T92047" i="1"/>
  <c r="T92048" i="1"/>
  <c r="T92049" i="1"/>
  <c r="T92050" i="1"/>
  <c r="T92051" i="1"/>
  <c r="T92052" i="1"/>
  <c r="T92053" i="1"/>
  <c r="T92054" i="1"/>
  <c r="T92055" i="1"/>
  <c r="T92056" i="1"/>
  <c r="T92057" i="1"/>
  <c r="T92058" i="1"/>
  <c r="T92059" i="1"/>
  <c r="T92060" i="1"/>
  <c r="T92061" i="1"/>
  <c r="T92062" i="1"/>
  <c r="T92063" i="1"/>
  <c r="T92064" i="1"/>
  <c r="T92065" i="1"/>
  <c r="T92066" i="1"/>
  <c r="T92067" i="1"/>
  <c r="T92068" i="1"/>
  <c r="T92069" i="1"/>
  <c r="T92070" i="1"/>
  <c r="T92071" i="1"/>
  <c r="T92072" i="1"/>
  <c r="T92073" i="1"/>
  <c r="T92074" i="1"/>
  <c r="T92075" i="1"/>
  <c r="T92076" i="1"/>
  <c r="T92077" i="1"/>
  <c r="T92078" i="1"/>
  <c r="T92079" i="1"/>
  <c r="T92080" i="1"/>
  <c r="T92081" i="1"/>
  <c r="T92082" i="1"/>
  <c r="T92083" i="1"/>
  <c r="T92084" i="1"/>
  <c r="T92085" i="1"/>
  <c r="T92086" i="1"/>
  <c r="T92087" i="1"/>
  <c r="T92088" i="1"/>
  <c r="T92089" i="1"/>
  <c r="T92090" i="1"/>
  <c r="T92091" i="1"/>
  <c r="T92092" i="1"/>
  <c r="T92093" i="1"/>
  <c r="T92094" i="1"/>
  <c r="T92095" i="1"/>
  <c r="T92096" i="1"/>
  <c r="T92097" i="1"/>
  <c r="T92098" i="1"/>
  <c r="T92099" i="1"/>
  <c r="T92100" i="1"/>
  <c r="T92101" i="1"/>
  <c r="T92102" i="1"/>
  <c r="T92103" i="1"/>
  <c r="T92104" i="1"/>
  <c r="T92105" i="1"/>
  <c r="T92106" i="1"/>
  <c r="T92107" i="1"/>
  <c r="T92108" i="1"/>
  <c r="T92109" i="1"/>
  <c r="T92110" i="1"/>
  <c r="T92111" i="1"/>
  <c r="T92112" i="1"/>
  <c r="T92113" i="1"/>
  <c r="T92114" i="1"/>
  <c r="T92115" i="1"/>
  <c r="T92116" i="1"/>
  <c r="T92117" i="1"/>
  <c r="T92118" i="1"/>
  <c r="T92119" i="1"/>
  <c r="T92120" i="1"/>
  <c r="T92121" i="1"/>
  <c r="T92122" i="1"/>
  <c r="T92123" i="1"/>
  <c r="T92124" i="1"/>
  <c r="T92125" i="1"/>
  <c r="T92126" i="1"/>
  <c r="T92127" i="1"/>
  <c r="T92128" i="1"/>
  <c r="T92129" i="1"/>
  <c r="T92130" i="1"/>
  <c r="T92131" i="1"/>
  <c r="T92132" i="1"/>
  <c r="T92133" i="1"/>
  <c r="T92134" i="1"/>
  <c r="T92135" i="1"/>
  <c r="T92136" i="1"/>
  <c r="T92137" i="1"/>
  <c r="T92138" i="1"/>
  <c r="T92139" i="1"/>
  <c r="T92140" i="1"/>
  <c r="T92141" i="1"/>
  <c r="T92142" i="1"/>
  <c r="T92143" i="1"/>
  <c r="T92144" i="1"/>
  <c r="T92145" i="1"/>
  <c r="T92146" i="1"/>
  <c r="T92147" i="1"/>
  <c r="T92148" i="1"/>
  <c r="T92149" i="1"/>
  <c r="T92150" i="1"/>
  <c r="T92151" i="1"/>
  <c r="T92152" i="1"/>
  <c r="T92153" i="1"/>
  <c r="T92154" i="1"/>
  <c r="T92155" i="1"/>
  <c r="T92156" i="1"/>
  <c r="T92157" i="1"/>
  <c r="T92158" i="1"/>
  <c r="T92159" i="1"/>
  <c r="T92160" i="1"/>
  <c r="T92161" i="1"/>
  <c r="T92162" i="1"/>
  <c r="T92163" i="1"/>
  <c r="T92164" i="1"/>
  <c r="T92165" i="1"/>
  <c r="T92166" i="1"/>
  <c r="T92167" i="1"/>
  <c r="T92168" i="1"/>
  <c r="T92169" i="1"/>
  <c r="T92170" i="1"/>
  <c r="T92171" i="1"/>
  <c r="T92172" i="1"/>
  <c r="T92173" i="1"/>
  <c r="T92174" i="1"/>
  <c r="T92175" i="1"/>
  <c r="T92176" i="1"/>
  <c r="T92177" i="1"/>
  <c r="T92178" i="1"/>
  <c r="T92179" i="1"/>
  <c r="T92180" i="1"/>
  <c r="T92181" i="1"/>
  <c r="T92182" i="1"/>
  <c r="T92183" i="1"/>
  <c r="T92184" i="1"/>
  <c r="T92185" i="1"/>
  <c r="T92186" i="1"/>
  <c r="T92187" i="1"/>
  <c r="T92188" i="1"/>
  <c r="T92189" i="1"/>
  <c r="T92190" i="1"/>
  <c r="T92191" i="1"/>
  <c r="T92192" i="1"/>
  <c r="T92193" i="1"/>
  <c r="T92194" i="1"/>
  <c r="T92195" i="1"/>
  <c r="T92196" i="1"/>
  <c r="T92197" i="1"/>
  <c r="T92198" i="1"/>
  <c r="T92199" i="1"/>
  <c r="T92200" i="1"/>
  <c r="T92201" i="1"/>
  <c r="T92202" i="1"/>
  <c r="T92203" i="1"/>
  <c r="T92204" i="1"/>
  <c r="T92205" i="1"/>
  <c r="T92206" i="1"/>
  <c r="T92207" i="1"/>
  <c r="T92208" i="1"/>
  <c r="T92209" i="1"/>
  <c r="T92210" i="1"/>
  <c r="T92211" i="1"/>
  <c r="T92212" i="1"/>
  <c r="T92213" i="1"/>
  <c r="T92214" i="1"/>
  <c r="T92215" i="1"/>
  <c r="T92216" i="1"/>
  <c r="T92217" i="1"/>
  <c r="T92218" i="1"/>
  <c r="T92219" i="1"/>
  <c r="T92220" i="1"/>
  <c r="T92221" i="1"/>
  <c r="T92222" i="1"/>
  <c r="T92223" i="1"/>
  <c r="T92224" i="1"/>
  <c r="T92225" i="1"/>
  <c r="T92226" i="1"/>
  <c r="T92227" i="1"/>
  <c r="T92228" i="1"/>
  <c r="T92229" i="1"/>
  <c r="T92230" i="1"/>
  <c r="T92231" i="1"/>
  <c r="T92232" i="1"/>
  <c r="T92233" i="1"/>
  <c r="T92234" i="1"/>
  <c r="T92235" i="1"/>
  <c r="T92236" i="1"/>
  <c r="T92237" i="1"/>
  <c r="T92238" i="1"/>
  <c r="T92239" i="1"/>
  <c r="T92240" i="1"/>
  <c r="T92241" i="1"/>
  <c r="T92242" i="1"/>
  <c r="T92243" i="1"/>
  <c r="T92244" i="1"/>
  <c r="T92245" i="1"/>
  <c r="T92246" i="1"/>
  <c r="T92247" i="1"/>
  <c r="T92248" i="1"/>
  <c r="T92249" i="1"/>
  <c r="T92250" i="1"/>
  <c r="T92251" i="1"/>
  <c r="T92252" i="1"/>
  <c r="T92253" i="1"/>
  <c r="T92254" i="1"/>
  <c r="T92255" i="1"/>
  <c r="T92256" i="1"/>
  <c r="T92257" i="1"/>
  <c r="T92258" i="1"/>
  <c r="T92259" i="1"/>
  <c r="T92260" i="1"/>
  <c r="T92261" i="1"/>
  <c r="T92262" i="1"/>
  <c r="T92263" i="1"/>
  <c r="T92264" i="1"/>
  <c r="T92265" i="1"/>
  <c r="T92266" i="1"/>
  <c r="T92267" i="1"/>
  <c r="T92268" i="1"/>
  <c r="T92269" i="1"/>
  <c r="T92270" i="1"/>
  <c r="T92271" i="1"/>
  <c r="T92272" i="1"/>
  <c r="T92273" i="1"/>
  <c r="T92274" i="1"/>
  <c r="T92275" i="1"/>
  <c r="T92276" i="1"/>
  <c r="T92277" i="1"/>
  <c r="T92278" i="1"/>
  <c r="T92279" i="1"/>
  <c r="T92280" i="1"/>
  <c r="T92281" i="1"/>
  <c r="T92282" i="1"/>
  <c r="T92283" i="1"/>
  <c r="T92284" i="1"/>
  <c r="T92285" i="1"/>
  <c r="T92286" i="1"/>
  <c r="T92287" i="1"/>
  <c r="T92288" i="1"/>
  <c r="T92289" i="1"/>
  <c r="T92290" i="1"/>
  <c r="T92291" i="1"/>
  <c r="T92292" i="1"/>
  <c r="T92293" i="1"/>
  <c r="T92294" i="1"/>
  <c r="T92295" i="1"/>
  <c r="T92296" i="1"/>
  <c r="T92297" i="1"/>
  <c r="T92298" i="1"/>
  <c r="T92299" i="1"/>
  <c r="T92300" i="1"/>
  <c r="T92301" i="1"/>
  <c r="T92302" i="1"/>
  <c r="T92303" i="1"/>
  <c r="T92304" i="1"/>
  <c r="T92305" i="1"/>
  <c r="T92306" i="1"/>
  <c r="T92307" i="1"/>
  <c r="T92308" i="1"/>
  <c r="T92309" i="1"/>
  <c r="T92310" i="1"/>
  <c r="T92311" i="1"/>
  <c r="T92312" i="1"/>
  <c r="T92313" i="1"/>
  <c r="T92314" i="1"/>
  <c r="T92315" i="1"/>
  <c r="T92316" i="1"/>
  <c r="T92317" i="1"/>
  <c r="T92318" i="1"/>
  <c r="T92319" i="1"/>
  <c r="T92320" i="1"/>
  <c r="T92321" i="1"/>
  <c r="T92322" i="1"/>
  <c r="T92323" i="1"/>
  <c r="T92324" i="1"/>
  <c r="T92325" i="1"/>
  <c r="T92326" i="1"/>
  <c r="T92327" i="1"/>
  <c r="T92328" i="1"/>
  <c r="T92329" i="1"/>
  <c r="T92330" i="1"/>
  <c r="T92331" i="1"/>
  <c r="T92332" i="1"/>
  <c r="T92333" i="1"/>
  <c r="T92334" i="1"/>
  <c r="T92335" i="1"/>
  <c r="T92336" i="1"/>
  <c r="T92337" i="1"/>
  <c r="T92338" i="1"/>
  <c r="T92339" i="1"/>
  <c r="T92340" i="1"/>
  <c r="T92341" i="1"/>
  <c r="T92342" i="1"/>
  <c r="T92343" i="1"/>
  <c r="T92344" i="1"/>
  <c r="T92345" i="1"/>
  <c r="T92346" i="1"/>
  <c r="T92347" i="1"/>
  <c r="T92348" i="1"/>
  <c r="T92349" i="1"/>
  <c r="T92350" i="1"/>
  <c r="T92351" i="1"/>
  <c r="T92352" i="1"/>
  <c r="T92353" i="1"/>
  <c r="T92354" i="1"/>
  <c r="T92355" i="1"/>
  <c r="T92356" i="1"/>
  <c r="T92357" i="1"/>
  <c r="T92358" i="1"/>
  <c r="T92359" i="1"/>
  <c r="T92360" i="1"/>
  <c r="T92361" i="1"/>
  <c r="T92362" i="1"/>
  <c r="T92363" i="1"/>
  <c r="T92364" i="1"/>
  <c r="T92365" i="1"/>
  <c r="T92366" i="1"/>
  <c r="T92367" i="1"/>
  <c r="T92368" i="1"/>
  <c r="T92369" i="1"/>
  <c r="T92370" i="1"/>
  <c r="T92371" i="1"/>
  <c r="T92372" i="1"/>
  <c r="T92373" i="1"/>
  <c r="T92374" i="1"/>
  <c r="T92375" i="1"/>
  <c r="T92376" i="1"/>
  <c r="T92377" i="1"/>
  <c r="T92378" i="1"/>
  <c r="T92379" i="1"/>
  <c r="T92380" i="1"/>
  <c r="T92381" i="1"/>
  <c r="T92382" i="1"/>
  <c r="T92383" i="1"/>
  <c r="T92384" i="1"/>
  <c r="T92385" i="1"/>
  <c r="T92386" i="1"/>
  <c r="T92387" i="1"/>
  <c r="T92388" i="1"/>
  <c r="T92389" i="1"/>
  <c r="T92390" i="1"/>
  <c r="T92391" i="1"/>
  <c r="T92392" i="1"/>
  <c r="T92393" i="1"/>
  <c r="T92394" i="1"/>
  <c r="T92395" i="1"/>
  <c r="T92396" i="1"/>
  <c r="T92397" i="1"/>
  <c r="T92398" i="1"/>
  <c r="T92399" i="1"/>
  <c r="T92400" i="1"/>
  <c r="T92401" i="1"/>
  <c r="T92402" i="1"/>
  <c r="T92403" i="1"/>
  <c r="T92404" i="1"/>
  <c r="T92405" i="1"/>
  <c r="T92406" i="1"/>
  <c r="T92407" i="1"/>
  <c r="T92408" i="1"/>
  <c r="T92409" i="1"/>
  <c r="T92410" i="1"/>
  <c r="T92411" i="1"/>
  <c r="T92412" i="1"/>
  <c r="T92413" i="1"/>
  <c r="T92414" i="1"/>
  <c r="T92415" i="1"/>
  <c r="T92416" i="1"/>
  <c r="T92417" i="1"/>
  <c r="T92418" i="1"/>
  <c r="T92419" i="1"/>
  <c r="T92420" i="1"/>
  <c r="T92421" i="1"/>
  <c r="T92422" i="1"/>
  <c r="T92423" i="1"/>
  <c r="T92424" i="1"/>
  <c r="T92425" i="1"/>
  <c r="T92426" i="1"/>
  <c r="T92427" i="1"/>
  <c r="T92428" i="1"/>
  <c r="T92429" i="1"/>
  <c r="T92430" i="1"/>
  <c r="T92431" i="1"/>
  <c r="T92432" i="1"/>
  <c r="T92433" i="1"/>
  <c r="T92434" i="1"/>
  <c r="T92435" i="1"/>
  <c r="T92436" i="1"/>
  <c r="T92437" i="1"/>
  <c r="T92438" i="1"/>
  <c r="T92439" i="1"/>
  <c r="T92440" i="1"/>
  <c r="T92441" i="1"/>
  <c r="T92442" i="1"/>
  <c r="T92443" i="1"/>
  <c r="T92444" i="1"/>
  <c r="T92445" i="1"/>
  <c r="T92446" i="1"/>
  <c r="T92447" i="1"/>
  <c r="T92448" i="1"/>
  <c r="T92449" i="1"/>
  <c r="T92450" i="1"/>
  <c r="T92451" i="1"/>
  <c r="T92452" i="1"/>
  <c r="T92453" i="1"/>
  <c r="T92454" i="1"/>
  <c r="T92455" i="1"/>
  <c r="T92456" i="1"/>
  <c r="T92457" i="1"/>
  <c r="T92458" i="1"/>
  <c r="T92459" i="1"/>
  <c r="T92460" i="1"/>
  <c r="T92461" i="1"/>
  <c r="T92462" i="1"/>
  <c r="T92463" i="1"/>
  <c r="T92464" i="1"/>
  <c r="T92465" i="1"/>
  <c r="T92466" i="1"/>
  <c r="T92467" i="1"/>
  <c r="T92468" i="1"/>
  <c r="T92469" i="1"/>
  <c r="T92470" i="1"/>
  <c r="T92471" i="1"/>
  <c r="T92472" i="1"/>
  <c r="T92473" i="1"/>
  <c r="T92474" i="1"/>
  <c r="T92475" i="1"/>
  <c r="T92476" i="1"/>
  <c r="T92477" i="1"/>
  <c r="T92478" i="1"/>
  <c r="T92479" i="1"/>
  <c r="T92480" i="1"/>
  <c r="T92481" i="1"/>
  <c r="T92482" i="1"/>
  <c r="T92483" i="1"/>
  <c r="T92484" i="1"/>
  <c r="T92485" i="1"/>
  <c r="T92486" i="1"/>
  <c r="T92487" i="1"/>
  <c r="T92488" i="1"/>
  <c r="T92489" i="1"/>
  <c r="T92490" i="1"/>
  <c r="T92491" i="1"/>
  <c r="T92492" i="1"/>
  <c r="T92493" i="1"/>
  <c r="T92494" i="1"/>
  <c r="T92495" i="1"/>
  <c r="T92496" i="1"/>
  <c r="T92497" i="1"/>
  <c r="T92498" i="1"/>
  <c r="T92499" i="1"/>
  <c r="T92500" i="1"/>
  <c r="T92501" i="1"/>
  <c r="T92502" i="1"/>
  <c r="T92503" i="1"/>
  <c r="T92504" i="1"/>
  <c r="T92505" i="1"/>
  <c r="T92506" i="1"/>
  <c r="T92507" i="1"/>
  <c r="T92508" i="1"/>
  <c r="T92509" i="1"/>
  <c r="T92510" i="1"/>
  <c r="T92511" i="1"/>
  <c r="T92512" i="1"/>
  <c r="T92513" i="1"/>
  <c r="T92514" i="1"/>
  <c r="T92515" i="1"/>
  <c r="T92516" i="1"/>
  <c r="T92517" i="1"/>
  <c r="T92518" i="1"/>
  <c r="T92519" i="1"/>
  <c r="T92520" i="1"/>
  <c r="T92521" i="1"/>
  <c r="T92522" i="1"/>
  <c r="T92523" i="1"/>
  <c r="T92524" i="1"/>
  <c r="T92525" i="1"/>
  <c r="T92526" i="1"/>
  <c r="T92527" i="1"/>
  <c r="T92528" i="1"/>
  <c r="T92529" i="1"/>
  <c r="T92530" i="1"/>
  <c r="T92531" i="1"/>
  <c r="T92532" i="1"/>
  <c r="T92533" i="1"/>
  <c r="T92534" i="1"/>
  <c r="T92535" i="1"/>
  <c r="T92536" i="1"/>
  <c r="T92537" i="1"/>
  <c r="T92538" i="1"/>
  <c r="T92539" i="1"/>
  <c r="T92540" i="1"/>
  <c r="T92541" i="1"/>
  <c r="T92542" i="1"/>
  <c r="T92543" i="1"/>
  <c r="T92544" i="1"/>
  <c r="T92545" i="1"/>
  <c r="T92546" i="1"/>
  <c r="T92547" i="1"/>
  <c r="T92548" i="1"/>
  <c r="T92549" i="1"/>
  <c r="T92550" i="1"/>
  <c r="T92551" i="1"/>
  <c r="T92552" i="1"/>
  <c r="T92553" i="1"/>
  <c r="T92554" i="1"/>
  <c r="T92555" i="1"/>
  <c r="T92556" i="1"/>
  <c r="T92557" i="1"/>
  <c r="T92558" i="1"/>
  <c r="T92559" i="1"/>
  <c r="T92560" i="1"/>
  <c r="T92561" i="1"/>
  <c r="T92562" i="1"/>
  <c r="T92563" i="1"/>
  <c r="T92564" i="1"/>
  <c r="T92565" i="1"/>
  <c r="T92566" i="1"/>
  <c r="T92567" i="1"/>
  <c r="T92568" i="1"/>
  <c r="T92569" i="1"/>
  <c r="T92570" i="1"/>
  <c r="T92571" i="1"/>
  <c r="T92572" i="1"/>
  <c r="T92573" i="1"/>
  <c r="T92574" i="1"/>
  <c r="T92575" i="1"/>
  <c r="T92576" i="1"/>
  <c r="T92577" i="1"/>
  <c r="T92578" i="1"/>
  <c r="T92579" i="1"/>
  <c r="T92580" i="1"/>
  <c r="T92581" i="1"/>
  <c r="T92582" i="1"/>
  <c r="T92583" i="1"/>
  <c r="T92584" i="1"/>
  <c r="T92585" i="1"/>
  <c r="T92586" i="1"/>
  <c r="T92587" i="1"/>
  <c r="T92588" i="1"/>
  <c r="T92589" i="1"/>
  <c r="T92590" i="1"/>
  <c r="T92591" i="1"/>
  <c r="T92592" i="1"/>
  <c r="T92593" i="1"/>
  <c r="T92594" i="1"/>
  <c r="T92595" i="1"/>
  <c r="T92596" i="1"/>
  <c r="T92597" i="1"/>
  <c r="T92598" i="1"/>
  <c r="T92599" i="1"/>
  <c r="T92600" i="1"/>
  <c r="T92601" i="1"/>
  <c r="T92602" i="1"/>
  <c r="T92603" i="1"/>
  <c r="T92604" i="1"/>
  <c r="T92605" i="1"/>
  <c r="T92606" i="1"/>
  <c r="T92607" i="1"/>
  <c r="T92608" i="1"/>
  <c r="T92609" i="1"/>
  <c r="T92610" i="1"/>
  <c r="T92611" i="1"/>
  <c r="T92612" i="1"/>
  <c r="T92613" i="1"/>
  <c r="T92614" i="1"/>
  <c r="T92615" i="1"/>
  <c r="T92616" i="1"/>
  <c r="T92617" i="1"/>
  <c r="T92618" i="1"/>
  <c r="T92619" i="1"/>
  <c r="T92620" i="1"/>
  <c r="T92621" i="1"/>
  <c r="T92622" i="1"/>
  <c r="T92623" i="1"/>
  <c r="T92624" i="1"/>
  <c r="T92625" i="1"/>
  <c r="T92626" i="1"/>
  <c r="T92627" i="1"/>
  <c r="T92628" i="1"/>
  <c r="T92629" i="1"/>
  <c r="T92630" i="1"/>
  <c r="T92631" i="1"/>
  <c r="T92632" i="1"/>
  <c r="T92633" i="1"/>
  <c r="T92634" i="1"/>
  <c r="T92635" i="1"/>
  <c r="T92636" i="1"/>
  <c r="T92637" i="1"/>
  <c r="T92638" i="1"/>
  <c r="T92639" i="1"/>
  <c r="T92640" i="1"/>
  <c r="T92641" i="1"/>
  <c r="T92642" i="1"/>
  <c r="T92643" i="1"/>
  <c r="T92644" i="1"/>
  <c r="T92645" i="1"/>
  <c r="T92646" i="1"/>
  <c r="T92647" i="1"/>
  <c r="T92648" i="1"/>
  <c r="T92649" i="1"/>
  <c r="T92650" i="1"/>
  <c r="T92651" i="1"/>
  <c r="T92652" i="1"/>
  <c r="T92653" i="1"/>
  <c r="T92654" i="1"/>
  <c r="T92655" i="1"/>
  <c r="T92656" i="1"/>
  <c r="T92657" i="1"/>
  <c r="T92658" i="1"/>
  <c r="T92659" i="1"/>
  <c r="T92660" i="1"/>
  <c r="T92661" i="1"/>
  <c r="T92662" i="1"/>
  <c r="T92663" i="1"/>
  <c r="T92664" i="1"/>
  <c r="T92665" i="1"/>
  <c r="T92666" i="1"/>
  <c r="T92667" i="1"/>
  <c r="T92668" i="1"/>
  <c r="T92669" i="1"/>
  <c r="T92670" i="1"/>
  <c r="T92671" i="1"/>
  <c r="T92672" i="1"/>
  <c r="T92673" i="1"/>
  <c r="T92674" i="1"/>
  <c r="T92675" i="1"/>
  <c r="T92676" i="1"/>
  <c r="T92677" i="1"/>
  <c r="T92678" i="1"/>
  <c r="T92679" i="1"/>
  <c r="T92680" i="1"/>
  <c r="T92681" i="1"/>
  <c r="T92682" i="1"/>
  <c r="T92683" i="1"/>
  <c r="T92684" i="1"/>
  <c r="T92685" i="1"/>
  <c r="T92686" i="1"/>
  <c r="T92687" i="1"/>
  <c r="T92688" i="1"/>
  <c r="T92689" i="1"/>
  <c r="T92690" i="1"/>
  <c r="T92691" i="1"/>
  <c r="T92692" i="1"/>
  <c r="T92693" i="1"/>
  <c r="T92694" i="1"/>
  <c r="T92695" i="1"/>
  <c r="T92696" i="1"/>
  <c r="T92697" i="1"/>
  <c r="T92698" i="1"/>
  <c r="T92699" i="1"/>
  <c r="T92700" i="1"/>
  <c r="T92701" i="1"/>
  <c r="T92702" i="1"/>
  <c r="T92703" i="1"/>
  <c r="T92704" i="1"/>
  <c r="T92705" i="1"/>
  <c r="T92706" i="1"/>
  <c r="T92707" i="1"/>
  <c r="T92708" i="1"/>
  <c r="T92709" i="1"/>
  <c r="T92710" i="1"/>
  <c r="T92711" i="1"/>
  <c r="T92712" i="1"/>
  <c r="T92713" i="1"/>
  <c r="T92714" i="1"/>
  <c r="T92715" i="1"/>
  <c r="T92716" i="1"/>
  <c r="T92717" i="1"/>
  <c r="T92718" i="1"/>
  <c r="T92719" i="1"/>
  <c r="T92720" i="1"/>
  <c r="T92721" i="1"/>
  <c r="T92722" i="1"/>
  <c r="T92723" i="1"/>
  <c r="T92724" i="1"/>
  <c r="T92725" i="1"/>
  <c r="T92726" i="1"/>
  <c r="T92727" i="1"/>
  <c r="T92728" i="1"/>
  <c r="T92729" i="1"/>
  <c r="T92730" i="1"/>
  <c r="T92731" i="1"/>
  <c r="T92732" i="1"/>
  <c r="T92733" i="1"/>
  <c r="T92734" i="1"/>
  <c r="T92735" i="1"/>
  <c r="T92736" i="1"/>
  <c r="T92737" i="1"/>
  <c r="T92738" i="1"/>
  <c r="T92739" i="1"/>
  <c r="T92740" i="1"/>
  <c r="T92741" i="1"/>
  <c r="T92742" i="1"/>
  <c r="T92743" i="1"/>
  <c r="T92744" i="1"/>
  <c r="T92745" i="1"/>
  <c r="T92746" i="1"/>
  <c r="T92747" i="1"/>
  <c r="T92748" i="1"/>
  <c r="T92749" i="1"/>
  <c r="T92750" i="1"/>
  <c r="T92751" i="1"/>
  <c r="T92752" i="1"/>
  <c r="T92753" i="1"/>
  <c r="T92754" i="1"/>
  <c r="T92755" i="1"/>
  <c r="T92756" i="1"/>
  <c r="T92757" i="1"/>
  <c r="T92758" i="1"/>
  <c r="T92759" i="1"/>
  <c r="T92760" i="1"/>
  <c r="T92761" i="1"/>
  <c r="T92762" i="1"/>
  <c r="T92763" i="1"/>
  <c r="T92764" i="1"/>
  <c r="T92765" i="1"/>
  <c r="T92766" i="1"/>
  <c r="T92767" i="1"/>
  <c r="T92768" i="1"/>
  <c r="T92769" i="1"/>
  <c r="T92770" i="1"/>
  <c r="T92771" i="1"/>
  <c r="T92772" i="1"/>
  <c r="T92773" i="1"/>
  <c r="T92774" i="1"/>
  <c r="T92775" i="1"/>
  <c r="T92776" i="1"/>
  <c r="T92777" i="1"/>
  <c r="T92778" i="1"/>
  <c r="T92779" i="1"/>
  <c r="T92780" i="1"/>
  <c r="T92781" i="1"/>
  <c r="T92782" i="1"/>
  <c r="T92783" i="1"/>
  <c r="T92784" i="1"/>
  <c r="T92785" i="1"/>
  <c r="T92786" i="1"/>
  <c r="T92787" i="1"/>
  <c r="T92788" i="1"/>
  <c r="T92789" i="1"/>
  <c r="T92790" i="1"/>
  <c r="T92791" i="1"/>
  <c r="T92792" i="1"/>
  <c r="T92793" i="1"/>
  <c r="T92794" i="1"/>
  <c r="T92795" i="1"/>
  <c r="T92796" i="1"/>
  <c r="T92797" i="1"/>
  <c r="T92798" i="1"/>
  <c r="T92799" i="1"/>
  <c r="T92800" i="1"/>
  <c r="T92801" i="1"/>
  <c r="T92802" i="1"/>
  <c r="T92803" i="1"/>
  <c r="T92804" i="1"/>
  <c r="T92805" i="1"/>
  <c r="T92806" i="1"/>
  <c r="T92807" i="1"/>
  <c r="T92808" i="1"/>
  <c r="T92809" i="1"/>
  <c r="T92810" i="1"/>
  <c r="T92811" i="1"/>
  <c r="T92812" i="1"/>
  <c r="T92813" i="1"/>
  <c r="T92814" i="1"/>
  <c r="T92815" i="1"/>
  <c r="T92816" i="1"/>
  <c r="T92817" i="1"/>
  <c r="T92818" i="1"/>
  <c r="T92819" i="1"/>
  <c r="T92820" i="1"/>
  <c r="T92821" i="1"/>
  <c r="T92822" i="1"/>
  <c r="T92823" i="1"/>
  <c r="T92824" i="1"/>
  <c r="T92825" i="1"/>
  <c r="T92826" i="1"/>
  <c r="T92827" i="1"/>
  <c r="T92828" i="1"/>
  <c r="T92829" i="1"/>
  <c r="T92830" i="1"/>
  <c r="T92831" i="1"/>
  <c r="T92832" i="1"/>
  <c r="T92833" i="1"/>
  <c r="T92834" i="1"/>
  <c r="T92835" i="1"/>
  <c r="T92836" i="1"/>
  <c r="T92837" i="1"/>
  <c r="T92838" i="1"/>
  <c r="T92839" i="1"/>
  <c r="T92840" i="1"/>
  <c r="T92841" i="1"/>
  <c r="T92842" i="1"/>
  <c r="T92843" i="1"/>
  <c r="T92844" i="1"/>
  <c r="T92845" i="1"/>
  <c r="T92846" i="1"/>
  <c r="T92847" i="1"/>
  <c r="T92848" i="1"/>
  <c r="T92849" i="1"/>
  <c r="T92850" i="1"/>
  <c r="T92851" i="1"/>
  <c r="T92852" i="1"/>
  <c r="T92853" i="1"/>
  <c r="T92854" i="1"/>
  <c r="T92855" i="1"/>
  <c r="T92856" i="1"/>
  <c r="T92857" i="1"/>
  <c r="T92858" i="1"/>
  <c r="T92859" i="1"/>
  <c r="T92860" i="1"/>
  <c r="T92861" i="1"/>
  <c r="T92862" i="1"/>
  <c r="T92863" i="1"/>
  <c r="T92864" i="1"/>
  <c r="T92865" i="1"/>
  <c r="T92866" i="1"/>
  <c r="T92867" i="1"/>
  <c r="T92868" i="1"/>
  <c r="T92869" i="1"/>
  <c r="T92870" i="1"/>
  <c r="T92871" i="1"/>
  <c r="T92872" i="1"/>
  <c r="T92873" i="1"/>
  <c r="T92874" i="1"/>
  <c r="T92875" i="1"/>
  <c r="T92876" i="1"/>
  <c r="T92877" i="1"/>
  <c r="T92878" i="1"/>
  <c r="T92879" i="1"/>
  <c r="T92880" i="1"/>
  <c r="T92881" i="1"/>
  <c r="T92882" i="1"/>
  <c r="T92883" i="1"/>
  <c r="T92884" i="1"/>
  <c r="T92885" i="1"/>
  <c r="T92886" i="1"/>
  <c r="T92887" i="1"/>
  <c r="T92888" i="1"/>
  <c r="T92889" i="1"/>
  <c r="T92890" i="1"/>
  <c r="T92891" i="1"/>
  <c r="T92892" i="1"/>
  <c r="T92893" i="1"/>
  <c r="T92894" i="1"/>
  <c r="T92895" i="1"/>
  <c r="T92896" i="1"/>
  <c r="T92897" i="1"/>
  <c r="T92898" i="1"/>
  <c r="T92899" i="1"/>
  <c r="T92900" i="1"/>
  <c r="T92901" i="1"/>
  <c r="T92902" i="1"/>
  <c r="T92903" i="1"/>
  <c r="T92904" i="1"/>
  <c r="T92905" i="1"/>
  <c r="T92906" i="1"/>
  <c r="T92907" i="1"/>
  <c r="T92908" i="1"/>
  <c r="T92909" i="1"/>
  <c r="T92910" i="1"/>
  <c r="T92911" i="1"/>
  <c r="T92912" i="1"/>
  <c r="T92913" i="1"/>
  <c r="T92914" i="1"/>
  <c r="T92915" i="1"/>
  <c r="T92916" i="1"/>
  <c r="T92917" i="1"/>
  <c r="T92918" i="1"/>
  <c r="T92919" i="1"/>
  <c r="T92920" i="1"/>
  <c r="T92921" i="1"/>
  <c r="T92922" i="1"/>
  <c r="T92923" i="1"/>
  <c r="T92924" i="1"/>
  <c r="T92925" i="1"/>
  <c r="T92926" i="1"/>
  <c r="T92927" i="1"/>
  <c r="T92928" i="1"/>
  <c r="T92929" i="1"/>
  <c r="T92930" i="1"/>
  <c r="T92931" i="1"/>
  <c r="T92932" i="1"/>
  <c r="T92933" i="1"/>
  <c r="T92934" i="1"/>
  <c r="T92935" i="1"/>
  <c r="T92936" i="1"/>
  <c r="T92937" i="1"/>
  <c r="T92938" i="1"/>
  <c r="T92939" i="1"/>
  <c r="T92940" i="1"/>
  <c r="T92941" i="1"/>
  <c r="T92942" i="1"/>
  <c r="T92943" i="1"/>
  <c r="T92944" i="1"/>
  <c r="T92945" i="1"/>
  <c r="T92946" i="1"/>
  <c r="T92947" i="1"/>
  <c r="T92948" i="1"/>
  <c r="T92949" i="1"/>
  <c r="T92950" i="1"/>
  <c r="T92951" i="1"/>
  <c r="T92952" i="1"/>
  <c r="T92953" i="1"/>
  <c r="T92954" i="1"/>
  <c r="T92955" i="1"/>
  <c r="T92956" i="1"/>
  <c r="T92957" i="1"/>
  <c r="T92958" i="1"/>
  <c r="T92959" i="1"/>
  <c r="T92960" i="1"/>
  <c r="T92961" i="1"/>
  <c r="T92962" i="1"/>
  <c r="T92963" i="1"/>
  <c r="T92964" i="1"/>
  <c r="T92965" i="1"/>
  <c r="T92966" i="1"/>
  <c r="T92967" i="1"/>
  <c r="T92968" i="1"/>
  <c r="T92969" i="1"/>
  <c r="T92970" i="1"/>
  <c r="T92971" i="1"/>
  <c r="T92972" i="1"/>
  <c r="T92973" i="1"/>
  <c r="T92974" i="1"/>
  <c r="T92975" i="1"/>
  <c r="T92976" i="1"/>
  <c r="T92977" i="1"/>
  <c r="T92978" i="1"/>
  <c r="T92979" i="1"/>
  <c r="T92980" i="1"/>
  <c r="T92981" i="1"/>
  <c r="T92982" i="1"/>
  <c r="T92983" i="1"/>
  <c r="T92984" i="1"/>
  <c r="T92985" i="1"/>
  <c r="T92986" i="1"/>
  <c r="T92987" i="1"/>
  <c r="T92988" i="1"/>
  <c r="T92989" i="1"/>
  <c r="T92990" i="1"/>
  <c r="T92991" i="1"/>
  <c r="T92992" i="1"/>
  <c r="T92993" i="1"/>
  <c r="T92994" i="1"/>
  <c r="T92995" i="1"/>
  <c r="T92996" i="1"/>
  <c r="T92997" i="1"/>
  <c r="T92998" i="1"/>
  <c r="T92999" i="1"/>
  <c r="T93000" i="1"/>
  <c r="T93001" i="1"/>
  <c r="T93002" i="1"/>
  <c r="T93003" i="1"/>
  <c r="T93004" i="1"/>
  <c r="T93005" i="1"/>
  <c r="T93006" i="1"/>
  <c r="T93007" i="1"/>
  <c r="T93008" i="1"/>
  <c r="T93009" i="1"/>
  <c r="T93010" i="1"/>
  <c r="T93011" i="1"/>
  <c r="T93012" i="1"/>
  <c r="T93013" i="1"/>
  <c r="T93014" i="1"/>
  <c r="T93015" i="1"/>
  <c r="T93016" i="1"/>
  <c r="T93017" i="1"/>
  <c r="T93018" i="1"/>
  <c r="T93019" i="1"/>
  <c r="T93020" i="1"/>
  <c r="T93021" i="1"/>
  <c r="T93022" i="1"/>
  <c r="T93023" i="1"/>
  <c r="T93024" i="1"/>
  <c r="T93025" i="1"/>
  <c r="T93026" i="1"/>
  <c r="T93027" i="1"/>
  <c r="T93028" i="1"/>
  <c r="T93029" i="1"/>
  <c r="T93030" i="1"/>
  <c r="T93031" i="1"/>
  <c r="T93032" i="1"/>
  <c r="T93033" i="1"/>
  <c r="T93034" i="1"/>
  <c r="T93035" i="1"/>
  <c r="T93036" i="1"/>
  <c r="T93037" i="1"/>
  <c r="T93038" i="1"/>
  <c r="T93039" i="1"/>
  <c r="T93040" i="1"/>
  <c r="T93041" i="1"/>
  <c r="T93042" i="1"/>
  <c r="T93043" i="1"/>
  <c r="T93044" i="1"/>
  <c r="T93045" i="1"/>
  <c r="T93046" i="1"/>
  <c r="T93047" i="1"/>
  <c r="T93048" i="1"/>
  <c r="T93049" i="1"/>
  <c r="T93050" i="1"/>
  <c r="T93051" i="1"/>
  <c r="T93052" i="1"/>
  <c r="T93053" i="1"/>
  <c r="T93054" i="1"/>
  <c r="T93055" i="1"/>
  <c r="T93056" i="1"/>
  <c r="T93057" i="1"/>
  <c r="T93058" i="1"/>
  <c r="T93059" i="1"/>
  <c r="T93060" i="1"/>
  <c r="T93061" i="1"/>
  <c r="T93062" i="1"/>
  <c r="T93063" i="1"/>
  <c r="T93064" i="1"/>
  <c r="T93065" i="1"/>
  <c r="T93066" i="1"/>
  <c r="T93067" i="1"/>
  <c r="T93068" i="1"/>
  <c r="T93069" i="1"/>
  <c r="T93070" i="1"/>
  <c r="T93071" i="1"/>
  <c r="T93072" i="1"/>
  <c r="T93073" i="1"/>
  <c r="T93074" i="1"/>
  <c r="T93075" i="1"/>
  <c r="T93076" i="1"/>
  <c r="T93077" i="1"/>
  <c r="T93078" i="1"/>
  <c r="T93079" i="1"/>
  <c r="T93080" i="1"/>
  <c r="T93081" i="1"/>
  <c r="T93082" i="1"/>
  <c r="T93083" i="1"/>
  <c r="T93084" i="1"/>
  <c r="T93085" i="1"/>
  <c r="T93086" i="1"/>
  <c r="T93087" i="1"/>
  <c r="T93088" i="1"/>
  <c r="T93089" i="1"/>
  <c r="T93090" i="1"/>
  <c r="T93091" i="1"/>
  <c r="T93092" i="1"/>
  <c r="T93093" i="1"/>
  <c r="T93094" i="1"/>
  <c r="T93095" i="1"/>
  <c r="T93096" i="1"/>
  <c r="T93097" i="1"/>
  <c r="T93098" i="1"/>
  <c r="T93099" i="1"/>
  <c r="T93100" i="1"/>
  <c r="T93101" i="1"/>
  <c r="T93102" i="1"/>
  <c r="T93103" i="1"/>
  <c r="T93104" i="1"/>
  <c r="T93105" i="1"/>
  <c r="T93106" i="1"/>
  <c r="T93107" i="1"/>
  <c r="T93108" i="1"/>
  <c r="T93109" i="1"/>
  <c r="T93110" i="1"/>
  <c r="T93111" i="1"/>
  <c r="T93112" i="1"/>
  <c r="T93113" i="1"/>
  <c r="T93114" i="1"/>
  <c r="T93115" i="1"/>
  <c r="T93116" i="1"/>
  <c r="T93117" i="1"/>
  <c r="T93118" i="1"/>
  <c r="T93119" i="1"/>
  <c r="T93120" i="1"/>
  <c r="T93121" i="1"/>
  <c r="T93122" i="1"/>
  <c r="T93123" i="1"/>
  <c r="T93124" i="1"/>
  <c r="T93125" i="1"/>
  <c r="T93126" i="1"/>
  <c r="T93127" i="1"/>
  <c r="T93128" i="1"/>
  <c r="T93129" i="1"/>
  <c r="T93130" i="1"/>
  <c r="T93131" i="1"/>
  <c r="T93132" i="1"/>
  <c r="T93133" i="1"/>
  <c r="T93134" i="1"/>
  <c r="T93135" i="1"/>
  <c r="T93136" i="1"/>
  <c r="T93137" i="1"/>
  <c r="T93138" i="1"/>
  <c r="T93139" i="1"/>
  <c r="T93140" i="1"/>
  <c r="T93141" i="1"/>
  <c r="T93142" i="1"/>
  <c r="T93143" i="1"/>
  <c r="T93144" i="1"/>
  <c r="T93145" i="1"/>
  <c r="T93146" i="1"/>
  <c r="T93147" i="1"/>
  <c r="T93148" i="1"/>
  <c r="T93149" i="1"/>
  <c r="T93150" i="1"/>
  <c r="T93151" i="1"/>
  <c r="T93152" i="1"/>
  <c r="T93153" i="1"/>
  <c r="T93154" i="1"/>
  <c r="T93155" i="1"/>
  <c r="T93156" i="1"/>
  <c r="T93157" i="1"/>
  <c r="T93158" i="1"/>
  <c r="T93159" i="1"/>
  <c r="T93160" i="1"/>
  <c r="T93161" i="1"/>
  <c r="T93162" i="1"/>
  <c r="T93163" i="1"/>
  <c r="T93164" i="1"/>
  <c r="T93165" i="1"/>
  <c r="T93166" i="1"/>
  <c r="T93167" i="1"/>
  <c r="T93168" i="1"/>
  <c r="T93169" i="1"/>
  <c r="T93170" i="1"/>
  <c r="T93171" i="1"/>
  <c r="T93172" i="1"/>
  <c r="T93173" i="1"/>
  <c r="T93174" i="1"/>
  <c r="T93175" i="1"/>
  <c r="T93176" i="1"/>
  <c r="T93177" i="1"/>
  <c r="T93178" i="1"/>
  <c r="T93179" i="1"/>
  <c r="T93180" i="1"/>
  <c r="T93181" i="1"/>
  <c r="T93182" i="1"/>
  <c r="T93183" i="1"/>
  <c r="T93184" i="1"/>
  <c r="T93185" i="1"/>
  <c r="T93186" i="1"/>
  <c r="T93187" i="1"/>
  <c r="T93188" i="1"/>
  <c r="T93189" i="1"/>
  <c r="T93190" i="1"/>
  <c r="T93191" i="1"/>
  <c r="T93192" i="1"/>
  <c r="T93193" i="1"/>
  <c r="T93194" i="1"/>
  <c r="T93195" i="1"/>
  <c r="T93196" i="1"/>
  <c r="T93197" i="1"/>
  <c r="T93198" i="1"/>
  <c r="T93199" i="1"/>
  <c r="T93200" i="1"/>
  <c r="T93201" i="1"/>
  <c r="T93202" i="1"/>
  <c r="T93203" i="1"/>
  <c r="T93204" i="1"/>
  <c r="T93205" i="1"/>
  <c r="T93206" i="1"/>
  <c r="T93207" i="1"/>
  <c r="T93208" i="1"/>
  <c r="T93209" i="1"/>
  <c r="T93210" i="1"/>
  <c r="T93211" i="1"/>
  <c r="T93212" i="1"/>
  <c r="T93213" i="1"/>
  <c r="T93214" i="1"/>
  <c r="T93215" i="1"/>
  <c r="T93216" i="1"/>
  <c r="T93217" i="1"/>
  <c r="T93218" i="1"/>
  <c r="T93219" i="1"/>
  <c r="T93220" i="1"/>
  <c r="T93221" i="1"/>
  <c r="T93222" i="1"/>
  <c r="T93223" i="1"/>
  <c r="T93224" i="1"/>
  <c r="T93225" i="1"/>
  <c r="T93226" i="1"/>
  <c r="T93227" i="1"/>
  <c r="T93228" i="1"/>
  <c r="T93229" i="1"/>
  <c r="T93230" i="1"/>
  <c r="T93231" i="1"/>
  <c r="T93232" i="1"/>
  <c r="T93233" i="1"/>
  <c r="T93234" i="1"/>
  <c r="T93235" i="1"/>
  <c r="T93236" i="1"/>
  <c r="T93237" i="1"/>
  <c r="T93238" i="1"/>
  <c r="T93239" i="1"/>
  <c r="T93240" i="1"/>
  <c r="T93241" i="1"/>
  <c r="T93242" i="1"/>
  <c r="T93243" i="1"/>
  <c r="T93244" i="1"/>
  <c r="T93245" i="1"/>
  <c r="T93246" i="1"/>
  <c r="T93247" i="1"/>
  <c r="T93248" i="1"/>
  <c r="T93249" i="1"/>
  <c r="T93250" i="1"/>
  <c r="T93251" i="1"/>
  <c r="T93252" i="1"/>
  <c r="T93253" i="1"/>
  <c r="T93254" i="1"/>
  <c r="T93255" i="1"/>
  <c r="T93256" i="1"/>
  <c r="T93257" i="1"/>
  <c r="T93258" i="1"/>
  <c r="T93259" i="1"/>
  <c r="T93260" i="1"/>
  <c r="T93261" i="1"/>
  <c r="T93262" i="1"/>
  <c r="T93263" i="1"/>
  <c r="T93264" i="1"/>
  <c r="T93265" i="1"/>
  <c r="T93266" i="1"/>
  <c r="T93267" i="1"/>
  <c r="T93268" i="1"/>
  <c r="T93269" i="1"/>
  <c r="T93270" i="1"/>
  <c r="T93271" i="1"/>
  <c r="T93272" i="1"/>
  <c r="T93273" i="1"/>
  <c r="T93274" i="1"/>
  <c r="T93275" i="1"/>
  <c r="T93276" i="1"/>
  <c r="T93277" i="1"/>
  <c r="T93278" i="1"/>
  <c r="T93279" i="1"/>
  <c r="T93280" i="1"/>
  <c r="T93281" i="1"/>
  <c r="T93282" i="1"/>
  <c r="T93283" i="1"/>
  <c r="T93284" i="1"/>
  <c r="T93285" i="1"/>
  <c r="T93286" i="1"/>
  <c r="T93287" i="1"/>
  <c r="T93288" i="1"/>
  <c r="T93289" i="1"/>
  <c r="T93290" i="1"/>
  <c r="T93291" i="1"/>
  <c r="T93292" i="1"/>
  <c r="T93293" i="1"/>
  <c r="T93294" i="1"/>
  <c r="T93295" i="1"/>
  <c r="T93296" i="1"/>
  <c r="T93297" i="1"/>
  <c r="T93298" i="1"/>
  <c r="T93299" i="1"/>
  <c r="T93300" i="1"/>
  <c r="T93301" i="1"/>
  <c r="T93302" i="1"/>
  <c r="T93303" i="1"/>
  <c r="T93304" i="1"/>
  <c r="T93305" i="1"/>
  <c r="T93306" i="1"/>
  <c r="T93307" i="1"/>
  <c r="T93308" i="1"/>
  <c r="T93309" i="1"/>
  <c r="T93310" i="1"/>
  <c r="T93311" i="1"/>
  <c r="T93312" i="1"/>
  <c r="T93313" i="1"/>
  <c r="T93314" i="1"/>
  <c r="T93315" i="1"/>
  <c r="T93316" i="1"/>
  <c r="T93317" i="1"/>
  <c r="T93318" i="1"/>
  <c r="T93319" i="1"/>
  <c r="T93320" i="1"/>
  <c r="T93321" i="1"/>
  <c r="T93322" i="1"/>
  <c r="T93323" i="1"/>
  <c r="T93324" i="1"/>
  <c r="T93325" i="1"/>
  <c r="T93326" i="1"/>
  <c r="T93327" i="1"/>
  <c r="T93328" i="1"/>
  <c r="T93329" i="1"/>
  <c r="T93330" i="1"/>
  <c r="T93331" i="1"/>
  <c r="T93332" i="1"/>
  <c r="T93333" i="1"/>
  <c r="T93334" i="1"/>
  <c r="T93335" i="1"/>
  <c r="T93336" i="1"/>
  <c r="T93337" i="1"/>
  <c r="T93338" i="1"/>
  <c r="T93339" i="1"/>
  <c r="T93340" i="1"/>
  <c r="T93341" i="1"/>
  <c r="T93342" i="1"/>
  <c r="T93343" i="1"/>
  <c r="T93344" i="1"/>
  <c r="T93345" i="1"/>
  <c r="T93346" i="1"/>
  <c r="T93347" i="1"/>
  <c r="T93348" i="1"/>
  <c r="T93349" i="1"/>
  <c r="T93350" i="1"/>
  <c r="T93351" i="1"/>
  <c r="T93352" i="1"/>
  <c r="T93353" i="1"/>
  <c r="T93354" i="1"/>
  <c r="T93355" i="1"/>
  <c r="T93356" i="1"/>
  <c r="T93357" i="1"/>
  <c r="T93358" i="1"/>
  <c r="T93359" i="1"/>
  <c r="T93360" i="1"/>
  <c r="T93361" i="1"/>
  <c r="T93362" i="1"/>
  <c r="T93363" i="1"/>
  <c r="T93364" i="1"/>
  <c r="T93365" i="1"/>
  <c r="T93366" i="1"/>
  <c r="T93367" i="1"/>
  <c r="T93368" i="1"/>
  <c r="T93369" i="1"/>
  <c r="T93370" i="1"/>
  <c r="T93371" i="1"/>
  <c r="T93372" i="1"/>
  <c r="T93373" i="1"/>
  <c r="T93374" i="1"/>
  <c r="T93375" i="1"/>
  <c r="T93376" i="1"/>
  <c r="T93377" i="1"/>
  <c r="T93378" i="1"/>
  <c r="T93379" i="1"/>
  <c r="T93380" i="1"/>
  <c r="T93381" i="1"/>
  <c r="T93382" i="1"/>
  <c r="T93383" i="1"/>
  <c r="T93384" i="1"/>
  <c r="T93385" i="1"/>
  <c r="T93386" i="1"/>
  <c r="T93387" i="1"/>
  <c r="T93388" i="1"/>
  <c r="T93389" i="1"/>
  <c r="T93390" i="1"/>
  <c r="T93391" i="1"/>
  <c r="T93392" i="1"/>
  <c r="T93393" i="1"/>
  <c r="T93394" i="1"/>
  <c r="T93395" i="1"/>
  <c r="T93396" i="1"/>
  <c r="T93397" i="1"/>
  <c r="T93398" i="1"/>
  <c r="T93399" i="1"/>
  <c r="T93400" i="1"/>
  <c r="T93401" i="1"/>
  <c r="T93402" i="1"/>
  <c r="T93403" i="1"/>
  <c r="T93404" i="1"/>
  <c r="T93405" i="1"/>
  <c r="T93406" i="1"/>
  <c r="T93407" i="1"/>
  <c r="T93408" i="1"/>
  <c r="T93409" i="1"/>
  <c r="T93410" i="1"/>
  <c r="T93411" i="1"/>
  <c r="T93412" i="1"/>
  <c r="T93413" i="1"/>
  <c r="T93414" i="1"/>
  <c r="T93415" i="1"/>
  <c r="T93416" i="1"/>
  <c r="T93417" i="1"/>
  <c r="T93418" i="1"/>
  <c r="T93419" i="1"/>
  <c r="T93420" i="1"/>
  <c r="T93421" i="1"/>
  <c r="T93422" i="1"/>
  <c r="T93423" i="1"/>
  <c r="T93424" i="1"/>
  <c r="T93425" i="1"/>
  <c r="T93426" i="1"/>
  <c r="T93427" i="1"/>
  <c r="T93428" i="1"/>
  <c r="T93429" i="1"/>
  <c r="T93430" i="1"/>
  <c r="T93431" i="1"/>
  <c r="T93432" i="1"/>
  <c r="T93433" i="1"/>
  <c r="T93434" i="1"/>
  <c r="T93435" i="1"/>
  <c r="T93436" i="1"/>
  <c r="T93437" i="1"/>
  <c r="T93438" i="1"/>
  <c r="T93439" i="1"/>
  <c r="T93440" i="1"/>
  <c r="T93441" i="1"/>
  <c r="T93442" i="1"/>
  <c r="T93443" i="1"/>
  <c r="T93444" i="1"/>
  <c r="T93445" i="1"/>
  <c r="T93446" i="1"/>
  <c r="T93447" i="1"/>
  <c r="T93448" i="1"/>
  <c r="T93449" i="1"/>
  <c r="T93450" i="1"/>
  <c r="T93451" i="1"/>
  <c r="T93452" i="1"/>
  <c r="T93453" i="1"/>
  <c r="T93454" i="1"/>
  <c r="T93455" i="1"/>
  <c r="T93456" i="1"/>
  <c r="T93457" i="1"/>
  <c r="T93458" i="1"/>
  <c r="T93459" i="1"/>
  <c r="T93460" i="1"/>
  <c r="T93461" i="1"/>
  <c r="T93462" i="1"/>
  <c r="T93463" i="1"/>
  <c r="T93464" i="1"/>
  <c r="T93465" i="1"/>
  <c r="T93466" i="1"/>
  <c r="T93467" i="1"/>
  <c r="T93468" i="1"/>
  <c r="T93469" i="1"/>
  <c r="T93470" i="1"/>
  <c r="T93471" i="1"/>
  <c r="T93472" i="1"/>
  <c r="T93473" i="1"/>
  <c r="T93474" i="1"/>
  <c r="T93475" i="1"/>
  <c r="T93476" i="1"/>
  <c r="T93477" i="1"/>
  <c r="T93478" i="1"/>
  <c r="T93479" i="1"/>
  <c r="T93480" i="1"/>
  <c r="T93481" i="1"/>
  <c r="T93482" i="1"/>
  <c r="T93483" i="1"/>
  <c r="T93484" i="1"/>
  <c r="T93485" i="1"/>
  <c r="T93486" i="1"/>
  <c r="T93487" i="1"/>
  <c r="T93488" i="1"/>
  <c r="T93489" i="1"/>
  <c r="T93490" i="1"/>
  <c r="T93491" i="1"/>
  <c r="T93492" i="1"/>
  <c r="T93493" i="1"/>
  <c r="T93494" i="1"/>
  <c r="T93495" i="1"/>
  <c r="T93496" i="1"/>
  <c r="T93497" i="1"/>
  <c r="T93498" i="1"/>
  <c r="T93499" i="1"/>
  <c r="T93500" i="1"/>
  <c r="T93501" i="1"/>
  <c r="T93502" i="1"/>
  <c r="T93503" i="1"/>
  <c r="T93504" i="1"/>
  <c r="T93505" i="1"/>
  <c r="T93506" i="1"/>
  <c r="T93507" i="1"/>
  <c r="T93508" i="1"/>
  <c r="T93509" i="1"/>
  <c r="T93510" i="1"/>
  <c r="T93511" i="1"/>
  <c r="T93512" i="1"/>
  <c r="T93513" i="1"/>
  <c r="T93514" i="1"/>
  <c r="T93515" i="1"/>
  <c r="T93516" i="1"/>
  <c r="T93517" i="1"/>
  <c r="T93518" i="1"/>
  <c r="T93519" i="1"/>
  <c r="T93520" i="1"/>
  <c r="T93521" i="1"/>
  <c r="T93522" i="1"/>
  <c r="T93523" i="1"/>
  <c r="T93524" i="1"/>
  <c r="T93525" i="1"/>
  <c r="T93526" i="1"/>
  <c r="T93527" i="1"/>
  <c r="T93528" i="1"/>
  <c r="T93529" i="1"/>
  <c r="T93530" i="1"/>
  <c r="T93531" i="1"/>
  <c r="T93532" i="1"/>
  <c r="T93533" i="1"/>
  <c r="T93534" i="1"/>
  <c r="T93535" i="1"/>
  <c r="T93536" i="1"/>
  <c r="T93537" i="1"/>
  <c r="T93538" i="1"/>
  <c r="T93539" i="1"/>
  <c r="T93540" i="1"/>
  <c r="T93541" i="1"/>
  <c r="T93542" i="1"/>
  <c r="T93543" i="1"/>
  <c r="T93544" i="1"/>
  <c r="T93545" i="1"/>
  <c r="T93546" i="1"/>
  <c r="T93547" i="1"/>
  <c r="T93548" i="1"/>
  <c r="T93549" i="1"/>
  <c r="T93550" i="1"/>
  <c r="T93551" i="1"/>
  <c r="T93552" i="1"/>
  <c r="T93553" i="1"/>
  <c r="T93554" i="1"/>
  <c r="T93555" i="1"/>
  <c r="T93556" i="1"/>
  <c r="T93557" i="1"/>
  <c r="T93558" i="1"/>
  <c r="T93559" i="1"/>
  <c r="T93560" i="1"/>
  <c r="T93561" i="1"/>
  <c r="T93562" i="1"/>
  <c r="T93563" i="1"/>
  <c r="T93564" i="1"/>
  <c r="T93565" i="1"/>
  <c r="T93566" i="1"/>
  <c r="T93567" i="1"/>
  <c r="T93568" i="1"/>
  <c r="T93569" i="1"/>
  <c r="T93570" i="1"/>
  <c r="T93571" i="1"/>
  <c r="T93572" i="1"/>
  <c r="T93573" i="1"/>
  <c r="T93574" i="1"/>
  <c r="T93575" i="1"/>
  <c r="T93576" i="1"/>
  <c r="T93577" i="1"/>
  <c r="T93578" i="1"/>
  <c r="T93579" i="1"/>
  <c r="T93580" i="1"/>
  <c r="T93581" i="1"/>
  <c r="T93582" i="1"/>
  <c r="T93583" i="1"/>
  <c r="T93584" i="1"/>
  <c r="T93585" i="1"/>
  <c r="T93586" i="1"/>
  <c r="T93587" i="1"/>
  <c r="T93588" i="1"/>
  <c r="T93589" i="1"/>
  <c r="T93590" i="1"/>
  <c r="T93591" i="1"/>
  <c r="T93592" i="1"/>
  <c r="T93593" i="1"/>
  <c r="T93594" i="1"/>
  <c r="T93595" i="1"/>
  <c r="T93596" i="1"/>
  <c r="T93597" i="1"/>
  <c r="T93598" i="1"/>
  <c r="T93599" i="1"/>
  <c r="T93600" i="1"/>
  <c r="T93601" i="1"/>
  <c r="T93602" i="1"/>
  <c r="T93603" i="1"/>
  <c r="T93604" i="1"/>
  <c r="T93605" i="1"/>
  <c r="T93606" i="1"/>
  <c r="T93607" i="1"/>
  <c r="T93608" i="1"/>
  <c r="T93609" i="1"/>
  <c r="T93610" i="1"/>
  <c r="T93611" i="1"/>
  <c r="T93612" i="1"/>
  <c r="T93613" i="1"/>
  <c r="T93614" i="1"/>
  <c r="T93615" i="1"/>
  <c r="T93616" i="1"/>
  <c r="T93617" i="1"/>
  <c r="T93618" i="1"/>
  <c r="T93619" i="1"/>
  <c r="T93620" i="1"/>
  <c r="T93621" i="1"/>
  <c r="T93622" i="1"/>
  <c r="T93623" i="1"/>
  <c r="T93624" i="1"/>
  <c r="T93625" i="1"/>
  <c r="T93626" i="1"/>
  <c r="T93627" i="1"/>
  <c r="T93628" i="1"/>
  <c r="T93629" i="1"/>
  <c r="T93630" i="1"/>
  <c r="T93631" i="1"/>
  <c r="T93632" i="1"/>
  <c r="T93633" i="1"/>
  <c r="T93634" i="1"/>
  <c r="T93635" i="1"/>
  <c r="T93636" i="1"/>
  <c r="T93637" i="1"/>
  <c r="T93638" i="1"/>
  <c r="T93639" i="1"/>
  <c r="T93640" i="1"/>
  <c r="T93641" i="1"/>
  <c r="T93642" i="1"/>
  <c r="T93643" i="1"/>
  <c r="T93644" i="1"/>
  <c r="T93645" i="1"/>
  <c r="T93646" i="1"/>
  <c r="T93647" i="1"/>
  <c r="T93648" i="1"/>
  <c r="T93649" i="1"/>
  <c r="T93650" i="1"/>
  <c r="T93651" i="1"/>
  <c r="T93652" i="1"/>
  <c r="T93653" i="1"/>
  <c r="T93654" i="1"/>
  <c r="T93655" i="1"/>
  <c r="T93656" i="1"/>
  <c r="T93657" i="1"/>
  <c r="T93658" i="1"/>
  <c r="T93659" i="1"/>
  <c r="T93660" i="1"/>
  <c r="T93661" i="1"/>
  <c r="T93662" i="1"/>
  <c r="T93663" i="1"/>
  <c r="T93664" i="1"/>
  <c r="T93665" i="1"/>
  <c r="T93666" i="1"/>
  <c r="T93667" i="1"/>
  <c r="T93668" i="1"/>
  <c r="T93669" i="1"/>
  <c r="T93670" i="1"/>
  <c r="T93671" i="1"/>
  <c r="T93672" i="1"/>
  <c r="T93673" i="1"/>
  <c r="T93674" i="1"/>
  <c r="T93675" i="1"/>
  <c r="T93676" i="1"/>
  <c r="T93677" i="1"/>
  <c r="T93678" i="1"/>
  <c r="T93679" i="1"/>
  <c r="T93680" i="1"/>
  <c r="T93681" i="1"/>
  <c r="T93682" i="1"/>
  <c r="T93683" i="1"/>
  <c r="T93684" i="1"/>
  <c r="T93685" i="1"/>
  <c r="T93686" i="1"/>
  <c r="T93687" i="1"/>
  <c r="T93688" i="1"/>
  <c r="T93689" i="1"/>
  <c r="T93690" i="1"/>
  <c r="T93691" i="1"/>
  <c r="T93692" i="1"/>
  <c r="T93693" i="1"/>
  <c r="T93694" i="1"/>
  <c r="T93695" i="1"/>
  <c r="T93696" i="1"/>
  <c r="T93697" i="1"/>
  <c r="T93698" i="1"/>
  <c r="T93699" i="1"/>
  <c r="T93700" i="1"/>
  <c r="T93701" i="1"/>
  <c r="T93702" i="1"/>
  <c r="T93703" i="1"/>
  <c r="T93704" i="1"/>
  <c r="T93705" i="1"/>
  <c r="T93706" i="1"/>
  <c r="T93707" i="1"/>
  <c r="T93708" i="1"/>
  <c r="T93709" i="1"/>
  <c r="T93710" i="1"/>
  <c r="T93711" i="1"/>
  <c r="T93712" i="1"/>
  <c r="T93713" i="1"/>
  <c r="T93714" i="1"/>
  <c r="T93715" i="1"/>
  <c r="T93716" i="1"/>
  <c r="T93717" i="1"/>
  <c r="T93718" i="1"/>
  <c r="T93719" i="1"/>
  <c r="T93720" i="1"/>
  <c r="T93721" i="1"/>
  <c r="T93722" i="1"/>
  <c r="T93723" i="1"/>
  <c r="T93724" i="1"/>
  <c r="T93725" i="1"/>
  <c r="T93726" i="1"/>
  <c r="T93727" i="1"/>
  <c r="T93728" i="1"/>
  <c r="T93729" i="1"/>
  <c r="T93730" i="1"/>
  <c r="T93731" i="1"/>
  <c r="T93732" i="1"/>
  <c r="T93733" i="1"/>
  <c r="T93734" i="1"/>
  <c r="T93735" i="1"/>
  <c r="T93736" i="1"/>
  <c r="T93737" i="1"/>
  <c r="T93738" i="1"/>
  <c r="T93739" i="1"/>
  <c r="T93740" i="1"/>
  <c r="T93741" i="1"/>
  <c r="T93742" i="1"/>
  <c r="T93743" i="1"/>
  <c r="T93744" i="1"/>
  <c r="T93745" i="1"/>
  <c r="T93746" i="1"/>
  <c r="T93747" i="1"/>
  <c r="T93748" i="1"/>
  <c r="T93749" i="1"/>
  <c r="T93750" i="1"/>
  <c r="T93751" i="1"/>
  <c r="T93752" i="1"/>
  <c r="T93753" i="1"/>
  <c r="T93754" i="1"/>
  <c r="T93755" i="1"/>
  <c r="T93756" i="1"/>
  <c r="T93757" i="1"/>
  <c r="T93758" i="1"/>
  <c r="T93759" i="1"/>
  <c r="T93760" i="1"/>
  <c r="T93761" i="1"/>
  <c r="T93762" i="1"/>
  <c r="T93763" i="1"/>
  <c r="T93764" i="1"/>
  <c r="T93765" i="1"/>
  <c r="T93766" i="1"/>
  <c r="T93767" i="1"/>
  <c r="T93768" i="1"/>
  <c r="T93769" i="1"/>
  <c r="T93770" i="1"/>
  <c r="T93771" i="1"/>
  <c r="T93772" i="1"/>
  <c r="T93773" i="1"/>
  <c r="T93774" i="1"/>
  <c r="T93775" i="1"/>
  <c r="T93776" i="1"/>
  <c r="T93777" i="1"/>
  <c r="T93778" i="1"/>
  <c r="T93779" i="1"/>
  <c r="T93780" i="1"/>
  <c r="T93781" i="1"/>
  <c r="T93782" i="1"/>
  <c r="T93783" i="1"/>
  <c r="T93784" i="1"/>
  <c r="T93785" i="1"/>
  <c r="T93786" i="1"/>
  <c r="T93787" i="1"/>
  <c r="T93788" i="1"/>
  <c r="T93789" i="1"/>
  <c r="T93790" i="1"/>
  <c r="T93791" i="1"/>
  <c r="T93792" i="1"/>
  <c r="T93793" i="1"/>
  <c r="T93794" i="1"/>
  <c r="T93795" i="1"/>
  <c r="T93796" i="1"/>
  <c r="T93797" i="1"/>
  <c r="T93798" i="1"/>
  <c r="T93799" i="1"/>
  <c r="T93800" i="1"/>
  <c r="T93801" i="1"/>
  <c r="T93802" i="1"/>
  <c r="T93803" i="1"/>
  <c r="T93804" i="1"/>
  <c r="T93805" i="1"/>
  <c r="T93806" i="1"/>
  <c r="T93807" i="1"/>
  <c r="T93808" i="1"/>
  <c r="T93809" i="1"/>
  <c r="T93810" i="1"/>
  <c r="T93811" i="1"/>
  <c r="T93812" i="1"/>
  <c r="T93813" i="1"/>
  <c r="T93814" i="1"/>
  <c r="T93815" i="1"/>
  <c r="T93816" i="1"/>
  <c r="T93817" i="1"/>
  <c r="T93818" i="1"/>
  <c r="T93819" i="1"/>
  <c r="T93820" i="1"/>
  <c r="T93821" i="1"/>
  <c r="T93822" i="1"/>
  <c r="T93823" i="1"/>
  <c r="T93824" i="1"/>
  <c r="T93825" i="1"/>
  <c r="T93826" i="1"/>
  <c r="T93827" i="1"/>
  <c r="T93828" i="1"/>
  <c r="T93829" i="1"/>
  <c r="T93830" i="1"/>
  <c r="T93831" i="1"/>
  <c r="T93832" i="1"/>
  <c r="T93833" i="1"/>
  <c r="T93834" i="1"/>
  <c r="T93835" i="1"/>
  <c r="T93836" i="1"/>
  <c r="T93837" i="1"/>
  <c r="T93838" i="1"/>
  <c r="T93839" i="1"/>
  <c r="T93840" i="1"/>
  <c r="T93841" i="1"/>
  <c r="T93842" i="1"/>
  <c r="T93843" i="1"/>
  <c r="T93844" i="1"/>
  <c r="T93845" i="1"/>
  <c r="T93846" i="1"/>
  <c r="T93847" i="1"/>
  <c r="T93848" i="1"/>
  <c r="T93849" i="1"/>
  <c r="T93850" i="1"/>
  <c r="T93851" i="1"/>
  <c r="T93852" i="1"/>
  <c r="T93853" i="1"/>
  <c r="T93854" i="1"/>
  <c r="T93855" i="1"/>
  <c r="T93856" i="1"/>
  <c r="T93857" i="1"/>
  <c r="T93858" i="1"/>
  <c r="T93859" i="1"/>
  <c r="T93860" i="1"/>
  <c r="T93861" i="1"/>
  <c r="T93862" i="1"/>
  <c r="T93863" i="1"/>
  <c r="T93864" i="1"/>
  <c r="T93865" i="1"/>
  <c r="T93866" i="1"/>
  <c r="T93867" i="1"/>
  <c r="T93868" i="1"/>
  <c r="T93869" i="1"/>
  <c r="T93870" i="1"/>
  <c r="T93871" i="1"/>
  <c r="T93872" i="1"/>
  <c r="T93873" i="1"/>
  <c r="T93874" i="1"/>
  <c r="T93875" i="1"/>
  <c r="T93876" i="1"/>
  <c r="T93877" i="1"/>
  <c r="T93878" i="1"/>
  <c r="T93879" i="1"/>
  <c r="T93880" i="1"/>
  <c r="T93881" i="1"/>
  <c r="T93882" i="1"/>
  <c r="T93883" i="1"/>
  <c r="T93884" i="1"/>
  <c r="T93885" i="1"/>
  <c r="T93886" i="1"/>
  <c r="T93887" i="1"/>
  <c r="T93888" i="1"/>
  <c r="T93889" i="1"/>
  <c r="T93890" i="1"/>
  <c r="T93891" i="1"/>
  <c r="T93892" i="1"/>
  <c r="T93893" i="1"/>
  <c r="T93894" i="1"/>
  <c r="T93895" i="1"/>
  <c r="T93896" i="1"/>
  <c r="T93897" i="1"/>
  <c r="T93898" i="1"/>
  <c r="T93899" i="1"/>
  <c r="T93900" i="1"/>
  <c r="T93901" i="1"/>
  <c r="T93902" i="1"/>
  <c r="T93903" i="1"/>
  <c r="T93904" i="1"/>
  <c r="T93905" i="1"/>
  <c r="T93906" i="1"/>
  <c r="T93907" i="1"/>
  <c r="T93908" i="1"/>
  <c r="T93909" i="1"/>
  <c r="T93910" i="1"/>
  <c r="T93911" i="1"/>
  <c r="T93912" i="1"/>
  <c r="T93913" i="1"/>
  <c r="T93914" i="1"/>
  <c r="T93915" i="1"/>
  <c r="T93916" i="1"/>
  <c r="T93917" i="1"/>
  <c r="T93918" i="1"/>
  <c r="T93919" i="1"/>
  <c r="T93920" i="1"/>
  <c r="T93921" i="1"/>
  <c r="T93922" i="1"/>
  <c r="T93923" i="1"/>
  <c r="T93924" i="1"/>
  <c r="T93925" i="1"/>
  <c r="T93926" i="1"/>
  <c r="T93927" i="1"/>
  <c r="T93928" i="1"/>
  <c r="T93929" i="1"/>
  <c r="T93930" i="1"/>
  <c r="T93931" i="1"/>
  <c r="T93932" i="1"/>
  <c r="T93933" i="1"/>
  <c r="T93934" i="1"/>
  <c r="T93935" i="1"/>
  <c r="T93936" i="1"/>
  <c r="T93937" i="1"/>
  <c r="T93938" i="1"/>
  <c r="T93939" i="1"/>
  <c r="T93940" i="1"/>
  <c r="T93941" i="1"/>
  <c r="T93942" i="1"/>
  <c r="T93943" i="1"/>
  <c r="T93944" i="1"/>
  <c r="T93945" i="1"/>
  <c r="T93946" i="1"/>
  <c r="T93947" i="1"/>
  <c r="T93948" i="1"/>
  <c r="T93949" i="1"/>
  <c r="T93950" i="1"/>
  <c r="T93951" i="1"/>
  <c r="T93952" i="1"/>
  <c r="T93953" i="1"/>
  <c r="T93954" i="1"/>
  <c r="T93955" i="1"/>
  <c r="T93956" i="1"/>
  <c r="T93957" i="1"/>
  <c r="T93958" i="1"/>
  <c r="T93959" i="1"/>
  <c r="T93960" i="1"/>
  <c r="T93961" i="1"/>
  <c r="T93962" i="1"/>
  <c r="T93963" i="1"/>
  <c r="T93964" i="1"/>
  <c r="T93965" i="1"/>
  <c r="T93966" i="1"/>
  <c r="T93967" i="1"/>
  <c r="T93968" i="1"/>
  <c r="T93969" i="1"/>
  <c r="T93970" i="1"/>
  <c r="T93971" i="1"/>
  <c r="T93972" i="1"/>
  <c r="T93973" i="1"/>
  <c r="T93974" i="1"/>
  <c r="T93975" i="1"/>
  <c r="T93976" i="1"/>
  <c r="T93977" i="1"/>
  <c r="T93978" i="1"/>
  <c r="T93979" i="1"/>
  <c r="T93980" i="1"/>
  <c r="T93981" i="1"/>
  <c r="T93982" i="1"/>
  <c r="T93983" i="1"/>
  <c r="T93984" i="1"/>
  <c r="T93985" i="1"/>
  <c r="T93986" i="1"/>
  <c r="T93987" i="1"/>
  <c r="T93988" i="1"/>
  <c r="T93989" i="1"/>
  <c r="T93990" i="1"/>
  <c r="T93991" i="1"/>
  <c r="T93992" i="1"/>
  <c r="T93993" i="1"/>
  <c r="T93994" i="1"/>
  <c r="T93995" i="1"/>
  <c r="T93996" i="1"/>
  <c r="T93997" i="1"/>
  <c r="T93998" i="1"/>
  <c r="T93999" i="1"/>
  <c r="T94000" i="1"/>
  <c r="T94001" i="1"/>
  <c r="T94002" i="1"/>
  <c r="T94003" i="1"/>
  <c r="T94004" i="1"/>
  <c r="T94005" i="1"/>
  <c r="T94006" i="1"/>
  <c r="T94007" i="1"/>
  <c r="T94008" i="1"/>
  <c r="T94009" i="1"/>
  <c r="T94010" i="1"/>
  <c r="T94011" i="1"/>
  <c r="T94012" i="1"/>
  <c r="T94013" i="1"/>
  <c r="T94014" i="1"/>
  <c r="T94015" i="1"/>
  <c r="T94016" i="1"/>
  <c r="T94017" i="1"/>
  <c r="T94018" i="1"/>
  <c r="T94019" i="1"/>
  <c r="T94020" i="1"/>
  <c r="T94021" i="1"/>
  <c r="T94022" i="1"/>
  <c r="T94023" i="1"/>
  <c r="T94024" i="1"/>
  <c r="T94025" i="1"/>
  <c r="T94026" i="1"/>
  <c r="T94027" i="1"/>
  <c r="T94028" i="1"/>
  <c r="T94029" i="1"/>
  <c r="T94030" i="1"/>
  <c r="T94031" i="1"/>
  <c r="T94032" i="1"/>
  <c r="T94033" i="1"/>
  <c r="T94034" i="1"/>
  <c r="T94035" i="1"/>
  <c r="T94036" i="1"/>
  <c r="T94037" i="1"/>
  <c r="T94038" i="1"/>
  <c r="T94039" i="1"/>
  <c r="T94040" i="1"/>
  <c r="T94041" i="1"/>
  <c r="T94042" i="1"/>
  <c r="T94043" i="1"/>
  <c r="T94044" i="1"/>
  <c r="T94045" i="1"/>
  <c r="T94046" i="1"/>
  <c r="T94047" i="1"/>
  <c r="T94048" i="1"/>
  <c r="T94049" i="1"/>
  <c r="T94050" i="1"/>
  <c r="T94051" i="1"/>
  <c r="T94052" i="1"/>
  <c r="T94053" i="1"/>
  <c r="T94054" i="1"/>
  <c r="T94055" i="1"/>
  <c r="T94056" i="1"/>
  <c r="T94057" i="1"/>
  <c r="T94058" i="1"/>
  <c r="T94059" i="1"/>
  <c r="T94060" i="1"/>
  <c r="T94061" i="1"/>
  <c r="T94062" i="1"/>
  <c r="T94063" i="1"/>
  <c r="T94064" i="1"/>
  <c r="T94065" i="1"/>
  <c r="T94066" i="1"/>
  <c r="T94067" i="1"/>
  <c r="T94068" i="1"/>
  <c r="T94069" i="1"/>
  <c r="T94070" i="1"/>
  <c r="T94071" i="1"/>
  <c r="T94072" i="1"/>
  <c r="T94073" i="1"/>
  <c r="T94074" i="1"/>
  <c r="T94075" i="1"/>
  <c r="T94076" i="1"/>
  <c r="T94077" i="1"/>
  <c r="T94078" i="1"/>
  <c r="T94079" i="1"/>
  <c r="T94080" i="1"/>
  <c r="T94081" i="1"/>
  <c r="T94082" i="1"/>
  <c r="T94083" i="1"/>
  <c r="T94084" i="1"/>
  <c r="T94085" i="1"/>
  <c r="T94086" i="1"/>
  <c r="T94087" i="1"/>
  <c r="T94088" i="1"/>
  <c r="T94089" i="1"/>
  <c r="T94090" i="1"/>
  <c r="T94091" i="1"/>
  <c r="T94092" i="1"/>
  <c r="T94093" i="1"/>
  <c r="T94094" i="1"/>
  <c r="T94095" i="1"/>
  <c r="T94096" i="1"/>
  <c r="T94097" i="1"/>
  <c r="T94098" i="1"/>
  <c r="T94099" i="1"/>
  <c r="T94100" i="1"/>
  <c r="T94101" i="1"/>
  <c r="T94102" i="1"/>
  <c r="T94103" i="1"/>
  <c r="T94104" i="1"/>
  <c r="T94105" i="1"/>
  <c r="T94106" i="1"/>
  <c r="T94107" i="1"/>
  <c r="T94108" i="1"/>
  <c r="T94109" i="1"/>
  <c r="T94110" i="1"/>
  <c r="T94111" i="1"/>
  <c r="T94112" i="1"/>
  <c r="T94113" i="1"/>
  <c r="T94114" i="1"/>
  <c r="T94115" i="1"/>
  <c r="T94116" i="1"/>
  <c r="T94117" i="1"/>
  <c r="T94118" i="1"/>
  <c r="T94119" i="1"/>
  <c r="T94120" i="1"/>
  <c r="T94121" i="1"/>
  <c r="T94122" i="1"/>
  <c r="T94123" i="1"/>
  <c r="T94124" i="1"/>
  <c r="T94125" i="1"/>
  <c r="T94126" i="1"/>
  <c r="T94127" i="1"/>
  <c r="T94128" i="1"/>
  <c r="T94129" i="1"/>
  <c r="T94130" i="1"/>
  <c r="T94131" i="1"/>
  <c r="T94132" i="1"/>
  <c r="T94133" i="1"/>
  <c r="T94134" i="1"/>
  <c r="T94135" i="1"/>
  <c r="T94136" i="1"/>
  <c r="T94137" i="1"/>
  <c r="T94138" i="1"/>
  <c r="T94139" i="1"/>
  <c r="T94140" i="1"/>
  <c r="T94141" i="1"/>
  <c r="T94142" i="1"/>
  <c r="T94143" i="1"/>
  <c r="T94144" i="1"/>
  <c r="T94145" i="1"/>
  <c r="T94146" i="1"/>
  <c r="T94147" i="1"/>
  <c r="T94148" i="1"/>
  <c r="T94149" i="1"/>
  <c r="T94150" i="1"/>
  <c r="T94151" i="1"/>
  <c r="T94152" i="1"/>
  <c r="T94153" i="1"/>
  <c r="T94154" i="1"/>
  <c r="T94155" i="1"/>
  <c r="T94156" i="1"/>
  <c r="T94157" i="1"/>
  <c r="T94158" i="1"/>
  <c r="T94159" i="1"/>
  <c r="T94160" i="1"/>
  <c r="T94161" i="1"/>
  <c r="T94162" i="1"/>
  <c r="T94163" i="1"/>
  <c r="T94164" i="1"/>
  <c r="T94165" i="1"/>
  <c r="T94166" i="1"/>
  <c r="T94167" i="1"/>
  <c r="T94168" i="1"/>
  <c r="T94169" i="1"/>
  <c r="T94170" i="1"/>
  <c r="T94171" i="1"/>
  <c r="T94172" i="1"/>
  <c r="T94173" i="1"/>
  <c r="T94174" i="1"/>
  <c r="T94175" i="1"/>
  <c r="T94176" i="1"/>
  <c r="T94177" i="1"/>
  <c r="T94178" i="1"/>
  <c r="T94179" i="1"/>
  <c r="T94180" i="1"/>
  <c r="T94181" i="1"/>
  <c r="T94182" i="1"/>
  <c r="T94183" i="1"/>
  <c r="T94184" i="1"/>
  <c r="T94185" i="1"/>
  <c r="T94186" i="1"/>
  <c r="T94187" i="1"/>
  <c r="T94188" i="1"/>
  <c r="T94189" i="1"/>
  <c r="T94190" i="1"/>
  <c r="T94191" i="1"/>
  <c r="T94192" i="1"/>
  <c r="T94193" i="1"/>
  <c r="T94194" i="1"/>
  <c r="T94195" i="1"/>
  <c r="T94196" i="1"/>
  <c r="T94197" i="1"/>
  <c r="T94198" i="1"/>
  <c r="T94199" i="1"/>
  <c r="T94200" i="1"/>
  <c r="T94201" i="1"/>
  <c r="T94202" i="1"/>
  <c r="T94203" i="1"/>
  <c r="T94204" i="1"/>
  <c r="T94205" i="1"/>
  <c r="T94206" i="1"/>
  <c r="T94207" i="1"/>
  <c r="T94208" i="1"/>
  <c r="T94209" i="1"/>
  <c r="T94210" i="1"/>
  <c r="T94211" i="1"/>
  <c r="T94212" i="1"/>
  <c r="T94213" i="1"/>
  <c r="T94214" i="1"/>
  <c r="T94215" i="1"/>
  <c r="T94216" i="1"/>
  <c r="T94217" i="1"/>
  <c r="T94218" i="1"/>
  <c r="T94219" i="1"/>
  <c r="T94220" i="1"/>
  <c r="T94221" i="1"/>
  <c r="T94222" i="1"/>
  <c r="T94223" i="1"/>
  <c r="T94224" i="1"/>
  <c r="T94225" i="1"/>
  <c r="T94226" i="1"/>
  <c r="T94227" i="1"/>
  <c r="T94228" i="1"/>
  <c r="T94229" i="1"/>
  <c r="T94230" i="1"/>
  <c r="T94231" i="1"/>
  <c r="T94232" i="1"/>
  <c r="T94233" i="1"/>
  <c r="T94234" i="1"/>
  <c r="T94235" i="1"/>
  <c r="T94236" i="1"/>
  <c r="T94237" i="1"/>
  <c r="T94238" i="1"/>
  <c r="T94239" i="1"/>
  <c r="T94240" i="1"/>
  <c r="T94241" i="1"/>
  <c r="T94242" i="1"/>
  <c r="T94243" i="1"/>
  <c r="T94244" i="1"/>
  <c r="T94245" i="1"/>
  <c r="T94246" i="1"/>
  <c r="T94247" i="1"/>
  <c r="T94248" i="1"/>
  <c r="T94249" i="1"/>
  <c r="T94250" i="1"/>
  <c r="T94251" i="1"/>
  <c r="T94252" i="1"/>
  <c r="T94253" i="1"/>
  <c r="T94254" i="1"/>
  <c r="T94255" i="1"/>
  <c r="T94256" i="1"/>
  <c r="T94257" i="1"/>
  <c r="T94258" i="1"/>
  <c r="T94259" i="1"/>
  <c r="T94260" i="1"/>
  <c r="T94261" i="1"/>
  <c r="T94262" i="1"/>
  <c r="T94263" i="1"/>
  <c r="T94264" i="1"/>
  <c r="T94265" i="1"/>
  <c r="T94266" i="1"/>
  <c r="T94267" i="1"/>
  <c r="T94268" i="1"/>
  <c r="T94269" i="1"/>
  <c r="T94270" i="1"/>
  <c r="T94271" i="1"/>
  <c r="T94272" i="1"/>
  <c r="T94273" i="1"/>
  <c r="T94274" i="1"/>
  <c r="T94275" i="1"/>
  <c r="T94276" i="1"/>
  <c r="T94277" i="1"/>
  <c r="T94278" i="1"/>
  <c r="T94279" i="1"/>
  <c r="T94280" i="1"/>
  <c r="T94281" i="1"/>
  <c r="T94282" i="1"/>
  <c r="T94283" i="1"/>
  <c r="T94284" i="1"/>
  <c r="T94285" i="1"/>
  <c r="T94286" i="1"/>
  <c r="T94287" i="1"/>
  <c r="T94288" i="1"/>
  <c r="T94289" i="1"/>
  <c r="T94290" i="1"/>
  <c r="T94291" i="1"/>
  <c r="T94292" i="1"/>
  <c r="T94293" i="1"/>
  <c r="T94294" i="1"/>
  <c r="T94295" i="1"/>
  <c r="T94296" i="1"/>
  <c r="T94297" i="1"/>
  <c r="T94298" i="1"/>
  <c r="T94299" i="1"/>
  <c r="T94300" i="1"/>
  <c r="T94301" i="1"/>
  <c r="T94302" i="1"/>
  <c r="T94303" i="1"/>
  <c r="T94304" i="1"/>
  <c r="T94305" i="1"/>
  <c r="T94306" i="1"/>
  <c r="T94307" i="1"/>
  <c r="T94308" i="1"/>
  <c r="T94309" i="1"/>
  <c r="T94310" i="1"/>
  <c r="T94311" i="1"/>
  <c r="T94312" i="1"/>
  <c r="T94313" i="1"/>
  <c r="T94314" i="1"/>
  <c r="T94315" i="1"/>
  <c r="T94316" i="1"/>
  <c r="T94317" i="1"/>
  <c r="T94318" i="1"/>
  <c r="T94319" i="1"/>
  <c r="T94320" i="1"/>
  <c r="T94321" i="1"/>
  <c r="T94322" i="1"/>
  <c r="T94323" i="1"/>
  <c r="T94324" i="1"/>
  <c r="T94325" i="1"/>
  <c r="T94326" i="1"/>
  <c r="T94327" i="1"/>
  <c r="T94328" i="1"/>
  <c r="T94329" i="1"/>
  <c r="T94330" i="1"/>
  <c r="T94331" i="1"/>
  <c r="T94332" i="1"/>
  <c r="T94333" i="1"/>
  <c r="T94334" i="1"/>
  <c r="T94335" i="1"/>
  <c r="T94336" i="1"/>
  <c r="T94337" i="1"/>
  <c r="T94338" i="1"/>
  <c r="T94339" i="1"/>
  <c r="T94340" i="1"/>
  <c r="T94341" i="1"/>
  <c r="T94342" i="1"/>
  <c r="T94343" i="1"/>
  <c r="T94344" i="1"/>
  <c r="T94345" i="1"/>
  <c r="T94346" i="1"/>
  <c r="T94347" i="1"/>
  <c r="T94348" i="1"/>
  <c r="T94349" i="1"/>
  <c r="T94350" i="1"/>
  <c r="T94351" i="1"/>
  <c r="T94352" i="1"/>
  <c r="T94353" i="1"/>
  <c r="T94354" i="1"/>
  <c r="T94355" i="1"/>
  <c r="T94356" i="1"/>
  <c r="T94357" i="1"/>
  <c r="T94358" i="1"/>
  <c r="T94359" i="1"/>
  <c r="T94360" i="1"/>
  <c r="T94361" i="1"/>
  <c r="T94362" i="1"/>
  <c r="T94363" i="1"/>
  <c r="T94364" i="1"/>
  <c r="T94365" i="1"/>
  <c r="T94366" i="1"/>
  <c r="T94367" i="1"/>
  <c r="T94368" i="1"/>
  <c r="T94369" i="1"/>
  <c r="T94370" i="1"/>
  <c r="T94371" i="1"/>
  <c r="T94372" i="1"/>
  <c r="T94373" i="1"/>
  <c r="T94374" i="1"/>
  <c r="T94375" i="1"/>
  <c r="T94376" i="1"/>
  <c r="T94377" i="1"/>
  <c r="T94378" i="1"/>
  <c r="T94379" i="1"/>
  <c r="T94380" i="1"/>
  <c r="T94381" i="1"/>
  <c r="T94382" i="1"/>
  <c r="T94383" i="1"/>
  <c r="T94384" i="1"/>
  <c r="T94385" i="1"/>
  <c r="T94386" i="1"/>
  <c r="T94387" i="1"/>
  <c r="T94388" i="1"/>
  <c r="T94389" i="1"/>
  <c r="T94390" i="1"/>
  <c r="T94391" i="1"/>
  <c r="T94392" i="1"/>
  <c r="T94393" i="1"/>
  <c r="T94394" i="1"/>
  <c r="T94395" i="1"/>
  <c r="T94396" i="1"/>
  <c r="T94397" i="1"/>
  <c r="T94398" i="1"/>
  <c r="T94399" i="1"/>
  <c r="T94400" i="1"/>
  <c r="T94401" i="1"/>
  <c r="T94402" i="1"/>
  <c r="T94403" i="1"/>
  <c r="T94404" i="1"/>
  <c r="T94405" i="1"/>
  <c r="T94406" i="1"/>
  <c r="T94407" i="1"/>
  <c r="T94408" i="1"/>
  <c r="T94409" i="1"/>
  <c r="T94410" i="1"/>
  <c r="T94411" i="1"/>
  <c r="T94412" i="1"/>
  <c r="T94413" i="1"/>
  <c r="T94414" i="1"/>
  <c r="T94415" i="1"/>
  <c r="T94416" i="1"/>
  <c r="T94417" i="1"/>
  <c r="T94418" i="1"/>
  <c r="T94419" i="1"/>
  <c r="T94420" i="1"/>
  <c r="T94421" i="1"/>
  <c r="T94422" i="1"/>
  <c r="T94423" i="1"/>
  <c r="T94424" i="1"/>
  <c r="T94425" i="1"/>
  <c r="T94426" i="1"/>
  <c r="T94427" i="1"/>
  <c r="T94428" i="1"/>
  <c r="T94429" i="1"/>
  <c r="T94430" i="1"/>
  <c r="T94431" i="1"/>
  <c r="T94432" i="1"/>
  <c r="T94433" i="1"/>
  <c r="T94434" i="1"/>
  <c r="T94435" i="1"/>
  <c r="T94436" i="1"/>
  <c r="T94437" i="1"/>
  <c r="T94438" i="1"/>
  <c r="T94439" i="1"/>
  <c r="T94440" i="1"/>
  <c r="T94441" i="1"/>
  <c r="T94442" i="1"/>
  <c r="T94443" i="1"/>
  <c r="T94444" i="1"/>
  <c r="T94445" i="1"/>
  <c r="T94446" i="1"/>
  <c r="T94447" i="1"/>
  <c r="T94448" i="1"/>
  <c r="T94449" i="1"/>
  <c r="T94450" i="1"/>
  <c r="T94451" i="1"/>
  <c r="T94452" i="1"/>
  <c r="T94453" i="1"/>
  <c r="T94454" i="1"/>
  <c r="T94455" i="1"/>
  <c r="T94456" i="1"/>
  <c r="T94457" i="1"/>
  <c r="T94458" i="1"/>
  <c r="T94459" i="1"/>
  <c r="T94460" i="1"/>
  <c r="T94461" i="1"/>
  <c r="T94462" i="1"/>
  <c r="T94463" i="1"/>
  <c r="T94464" i="1"/>
  <c r="T94465" i="1"/>
  <c r="T94466" i="1"/>
  <c r="T94467" i="1"/>
  <c r="T94468" i="1"/>
  <c r="T94469" i="1"/>
  <c r="T94470" i="1"/>
  <c r="T94471" i="1"/>
  <c r="T94472" i="1"/>
  <c r="T94473" i="1"/>
  <c r="T94474" i="1"/>
  <c r="T94475" i="1"/>
  <c r="T94476" i="1"/>
  <c r="T94477" i="1"/>
  <c r="T94478" i="1"/>
  <c r="T94479" i="1"/>
  <c r="T94480" i="1"/>
  <c r="T94481" i="1"/>
  <c r="T94482" i="1"/>
  <c r="T94483" i="1"/>
  <c r="T94484" i="1"/>
  <c r="T94485" i="1"/>
  <c r="T94486" i="1"/>
  <c r="T94487" i="1"/>
  <c r="T94488" i="1"/>
  <c r="T94489" i="1"/>
  <c r="T94490" i="1"/>
  <c r="T94491" i="1"/>
  <c r="T94492" i="1"/>
  <c r="T94493" i="1"/>
  <c r="T94494" i="1"/>
  <c r="T94495" i="1"/>
  <c r="T94496" i="1"/>
  <c r="T94497" i="1"/>
  <c r="T94498" i="1"/>
  <c r="T94499" i="1"/>
  <c r="T94500" i="1"/>
  <c r="T94501" i="1"/>
  <c r="T94502" i="1"/>
  <c r="T94503" i="1"/>
  <c r="T94504" i="1"/>
  <c r="T94505" i="1"/>
  <c r="T94506" i="1"/>
  <c r="T94507" i="1"/>
  <c r="T94508" i="1"/>
  <c r="T94509" i="1"/>
  <c r="T94510" i="1"/>
  <c r="T94511" i="1"/>
  <c r="T94512" i="1"/>
  <c r="T94513" i="1"/>
  <c r="T94514" i="1"/>
  <c r="T94515" i="1"/>
  <c r="T94516" i="1"/>
  <c r="T94517" i="1"/>
  <c r="T94518" i="1"/>
  <c r="T94519" i="1"/>
  <c r="T94520" i="1"/>
  <c r="T94521" i="1"/>
  <c r="T94522" i="1"/>
  <c r="T94523" i="1"/>
  <c r="T94524" i="1"/>
  <c r="T94525" i="1"/>
  <c r="T94526" i="1"/>
  <c r="T94527" i="1"/>
  <c r="T94528" i="1"/>
  <c r="T94529" i="1"/>
  <c r="T94530" i="1"/>
  <c r="T94531" i="1"/>
  <c r="T94532" i="1"/>
  <c r="T94533" i="1"/>
  <c r="T94534" i="1"/>
  <c r="T94535" i="1"/>
  <c r="T94536" i="1"/>
  <c r="T94537" i="1"/>
  <c r="T94538" i="1"/>
  <c r="T94539" i="1"/>
  <c r="T94540" i="1"/>
  <c r="T94541" i="1"/>
  <c r="T94542" i="1"/>
  <c r="T94543" i="1"/>
  <c r="T94544" i="1"/>
  <c r="T94545" i="1"/>
  <c r="T94546" i="1"/>
  <c r="T94547" i="1"/>
  <c r="T94548" i="1"/>
  <c r="T94549" i="1"/>
  <c r="T94550" i="1"/>
  <c r="T94551" i="1"/>
  <c r="T94552" i="1"/>
  <c r="T94553" i="1"/>
  <c r="T94554" i="1"/>
  <c r="T94555" i="1"/>
  <c r="T94556" i="1"/>
  <c r="T94557" i="1"/>
  <c r="T94558" i="1"/>
  <c r="T94559" i="1"/>
  <c r="T94560" i="1"/>
  <c r="T94561" i="1"/>
  <c r="T94562" i="1"/>
  <c r="T94563" i="1"/>
  <c r="T94564" i="1"/>
  <c r="T94565" i="1"/>
  <c r="T94566" i="1"/>
  <c r="T94567" i="1"/>
  <c r="T94568" i="1"/>
  <c r="T94569" i="1"/>
  <c r="T94570" i="1"/>
  <c r="T94571" i="1"/>
  <c r="T94572" i="1"/>
  <c r="T94573" i="1"/>
  <c r="T94574" i="1"/>
  <c r="T94575" i="1"/>
  <c r="T94576" i="1"/>
  <c r="T94577" i="1"/>
  <c r="T94578" i="1"/>
  <c r="T94579" i="1"/>
  <c r="T94580" i="1"/>
  <c r="T94581" i="1"/>
  <c r="T94582" i="1"/>
  <c r="T94583" i="1"/>
  <c r="T94584" i="1"/>
  <c r="T94585" i="1"/>
  <c r="T94586" i="1"/>
  <c r="T94587" i="1"/>
  <c r="T94588" i="1"/>
  <c r="T94589" i="1"/>
  <c r="T94590" i="1"/>
  <c r="T94591" i="1"/>
  <c r="T94592" i="1"/>
  <c r="T94593" i="1"/>
  <c r="T94594" i="1"/>
  <c r="T94595" i="1"/>
  <c r="T94596" i="1"/>
  <c r="T94597" i="1"/>
  <c r="T94598" i="1"/>
  <c r="T94599" i="1"/>
  <c r="T94600" i="1"/>
  <c r="T94601" i="1"/>
  <c r="T94602" i="1"/>
  <c r="T94603" i="1"/>
  <c r="T94604" i="1"/>
  <c r="T94605" i="1"/>
  <c r="T94606" i="1"/>
  <c r="T94607" i="1"/>
  <c r="T94608" i="1"/>
  <c r="T94609" i="1"/>
  <c r="T94610" i="1"/>
  <c r="T94611" i="1"/>
  <c r="T94612" i="1"/>
  <c r="T94613" i="1"/>
  <c r="T94614" i="1"/>
  <c r="T94615" i="1"/>
  <c r="T94616" i="1"/>
  <c r="T94617" i="1"/>
  <c r="T94618" i="1"/>
  <c r="T94619" i="1"/>
  <c r="T94620" i="1"/>
  <c r="T94621" i="1"/>
  <c r="T94622" i="1"/>
  <c r="T94623" i="1"/>
  <c r="T94624" i="1"/>
  <c r="T94625" i="1"/>
  <c r="T94626" i="1"/>
  <c r="T94627" i="1"/>
  <c r="T94628" i="1"/>
  <c r="T94629" i="1"/>
  <c r="T94630" i="1"/>
  <c r="T94631" i="1"/>
  <c r="T94632" i="1"/>
  <c r="T94633" i="1"/>
  <c r="T94634" i="1"/>
  <c r="T94635" i="1"/>
  <c r="T94636" i="1"/>
  <c r="T94637" i="1"/>
  <c r="T94638" i="1"/>
  <c r="T94639" i="1"/>
  <c r="T94640" i="1"/>
  <c r="T94641" i="1"/>
  <c r="T94642" i="1"/>
  <c r="T94643" i="1"/>
  <c r="T94644" i="1"/>
  <c r="T94645" i="1"/>
  <c r="T94646" i="1"/>
  <c r="T94647" i="1"/>
  <c r="T94648" i="1"/>
  <c r="T94649" i="1"/>
  <c r="T94650" i="1"/>
  <c r="T94651" i="1"/>
  <c r="T94652" i="1"/>
  <c r="T94653" i="1"/>
  <c r="T94654" i="1"/>
  <c r="T94655" i="1"/>
  <c r="T94656" i="1"/>
  <c r="T94657" i="1"/>
  <c r="T94658" i="1"/>
  <c r="T94659" i="1"/>
  <c r="T94660" i="1"/>
  <c r="T94661" i="1"/>
  <c r="T94662" i="1"/>
  <c r="T94663" i="1"/>
  <c r="T94664" i="1"/>
  <c r="T94665" i="1"/>
  <c r="T94666" i="1"/>
  <c r="T94667" i="1"/>
  <c r="T94668" i="1"/>
  <c r="T94669" i="1"/>
  <c r="T94670" i="1"/>
  <c r="T94671" i="1"/>
  <c r="T94672" i="1"/>
  <c r="T94673" i="1"/>
  <c r="T94674" i="1"/>
  <c r="T94675" i="1"/>
  <c r="T94676" i="1"/>
  <c r="T94677" i="1"/>
  <c r="T94678" i="1"/>
  <c r="T94679" i="1"/>
  <c r="T94680" i="1"/>
  <c r="T94681" i="1"/>
  <c r="T94682" i="1"/>
  <c r="T94683" i="1"/>
  <c r="T94684" i="1"/>
  <c r="T94685" i="1"/>
  <c r="T94686" i="1"/>
  <c r="T94687" i="1"/>
  <c r="T94688" i="1"/>
  <c r="T94689" i="1"/>
  <c r="T94690" i="1"/>
  <c r="T94691" i="1"/>
  <c r="T94692" i="1"/>
  <c r="T94693" i="1"/>
  <c r="T94694" i="1"/>
  <c r="T94695" i="1"/>
  <c r="T94696" i="1"/>
  <c r="T94697" i="1"/>
  <c r="T94698" i="1"/>
  <c r="T94699" i="1"/>
  <c r="T94700" i="1"/>
  <c r="T94701" i="1"/>
  <c r="T94702" i="1"/>
  <c r="T94703" i="1"/>
  <c r="T94704" i="1"/>
  <c r="T94705" i="1"/>
  <c r="T94706" i="1"/>
  <c r="T94707" i="1"/>
  <c r="T94708" i="1"/>
  <c r="T94709" i="1"/>
  <c r="T94710" i="1"/>
  <c r="T94711" i="1"/>
  <c r="T94712" i="1"/>
  <c r="T94713" i="1"/>
  <c r="T94714" i="1"/>
  <c r="T94715" i="1"/>
  <c r="T94716" i="1"/>
  <c r="T94717" i="1"/>
  <c r="T94718" i="1"/>
  <c r="T94719" i="1"/>
  <c r="T94720" i="1"/>
  <c r="T94721" i="1"/>
  <c r="T94722" i="1"/>
  <c r="T94723" i="1"/>
  <c r="T94724" i="1"/>
  <c r="T94725" i="1"/>
  <c r="T94726" i="1"/>
  <c r="T94727" i="1"/>
  <c r="T94728" i="1"/>
  <c r="T94729" i="1"/>
  <c r="T94730" i="1"/>
  <c r="T94731" i="1"/>
  <c r="T94732" i="1"/>
  <c r="T94733" i="1"/>
  <c r="T94734" i="1"/>
  <c r="T94735" i="1"/>
  <c r="T94736" i="1"/>
  <c r="T94737" i="1"/>
  <c r="T94738" i="1"/>
  <c r="T94739" i="1"/>
  <c r="T94740" i="1"/>
  <c r="T94741" i="1"/>
  <c r="T94742" i="1"/>
  <c r="T94743" i="1"/>
  <c r="T94744" i="1"/>
  <c r="T94745" i="1"/>
  <c r="T94746" i="1"/>
  <c r="T94747" i="1"/>
  <c r="T94748" i="1"/>
  <c r="T94749" i="1"/>
  <c r="T94750" i="1"/>
  <c r="T94751" i="1"/>
  <c r="T94752" i="1"/>
  <c r="T94753" i="1"/>
  <c r="T94754" i="1"/>
  <c r="T94755" i="1"/>
  <c r="T94756" i="1"/>
  <c r="T94757" i="1"/>
  <c r="T94758" i="1"/>
  <c r="T94759" i="1"/>
  <c r="T94760" i="1"/>
  <c r="T94761" i="1"/>
  <c r="T94762" i="1"/>
  <c r="T94763" i="1"/>
  <c r="T94764" i="1"/>
  <c r="T94765" i="1"/>
  <c r="T94766" i="1"/>
  <c r="T94767" i="1"/>
  <c r="T94768" i="1"/>
  <c r="T94769" i="1"/>
  <c r="T94770" i="1"/>
  <c r="T94771" i="1"/>
  <c r="T94772" i="1"/>
  <c r="T94773" i="1"/>
  <c r="T94774" i="1"/>
  <c r="T94775" i="1"/>
  <c r="T94776" i="1"/>
  <c r="T94777" i="1"/>
  <c r="T94778" i="1"/>
  <c r="T94779" i="1"/>
  <c r="T94780" i="1"/>
  <c r="T94781" i="1"/>
  <c r="T94782" i="1"/>
  <c r="T94783" i="1"/>
  <c r="T94784" i="1"/>
  <c r="T94785" i="1"/>
  <c r="T94786" i="1"/>
  <c r="T94787" i="1"/>
  <c r="T94788" i="1"/>
  <c r="T94789" i="1"/>
  <c r="T94790" i="1"/>
  <c r="T94791" i="1"/>
  <c r="T94792" i="1"/>
  <c r="T94793" i="1"/>
  <c r="T94794" i="1"/>
  <c r="T94795" i="1"/>
  <c r="T94796" i="1"/>
  <c r="T94797" i="1"/>
  <c r="T94798" i="1"/>
  <c r="T94799" i="1"/>
  <c r="T94800" i="1"/>
  <c r="T94801" i="1"/>
  <c r="T94802" i="1"/>
  <c r="T94803" i="1"/>
  <c r="T94804" i="1"/>
  <c r="T94805" i="1"/>
  <c r="T94806" i="1"/>
  <c r="T94807" i="1"/>
  <c r="T94808" i="1"/>
  <c r="T94809" i="1"/>
  <c r="T94810" i="1"/>
  <c r="T94811" i="1"/>
  <c r="T94812" i="1"/>
  <c r="T94813" i="1"/>
  <c r="T94814" i="1"/>
  <c r="T94815" i="1"/>
  <c r="T94816" i="1"/>
  <c r="T94817" i="1"/>
  <c r="T94818" i="1"/>
  <c r="T94819" i="1"/>
  <c r="T94820" i="1"/>
  <c r="T94821" i="1"/>
  <c r="T94822" i="1"/>
  <c r="T94823" i="1"/>
  <c r="T94824" i="1"/>
  <c r="T94825" i="1"/>
  <c r="T94826" i="1"/>
  <c r="T94827" i="1"/>
  <c r="T94828" i="1"/>
  <c r="T94829" i="1"/>
  <c r="T94830" i="1"/>
  <c r="T94831" i="1"/>
  <c r="T94832" i="1"/>
  <c r="T94833" i="1"/>
  <c r="T94834" i="1"/>
  <c r="T94835" i="1"/>
  <c r="T94836" i="1"/>
  <c r="T94837" i="1"/>
  <c r="T94838" i="1"/>
  <c r="T94839" i="1"/>
  <c r="T94840" i="1"/>
  <c r="T94841" i="1"/>
  <c r="T94842" i="1"/>
  <c r="T94843" i="1"/>
  <c r="T94844" i="1"/>
  <c r="T94845" i="1"/>
  <c r="T94846" i="1"/>
  <c r="T94847" i="1"/>
  <c r="T94848" i="1"/>
  <c r="T94849" i="1"/>
  <c r="T94850" i="1"/>
  <c r="T94851" i="1"/>
  <c r="T94852" i="1"/>
  <c r="T94853" i="1"/>
  <c r="T94854" i="1"/>
  <c r="T94855" i="1"/>
  <c r="T94856" i="1"/>
  <c r="T94857" i="1"/>
  <c r="T94858" i="1"/>
  <c r="T94859" i="1"/>
  <c r="T94860" i="1"/>
  <c r="T94861" i="1"/>
  <c r="T94862" i="1"/>
  <c r="T94863" i="1"/>
  <c r="T94864" i="1"/>
  <c r="T94865" i="1"/>
  <c r="T94866" i="1"/>
  <c r="T94867" i="1"/>
  <c r="T94868" i="1"/>
  <c r="T94869" i="1"/>
  <c r="T94870" i="1"/>
  <c r="T94871" i="1"/>
  <c r="T94872" i="1"/>
  <c r="T94873" i="1"/>
  <c r="T94874" i="1"/>
  <c r="T94875" i="1"/>
  <c r="T94876" i="1"/>
  <c r="T94877" i="1"/>
  <c r="T94878" i="1"/>
  <c r="T94879" i="1"/>
  <c r="T94880" i="1"/>
  <c r="T94881" i="1"/>
  <c r="T94882" i="1"/>
  <c r="T94883" i="1"/>
  <c r="T94884" i="1"/>
  <c r="T94885" i="1"/>
  <c r="T94886" i="1"/>
  <c r="T94887" i="1"/>
  <c r="T94888" i="1"/>
  <c r="T94889" i="1"/>
  <c r="T94890" i="1"/>
  <c r="T94891" i="1"/>
  <c r="T94892" i="1"/>
  <c r="T94893" i="1"/>
  <c r="T94894" i="1"/>
  <c r="T94895" i="1"/>
  <c r="T94896" i="1"/>
  <c r="T94897" i="1"/>
  <c r="T94898" i="1"/>
  <c r="T94899" i="1"/>
  <c r="T94900" i="1"/>
  <c r="T94901" i="1"/>
  <c r="T94902" i="1"/>
  <c r="T94903" i="1"/>
  <c r="T94904" i="1"/>
  <c r="T94905" i="1"/>
  <c r="T94906" i="1"/>
  <c r="T94907" i="1"/>
  <c r="T94908" i="1"/>
  <c r="T94909" i="1"/>
  <c r="T94910" i="1"/>
  <c r="T94911" i="1"/>
  <c r="T94912" i="1"/>
  <c r="T94913" i="1"/>
  <c r="T94914" i="1"/>
  <c r="T94915" i="1"/>
  <c r="T94916" i="1"/>
  <c r="T94917" i="1"/>
  <c r="T94918" i="1"/>
  <c r="T94919" i="1"/>
  <c r="T94920" i="1"/>
  <c r="T94921" i="1"/>
  <c r="T94922" i="1"/>
  <c r="T94923" i="1"/>
  <c r="T94924" i="1"/>
  <c r="T94925" i="1"/>
  <c r="T94926" i="1"/>
  <c r="T94927" i="1"/>
  <c r="T94928" i="1"/>
  <c r="T94929" i="1"/>
  <c r="T94930" i="1"/>
  <c r="T94931" i="1"/>
  <c r="T94932" i="1"/>
  <c r="T94933" i="1"/>
  <c r="T94934" i="1"/>
  <c r="T94935" i="1"/>
  <c r="T94936" i="1"/>
  <c r="T94937" i="1"/>
  <c r="T94938" i="1"/>
  <c r="T94939" i="1"/>
  <c r="T94940" i="1"/>
  <c r="T94941" i="1"/>
  <c r="T94942" i="1"/>
  <c r="T94943" i="1"/>
  <c r="T94944" i="1"/>
  <c r="T94945" i="1"/>
  <c r="T94946" i="1"/>
  <c r="T94947" i="1"/>
  <c r="T94948" i="1"/>
  <c r="T94949" i="1"/>
  <c r="T94950" i="1"/>
  <c r="T94951" i="1"/>
  <c r="T94952" i="1"/>
  <c r="T94953" i="1"/>
  <c r="T94954" i="1"/>
  <c r="T94955" i="1"/>
  <c r="T94956" i="1"/>
  <c r="T94957" i="1"/>
  <c r="T94958" i="1"/>
  <c r="T94959" i="1"/>
  <c r="T94960" i="1"/>
  <c r="T94961" i="1"/>
  <c r="T94962" i="1"/>
  <c r="T94963" i="1"/>
  <c r="T94964" i="1"/>
  <c r="T94965" i="1"/>
  <c r="T94966" i="1"/>
  <c r="T94967" i="1"/>
  <c r="T94968" i="1"/>
  <c r="T94969" i="1"/>
  <c r="T94970" i="1"/>
  <c r="T94971" i="1"/>
  <c r="T94972" i="1"/>
  <c r="T94973" i="1"/>
  <c r="T94974" i="1"/>
  <c r="T94975" i="1"/>
  <c r="T94976" i="1"/>
  <c r="T94977" i="1"/>
  <c r="T94978" i="1"/>
  <c r="T94979" i="1"/>
  <c r="T94980" i="1"/>
  <c r="T94981" i="1"/>
  <c r="T94982" i="1"/>
  <c r="T94983" i="1"/>
  <c r="T94984" i="1"/>
  <c r="T94985" i="1"/>
  <c r="T94986" i="1"/>
  <c r="T94987" i="1"/>
  <c r="T94988" i="1"/>
  <c r="T94989" i="1"/>
  <c r="T94990" i="1"/>
  <c r="T94991" i="1"/>
  <c r="T94992" i="1"/>
  <c r="T94993" i="1"/>
  <c r="T94994" i="1"/>
  <c r="T94995" i="1"/>
  <c r="T94996" i="1"/>
  <c r="T94997" i="1"/>
  <c r="T94998" i="1"/>
  <c r="T94999" i="1"/>
  <c r="T95000" i="1"/>
  <c r="T95001" i="1"/>
  <c r="T95002" i="1"/>
  <c r="T95003" i="1"/>
  <c r="T95004" i="1"/>
  <c r="T95005" i="1"/>
  <c r="T95006" i="1"/>
  <c r="T95007" i="1"/>
  <c r="T95008" i="1"/>
  <c r="T95009" i="1"/>
  <c r="T95010" i="1"/>
  <c r="T95011" i="1"/>
  <c r="T95012" i="1"/>
  <c r="T95013" i="1"/>
  <c r="T95014" i="1"/>
  <c r="T95015" i="1"/>
  <c r="T95016" i="1"/>
  <c r="T95017" i="1"/>
  <c r="T95018" i="1"/>
  <c r="T95019" i="1"/>
  <c r="T95020" i="1"/>
  <c r="T95021" i="1"/>
  <c r="T95022" i="1"/>
  <c r="T95023" i="1"/>
  <c r="T95024" i="1"/>
  <c r="T95025" i="1"/>
  <c r="T95026" i="1"/>
  <c r="T95027" i="1"/>
  <c r="T95028" i="1"/>
  <c r="T95029" i="1"/>
  <c r="T95030" i="1"/>
  <c r="T95031" i="1"/>
  <c r="T95032" i="1"/>
  <c r="T95033" i="1"/>
  <c r="T95034" i="1"/>
  <c r="T95035" i="1"/>
  <c r="T95036" i="1"/>
  <c r="T95037" i="1"/>
  <c r="T95038" i="1"/>
  <c r="T95039" i="1"/>
  <c r="T95040" i="1"/>
  <c r="T95041" i="1"/>
  <c r="T95042" i="1"/>
  <c r="T95043" i="1"/>
  <c r="T95044" i="1"/>
  <c r="T95045" i="1"/>
  <c r="T95046" i="1"/>
  <c r="T95047" i="1"/>
  <c r="T95048" i="1"/>
  <c r="T95049" i="1"/>
  <c r="T95050" i="1"/>
  <c r="T95051" i="1"/>
  <c r="T95052" i="1"/>
  <c r="T95053" i="1"/>
  <c r="T95054" i="1"/>
  <c r="T95055" i="1"/>
  <c r="T95056" i="1"/>
  <c r="T95057" i="1"/>
  <c r="T95058" i="1"/>
  <c r="T95059" i="1"/>
  <c r="T95060" i="1"/>
  <c r="T95061" i="1"/>
  <c r="T95062" i="1"/>
  <c r="T95063" i="1"/>
  <c r="T95064" i="1"/>
  <c r="T95065" i="1"/>
  <c r="T95066" i="1"/>
  <c r="T95067" i="1"/>
  <c r="T95068" i="1"/>
  <c r="T95069" i="1"/>
  <c r="T95070" i="1"/>
  <c r="T95071" i="1"/>
  <c r="T95072" i="1"/>
  <c r="T95073" i="1"/>
  <c r="T95074" i="1"/>
  <c r="T95075" i="1"/>
  <c r="T95076" i="1"/>
  <c r="T95077" i="1"/>
  <c r="T95078" i="1"/>
  <c r="T95079" i="1"/>
  <c r="T95080" i="1"/>
  <c r="T95081" i="1"/>
  <c r="T95082" i="1"/>
  <c r="T95083" i="1"/>
  <c r="T95084" i="1"/>
  <c r="T95085" i="1"/>
  <c r="T95086" i="1"/>
  <c r="T95087" i="1"/>
  <c r="T95088" i="1"/>
  <c r="T95089" i="1"/>
  <c r="T95090" i="1"/>
  <c r="T95091" i="1"/>
  <c r="T95092" i="1"/>
  <c r="T95093" i="1"/>
  <c r="T95094" i="1"/>
  <c r="T95095" i="1"/>
  <c r="T95096" i="1"/>
  <c r="T95097" i="1"/>
  <c r="T95098" i="1"/>
  <c r="T95099" i="1"/>
  <c r="T95100" i="1"/>
  <c r="T95101" i="1"/>
  <c r="T95102" i="1"/>
  <c r="T95103" i="1"/>
  <c r="T95104" i="1"/>
  <c r="T95105" i="1"/>
  <c r="T95106" i="1"/>
  <c r="T95107" i="1"/>
  <c r="T95108" i="1"/>
  <c r="T95109" i="1"/>
  <c r="T95110" i="1"/>
  <c r="T95111" i="1"/>
  <c r="T95112" i="1"/>
  <c r="T95113" i="1"/>
  <c r="T95114" i="1"/>
  <c r="T95115" i="1"/>
  <c r="T95116" i="1"/>
  <c r="T95117" i="1"/>
  <c r="T95118" i="1"/>
  <c r="T95119" i="1"/>
  <c r="T95120" i="1"/>
  <c r="T95121" i="1"/>
  <c r="T95122" i="1"/>
  <c r="T95123" i="1"/>
  <c r="T95124" i="1"/>
  <c r="T95125" i="1"/>
  <c r="T95126" i="1"/>
  <c r="T95127" i="1"/>
  <c r="T95128" i="1"/>
  <c r="T95129" i="1"/>
  <c r="T95130" i="1"/>
  <c r="T95131" i="1"/>
  <c r="T95132" i="1"/>
  <c r="T95133" i="1"/>
  <c r="T95134" i="1"/>
  <c r="T95135" i="1"/>
  <c r="T95136" i="1"/>
  <c r="T95137" i="1"/>
  <c r="T95138" i="1"/>
  <c r="T95139" i="1"/>
  <c r="T95140" i="1"/>
  <c r="T95141" i="1"/>
  <c r="T95142" i="1"/>
  <c r="T95143" i="1"/>
  <c r="T95144" i="1"/>
  <c r="T95145" i="1"/>
  <c r="T95146" i="1"/>
  <c r="T95147" i="1"/>
  <c r="T95148" i="1"/>
  <c r="T95149" i="1"/>
  <c r="T95150" i="1"/>
  <c r="T95151" i="1"/>
  <c r="T95152" i="1"/>
  <c r="T95153" i="1"/>
  <c r="T95154" i="1"/>
  <c r="T95155" i="1"/>
  <c r="T95156" i="1"/>
  <c r="T95157" i="1"/>
  <c r="T95158" i="1"/>
  <c r="T95159" i="1"/>
  <c r="T95160" i="1"/>
  <c r="T95161" i="1"/>
  <c r="T95162" i="1"/>
  <c r="T95163" i="1"/>
  <c r="T95164" i="1"/>
  <c r="T95165" i="1"/>
  <c r="T95166" i="1"/>
  <c r="T95167" i="1"/>
  <c r="T95168" i="1"/>
  <c r="T95169" i="1"/>
  <c r="T95170" i="1"/>
  <c r="T95171" i="1"/>
  <c r="T95172" i="1"/>
  <c r="T95173" i="1"/>
  <c r="T95174" i="1"/>
  <c r="T95175" i="1"/>
  <c r="T95176" i="1"/>
  <c r="T95177" i="1"/>
  <c r="T95178" i="1"/>
  <c r="T95179" i="1"/>
  <c r="T95180" i="1"/>
  <c r="T95181" i="1"/>
  <c r="T95182" i="1"/>
  <c r="T95183" i="1"/>
  <c r="T95184" i="1"/>
  <c r="T95185" i="1"/>
  <c r="T95186" i="1"/>
  <c r="T95187" i="1"/>
  <c r="T95188" i="1"/>
  <c r="T95189" i="1"/>
  <c r="T95190" i="1"/>
  <c r="T95191" i="1"/>
  <c r="T95192" i="1"/>
  <c r="T95193" i="1"/>
  <c r="T95194" i="1"/>
  <c r="T95195" i="1"/>
  <c r="T95196" i="1"/>
  <c r="T95197" i="1"/>
  <c r="T95198" i="1"/>
  <c r="T95199" i="1"/>
  <c r="T95200" i="1"/>
  <c r="T95201" i="1"/>
  <c r="T95202" i="1"/>
  <c r="T95203" i="1"/>
  <c r="T95204" i="1"/>
  <c r="T95205" i="1"/>
  <c r="T95206" i="1"/>
  <c r="T95207" i="1"/>
  <c r="T95208" i="1"/>
  <c r="T95209" i="1"/>
  <c r="T95210" i="1"/>
  <c r="T95211" i="1"/>
  <c r="T95212" i="1"/>
  <c r="T95213" i="1"/>
  <c r="T95214" i="1"/>
  <c r="T95215" i="1"/>
  <c r="T95216" i="1"/>
  <c r="T95217" i="1"/>
  <c r="T95218" i="1"/>
  <c r="T95219" i="1"/>
  <c r="T95220" i="1"/>
  <c r="T95221" i="1"/>
  <c r="T95222" i="1"/>
  <c r="T95223" i="1"/>
  <c r="T95224" i="1"/>
  <c r="T95225" i="1"/>
  <c r="T95226" i="1"/>
  <c r="T95227" i="1"/>
  <c r="T95228" i="1"/>
  <c r="T95229" i="1"/>
  <c r="T95230" i="1"/>
  <c r="T95231" i="1"/>
  <c r="T95232" i="1"/>
  <c r="T95233" i="1"/>
  <c r="T95234" i="1"/>
  <c r="T95235" i="1"/>
  <c r="T95236" i="1"/>
  <c r="T95237" i="1"/>
  <c r="T95238" i="1"/>
  <c r="T95239" i="1"/>
  <c r="T95240" i="1"/>
  <c r="T95241" i="1"/>
  <c r="T95242" i="1"/>
  <c r="T95243" i="1"/>
  <c r="T95244" i="1"/>
  <c r="T95245" i="1"/>
  <c r="T95246" i="1"/>
  <c r="T95247" i="1"/>
  <c r="T95248" i="1"/>
  <c r="T95249" i="1"/>
  <c r="T95250" i="1"/>
  <c r="T95251" i="1"/>
  <c r="T95252" i="1"/>
  <c r="T95253" i="1"/>
  <c r="T95254" i="1"/>
  <c r="T95255" i="1"/>
  <c r="T95256" i="1"/>
  <c r="T95257" i="1"/>
  <c r="T95258" i="1"/>
  <c r="T95259" i="1"/>
  <c r="T95260" i="1"/>
  <c r="T95261" i="1"/>
  <c r="T95262" i="1"/>
  <c r="T95263" i="1"/>
  <c r="T95264" i="1"/>
  <c r="T95265" i="1"/>
  <c r="T95266" i="1"/>
  <c r="T95267" i="1"/>
  <c r="T95268" i="1"/>
  <c r="T95269" i="1"/>
  <c r="T95270" i="1"/>
  <c r="T95271" i="1"/>
  <c r="T95272" i="1"/>
  <c r="T95273" i="1"/>
  <c r="T95274" i="1"/>
  <c r="T95275" i="1"/>
  <c r="T95276" i="1"/>
  <c r="T95277" i="1"/>
  <c r="T95278" i="1"/>
  <c r="T95279" i="1"/>
  <c r="T95280" i="1"/>
  <c r="T95281" i="1"/>
  <c r="T95282" i="1"/>
  <c r="T95283" i="1"/>
  <c r="T95284" i="1"/>
  <c r="T95285" i="1"/>
  <c r="T95286" i="1"/>
  <c r="T95287" i="1"/>
  <c r="T95288" i="1"/>
  <c r="T95289" i="1"/>
  <c r="T95290" i="1"/>
  <c r="T95291" i="1"/>
  <c r="T95292" i="1"/>
  <c r="T95293" i="1"/>
  <c r="T95294" i="1"/>
  <c r="T95295" i="1"/>
  <c r="T95296" i="1"/>
  <c r="T95297" i="1"/>
  <c r="T95298" i="1"/>
  <c r="T95299" i="1"/>
  <c r="T95300" i="1"/>
  <c r="T95301" i="1"/>
  <c r="T95302" i="1"/>
  <c r="T95303" i="1"/>
  <c r="T95304" i="1"/>
  <c r="T95305" i="1"/>
  <c r="T95306" i="1"/>
  <c r="T95307" i="1"/>
  <c r="T95308" i="1"/>
  <c r="T95309" i="1"/>
  <c r="T95310" i="1"/>
  <c r="T95311" i="1"/>
  <c r="T95312" i="1"/>
  <c r="T95313" i="1"/>
  <c r="T95314" i="1"/>
  <c r="T95315" i="1"/>
  <c r="T95316" i="1"/>
  <c r="T95317" i="1"/>
  <c r="T95318" i="1"/>
  <c r="T95319" i="1"/>
  <c r="T95320" i="1"/>
  <c r="T95321" i="1"/>
  <c r="T95322" i="1"/>
  <c r="T95323" i="1"/>
  <c r="T95324" i="1"/>
  <c r="T95325" i="1"/>
  <c r="T95326" i="1"/>
  <c r="T95327" i="1"/>
  <c r="T95328" i="1"/>
  <c r="T95329" i="1"/>
  <c r="T95330" i="1"/>
  <c r="T95331" i="1"/>
  <c r="T95332" i="1"/>
  <c r="T95333" i="1"/>
  <c r="T95334" i="1"/>
  <c r="T95335" i="1"/>
  <c r="T95336" i="1"/>
  <c r="T95337" i="1"/>
  <c r="T95338" i="1"/>
  <c r="T95339" i="1"/>
  <c r="T95340" i="1"/>
  <c r="T95341" i="1"/>
  <c r="T95342" i="1"/>
  <c r="T95343" i="1"/>
  <c r="T95344" i="1"/>
  <c r="T95345" i="1"/>
  <c r="T95346" i="1"/>
  <c r="T95347" i="1"/>
  <c r="T95348" i="1"/>
  <c r="T95349" i="1"/>
  <c r="T95350" i="1"/>
  <c r="T95351" i="1"/>
  <c r="T95352" i="1"/>
  <c r="T95353" i="1"/>
  <c r="T95354" i="1"/>
  <c r="T95355" i="1"/>
  <c r="T95356" i="1"/>
  <c r="T95357" i="1"/>
  <c r="T95358" i="1"/>
  <c r="T95359" i="1"/>
  <c r="T95360" i="1"/>
  <c r="T95361" i="1"/>
  <c r="T95362" i="1"/>
  <c r="T95363" i="1"/>
  <c r="T95364" i="1"/>
  <c r="T95365" i="1"/>
  <c r="T95366" i="1"/>
  <c r="T95367" i="1"/>
  <c r="T95368" i="1"/>
  <c r="T95369" i="1"/>
  <c r="T95370" i="1"/>
  <c r="T95371" i="1"/>
  <c r="T95372" i="1"/>
  <c r="T95373" i="1"/>
  <c r="T95374" i="1"/>
  <c r="T95375" i="1"/>
  <c r="T95376" i="1"/>
  <c r="T95377" i="1"/>
  <c r="T95378" i="1"/>
  <c r="T95379" i="1"/>
  <c r="T95380" i="1"/>
  <c r="T95381" i="1"/>
  <c r="T95382" i="1"/>
  <c r="T95383" i="1"/>
  <c r="T95384" i="1"/>
  <c r="T95385" i="1"/>
  <c r="T95386" i="1"/>
  <c r="T95387" i="1"/>
  <c r="T95388" i="1"/>
  <c r="T95389" i="1"/>
  <c r="T95390" i="1"/>
  <c r="T95391" i="1"/>
  <c r="T95392" i="1"/>
  <c r="T95393" i="1"/>
  <c r="T95394" i="1"/>
  <c r="T95395" i="1"/>
  <c r="T95396" i="1"/>
  <c r="T95397" i="1"/>
  <c r="T95398" i="1"/>
  <c r="T95399" i="1"/>
  <c r="T95400" i="1"/>
  <c r="T95401" i="1"/>
  <c r="T95402" i="1"/>
  <c r="T95403" i="1"/>
  <c r="T95404" i="1"/>
  <c r="T95405" i="1"/>
  <c r="T95406" i="1"/>
  <c r="T95407" i="1"/>
  <c r="T95408" i="1"/>
  <c r="T95409" i="1"/>
  <c r="T95410" i="1"/>
  <c r="T95411" i="1"/>
  <c r="T95412" i="1"/>
  <c r="T95413" i="1"/>
  <c r="T95414" i="1"/>
  <c r="T95415" i="1"/>
  <c r="T95416" i="1"/>
  <c r="T95417" i="1"/>
  <c r="T95418" i="1"/>
  <c r="T95419" i="1"/>
  <c r="T95420" i="1"/>
  <c r="T95421" i="1"/>
  <c r="T95422" i="1"/>
  <c r="T95423" i="1"/>
  <c r="T95424" i="1"/>
  <c r="T95425" i="1"/>
  <c r="T95426" i="1"/>
  <c r="T95427" i="1"/>
  <c r="T95428" i="1"/>
  <c r="T95429" i="1"/>
  <c r="T95430" i="1"/>
  <c r="T95431" i="1"/>
  <c r="T95432" i="1"/>
  <c r="T95433" i="1"/>
  <c r="T95434" i="1"/>
  <c r="T95435" i="1"/>
  <c r="T95436" i="1"/>
  <c r="T95437" i="1"/>
  <c r="T95438" i="1"/>
  <c r="T95439" i="1"/>
  <c r="T95440" i="1"/>
  <c r="T95441" i="1"/>
  <c r="T95442" i="1"/>
  <c r="T95443" i="1"/>
  <c r="T95444" i="1"/>
  <c r="T95445" i="1"/>
  <c r="T95446" i="1"/>
  <c r="T95447" i="1"/>
  <c r="T95448" i="1"/>
  <c r="T95449" i="1"/>
  <c r="T95450" i="1"/>
  <c r="T95451" i="1"/>
  <c r="T95452" i="1"/>
  <c r="T95453" i="1"/>
  <c r="T95454" i="1"/>
  <c r="T95455" i="1"/>
  <c r="T95456" i="1"/>
  <c r="T95457" i="1"/>
  <c r="T95458" i="1"/>
  <c r="T95459" i="1"/>
  <c r="T95460" i="1"/>
  <c r="T95461" i="1"/>
  <c r="T95462" i="1"/>
  <c r="T95463" i="1"/>
  <c r="T95464" i="1"/>
  <c r="T95465" i="1"/>
  <c r="T95466" i="1"/>
  <c r="T95467" i="1"/>
  <c r="T95468" i="1"/>
  <c r="T95469" i="1"/>
  <c r="T95470" i="1"/>
  <c r="T95471" i="1"/>
  <c r="T95472" i="1"/>
  <c r="T95473" i="1"/>
  <c r="T95474" i="1"/>
  <c r="T95475" i="1"/>
  <c r="T95476" i="1"/>
  <c r="T95477" i="1"/>
  <c r="T95478" i="1"/>
  <c r="T95479" i="1"/>
  <c r="T95480" i="1"/>
  <c r="T95481" i="1"/>
  <c r="T95482" i="1"/>
  <c r="T95483" i="1"/>
  <c r="T95484" i="1"/>
  <c r="T95485" i="1"/>
  <c r="T95486" i="1"/>
  <c r="T95487" i="1"/>
  <c r="T95488" i="1"/>
  <c r="T95489" i="1"/>
  <c r="T95490" i="1"/>
  <c r="T95491" i="1"/>
  <c r="T95492" i="1"/>
  <c r="T95493" i="1"/>
  <c r="T95494" i="1"/>
  <c r="T95495" i="1"/>
  <c r="T95496" i="1"/>
  <c r="T95497" i="1"/>
  <c r="T95498" i="1"/>
  <c r="T95499" i="1"/>
  <c r="T95500" i="1"/>
  <c r="T95501" i="1"/>
  <c r="T95502" i="1"/>
  <c r="T95503" i="1"/>
  <c r="T95504" i="1"/>
  <c r="T95505" i="1"/>
  <c r="T95506" i="1"/>
  <c r="T95507" i="1"/>
  <c r="T95508" i="1"/>
  <c r="T95509" i="1"/>
  <c r="T95510" i="1"/>
  <c r="T95511" i="1"/>
  <c r="T95512" i="1"/>
  <c r="T95513" i="1"/>
  <c r="T95514" i="1"/>
  <c r="T95515" i="1"/>
  <c r="T95516" i="1"/>
  <c r="T95517" i="1"/>
  <c r="T95518" i="1"/>
  <c r="T95519" i="1"/>
  <c r="T95520" i="1"/>
  <c r="T95521" i="1"/>
  <c r="T95522" i="1"/>
  <c r="T95523" i="1"/>
  <c r="T95524" i="1"/>
  <c r="T95525" i="1"/>
  <c r="T95526" i="1"/>
  <c r="T95527" i="1"/>
  <c r="T95528" i="1"/>
  <c r="T95529" i="1"/>
  <c r="T95530" i="1"/>
  <c r="T95531" i="1"/>
  <c r="T95532" i="1"/>
  <c r="T95533" i="1"/>
  <c r="T95534" i="1"/>
  <c r="T95535" i="1"/>
  <c r="T95536" i="1"/>
  <c r="T95537" i="1"/>
  <c r="T95538" i="1"/>
  <c r="T95539" i="1"/>
  <c r="T95540" i="1"/>
  <c r="T95541" i="1"/>
  <c r="T95542" i="1"/>
  <c r="T95543" i="1"/>
  <c r="T95544" i="1"/>
  <c r="T95545" i="1"/>
  <c r="T95546" i="1"/>
  <c r="T95547" i="1"/>
  <c r="T95548" i="1"/>
  <c r="T95549" i="1"/>
  <c r="T95550" i="1"/>
  <c r="T95551" i="1"/>
  <c r="T95552" i="1"/>
  <c r="T95553" i="1"/>
  <c r="T95554" i="1"/>
  <c r="T95555" i="1"/>
  <c r="T95556" i="1"/>
  <c r="T95557" i="1"/>
  <c r="T95558" i="1"/>
  <c r="T95559" i="1"/>
  <c r="T95560" i="1"/>
  <c r="T95561" i="1"/>
  <c r="T95562" i="1"/>
  <c r="T95563" i="1"/>
  <c r="T95564" i="1"/>
  <c r="T95565" i="1"/>
  <c r="T95566" i="1"/>
  <c r="T95567" i="1"/>
  <c r="T95568" i="1"/>
  <c r="T95569" i="1"/>
  <c r="T95570" i="1"/>
  <c r="T95571" i="1"/>
  <c r="T95572" i="1"/>
  <c r="T95573" i="1"/>
  <c r="T95574" i="1"/>
  <c r="T95575" i="1"/>
  <c r="T95576" i="1"/>
  <c r="T95577" i="1"/>
  <c r="T95578" i="1"/>
  <c r="T95579" i="1"/>
  <c r="T95580" i="1"/>
  <c r="T95581" i="1"/>
  <c r="T95582" i="1"/>
  <c r="T95583" i="1"/>
  <c r="T95584" i="1"/>
  <c r="T95585" i="1"/>
  <c r="T95586" i="1"/>
  <c r="T95587" i="1"/>
  <c r="T95588" i="1"/>
  <c r="T95589" i="1"/>
  <c r="T95590" i="1"/>
  <c r="T95591" i="1"/>
  <c r="T95592" i="1"/>
  <c r="T95593" i="1"/>
  <c r="T95594" i="1"/>
  <c r="T95595" i="1"/>
  <c r="T95596" i="1"/>
  <c r="T95597" i="1"/>
  <c r="T95598" i="1"/>
  <c r="T95599" i="1"/>
  <c r="T95600" i="1"/>
  <c r="T95601" i="1"/>
  <c r="T95602" i="1"/>
  <c r="T95603" i="1"/>
  <c r="T95604" i="1"/>
  <c r="T95605" i="1"/>
  <c r="T95606" i="1"/>
  <c r="T95607" i="1"/>
  <c r="T95608" i="1"/>
  <c r="T95609" i="1"/>
  <c r="T95610" i="1"/>
  <c r="T95611" i="1"/>
  <c r="T95612" i="1"/>
  <c r="T95613" i="1"/>
  <c r="T95614" i="1"/>
  <c r="T95615" i="1"/>
  <c r="T95616" i="1"/>
  <c r="T95617" i="1"/>
  <c r="T95618" i="1"/>
  <c r="T95619" i="1"/>
  <c r="T95620" i="1"/>
  <c r="T95621" i="1"/>
  <c r="T95622" i="1"/>
  <c r="T95623" i="1"/>
  <c r="T95624" i="1"/>
  <c r="T95625" i="1"/>
  <c r="T95626" i="1"/>
  <c r="T95627" i="1"/>
  <c r="T95628" i="1"/>
  <c r="T95629" i="1"/>
  <c r="T95630" i="1"/>
  <c r="T95631" i="1"/>
  <c r="T95632" i="1"/>
  <c r="T95633" i="1"/>
  <c r="T95634" i="1"/>
  <c r="T95635" i="1"/>
  <c r="T95636" i="1"/>
  <c r="T95637" i="1"/>
  <c r="T95638" i="1"/>
  <c r="T95639" i="1"/>
  <c r="T95640" i="1"/>
  <c r="T95641" i="1"/>
  <c r="T95642" i="1"/>
  <c r="T95643" i="1"/>
  <c r="T95644" i="1"/>
  <c r="T95645" i="1"/>
  <c r="T95646" i="1"/>
  <c r="T95647" i="1"/>
  <c r="T95648" i="1"/>
  <c r="T95649" i="1"/>
  <c r="T95650" i="1"/>
  <c r="T95651" i="1"/>
  <c r="T95652" i="1"/>
  <c r="T95653" i="1"/>
  <c r="T95654" i="1"/>
  <c r="T95655" i="1"/>
  <c r="T95656" i="1"/>
  <c r="T95657" i="1"/>
  <c r="T95658" i="1"/>
  <c r="T95659" i="1"/>
  <c r="T95660" i="1"/>
  <c r="T95661" i="1"/>
  <c r="T95662" i="1"/>
  <c r="T95663" i="1"/>
  <c r="T95664" i="1"/>
  <c r="T95665" i="1"/>
  <c r="T95666" i="1"/>
  <c r="T95667" i="1"/>
  <c r="T95668" i="1"/>
  <c r="T95669" i="1"/>
  <c r="T95670" i="1"/>
  <c r="T95671" i="1"/>
  <c r="T95672" i="1"/>
  <c r="T95673" i="1"/>
  <c r="T95674" i="1"/>
  <c r="T95675" i="1"/>
  <c r="T95676" i="1"/>
  <c r="T95677" i="1"/>
  <c r="T95678" i="1"/>
  <c r="T95679" i="1"/>
  <c r="T95680" i="1"/>
  <c r="T95681" i="1"/>
  <c r="T95682" i="1"/>
  <c r="T95683" i="1"/>
  <c r="T95684" i="1"/>
  <c r="T95685" i="1"/>
  <c r="T95686" i="1"/>
  <c r="T95687" i="1"/>
  <c r="T95688" i="1"/>
  <c r="T95689" i="1"/>
  <c r="T95690" i="1"/>
  <c r="T95691" i="1"/>
  <c r="T95692" i="1"/>
  <c r="T95693" i="1"/>
  <c r="T95694" i="1"/>
  <c r="T95695" i="1"/>
  <c r="T95696" i="1"/>
  <c r="T95697" i="1"/>
  <c r="T95698" i="1"/>
  <c r="T95699" i="1"/>
  <c r="T95700" i="1"/>
  <c r="T95701" i="1"/>
  <c r="T95702" i="1"/>
  <c r="T95703" i="1"/>
  <c r="T95704" i="1"/>
  <c r="T95705" i="1"/>
  <c r="T95706" i="1"/>
  <c r="T95707" i="1"/>
  <c r="T95708" i="1"/>
  <c r="T95709" i="1"/>
  <c r="T95710" i="1"/>
  <c r="T95711" i="1"/>
  <c r="T95712" i="1"/>
  <c r="T95713" i="1"/>
  <c r="T95714" i="1"/>
  <c r="T95715" i="1"/>
  <c r="T95716" i="1"/>
  <c r="T95717" i="1"/>
  <c r="T95718" i="1"/>
  <c r="T95719" i="1"/>
  <c r="T95720" i="1"/>
  <c r="T95721" i="1"/>
  <c r="T95722" i="1"/>
  <c r="T95723" i="1"/>
  <c r="T95724" i="1"/>
  <c r="T95725" i="1"/>
  <c r="T95726" i="1"/>
  <c r="T95727" i="1"/>
  <c r="T95728" i="1"/>
  <c r="T95729" i="1"/>
  <c r="T95730" i="1"/>
  <c r="T95731" i="1"/>
  <c r="T95732" i="1"/>
  <c r="T95733" i="1"/>
  <c r="T95734" i="1"/>
  <c r="T95735" i="1"/>
  <c r="T95736" i="1"/>
  <c r="T95737" i="1"/>
  <c r="T95738" i="1"/>
  <c r="T95739" i="1"/>
  <c r="T95740" i="1"/>
  <c r="T95741" i="1"/>
  <c r="T95742" i="1"/>
  <c r="T95743" i="1"/>
  <c r="T95744" i="1"/>
  <c r="T95745" i="1"/>
  <c r="T95746" i="1"/>
  <c r="T95747" i="1"/>
  <c r="T95748" i="1"/>
  <c r="T95749" i="1"/>
  <c r="T95750" i="1"/>
  <c r="T95751" i="1"/>
  <c r="T95752" i="1"/>
  <c r="T95753" i="1"/>
  <c r="T95754" i="1"/>
  <c r="T95755" i="1"/>
  <c r="T95756" i="1"/>
  <c r="T95757" i="1"/>
  <c r="T95758" i="1"/>
  <c r="T95759" i="1"/>
  <c r="T95760" i="1"/>
  <c r="T95761" i="1"/>
  <c r="T95762" i="1"/>
  <c r="T95763" i="1"/>
  <c r="T95764" i="1"/>
  <c r="T95765" i="1"/>
  <c r="T95766" i="1"/>
  <c r="T95767" i="1"/>
  <c r="T95768" i="1"/>
  <c r="T95769" i="1"/>
  <c r="T95770" i="1"/>
  <c r="T95771" i="1"/>
  <c r="T95772" i="1"/>
  <c r="T95773" i="1"/>
  <c r="T95774" i="1"/>
  <c r="T95775" i="1"/>
  <c r="T95776" i="1"/>
  <c r="T95777" i="1"/>
  <c r="T95778" i="1"/>
  <c r="T95779" i="1"/>
  <c r="T95780" i="1"/>
  <c r="T95781" i="1"/>
  <c r="T95782" i="1"/>
  <c r="T95783" i="1"/>
  <c r="T95784" i="1"/>
  <c r="T95785" i="1"/>
  <c r="T95786" i="1"/>
  <c r="T95787" i="1"/>
  <c r="T95788" i="1"/>
  <c r="T95789" i="1"/>
  <c r="T95790" i="1"/>
  <c r="T95791" i="1"/>
  <c r="T95792" i="1"/>
  <c r="T95793" i="1"/>
  <c r="T95794" i="1"/>
  <c r="T95795" i="1"/>
  <c r="T95796" i="1"/>
  <c r="T95797" i="1"/>
  <c r="T95798" i="1"/>
  <c r="T95799" i="1"/>
  <c r="T95800" i="1"/>
  <c r="T95801" i="1"/>
  <c r="T95802" i="1"/>
  <c r="T95803" i="1"/>
  <c r="T95804" i="1"/>
  <c r="T95805" i="1"/>
  <c r="T95806" i="1"/>
  <c r="T95807" i="1"/>
  <c r="T95808" i="1"/>
  <c r="T95809" i="1"/>
  <c r="T95810" i="1"/>
  <c r="T95811" i="1"/>
  <c r="T95812" i="1"/>
  <c r="T95813" i="1"/>
  <c r="T95814" i="1"/>
  <c r="T95815" i="1"/>
  <c r="T95816" i="1"/>
  <c r="T95817" i="1"/>
  <c r="T95818" i="1"/>
  <c r="T95819" i="1"/>
  <c r="T95820" i="1"/>
  <c r="T95821" i="1"/>
  <c r="T95822" i="1"/>
  <c r="T95823" i="1"/>
  <c r="T95824" i="1"/>
  <c r="T95825" i="1"/>
  <c r="T95826" i="1"/>
  <c r="T95827" i="1"/>
  <c r="T95828" i="1"/>
  <c r="T95829" i="1"/>
  <c r="T95830" i="1"/>
  <c r="T95831" i="1"/>
  <c r="T95832" i="1"/>
  <c r="T95833" i="1"/>
  <c r="T95834" i="1"/>
  <c r="T95835" i="1"/>
  <c r="T95836" i="1"/>
  <c r="T95837" i="1"/>
  <c r="T95838" i="1"/>
  <c r="T95839" i="1"/>
  <c r="T95840" i="1"/>
  <c r="T95841" i="1"/>
  <c r="T95842" i="1"/>
  <c r="T95843" i="1"/>
  <c r="T95844" i="1"/>
  <c r="T95845" i="1"/>
  <c r="T95846" i="1"/>
  <c r="T95847" i="1"/>
  <c r="T95848" i="1"/>
  <c r="T95849" i="1"/>
  <c r="T95850" i="1"/>
  <c r="T95851" i="1"/>
  <c r="T95852" i="1"/>
  <c r="T95853" i="1"/>
  <c r="T95854" i="1"/>
  <c r="T95855" i="1"/>
  <c r="T95856" i="1"/>
  <c r="T95857" i="1"/>
  <c r="T95858" i="1"/>
  <c r="T95859" i="1"/>
  <c r="T95860" i="1"/>
  <c r="T95861" i="1"/>
  <c r="T95862" i="1"/>
  <c r="T95863" i="1"/>
  <c r="T95864" i="1"/>
  <c r="T95865" i="1"/>
  <c r="T95866" i="1"/>
  <c r="T95867" i="1"/>
  <c r="T95868" i="1"/>
  <c r="T95869" i="1"/>
  <c r="T95870" i="1"/>
  <c r="T95871" i="1"/>
  <c r="T95872" i="1"/>
  <c r="T95873" i="1"/>
  <c r="T95874" i="1"/>
  <c r="T95875" i="1"/>
  <c r="T95876" i="1"/>
  <c r="T95877" i="1"/>
  <c r="T95878" i="1"/>
  <c r="T95879" i="1"/>
  <c r="T95880" i="1"/>
  <c r="T95881" i="1"/>
  <c r="T95882" i="1"/>
  <c r="T95883" i="1"/>
  <c r="T95884" i="1"/>
  <c r="T95885" i="1"/>
  <c r="T95886" i="1"/>
  <c r="T95887" i="1"/>
  <c r="T95888" i="1"/>
  <c r="T95889" i="1"/>
  <c r="T95890" i="1"/>
  <c r="T95891" i="1"/>
  <c r="T95892" i="1"/>
  <c r="T95893" i="1"/>
  <c r="T95894" i="1"/>
  <c r="T95895" i="1"/>
  <c r="T95896" i="1"/>
  <c r="T95897" i="1"/>
  <c r="T95898" i="1"/>
  <c r="T95899" i="1"/>
  <c r="T95900" i="1"/>
  <c r="T95901" i="1"/>
  <c r="T95902" i="1"/>
  <c r="T95903" i="1"/>
  <c r="T95904" i="1"/>
  <c r="T95905" i="1"/>
  <c r="T95906" i="1"/>
  <c r="T95907" i="1"/>
  <c r="T95908" i="1"/>
  <c r="T95909" i="1"/>
  <c r="T95910" i="1"/>
  <c r="T95911" i="1"/>
  <c r="T95912" i="1"/>
  <c r="T95913" i="1"/>
  <c r="T95914" i="1"/>
  <c r="T95915" i="1"/>
  <c r="T95916" i="1"/>
  <c r="T95917" i="1"/>
  <c r="T95918" i="1"/>
  <c r="T95919" i="1"/>
  <c r="T95920" i="1"/>
  <c r="T95921" i="1"/>
  <c r="T95922" i="1"/>
  <c r="T95923" i="1"/>
  <c r="T95924" i="1"/>
  <c r="T95925" i="1"/>
  <c r="T95926" i="1"/>
  <c r="T95927" i="1"/>
  <c r="T95928" i="1"/>
  <c r="T95929" i="1"/>
  <c r="T95930" i="1"/>
  <c r="T95931" i="1"/>
  <c r="T95932" i="1"/>
  <c r="T95933" i="1"/>
  <c r="T95934" i="1"/>
  <c r="T95935" i="1"/>
  <c r="T95936" i="1"/>
  <c r="T95937" i="1"/>
  <c r="T95938" i="1"/>
  <c r="T95939" i="1"/>
  <c r="T95940" i="1"/>
  <c r="T95941" i="1"/>
  <c r="T95942" i="1"/>
  <c r="T95943" i="1"/>
  <c r="T95944" i="1"/>
  <c r="T95945" i="1"/>
  <c r="T95946" i="1"/>
  <c r="T95947" i="1"/>
  <c r="T95948" i="1"/>
  <c r="T95949" i="1"/>
  <c r="T95950" i="1"/>
  <c r="T95951" i="1"/>
  <c r="T95952" i="1"/>
  <c r="T95953" i="1"/>
  <c r="T95954" i="1"/>
  <c r="T95955" i="1"/>
  <c r="T95956" i="1"/>
  <c r="T95957" i="1"/>
  <c r="T95958" i="1"/>
  <c r="T95959" i="1"/>
  <c r="T95960" i="1"/>
  <c r="T95961" i="1"/>
  <c r="T95962" i="1"/>
  <c r="T95963" i="1"/>
  <c r="T95964" i="1"/>
  <c r="T95965" i="1"/>
  <c r="T95966" i="1"/>
  <c r="T95967" i="1"/>
  <c r="T95968" i="1"/>
  <c r="T95969" i="1"/>
  <c r="T95970" i="1"/>
  <c r="T95971" i="1"/>
  <c r="T95972" i="1"/>
  <c r="T95973" i="1"/>
  <c r="T95974" i="1"/>
  <c r="T95975" i="1"/>
  <c r="T95976" i="1"/>
  <c r="T95977" i="1"/>
  <c r="T95978" i="1"/>
  <c r="T95979" i="1"/>
  <c r="T95980" i="1"/>
  <c r="T95981" i="1"/>
  <c r="T95982" i="1"/>
  <c r="T95983" i="1"/>
  <c r="T95984" i="1"/>
  <c r="T95985" i="1"/>
  <c r="T95986" i="1"/>
  <c r="T95987" i="1"/>
  <c r="T95988" i="1"/>
  <c r="T95989" i="1"/>
  <c r="T95990" i="1"/>
  <c r="T95991" i="1"/>
  <c r="T95992" i="1"/>
  <c r="T95993" i="1"/>
  <c r="T95994" i="1"/>
  <c r="T95995" i="1"/>
  <c r="T95996" i="1"/>
  <c r="T95997" i="1"/>
  <c r="T95998" i="1"/>
  <c r="T95999" i="1"/>
  <c r="T96000" i="1"/>
  <c r="G3" i="1" l="1"/>
  <c r="G4" i="1"/>
  <c r="G5" i="1"/>
  <c r="G6" i="1"/>
  <c r="G7" i="1"/>
  <c r="G8" i="1"/>
  <c r="G9" i="1"/>
  <c r="G10" i="1"/>
  <c r="G11" i="1"/>
  <c r="G12" i="1"/>
  <c r="G13" i="1"/>
  <c r="G14" i="1"/>
  <c r="G15" i="1"/>
  <c r="G16" i="1"/>
  <c r="G17" i="1"/>
  <c r="G18" i="1"/>
  <c r="G19" i="1"/>
  <c r="G20" i="1"/>
  <c r="G21" i="1"/>
  <c r="G22" i="1"/>
  <c r="G23" i="1"/>
  <c r="G24" i="1"/>
  <c r="G25" i="1"/>
  <c r="G26" i="1"/>
  <c r="G27" i="1"/>
  <c r="G28" i="1"/>
  <c r="G29" i="1"/>
  <c r="G30" i="1"/>
  <c r="G31" i="1"/>
  <c r="G32" i="1"/>
  <c r="G33" i="1"/>
  <c r="G34" i="1"/>
  <c r="G35" i="1"/>
  <c r="G36" i="1"/>
  <c r="G37" i="1"/>
  <c r="G38" i="1"/>
  <c r="G39" i="1"/>
  <c r="G40" i="1"/>
  <c r="G41" i="1"/>
  <c r="G42" i="1"/>
  <c r="G43" i="1"/>
  <c r="G44" i="1"/>
  <c r="G45" i="1"/>
  <c r="G46" i="1"/>
  <c r="G47" i="1"/>
  <c r="G48" i="1"/>
  <c r="G49" i="1"/>
  <c r="G50" i="1"/>
  <c r="G51" i="1"/>
  <c r="G52" i="1"/>
  <c r="G53" i="1"/>
  <c r="G54" i="1"/>
  <c r="G55" i="1"/>
  <c r="G56" i="1"/>
  <c r="G57" i="1"/>
  <c r="G58" i="1"/>
  <c r="G59" i="1"/>
  <c r="G60" i="1"/>
  <c r="G61" i="1"/>
  <c r="G62" i="1"/>
  <c r="G63" i="1"/>
  <c r="G64" i="1"/>
  <c r="G65" i="1"/>
  <c r="G66" i="1"/>
  <c r="G67" i="1"/>
  <c r="G68" i="1"/>
  <c r="G69" i="1"/>
  <c r="G70" i="1"/>
  <c r="G71" i="1"/>
  <c r="G72" i="1"/>
  <c r="G73" i="1"/>
  <c r="G74" i="1"/>
  <c r="G75" i="1"/>
  <c r="G76" i="1"/>
  <c r="G77" i="1"/>
  <c r="G78" i="1"/>
  <c r="G79" i="1"/>
  <c r="G80" i="1"/>
  <c r="G81" i="1"/>
  <c r="G82" i="1"/>
  <c r="G83" i="1"/>
  <c r="G84" i="1"/>
  <c r="G85" i="1"/>
  <c r="G86" i="1"/>
  <c r="G87" i="1"/>
  <c r="G88" i="1"/>
  <c r="G89" i="1"/>
  <c r="G90" i="1"/>
  <c r="G91" i="1"/>
  <c r="G92" i="1"/>
  <c r="G93" i="1"/>
  <c r="G94" i="1"/>
  <c r="G95" i="1"/>
  <c r="G96" i="1"/>
  <c r="G97" i="1"/>
  <c r="G98" i="1"/>
  <c r="G99" i="1"/>
  <c r="G100" i="1"/>
  <c r="G101" i="1"/>
  <c r="G102" i="1"/>
  <c r="G103" i="1"/>
  <c r="G104" i="1"/>
  <c r="G105" i="1"/>
  <c r="G106" i="1"/>
  <c r="G107" i="1"/>
  <c r="G108" i="1"/>
  <c r="G109" i="1"/>
  <c r="G110" i="1"/>
  <c r="G111" i="1"/>
  <c r="G112" i="1"/>
  <c r="G113" i="1"/>
  <c r="G114" i="1"/>
  <c r="G115" i="1"/>
  <c r="G116" i="1"/>
  <c r="G117" i="1"/>
  <c r="G118" i="1"/>
  <c r="G119" i="1"/>
  <c r="G120" i="1"/>
  <c r="G121" i="1"/>
  <c r="G122" i="1"/>
  <c r="G123" i="1"/>
  <c r="G124" i="1"/>
  <c r="G125" i="1"/>
  <c r="G126" i="1"/>
  <c r="G127" i="1"/>
  <c r="G128" i="1"/>
  <c r="G129" i="1"/>
  <c r="G130" i="1"/>
  <c r="G131" i="1"/>
  <c r="G132" i="1"/>
  <c r="G133" i="1"/>
  <c r="G134" i="1"/>
  <c r="G135" i="1"/>
  <c r="G136" i="1"/>
  <c r="G137" i="1"/>
  <c r="G138" i="1"/>
  <c r="G139" i="1"/>
  <c r="G140" i="1"/>
  <c r="G141" i="1"/>
  <c r="G142" i="1"/>
  <c r="G143" i="1"/>
  <c r="G144" i="1"/>
  <c r="G145" i="1"/>
  <c r="G146" i="1"/>
  <c r="G147" i="1"/>
  <c r="G148" i="1"/>
  <c r="G149" i="1"/>
  <c r="G150" i="1"/>
  <c r="G151" i="1"/>
  <c r="G152" i="1"/>
  <c r="G153" i="1"/>
  <c r="G154" i="1"/>
  <c r="G155" i="1"/>
  <c r="G156" i="1"/>
  <c r="G157" i="1"/>
  <c r="G158" i="1"/>
  <c r="G159" i="1"/>
  <c r="G160" i="1"/>
  <c r="G161" i="1"/>
  <c r="G162" i="1"/>
  <c r="G163" i="1"/>
  <c r="G164" i="1"/>
  <c r="G165" i="1"/>
  <c r="G166" i="1"/>
  <c r="G167" i="1"/>
  <c r="G168" i="1"/>
  <c r="G169" i="1"/>
  <c r="G170" i="1"/>
  <c r="G171" i="1"/>
  <c r="G172" i="1"/>
  <c r="G173" i="1"/>
  <c r="G174" i="1"/>
  <c r="G175" i="1"/>
  <c r="G176" i="1"/>
  <c r="G177" i="1"/>
  <c r="G178" i="1"/>
  <c r="G179" i="1"/>
  <c r="G180" i="1"/>
  <c r="G181" i="1"/>
  <c r="G182" i="1"/>
  <c r="G183" i="1"/>
  <c r="G184" i="1"/>
  <c r="G185" i="1"/>
  <c r="G186" i="1"/>
  <c r="G187" i="1"/>
  <c r="G188" i="1"/>
  <c r="G189" i="1"/>
  <c r="G190" i="1"/>
  <c r="G191" i="1"/>
  <c r="G192" i="1"/>
  <c r="G193" i="1"/>
  <c r="G194" i="1"/>
  <c r="G195" i="1"/>
  <c r="G196" i="1"/>
  <c r="G197" i="1"/>
  <c r="G198" i="1"/>
  <c r="G199" i="1"/>
  <c r="G200" i="1"/>
  <c r="G201" i="1"/>
  <c r="G202" i="1"/>
  <c r="G203" i="1"/>
  <c r="G204" i="1"/>
  <c r="G205" i="1"/>
  <c r="G206" i="1"/>
  <c r="G207" i="1"/>
  <c r="G208" i="1"/>
  <c r="G209" i="1"/>
  <c r="G210" i="1"/>
  <c r="G211" i="1"/>
  <c r="G212" i="1"/>
  <c r="G213" i="1"/>
  <c r="G214" i="1"/>
  <c r="G215" i="1"/>
  <c r="G216" i="1"/>
  <c r="G217" i="1"/>
  <c r="G218" i="1"/>
  <c r="G219" i="1"/>
  <c r="G220" i="1"/>
  <c r="G221" i="1"/>
  <c r="G222" i="1"/>
  <c r="G223" i="1"/>
  <c r="G224" i="1"/>
  <c r="G225" i="1"/>
  <c r="G226" i="1"/>
  <c r="G227" i="1"/>
  <c r="G228" i="1"/>
  <c r="G229" i="1"/>
  <c r="G230" i="1"/>
  <c r="G231" i="1"/>
  <c r="G232" i="1"/>
  <c r="G233" i="1"/>
  <c r="G234" i="1"/>
  <c r="G235" i="1"/>
  <c r="G236" i="1"/>
  <c r="G237" i="1"/>
  <c r="G238" i="1"/>
  <c r="G239" i="1"/>
  <c r="G240" i="1"/>
  <c r="G241" i="1"/>
  <c r="G242" i="1"/>
  <c r="G243" i="1"/>
  <c r="G244" i="1"/>
  <c r="G245" i="1"/>
  <c r="G246" i="1"/>
  <c r="G247" i="1"/>
  <c r="G248" i="1"/>
  <c r="G249" i="1"/>
  <c r="G250" i="1"/>
  <c r="G251" i="1"/>
  <c r="G252" i="1"/>
  <c r="G253" i="1"/>
  <c r="G254" i="1"/>
  <c r="G255" i="1"/>
  <c r="G256" i="1"/>
  <c r="G257" i="1"/>
  <c r="G258" i="1"/>
  <c r="G259" i="1"/>
  <c r="G260" i="1"/>
  <c r="G261" i="1"/>
  <c r="G262" i="1"/>
  <c r="G263" i="1"/>
  <c r="G264" i="1"/>
  <c r="G265" i="1"/>
  <c r="G266" i="1"/>
  <c r="G267" i="1"/>
  <c r="G268" i="1"/>
  <c r="G269" i="1"/>
  <c r="G270" i="1"/>
  <c r="G271" i="1"/>
  <c r="G272" i="1"/>
  <c r="G273" i="1"/>
  <c r="G274" i="1"/>
  <c r="G275" i="1"/>
  <c r="G276" i="1"/>
  <c r="G277" i="1"/>
  <c r="G278" i="1"/>
  <c r="G279" i="1"/>
  <c r="G280" i="1"/>
  <c r="G281" i="1"/>
  <c r="G282" i="1"/>
  <c r="G283" i="1"/>
  <c r="G284" i="1"/>
  <c r="G285" i="1"/>
  <c r="G286" i="1"/>
  <c r="G287" i="1"/>
  <c r="G288" i="1"/>
  <c r="G289" i="1"/>
  <c r="G290" i="1"/>
  <c r="G291" i="1"/>
  <c r="G292" i="1"/>
  <c r="G293" i="1"/>
  <c r="G294" i="1"/>
  <c r="G295" i="1"/>
  <c r="G296" i="1"/>
  <c r="G297" i="1"/>
  <c r="G298" i="1"/>
  <c r="G299" i="1"/>
  <c r="G300" i="1"/>
  <c r="G301" i="1"/>
  <c r="G302" i="1"/>
  <c r="G303" i="1"/>
  <c r="G304" i="1"/>
  <c r="G305" i="1"/>
  <c r="G306" i="1"/>
  <c r="G307" i="1"/>
  <c r="G308" i="1"/>
  <c r="G309" i="1"/>
  <c r="G310" i="1"/>
  <c r="G311" i="1"/>
  <c r="G312" i="1"/>
  <c r="G313" i="1"/>
  <c r="G314" i="1"/>
  <c r="G315" i="1"/>
  <c r="G316" i="1"/>
  <c r="G317" i="1"/>
  <c r="G318" i="1"/>
  <c r="G319" i="1"/>
  <c r="G320" i="1"/>
  <c r="G321" i="1"/>
  <c r="G322" i="1"/>
  <c r="G323" i="1"/>
  <c r="G324" i="1"/>
  <c r="G325" i="1"/>
  <c r="G326" i="1"/>
  <c r="G327" i="1"/>
  <c r="G328" i="1"/>
  <c r="G329" i="1"/>
  <c r="G330" i="1"/>
  <c r="G331" i="1"/>
  <c r="G332" i="1"/>
  <c r="G333" i="1"/>
  <c r="G334" i="1"/>
  <c r="G335" i="1"/>
  <c r="G336" i="1"/>
  <c r="G337" i="1"/>
  <c r="G338" i="1"/>
  <c r="G339" i="1"/>
  <c r="G340" i="1"/>
  <c r="G341" i="1"/>
  <c r="G342" i="1"/>
  <c r="G343" i="1"/>
  <c r="G344" i="1"/>
  <c r="G345" i="1"/>
  <c r="G346" i="1"/>
  <c r="G347" i="1"/>
  <c r="G348" i="1"/>
  <c r="G349" i="1"/>
  <c r="G350" i="1"/>
  <c r="G351" i="1"/>
  <c r="G352" i="1"/>
  <c r="G353" i="1"/>
  <c r="G354" i="1"/>
  <c r="G355" i="1"/>
  <c r="G356" i="1"/>
  <c r="G357" i="1"/>
  <c r="G358" i="1"/>
  <c r="G359" i="1"/>
  <c r="G360" i="1"/>
  <c r="G361" i="1"/>
  <c r="G362" i="1"/>
  <c r="G363" i="1"/>
  <c r="G364" i="1"/>
  <c r="G365" i="1"/>
  <c r="G366" i="1"/>
  <c r="G367" i="1"/>
  <c r="G368" i="1"/>
  <c r="G369" i="1"/>
  <c r="G370" i="1"/>
  <c r="G371" i="1"/>
  <c r="G372" i="1"/>
  <c r="G373" i="1"/>
  <c r="G374" i="1"/>
  <c r="G375" i="1"/>
  <c r="G376" i="1"/>
  <c r="G377" i="1"/>
  <c r="G378" i="1"/>
  <c r="G379" i="1"/>
  <c r="G380" i="1"/>
  <c r="G381" i="1"/>
  <c r="G382" i="1"/>
  <c r="G383" i="1"/>
  <c r="G384" i="1"/>
  <c r="G385" i="1"/>
  <c r="G386" i="1"/>
  <c r="G387" i="1"/>
  <c r="G388" i="1"/>
  <c r="G389" i="1"/>
  <c r="G390" i="1"/>
  <c r="G391" i="1"/>
  <c r="G392" i="1"/>
  <c r="G393" i="1"/>
  <c r="G394" i="1"/>
  <c r="G395" i="1"/>
  <c r="G396" i="1"/>
  <c r="G397" i="1"/>
  <c r="G398" i="1"/>
  <c r="G399" i="1"/>
  <c r="G400" i="1"/>
  <c r="G401" i="1"/>
  <c r="G402" i="1"/>
  <c r="G403" i="1"/>
  <c r="G404" i="1"/>
  <c r="G405" i="1"/>
  <c r="G406" i="1"/>
  <c r="G407" i="1"/>
  <c r="G408" i="1"/>
  <c r="G409" i="1"/>
  <c r="G410" i="1"/>
  <c r="G411" i="1"/>
  <c r="G412" i="1"/>
  <c r="G413" i="1"/>
  <c r="G414" i="1"/>
  <c r="G415" i="1"/>
  <c r="G416" i="1"/>
  <c r="G417" i="1"/>
  <c r="G418" i="1"/>
  <c r="G419" i="1"/>
  <c r="G420" i="1"/>
  <c r="G421" i="1"/>
  <c r="G422" i="1"/>
  <c r="G423" i="1"/>
  <c r="G424" i="1"/>
  <c r="G425" i="1"/>
  <c r="G426" i="1"/>
  <c r="G427" i="1"/>
  <c r="G428" i="1"/>
  <c r="G429" i="1"/>
  <c r="G430" i="1"/>
  <c r="G431" i="1"/>
  <c r="G432" i="1"/>
  <c r="G433" i="1"/>
  <c r="G434" i="1"/>
  <c r="G435" i="1"/>
  <c r="G436" i="1"/>
  <c r="G437" i="1"/>
  <c r="G438" i="1"/>
  <c r="G439" i="1"/>
  <c r="G440" i="1"/>
  <c r="G441" i="1"/>
  <c r="G442" i="1"/>
  <c r="G443" i="1"/>
  <c r="G444" i="1"/>
  <c r="G445" i="1"/>
  <c r="G446" i="1"/>
  <c r="G447" i="1"/>
  <c r="G448" i="1"/>
  <c r="G449" i="1"/>
  <c r="G450" i="1"/>
  <c r="G451" i="1"/>
  <c r="G452" i="1"/>
  <c r="G453" i="1"/>
  <c r="G454" i="1"/>
  <c r="G455" i="1"/>
  <c r="G456" i="1"/>
  <c r="G457" i="1"/>
  <c r="G458" i="1"/>
  <c r="G459" i="1"/>
  <c r="G460" i="1"/>
  <c r="G461" i="1"/>
  <c r="G462" i="1"/>
  <c r="G463" i="1"/>
  <c r="G464" i="1"/>
  <c r="G465" i="1"/>
  <c r="G466" i="1"/>
  <c r="G467" i="1"/>
  <c r="G468" i="1"/>
  <c r="G469" i="1"/>
  <c r="G470" i="1"/>
  <c r="G471" i="1"/>
  <c r="G472" i="1"/>
  <c r="G473" i="1"/>
  <c r="G474" i="1"/>
  <c r="G475" i="1"/>
  <c r="G476" i="1"/>
  <c r="G477" i="1"/>
  <c r="G478" i="1"/>
  <c r="G479" i="1"/>
  <c r="G480" i="1"/>
  <c r="G481" i="1"/>
  <c r="G482" i="1"/>
  <c r="G483" i="1"/>
  <c r="G484" i="1"/>
  <c r="G485" i="1"/>
  <c r="G486" i="1"/>
  <c r="G487" i="1"/>
  <c r="G488" i="1"/>
  <c r="G489" i="1"/>
  <c r="G490" i="1"/>
  <c r="G491" i="1"/>
  <c r="G492" i="1"/>
  <c r="G493" i="1"/>
  <c r="G494" i="1"/>
  <c r="G495" i="1"/>
  <c r="G496" i="1"/>
  <c r="G497" i="1"/>
  <c r="G498" i="1"/>
  <c r="G499" i="1"/>
  <c r="G500" i="1"/>
  <c r="G501" i="1"/>
  <c r="G502" i="1"/>
  <c r="G503" i="1"/>
  <c r="G504" i="1"/>
  <c r="G505" i="1"/>
  <c r="G506" i="1"/>
  <c r="G507" i="1"/>
  <c r="G508" i="1"/>
  <c r="G509" i="1"/>
  <c r="G510" i="1"/>
  <c r="G511" i="1"/>
  <c r="G512" i="1"/>
  <c r="G513" i="1"/>
  <c r="G514" i="1"/>
  <c r="G515" i="1"/>
  <c r="G516" i="1"/>
  <c r="G517" i="1"/>
  <c r="G518" i="1"/>
  <c r="G519" i="1"/>
  <c r="G520" i="1"/>
  <c r="G521" i="1"/>
  <c r="G522" i="1"/>
  <c r="G523" i="1"/>
  <c r="G524" i="1"/>
  <c r="G525" i="1"/>
  <c r="G526" i="1"/>
  <c r="G527" i="1"/>
  <c r="G528" i="1"/>
  <c r="G529" i="1"/>
  <c r="G530" i="1"/>
  <c r="G531" i="1"/>
  <c r="G532" i="1"/>
  <c r="G533" i="1"/>
  <c r="G534" i="1"/>
  <c r="G535" i="1"/>
  <c r="G536" i="1"/>
  <c r="G537" i="1"/>
  <c r="G538" i="1"/>
  <c r="G539" i="1"/>
  <c r="G540" i="1"/>
  <c r="G541" i="1"/>
  <c r="G542" i="1"/>
  <c r="G543" i="1"/>
  <c r="G544" i="1"/>
  <c r="G545" i="1"/>
  <c r="G546" i="1"/>
  <c r="G547" i="1"/>
  <c r="G548" i="1"/>
  <c r="G549" i="1"/>
  <c r="G550" i="1"/>
  <c r="G551" i="1"/>
  <c r="G552" i="1"/>
  <c r="G553" i="1"/>
  <c r="G554" i="1"/>
  <c r="G555" i="1"/>
  <c r="G556" i="1"/>
  <c r="G557" i="1"/>
  <c r="G558" i="1"/>
  <c r="G559" i="1"/>
  <c r="G560" i="1"/>
  <c r="G561" i="1"/>
  <c r="G562" i="1"/>
  <c r="G563" i="1"/>
  <c r="G564" i="1"/>
  <c r="G565" i="1"/>
  <c r="G566" i="1"/>
  <c r="G567" i="1"/>
  <c r="G568" i="1"/>
  <c r="G569" i="1"/>
  <c r="G570" i="1"/>
  <c r="G571" i="1"/>
  <c r="G572" i="1"/>
  <c r="G573" i="1"/>
  <c r="G574" i="1"/>
  <c r="G575" i="1"/>
  <c r="G576" i="1"/>
  <c r="G577" i="1"/>
  <c r="G578" i="1"/>
  <c r="G579" i="1"/>
  <c r="G580" i="1"/>
  <c r="G581" i="1"/>
  <c r="G582" i="1"/>
  <c r="G583" i="1"/>
  <c r="G584" i="1"/>
  <c r="G585" i="1"/>
  <c r="G586" i="1"/>
  <c r="G587" i="1"/>
  <c r="G588" i="1"/>
  <c r="G589" i="1"/>
  <c r="G590" i="1"/>
  <c r="G591" i="1"/>
  <c r="G592" i="1"/>
  <c r="G593" i="1"/>
  <c r="G594" i="1"/>
  <c r="G595" i="1"/>
  <c r="G596" i="1"/>
  <c r="G597" i="1"/>
  <c r="G598" i="1"/>
  <c r="G599" i="1"/>
  <c r="G600" i="1"/>
  <c r="G601" i="1"/>
  <c r="G602" i="1"/>
  <c r="G603" i="1"/>
  <c r="G604" i="1"/>
  <c r="G605" i="1"/>
  <c r="G606" i="1"/>
  <c r="G607" i="1"/>
  <c r="G608" i="1"/>
  <c r="G609" i="1"/>
  <c r="G610" i="1"/>
  <c r="G611" i="1"/>
  <c r="G612" i="1"/>
  <c r="G613" i="1"/>
  <c r="G614" i="1"/>
  <c r="G615" i="1"/>
  <c r="G616" i="1"/>
  <c r="G617" i="1"/>
  <c r="G618" i="1"/>
  <c r="G619" i="1"/>
  <c r="G620" i="1"/>
  <c r="G621" i="1"/>
  <c r="G622" i="1"/>
  <c r="G623" i="1"/>
  <c r="G624" i="1"/>
  <c r="G625" i="1"/>
  <c r="G626" i="1"/>
  <c r="G627" i="1"/>
  <c r="G628" i="1"/>
  <c r="G629" i="1"/>
  <c r="G630" i="1"/>
  <c r="G631" i="1"/>
  <c r="G632" i="1"/>
  <c r="G633" i="1"/>
  <c r="G634" i="1"/>
  <c r="G635" i="1"/>
  <c r="G636" i="1"/>
  <c r="G637" i="1"/>
  <c r="G638" i="1"/>
  <c r="G639" i="1"/>
  <c r="G640" i="1"/>
  <c r="G641" i="1"/>
  <c r="G642" i="1"/>
  <c r="G643" i="1"/>
  <c r="G644" i="1"/>
  <c r="G645" i="1"/>
  <c r="G646" i="1"/>
  <c r="G647" i="1"/>
  <c r="G648" i="1"/>
  <c r="G649" i="1"/>
  <c r="G650" i="1"/>
  <c r="G651" i="1"/>
  <c r="G652" i="1"/>
  <c r="G653" i="1"/>
  <c r="G654" i="1"/>
  <c r="G655" i="1"/>
  <c r="G656" i="1"/>
  <c r="G657" i="1"/>
  <c r="G658" i="1"/>
  <c r="G659" i="1"/>
  <c r="G660" i="1"/>
  <c r="G661" i="1"/>
  <c r="G662" i="1"/>
  <c r="G663" i="1"/>
  <c r="G664" i="1"/>
  <c r="G665" i="1"/>
  <c r="G666" i="1"/>
  <c r="G667" i="1"/>
  <c r="G668" i="1"/>
  <c r="G669" i="1"/>
  <c r="G670" i="1"/>
  <c r="G671" i="1"/>
  <c r="G672" i="1"/>
  <c r="G673" i="1"/>
  <c r="G674" i="1"/>
  <c r="G675" i="1"/>
  <c r="G676" i="1"/>
  <c r="G677" i="1"/>
  <c r="G678" i="1"/>
  <c r="G679" i="1"/>
  <c r="G680" i="1"/>
  <c r="G681" i="1"/>
  <c r="G682" i="1"/>
  <c r="G683" i="1"/>
  <c r="G684" i="1"/>
  <c r="G685" i="1"/>
  <c r="G686" i="1"/>
  <c r="G687" i="1"/>
  <c r="G688" i="1"/>
  <c r="G689" i="1"/>
  <c r="G690" i="1"/>
  <c r="G691" i="1"/>
  <c r="G692" i="1"/>
  <c r="G693" i="1"/>
  <c r="G694" i="1"/>
  <c r="G695" i="1"/>
  <c r="G696" i="1"/>
  <c r="G697" i="1"/>
  <c r="G698" i="1"/>
  <c r="G699" i="1"/>
  <c r="G700" i="1"/>
  <c r="G701" i="1"/>
  <c r="G702" i="1"/>
  <c r="G703" i="1"/>
  <c r="G704" i="1"/>
  <c r="G705" i="1"/>
  <c r="G706" i="1"/>
  <c r="G707" i="1"/>
  <c r="G708" i="1"/>
  <c r="G709" i="1"/>
  <c r="G710" i="1"/>
  <c r="G711" i="1"/>
  <c r="G712" i="1"/>
  <c r="G713" i="1"/>
  <c r="G714" i="1"/>
  <c r="G715" i="1"/>
  <c r="G716" i="1"/>
  <c r="G717" i="1"/>
  <c r="G718" i="1"/>
  <c r="G719" i="1"/>
  <c r="G720" i="1"/>
  <c r="G721" i="1"/>
  <c r="G722" i="1"/>
  <c r="G723" i="1"/>
  <c r="G724" i="1"/>
  <c r="G725" i="1"/>
  <c r="G726" i="1"/>
  <c r="G727" i="1"/>
  <c r="G728" i="1"/>
  <c r="G729" i="1"/>
  <c r="G730" i="1"/>
  <c r="G731" i="1"/>
  <c r="G732" i="1"/>
  <c r="G733" i="1"/>
  <c r="G734" i="1"/>
  <c r="G735" i="1"/>
  <c r="G736" i="1"/>
  <c r="G737" i="1"/>
  <c r="G738" i="1"/>
  <c r="G739" i="1"/>
  <c r="G740" i="1"/>
  <c r="G741" i="1"/>
  <c r="G742" i="1"/>
  <c r="G743" i="1"/>
  <c r="G744" i="1"/>
  <c r="G745" i="1"/>
  <c r="G746" i="1"/>
  <c r="G747" i="1"/>
  <c r="G748" i="1"/>
  <c r="G749" i="1"/>
  <c r="G750" i="1"/>
  <c r="G751" i="1"/>
  <c r="G752" i="1"/>
  <c r="G753" i="1"/>
  <c r="G754" i="1"/>
  <c r="G755" i="1"/>
  <c r="G756" i="1"/>
  <c r="G757" i="1"/>
  <c r="G758" i="1"/>
  <c r="G759" i="1"/>
  <c r="G760" i="1"/>
  <c r="G761" i="1"/>
  <c r="G762" i="1"/>
  <c r="G763" i="1"/>
  <c r="G764" i="1"/>
  <c r="G765" i="1"/>
  <c r="G766" i="1"/>
  <c r="G767" i="1"/>
  <c r="G768" i="1"/>
  <c r="G769" i="1"/>
  <c r="G770" i="1"/>
  <c r="G771" i="1"/>
  <c r="G772" i="1"/>
  <c r="G773" i="1"/>
  <c r="G774" i="1"/>
  <c r="G775" i="1"/>
  <c r="G776" i="1"/>
  <c r="G777" i="1"/>
  <c r="G778" i="1"/>
  <c r="G779" i="1"/>
  <c r="G780" i="1"/>
  <c r="G781" i="1"/>
  <c r="G782" i="1"/>
  <c r="G783" i="1"/>
  <c r="G784" i="1"/>
  <c r="G785" i="1"/>
  <c r="G786" i="1"/>
  <c r="G787" i="1"/>
  <c r="G788" i="1"/>
  <c r="G789" i="1"/>
  <c r="G790" i="1"/>
  <c r="G791" i="1"/>
  <c r="G792" i="1"/>
  <c r="G793" i="1"/>
  <c r="G794" i="1"/>
  <c r="G795" i="1"/>
  <c r="G796" i="1"/>
  <c r="G797" i="1"/>
  <c r="G798" i="1"/>
  <c r="G799" i="1"/>
  <c r="G800" i="1"/>
  <c r="G801" i="1"/>
  <c r="G802" i="1"/>
  <c r="G803" i="1"/>
  <c r="G804" i="1"/>
  <c r="G805" i="1"/>
  <c r="G806" i="1"/>
  <c r="G807" i="1"/>
  <c r="G808" i="1"/>
  <c r="G809" i="1"/>
  <c r="G810" i="1"/>
  <c r="G811" i="1"/>
  <c r="G812" i="1"/>
  <c r="G813" i="1"/>
  <c r="G814" i="1"/>
  <c r="G815" i="1"/>
  <c r="G816" i="1"/>
  <c r="G817" i="1"/>
  <c r="G818" i="1"/>
  <c r="G819" i="1"/>
  <c r="G820" i="1"/>
  <c r="G821" i="1"/>
  <c r="G822" i="1"/>
  <c r="G823" i="1"/>
  <c r="G824" i="1"/>
  <c r="G825" i="1"/>
  <c r="G826" i="1"/>
  <c r="G827" i="1"/>
  <c r="G828" i="1"/>
  <c r="G829" i="1"/>
  <c r="G830" i="1"/>
  <c r="G831" i="1"/>
  <c r="G832" i="1"/>
  <c r="G833" i="1"/>
  <c r="G834" i="1"/>
  <c r="G835" i="1"/>
  <c r="G836" i="1"/>
  <c r="G837" i="1"/>
  <c r="G838" i="1"/>
  <c r="G839" i="1"/>
  <c r="G840" i="1"/>
  <c r="G841" i="1"/>
  <c r="G842" i="1"/>
  <c r="G843" i="1"/>
  <c r="G844" i="1"/>
  <c r="G845" i="1"/>
  <c r="G846" i="1"/>
  <c r="G847" i="1"/>
  <c r="G848" i="1"/>
  <c r="G849" i="1"/>
  <c r="G850" i="1"/>
  <c r="G851" i="1"/>
  <c r="G852" i="1"/>
  <c r="G853" i="1"/>
  <c r="G854" i="1"/>
  <c r="G855" i="1"/>
  <c r="G856" i="1"/>
  <c r="G857" i="1"/>
  <c r="G858" i="1"/>
  <c r="G859" i="1"/>
  <c r="G860" i="1"/>
  <c r="G861" i="1"/>
  <c r="G862" i="1"/>
  <c r="G863" i="1"/>
  <c r="G864" i="1"/>
  <c r="G865" i="1"/>
  <c r="G866" i="1"/>
  <c r="G867" i="1"/>
  <c r="G868" i="1"/>
  <c r="G869" i="1"/>
  <c r="G870" i="1"/>
  <c r="G871" i="1"/>
  <c r="G872" i="1"/>
  <c r="G873" i="1"/>
  <c r="G874" i="1"/>
  <c r="G875" i="1"/>
  <c r="G876" i="1"/>
  <c r="G877" i="1"/>
  <c r="G878" i="1"/>
  <c r="G879" i="1"/>
  <c r="G880" i="1"/>
  <c r="G881" i="1"/>
  <c r="G882" i="1"/>
  <c r="G883" i="1"/>
  <c r="G884" i="1"/>
  <c r="G885" i="1"/>
  <c r="G886" i="1"/>
  <c r="G887" i="1"/>
  <c r="G888" i="1"/>
  <c r="G889" i="1"/>
  <c r="G890" i="1"/>
  <c r="G891" i="1"/>
  <c r="G892" i="1"/>
  <c r="G893" i="1"/>
  <c r="G894" i="1"/>
  <c r="G895" i="1"/>
  <c r="G896" i="1"/>
  <c r="G897" i="1"/>
  <c r="G898" i="1"/>
  <c r="G899" i="1"/>
  <c r="G900" i="1"/>
  <c r="G901" i="1"/>
  <c r="G902" i="1"/>
  <c r="G903" i="1"/>
  <c r="G904" i="1"/>
  <c r="G905" i="1"/>
  <c r="G906" i="1"/>
  <c r="G907" i="1"/>
  <c r="G908" i="1"/>
  <c r="G909" i="1"/>
  <c r="G910" i="1"/>
  <c r="G911" i="1"/>
  <c r="G912" i="1"/>
  <c r="G913" i="1"/>
  <c r="G914" i="1"/>
  <c r="G915" i="1"/>
  <c r="G916" i="1"/>
  <c r="G917" i="1"/>
  <c r="G918" i="1"/>
  <c r="G919" i="1"/>
  <c r="G920" i="1"/>
  <c r="G921" i="1"/>
  <c r="G922" i="1"/>
  <c r="G923" i="1"/>
  <c r="G924" i="1"/>
  <c r="G925" i="1"/>
  <c r="G926" i="1"/>
  <c r="G927" i="1"/>
  <c r="G928" i="1"/>
  <c r="G929" i="1"/>
  <c r="G930" i="1"/>
  <c r="G931" i="1"/>
  <c r="G932" i="1"/>
  <c r="G933" i="1"/>
  <c r="G934" i="1"/>
  <c r="G935" i="1"/>
  <c r="G936" i="1"/>
  <c r="G937" i="1"/>
  <c r="G938" i="1"/>
  <c r="G939" i="1"/>
  <c r="G940" i="1"/>
  <c r="G941" i="1"/>
  <c r="G942" i="1"/>
  <c r="G943" i="1"/>
  <c r="G944" i="1"/>
  <c r="G945" i="1"/>
  <c r="G946" i="1"/>
  <c r="G947" i="1"/>
  <c r="G948" i="1"/>
  <c r="G949" i="1"/>
  <c r="G950" i="1"/>
  <c r="G951" i="1"/>
  <c r="G952" i="1"/>
  <c r="G953" i="1"/>
  <c r="G954" i="1"/>
  <c r="G955" i="1"/>
  <c r="G956" i="1"/>
  <c r="G957" i="1"/>
  <c r="G958" i="1"/>
  <c r="G959" i="1"/>
  <c r="G960" i="1"/>
  <c r="G961" i="1"/>
  <c r="G962" i="1"/>
  <c r="G963" i="1"/>
  <c r="G964" i="1"/>
  <c r="G965" i="1"/>
  <c r="G966" i="1"/>
  <c r="G967" i="1"/>
  <c r="G968" i="1"/>
  <c r="G969" i="1"/>
  <c r="G970" i="1"/>
  <c r="G971" i="1"/>
  <c r="G972" i="1"/>
  <c r="G973" i="1"/>
  <c r="G974" i="1"/>
  <c r="G975" i="1"/>
  <c r="G976" i="1"/>
  <c r="G977" i="1"/>
  <c r="G978" i="1"/>
  <c r="G979" i="1"/>
  <c r="G980" i="1"/>
  <c r="G981" i="1"/>
  <c r="G982" i="1"/>
  <c r="G983" i="1"/>
  <c r="G984" i="1"/>
  <c r="G985" i="1"/>
  <c r="G986" i="1"/>
  <c r="G987" i="1"/>
  <c r="G988" i="1"/>
  <c r="G989" i="1"/>
  <c r="G990" i="1"/>
  <c r="G991" i="1"/>
  <c r="G992" i="1"/>
  <c r="G993" i="1"/>
  <c r="G994" i="1"/>
  <c r="G995" i="1"/>
  <c r="G996" i="1"/>
  <c r="G997" i="1"/>
  <c r="G998" i="1"/>
  <c r="G999" i="1"/>
  <c r="G1000" i="1"/>
  <c r="G1001" i="1"/>
  <c r="G1002" i="1"/>
  <c r="G1003" i="1"/>
  <c r="G1004" i="1"/>
  <c r="G1005" i="1"/>
  <c r="G1006" i="1"/>
  <c r="G1007" i="1"/>
  <c r="G1008" i="1"/>
  <c r="G1009" i="1"/>
  <c r="G1010" i="1"/>
  <c r="G1011" i="1"/>
  <c r="G1012" i="1"/>
  <c r="G1013" i="1"/>
  <c r="G1014" i="1"/>
  <c r="G1015" i="1"/>
  <c r="G1016" i="1"/>
  <c r="G1017" i="1"/>
  <c r="G1018" i="1"/>
  <c r="G1019" i="1"/>
  <c r="G1020" i="1"/>
  <c r="G1021" i="1"/>
  <c r="G1022" i="1"/>
  <c r="G1023" i="1"/>
  <c r="G1024" i="1"/>
  <c r="G1025" i="1"/>
  <c r="G1026" i="1"/>
  <c r="G1027" i="1"/>
  <c r="G1028" i="1"/>
  <c r="G1029" i="1"/>
  <c r="G1030" i="1"/>
  <c r="G1031" i="1"/>
  <c r="G1032" i="1"/>
  <c r="G1033" i="1"/>
  <c r="G1034" i="1"/>
  <c r="G1035" i="1"/>
  <c r="G1036" i="1"/>
  <c r="G1037" i="1"/>
  <c r="G1038" i="1"/>
  <c r="G1039" i="1"/>
  <c r="G1040" i="1"/>
  <c r="G1041" i="1"/>
  <c r="G1042" i="1"/>
  <c r="G1043" i="1"/>
  <c r="G1044" i="1"/>
  <c r="G1045" i="1"/>
  <c r="G1046" i="1"/>
  <c r="G1047" i="1"/>
  <c r="G1048" i="1"/>
  <c r="G1049" i="1"/>
  <c r="G1050" i="1"/>
  <c r="G1051" i="1"/>
  <c r="G1052" i="1"/>
  <c r="G1053" i="1"/>
  <c r="G1054" i="1"/>
  <c r="G1055" i="1"/>
  <c r="G1056" i="1"/>
  <c r="G1057" i="1"/>
  <c r="G1058" i="1"/>
  <c r="G1059" i="1"/>
  <c r="G1060" i="1"/>
  <c r="G1061" i="1"/>
  <c r="G1062" i="1"/>
  <c r="G1063" i="1"/>
  <c r="G1064" i="1"/>
  <c r="G1065" i="1"/>
  <c r="G1066" i="1"/>
  <c r="G1067" i="1"/>
  <c r="G1068" i="1"/>
  <c r="G1069" i="1"/>
  <c r="G1070" i="1"/>
  <c r="G1071" i="1"/>
  <c r="G1072" i="1"/>
  <c r="G1073" i="1"/>
  <c r="G1074" i="1"/>
  <c r="G1075" i="1"/>
  <c r="G1076" i="1"/>
  <c r="G1077" i="1"/>
  <c r="G1078" i="1"/>
  <c r="G1079" i="1"/>
  <c r="G1080" i="1"/>
  <c r="G1081" i="1"/>
  <c r="G1082" i="1"/>
  <c r="G1083" i="1"/>
  <c r="G1084" i="1"/>
  <c r="G1085" i="1"/>
  <c r="G1086" i="1"/>
  <c r="G1087" i="1"/>
  <c r="G1088" i="1"/>
  <c r="G1089" i="1"/>
  <c r="G1090" i="1"/>
  <c r="G1091" i="1"/>
  <c r="G1092" i="1"/>
  <c r="G1093" i="1"/>
  <c r="G1094" i="1"/>
  <c r="G1095" i="1"/>
  <c r="G1096" i="1"/>
  <c r="G1097" i="1"/>
  <c r="G1098" i="1"/>
  <c r="G1099" i="1"/>
  <c r="G1100" i="1"/>
  <c r="G1101" i="1"/>
  <c r="G1102" i="1"/>
  <c r="G1103" i="1"/>
  <c r="G1104" i="1"/>
  <c r="G1105" i="1"/>
  <c r="G1106" i="1"/>
  <c r="G1107" i="1"/>
  <c r="G1108" i="1"/>
  <c r="G1109" i="1"/>
  <c r="G1110" i="1"/>
  <c r="G1111" i="1"/>
  <c r="G1112" i="1"/>
  <c r="G1113" i="1"/>
  <c r="G1114" i="1"/>
  <c r="G1115" i="1"/>
  <c r="G1116" i="1"/>
  <c r="G1117" i="1"/>
  <c r="G1118" i="1"/>
  <c r="G1119" i="1"/>
  <c r="G1120" i="1"/>
  <c r="G1121" i="1"/>
  <c r="G1122" i="1"/>
  <c r="G1123" i="1"/>
  <c r="G1124" i="1"/>
  <c r="G1125" i="1"/>
  <c r="G1126" i="1"/>
  <c r="G1127" i="1"/>
  <c r="G1128" i="1"/>
  <c r="G1129" i="1"/>
  <c r="G1130" i="1"/>
  <c r="G1131" i="1"/>
  <c r="G1132" i="1"/>
  <c r="G1133" i="1"/>
  <c r="G1134" i="1"/>
  <c r="G1135" i="1"/>
  <c r="G1136" i="1"/>
  <c r="G1137" i="1"/>
  <c r="G1138" i="1"/>
  <c r="G1139" i="1"/>
  <c r="G1140" i="1"/>
  <c r="G1141" i="1"/>
  <c r="G1142" i="1"/>
  <c r="G1143" i="1"/>
  <c r="G1144" i="1"/>
  <c r="G1145" i="1"/>
  <c r="G1146" i="1"/>
  <c r="G1147" i="1"/>
  <c r="G1148" i="1"/>
  <c r="G1149" i="1"/>
  <c r="G1150" i="1"/>
  <c r="G1151" i="1"/>
  <c r="G1152" i="1"/>
  <c r="G1153" i="1"/>
  <c r="G1154" i="1"/>
  <c r="G1155" i="1"/>
  <c r="G1156" i="1"/>
  <c r="G1157" i="1"/>
  <c r="G1158" i="1"/>
  <c r="G1159" i="1"/>
  <c r="G1160" i="1"/>
  <c r="G1161" i="1"/>
  <c r="G1162" i="1"/>
  <c r="G1163" i="1"/>
  <c r="G1164" i="1"/>
  <c r="G1165" i="1"/>
  <c r="G1166" i="1"/>
  <c r="G1167" i="1"/>
  <c r="G1168" i="1"/>
  <c r="G1169" i="1"/>
  <c r="G1170" i="1"/>
  <c r="G1171" i="1"/>
  <c r="G1172" i="1"/>
  <c r="G1173" i="1"/>
  <c r="G1174" i="1"/>
  <c r="G1175" i="1"/>
  <c r="G1176" i="1"/>
  <c r="G1177" i="1"/>
  <c r="G1178" i="1"/>
  <c r="G1179" i="1"/>
  <c r="G1180" i="1"/>
  <c r="G1181" i="1"/>
  <c r="G1182" i="1"/>
  <c r="G1183" i="1"/>
  <c r="G1184" i="1"/>
  <c r="G1185" i="1"/>
  <c r="G1186" i="1"/>
  <c r="G1187" i="1"/>
  <c r="G1188" i="1"/>
  <c r="G1189" i="1"/>
  <c r="G1190" i="1"/>
  <c r="G1191" i="1"/>
  <c r="G1192" i="1"/>
  <c r="G1193" i="1"/>
  <c r="G1194" i="1"/>
  <c r="G1195" i="1"/>
  <c r="G1196" i="1"/>
  <c r="G1197" i="1"/>
  <c r="G1198" i="1"/>
  <c r="G1199" i="1"/>
  <c r="G1200" i="1"/>
  <c r="G1201" i="1"/>
  <c r="G1202" i="1"/>
  <c r="G1203" i="1"/>
  <c r="G1204" i="1"/>
  <c r="G1205" i="1"/>
  <c r="G1206" i="1"/>
  <c r="G1207" i="1"/>
  <c r="G1208" i="1"/>
  <c r="G1209" i="1"/>
  <c r="G1210" i="1"/>
  <c r="G1211" i="1"/>
  <c r="G1212" i="1"/>
  <c r="G1213" i="1"/>
  <c r="G1214" i="1"/>
  <c r="G1215" i="1"/>
  <c r="G1216" i="1"/>
  <c r="G1217" i="1"/>
  <c r="G1218" i="1"/>
  <c r="G1219" i="1"/>
  <c r="G1220" i="1"/>
  <c r="G1221" i="1"/>
  <c r="G1222" i="1"/>
  <c r="G1223" i="1"/>
  <c r="G1224" i="1"/>
  <c r="G1225" i="1"/>
  <c r="G1226" i="1"/>
  <c r="G1227" i="1"/>
  <c r="G1228" i="1"/>
  <c r="G1229" i="1"/>
  <c r="G1230" i="1"/>
  <c r="G1231" i="1"/>
  <c r="G1232" i="1"/>
  <c r="G1233" i="1"/>
  <c r="G1234" i="1"/>
  <c r="G1235" i="1"/>
  <c r="G1236" i="1"/>
  <c r="G1237" i="1"/>
  <c r="G1238" i="1"/>
  <c r="G1239" i="1"/>
  <c r="G1240" i="1"/>
  <c r="G1241" i="1"/>
  <c r="G1242" i="1"/>
  <c r="G1243" i="1"/>
  <c r="G1244" i="1"/>
  <c r="G1245" i="1"/>
  <c r="G1246" i="1"/>
  <c r="G1247" i="1"/>
  <c r="G1248" i="1"/>
  <c r="G1249" i="1"/>
  <c r="G1250" i="1"/>
  <c r="G1251" i="1"/>
  <c r="G1252" i="1"/>
  <c r="G1253" i="1"/>
  <c r="G1254" i="1"/>
  <c r="G1255" i="1"/>
  <c r="G1256" i="1"/>
  <c r="G1257" i="1"/>
  <c r="G1258" i="1"/>
  <c r="G1259" i="1"/>
  <c r="G1260" i="1"/>
  <c r="G1261" i="1"/>
  <c r="G1262" i="1"/>
  <c r="G1263" i="1"/>
  <c r="G1264" i="1"/>
  <c r="G1265" i="1"/>
  <c r="G1266" i="1"/>
  <c r="G1267" i="1"/>
  <c r="G1268" i="1"/>
  <c r="G1269" i="1"/>
  <c r="G1270" i="1"/>
  <c r="G1271" i="1"/>
  <c r="G1272" i="1"/>
  <c r="G1273" i="1"/>
  <c r="G1274" i="1"/>
  <c r="G1275" i="1"/>
  <c r="G1276" i="1"/>
  <c r="G1277" i="1"/>
  <c r="G1278" i="1"/>
  <c r="G1279" i="1"/>
  <c r="G1280" i="1"/>
  <c r="G1281" i="1"/>
  <c r="G1282" i="1"/>
  <c r="G1283" i="1"/>
  <c r="G1284" i="1"/>
  <c r="G1285" i="1"/>
  <c r="G1286" i="1"/>
  <c r="G1287" i="1"/>
  <c r="G1288" i="1"/>
  <c r="G1289" i="1"/>
  <c r="G1290" i="1"/>
  <c r="G1291" i="1"/>
  <c r="G1292" i="1"/>
  <c r="G1293" i="1"/>
  <c r="G1294" i="1"/>
  <c r="G1295" i="1"/>
  <c r="G1296" i="1"/>
  <c r="G1297" i="1"/>
  <c r="G1298" i="1"/>
  <c r="G1299" i="1"/>
  <c r="G1300" i="1"/>
  <c r="G1301" i="1"/>
  <c r="G1302" i="1"/>
  <c r="G1303" i="1"/>
  <c r="G1304" i="1"/>
  <c r="G1305" i="1"/>
  <c r="G1306" i="1"/>
  <c r="G1307" i="1"/>
  <c r="G1308" i="1"/>
  <c r="G1309" i="1"/>
  <c r="G1310" i="1"/>
  <c r="G1311" i="1"/>
  <c r="G1312" i="1"/>
  <c r="G1313" i="1"/>
  <c r="G1314" i="1"/>
  <c r="G1315" i="1"/>
  <c r="G1316" i="1"/>
  <c r="G1317" i="1"/>
  <c r="G1318" i="1"/>
  <c r="G1319" i="1"/>
  <c r="G1320" i="1"/>
  <c r="G1321" i="1"/>
  <c r="G1322" i="1"/>
  <c r="G1323" i="1"/>
  <c r="G1324" i="1"/>
  <c r="G1325" i="1"/>
  <c r="G1326" i="1"/>
  <c r="G1327" i="1"/>
  <c r="G1328" i="1"/>
  <c r="G1329" i="1"/>
  <c r="G1330" i="1"/>
  <c r="G1331" i="1"/>
  <c r="G1332" i="1"/>
  <c r="G1333" i="1"/>
  <c r="G1334" i="1"/>
  <c r="G1335" i="1"/>
  <c r="G1336" i="1"/>
  <c r="G1337" i="1"/>
  <c r="G1338" i="1"/>
  <c r="G1339" i="1"/>
  <c r="G1340" i="1"/>
  <c r="G1341" i="1"/>
  <c r="G1342" i="1"/>
  <c r="G1343" i="1"/>
  <c r="G1344" i="1"/>
  <c r="G1345" i="1"/>
  <c r="G1346" i="1"/>
  <c r="G1347" i="1"/>
  <c r="G1348" i="1"/>
  <c r="G1349" i="1"/>
  <c r="G1350" i="1"/>
  <c r="G1351" i="1"/>
  <c r="G1352" i="1"/>
  <c r="G1353" i="1"/>
  <c r="G1354" i="1"/>
  <c r="G1355" i="1"/>
  <c r="G1356" i="1"/>
  <c r="G1357" i="1"/>
  <c r="G1358" i="1"/>
  <c r="G1359" i="1"/>
  <c r="G1360" i="1"/>
  <c r="G1361" i="1"/>
  <c r="G1362" i="1"/>
  <c r="G1363" i="1"/>
  <c r="G1364" i="1"/>
  <c r="G1365" i="1"/>
  <c r="G1366" i="1"/>
  <c r="G1367" i="1"/>
  <c r="G1368" i="1"/>
  <c r="G1369" i="1"/>
  <c r="G1370" i="1"/>
  <c r="G1371" i="1"/>
  <c r="G1372" i="1"/>
  <c r="G1373" i="1"/>
  <c r="G1374" i="1"/>
  <c r="G1375" i="1"/>
  <c r="G1376" i="1"/>
  <c r="G1377" i="1"/>
  <c r="G1378" i="1"/>
  <c r="G1379" i="1"/>
  <c r="G1380" i="1"/>
  <c r="G1381" i="1"/>
  <c r="G1382" i="1"/>
  <c r="G1383" i="1"/>
  <c r="G1384" i="1"/>
  <c r="G1385" i="1"/>
  <c r="G1386" i="1"/>
  <c r="G1387" i="1"/>
  <c r="G1388" i="1"/>
  <c r="G1389" i="1"/>
  <c r="G1390" i="1"/>
  <c r="G1391" i="1"/>
  <c r="G1392" i="1"/>
  <c r="G1393" i="1"/>
  <c r="G1394" i="1"/>
  <c r="G1395" i="1"/>
  <c r="G1396" i="1"/>
  <c r="G1397" i="1"/>
  <c r="G1398" i="1"/>
  <c r="G1399" i="1"/>
  <c r="G1400" i="1"/>
  <c r="G1401" i="1"/>
  <c r="G1402" i="1"/>
  <c r="G1403" i="1"/>
  <c r="G1404" i="1"/>
  <c r="G1405" i="1"/>
  <c r="G1406" i="1"/>
  <c r="G1407" i="1"/>
  <c r="G1408" i="1"/>
  <c r="G1409" i="1"/>
  <c r="G1410" i="1"/>
  <c r="G1411" i="1"/>
  <c r="G1412" i="1"/>
  <c r="G1413" i="1"/>
  <c r="G1414" i="1"/>
  <c r="G1415" i="1"/>
  <c r="G1416" i="1"/>
  <c r="G1417" i="1"/>
  <c r="G1418" i="1"/>
  <c r="G1419" i="1"/>
  <c r="G1420" i="1"/>
  <c r="G1421" i="1"/>
  <c r="G1422" i="1"/>
  <c r="G1423" i="1"/>
  <c r="G1424" i="1"/>
  <c r="G1425" i="1"/>
  <c r="G1426" i="1"/>
  <c r="G1427" i="1"/>
  <c r="G1428" i="1"/>
  <c r="G1429" i="1"/>
  <c r="G1430" i="1"/>
  <c r="G1431" i="1"/>
  <c r="G1432" i="1"/>
  <c r="G1433" i="1"/>
  <c r="G1434" i="1"/>
  <c r="G1435" i="1"/>
  <c r="G1436" i="1"/>
  <c r="G1437" i="1"/>
  <c r="G1438" i="1"/>
  <c r="G1439" i="1"/>
  <c r="G1440" i="1"/>
  <c r="G1441" i="1"/>
  <c r="G1442" i="1"/>
  <c r="G1443" i="1"/>
  <c r="G1444" i="1"/>
  <c r="G1445" i="1"/>
  <c r="G1446" i="1"/>
  <c r="G1447" i="1"/>
  <c r="G1448" i="1"/>
  <c r="G1449" i="1"/>
  <c r="G1450" i="1"/>
  <c r="G1451" i="1"/>
  <c r="G1452" i="1"/>
  <c r="G1453" i="1"/>
  <c r="G1454" i="1"/>
  <c r="G1455" i="1"/>
  <c r="G1456" i="1"/>
  <c r="G1457" i="1"/>
  <c r="G1458" i="1"/>
  <c r="G1459" i="1"/>
  <c r="G1460" i="1"/>
  <c r="G1461" i="1"/>
  <c r="G1462" i="1"/>
  <c r="G1463" i="1"/>
  <c r="G1464" i="1"/>
  <c r="G1465" i="1"/>
  <c r="G1466" i="1"/>
  <c r="G1467" i="1"/>
  <c r="G1468" i="1"/>
  <c r="G1469" i="1"/>
  <c r="G1470" i="1"/>
  <c r="G1471" i="1"/>
  <c r="G1472" i="1"/>
  <c r="G1473" i="1"/>
  <c r="G1474" i="1"/>
  <c r="G1475" i="1"/>
  <c r="G1476" i="1"/>
  <c r="G1477" i="1"/>
  <c r="G1478" i="1"/>
  <c r="G1479" i="1"/>
  <c r="G1480" i="1"/>
  <c r="G1481" i="1"/>
  <c r="G1482" i="1"/>
  <c r="G1483" i="1"/>
  <c r="G1484" i="1"/>
  <c r="G1485" i="1"/>
  <c r="G1486" i="1"/>
  <c r="G1487" i="1"/>
  <c r="G1488" i="1"/>
  <c r="G1489" i="1"/>
  <c r="G1490" i="1"/>
  <c r="G1491" i="1"/>
  <c r="G1492" i="1"/>
  <c r="G1493" i="1"/>
  <c r="G1494" i="1"/>
  <c r="G1495" i="1"/>
  <c r="G1496" i="1"/>
  <c r="G1497" i="1"/>
  <c r="G1498" i="1"/>
  <c r="G1499" i="1"/>
  <c r="G1500" i="1"/>
  <c r="G1501" i="1"/>
  <c r="G1502" i="1"/>
  <c r="G1503" i="1"/>
  <c r="G1504" i="1"/>
  <c r="G1505" i="1"/>
  <c r="G1506" i="1"/>
  <c r="G1507" i="1"/>
  <c r="G1508" i="1"/>
  <c r="G1509" i="1"/>
  <c r="G1510" i="1"/>
  <c r="G1511" i="1"/>
  <c r="G1512" i="1"/>
  <c r="G1513" i="1"/>
  <c r="G1514" i="1"/>
  <c r="G1515" i="1"/>
  <c r="G1516" i="1"/>
  <c r="G1517" i="1"/>
  <c r="G1518" i="1"/>
  <c r="G1519" i="1"/>
  <c r="G1520" i="1"/>
  <c r="G1521" i="1"/>
  <c r="G1522" i="1"/>
  <c r="G1523" i="1"/>
  <c r="G1524" i="1"/>
  <c r="G1525" i="1"/>
  <c r="G1526" i="1"/>
  <c r="G1527" i="1"/>
  <c r="G1528" i="1"/>
  <c r="G1529" i="1"/>
  <c r="G1530" i="1"/>
  <c r="G1531" i="1"/>
  <c r="G1532" i="1"/>
  <c r="G1533" i="1"/>
  <c r="G1534" i="1"/>
  <c r="G1535" i="1"/>
  <c r="G1536" i="1"/>
  <c r="G1537" i="1"/>
  <c r="G1538" i="1"/>
  <c r="G1539" i="1"/>
  <c r="G1540" i="1"/>
  <c r="G1541" i="1"/>
  <c r="G1542" i="1"/>
  <c r="G1543" i="1"/>
  <c r="G1544" i="1"/>
  <c r="G1545" i="1"/>
  <c r="G1546" i="1"/>
  <c r="G1547" i="1"/>
  <c r="G1548" i="1"/>
  <c r="G1549" i="1"/>
  <c r="G1550" i="1"/>
  <c r="G1551" i="1"/>
  <c r="G1552" i="1"/>
  <c r="G1553" i="1"/>
  <c r="G1554" i="1"/>
  <c r="G1555" i="1"/>
  <c r="G1556" i="1"/>
  <c r="G1557" i="1"/>
  <c r="G1558" i="1"/>
  <c r="G1559" i="1"/>
  <c r="G1560" i="1"/>
  <c r="G1561" i="1"/>
  <c r="G1562" i="1"/>
  <c r="G1563" i="1"/>
  <c r="G1564" i="1"/>
  <c r="G1565" i="1"/>
  <c r="G1566" i="1"/>
  <c r="G1567" i="1"/>
  <c r="G1568" i="1"/>
  <c r="G1569" i="1"/>
  <c r="G1570" i="1"/>
  <c r="G1571" i="1"/>
  <c r="G1572" i="1"/>
  <c r="G1573" i="1"/>
  <c r="G1574" i="1"/>
  <c r="G1575" i="1"/>
  <c r="G1576" i="1"/>
  <c r="G1577" i="1"/>
  <c r="G1578" i="1"/>
  <c r="G1579" i="1"/>
  <c r="G1580" i="1"/>
  <c r="G1581" i="1"/>
  <c r="G1582" i="1"/>
  <c r="G1583" i="1"/>
  <c r="G1584" i="1"/>
  <c r="G1585" i="1"/>
  <c r="G1586" i="1"/>
  <c r="G1587" i="1"/>
  <c r="G1588" i="1"/>
  <c r="G1589" i="1"/>
  <c r="G1590" i="1"/>
  <c r="G1591" i="1"/>
  <c r="G1592" i="1"/>
  <c r="G1593" i="1"/>
  <c r="G1594" i="1"/>
  <c r="G1595" i="1"/>
  <c r="G1596" i="1"/>
  <c r="G1597" i="1"/>
  <c r="G1598" i="1"/>
  <c r="G1599" i="1"/>
  <c r="G1600" i="1"/>
  <c r="G1601" i="1"/>
  <c r="G1602" i="1"/>
  <c r="G1603" i="1"/>
  <c r="G1604" i="1"/>
  <c r="G1605" i="1"/>
  <c r="G1606" i="1"/>
  <c r="G1607" i="1"/>
  <c r="G1608" i="1"/>
  <c r="G1609" i="1"/>
  <c r="G1610" i="1"/>
  <c r="G1611" i="1"/>
  <c r="G1612" i="1"/>
  <c r="G1613" i="1"/>
  <c r="G1614" i="1"/>
  <c r="G1615" i="1"/>
  <c r="G1616" i="1"/>
  <c r="G1617" i="1"/>
  <c r="G1618" i="1"/>
  <c r="G1619" i="1"/>
  <c r="G1620" i="1"/>
  <c r="G1621" i="1"/>
  <c r="G1622" i="1"/>
  <c r="G1623" i="1"/>
  <c r="G1624" i="1"/>
  <c r="G1625" i="1"/>
  <c r="G1626" i="1"/>
  <c r="G1627" i="1"/>
  <c r="G1628" i="1"/>
  <c r="G1629" i="1"/>
  <c r="G1630" i="1"/>
  <c r="G1631" i="1"/>
  <c r="G1632" i="1"/>
  <c r="G1633" i="1"/>
  <c r="G1634" i="1"/>
  <c r="G1635" i="1"/>
  <c r="G1636" i="1"/>
  <c r="G1637" i="1"/>
  <c r="G1638" i="1"/>
  <c r="G1639" i="1"/>
  <c r="G1640" i="1"/>
  <c r="G1641" i="1"/>
  <c r="G1642" i="1"/>
  <c r="G1643" i="1"/>
  <c r="G1644" i="1"/>
  <c r="G1645" i="1"/>
  <c r="G1646" i="1"/>
  <c r="G1647" i="1"/>
  <c r="G1648" i="1"/>
  <c r="G1649" i="1"/>
  <c r="G1650" i="1"/>
  <c r="G1651" i="1"/>
  <c r="G1652" i="1"/>
  <c r="G1653" i="1"/>
  <c r="G1654" i="1"/>
  <c r="G1655" i="1"/>
  <c r="G1656" i="1"/>
  <c r="G1657" i="1"/>
  <c r="G1658" i="1"/>
  <c r="G1659" i="1"/>
  <c r="G1660" i="1"/>
  <c r="G1661" i="1"/>
  <c r="G1662" i="1"/>
  <c r="G1663" i="1"/>
  <c r="G1664" i="1"/>
  <c r="G1665" i="1"/>
  <c r="G1666" i="1"/>
  <c r="G1667" i="1"/>
  <c r="G1668" i="1"/>
  <c r="G1669" i="1"/>
  <c r="G1670" i="1"/>
  <c r="G1671" i="1"/>
  <c r="G1672" i="1"/>
  <c r="G1673" i="1"/>
  <c r="G1674" i="1"/>
  <c r="G1675" i="1"/>
  <c r="G1676" i="1"/>
  <c r="G1677" i="1"/>
  <c r="G1678" i="1"/>
  <c r="G1679" i="1"/>
  <c r="G1680" i="1"/>
  <c r="G1681" i="1"/>
  <c r="G1682" i="1"/>
  <c r="G1683" i="1"/>
  <c r="G1684" i="1"/>
  <c r="G1685" i="1"/>
  <c r="G1686" i="1"/>
  <c r="G1687" i="1"/>
  <c r="G1688" i="1"/>
  <c r="G1689" i="1"/>
  <c r="G1690" i="1"/>
  <c r="G1691" i="1"/>
  <c r="G1692" i="1"/>
  <c r="G1693" i="1"/>
  <c r="G1694" i="1"/>
  <c r="G1695" i="1"/>
  <c r="G1696" i="1"/>
  <c r="G1697" i="1"/>
  <c r="G1698" i="1"/>
  <c r="G1699" i="1"/>
  <c r="G1700" i="1"/>
  <c r="G1701" i="1"/>
  <c r="G1702" i="1"/>
  <c r="G1703" i="1"/>
  <c r="G1704" i="1"/>
  <c r="G1705" i="1"/>
  <c r="G1706" i="1"/>
  <c r="G1707" i="1"/>
  <c r="G1708" i="1"/>
  <c r="G1709" i="1"/>
  <c r="G1710" i="1"/>
  <c r="G1711" i="1"/>
  <c r="G1712" i="1"/>
  <c r="G1713" i="1"/>
  <c r="G1714" i="1"/>
  <c r="G1715" i="1"/>
  <c r="G1716" i="1"/>
  <c r="G1717" i="1"/>
  <c r="G1718" i="1"/>
  <c r="G1719" i="1"/>
  <c r="G1720" i="1"/>
  <c r="G1721" i="1"/>
  <c r="G1722" i="1"/>
  <c r="G1723" i="1"/>
  <c r="G1724" i="1"/>
  <c r="G1725" i="1"/>
  <c r="G1726" i="1"/>
  <c r="G1727" i="1"/>
  <c r="G1728" i="1"/>
  <c r="G1729" i="1"/>
  <c r="G1730" i="1"/>
  <c r="G1731" i="1"/>
  <c r="G1732" i="1"/>
  <c r="G1733" i="1"/>
  <c r="G1734" i="1"/>
  <c r="G1735" i="1"/>
  <c r="G1736" i="1"/>
  <c r="G1737" i="1"/>
  <c r="G1738" i="1"/>
  <c r="G1739" i="1"/>
  <c r="G1740" i="1"/>
  <c r="G1741" i="1"/>
  <c r="G1742" i="1"/>
  <c r="G1743" i="1"/>
  <c r="G1744" i="1"/>
  <c r="G1745" i="1"/>
  <c r="G1746" i="1"/>
  <c r="G1747" i="1"/>
  <c r="G1748" i="1"/>
  <c r="G1749" i="1"/>
  <c r="G1750" i="1"/>
  <c r="G1751" i="1"/>
  <c r="G1752" i="1"/>
  <c r="G1753" i="1"/>
  <c r="G1754" i="1"/>
  <c r="G1755" i="1"/>
  <c r="G1756" i="1"/>
  <c r="G1757" i="1"/>
  <c r="G1758" i="1"/>
  <c r="G1759" i="1"/>
  <c r="G1760" i="1"/>
  <c r="G1761" i="1"/>
  <c r="G1762" i="1"/>
  <c r="G1763" i="1"/>
  <c r="G1764" i="1"/>
  <c r="G1765" i="1"/>
  <c r="G1766" i="1"/>
  <c r="G1767" i="1"/>
  <c r="G1768" i="1"/>
  <c r="G1769" i="1"/>
  <c r="G1770" i="1"/>
  <c r="G1771" i="1"/>
  <c r="G1772" i="1"/>
  <c r="G1773" i="1"/>
  <c r="G1774" i="1"/>
  <c r="G1775" i="1"/>
  <c r="G1776" i="1"/>
  <c r="G1777" i="1"/>
  <c r="G1778" i="1"/>
  <c r="G1779" i="1"/>
  <c r="G1780" i="1"/>
  <c r="G1781" i="1"/>
  <c r="G1782" i="1"/>
  <c r="G1783" i="1"/>
  <c r="G1784" i="1"/>
  <c r="G1785" i="1"/>
  <c r="G1786" i="1"/>
  <c r="G1787" i="1"/>
  <c r="G1788" i="1"/>
  <c r="G1789" i="1"/>
  <c r="G1790" i="1"/>
  <c r="G1791" i="1"/>
  <c r="G1792" i="1"/>
  <c r="G1793" i="1"/>
  <c r="G1794" i="1"/>
  <c r="G1795" i="1"/>
  <c r="G1796" i="1"/>
  <c r="G1797" i="1"/>
  <c r="G1798" i="1"/>
  <c r="G1799" i="1"/>
  <c r="G1800" i="1"/>
  <c r="G1801" i="1"/>
  <c r="G1802" i="1"/>
  <c r="G1803" i="1"/>
  <c r="G1804" i="1"/>
  <c r="G1805" i="1"/>
  <c r="G1806" i="1"/>
  <c r="G1807" i="1"/>
  <c r="G1808" i="1"/>
  <c r="G1809" i="1"/>
  <c r="G1810" i="1"/>
  <c r="G1811" i="1"/>
  <c r="G1812" i="1"/>
  <c r="G1813" i="1"/>
  <c r="G1814" i="1"/>
  <c r="G1815" i="1"/>
  <c r="G1816" i="1"/>
  <c r="G1817" i="1"/>
  <c r="G1818" i="1"/>
  <c r="G1819" i="1"/>
  <c r="G1820" i="1"/>
  <c r="G1821" i="1"/>
  <c r="G1822" i="1"/>
  <c r="G1823" i="1"/>
  <c r="G1824" i="1"/>
  <c r="G1825" i="1"/>
  <c r="G1826" i="1"/>
  <c r="G1827" i="1"/>
  <c r="G1828" i="1"/>
  <c r="G1829" i="1"/>
  <c r="G1830" i="1"/>
  <c r="G1831" i="1"/>
  <c r="G1832" i="1"/>
  <c r="G1833" i="1"/>
  <c r="G1834" i="1"/>
  <c r="G1835" i="1"/>
  <c r="G1836" i="1"/>
  <c r="G1837" i="1"/>
  <c r="G1838" i="1"/>
  <c r="G1839" i="1"/>
  <c r="G1840" i="1"/>
  <c r="G1841" i="1"/>
  <c r="G1842" i="1"/>
  <c r="G1843" i="1"/>
  <c r="G1844" i="1"/>
  <c r="G1845" i="1"/>
  <c r="G1846" i="1"/>
  <c r="G1847" i="1"/>
  <c r="G1848" i="1"/>
  <c r="G1849" i="1"/>
  <c r="G1850" i="1"/>
  <c r="G1851" i="1"/>
  <c r="G1852" i="1"/>
  <c r="G1853" i="1"/>
  <c r="G1854" i="1"/>
  <c r="G1855" i="1"/>
  <c r="G1856" i="1"/>
  <c r="G1857" i="1"/>
  <c r="G1858" i="1"/>
  <c r="G1859" i="1"/>
  <c r="G1860" i="1"/>
  <c r="G1861" i="1"/>
  <c r="G1862" i="1"/>
  <c r="G1863" i="1"/>
  <c r="G1864" i="1"/>
  <c r="G1865" i="1"/>
  <c r="G1866" i="1"/>
  <c r="G1867" i="1"/>
  <c r="G1868" i="1"/>
  <c r="G1869" i="1"/>
  <c r="G1870" i="1"/>
  <c r="G1871" i="1"/>
  <c r="G1872" i="1"/>
  <c r="G1873" i="1"/>
  <c r="G1874" i="1"/>
  <c r="G1875" i="1"/>
  <c r="G1876" i="1"/>
  <c r="G1877" i="1"/>
  <c r="G1878" i="1"/>
  <c r="G1879" i="1"/>
  <c r="G1880" i="1"/>
  <c r="G1881" i="1"/>
  <c r="G1882" i="1"/>
  <c r="G1883" i="1"/>
  <c r="G1884" i="1"/>
  <c r="G1885" i="1"/>
  <c r="G1886" i="1"/>
  <c r="G1887" i="1"/>
  <c r="G1888" i="1"/>
  <c r="G1889" i="1"/>
  <c r="G1890" i="1"/>
  <c r="G1891" i="1"/>
  <c r="G1892" i="1"/>
  <c r="G1893" i="1"/>
  <c r="G1894" i="1"/>
  <c r="G1895" i="1"/>
  <c r="G1896" i="1"/>
  <c r="G1897" i="1"/>
  <c r="G1898" i="1"/>
  <c r="G1899" i="1"/>
  <c r="G1900" i="1"/>
  <c r="G1901" i="1"/>
  <c r="G1902" i="1"/>
  <c r="G1903" i="1"/>
  <c r="G1904" i="1"/>
  <c r="G1905" i="1"/>
  <c r="G1906" i="1"/>
  <c r="G1907" i="1"/>
  <c r="G1908" i="1"/>
  <c r="G1909" i="1"/>
  <c r="G1910" i="1"/>
  <c r="G1911" i="1"/>
  <c r="G1912" i="1"/>
  <c r="G1913" i="1"/>
  <c r="G1914" i="1"/>
  <c r="G1915" i="1"/>
  <c r="G1916" i="1"/>
  <c r="G1917" i="1"/>
  <c r="G1918" i="1"/>
  <c r="G1919" i="1"/>
  <c r="G1920" i="1"/>
  <c r="G1921" i="1"/>
  <c r="G1922" i="1"/>
  <c r="G1923" i="1"/>
  <c r="G1924" i="1"/>
  <c r="G1925" i="1"/>
  <c r="G1926" i="1"/>
  <c r="G1927" i="1"/>
  <c r="G1928" i="1"/>
  <c r="G1929" i="1"/>
  <c r="G1930" i="1"/>
  <c r="G1931" i="1"/>
  <c r="G1932" i="1"/>
  <c r="G1933" i="1"/>
  <c r="G1934" i="1"/>
  <c r="G1935" i="1"/>
  <c r="G1936" i="1"/>
  <c r="G1937" i="1"/>
  <c r="G1938" i="1"/>
  <c r="G1939" i="1"/>
  <c r="G1940" i="1"/>
  <c r="G1941" i="1"/>
  <c r="G1942" i="1"/>
  <c r="G1943" i="1"/>
  <c r="G1944" i="1"/>
  <c r="G1945" i="1"/>
  <c r="G1946" i="1"/>
  <c r="G1947" i="1"/>
  <c r="G1948" i="1"/>
  <c r="G1949" i="1"/>
  <c r="G1950" i="1"/>
  <c r="G1951" i="1"/>
  <c r="G1952" i="1"/>
  <c r="G1953" i="1"/>
  <c r="G1954" i="1"/>
  <c r="G1955" i="1"/>
  <c r="G1956" i="1"/>
  <c r="G1957" i="1"/>
  <c r="G1958" i="1"/>
  <c r="G1959" i="1"/>
  <c r="G1960" i="1"/>
  <c r="G1961" i="1"/>
  <c r="G1962" i="1"/>
  <c r="G1963" i="1"/>
  <c r="G1964" i="1"/>
  <c r="G1965" i="1"/>
  <c r="G1966" i="1"/>
  <c r="G1967" i="1"/>
  <c r="G1968" i="1"/>
  <c r="G1969" i="1"/>
  <c r="G1970" i="1"/>
  <c r="G1971" i="1"/>
  <c r="G1972" i="1"/>
  <c r="G1973" i="1"/>
  <c r="G1974" i="1"/>
  <c r="G1975" i="1"/>
  <c r="G1976" i="1"/>
  <c r="G1977" i="1"/>
  <c r="G1978" i="1"/>
  <c r="G1979" i="1"/>
  <c r="G1980" i="1"/>
  <c r="G1981" i="1"/>
  <c r="G1982" i="1"/>
  <c r="G1983" i="1"/>
  <c r="G1984" i="1"/>
  <c r="G1985" i="1"/>
  <c r="G1986" i="1"/>
  <c r="G1987" i="1"/>
  <c r="G1988" i="1"/>
  <c r="G1989" i="1"/>
  <c r="G1990" i="1"/>
  <c r="G1991" i="1"/>
  <c r="G1992" i="1"/>
  <c r="G1993" i="1"/>
  <c r="G1994" i="1"/>
  <c r="G1995" i="1"/>
  <c r="G1996" i="1"/>
  <c r="G1997" i="1"/>
  <c r="G1998" i="1"/>
  <c r="G1999" i="1"/>
  <c r="G2000" i="1"/>
  <c r="G2001" i="1"/>
  <c r="G2002" i="1"/>
  <c r="G2003" i="1"/>
  <c r="G2004" i="1"/>
  <c r="G2005" i="1"/>
  <c r="G2006" i="1"/>
  <c r="G2007" i="1"/>
  <c r="G2008" i="1"/>
  <c r="G2009" i="1"/>
  <c r="G2010" i="1"/>
  <c r="G2011" i="1"/>
  <c r="G2012" i="1"/>
  <c r="G2013" i="1"/>
  <c r="G2014" i="1"/>
  <c r="G2015" i="1"/>
  <c r="G2016" i="1"/>
  <c r="G2017" i="1"/>
  <c r="G2018" i="1"/>
  <c r="G2019" i="1"/>
  <c r="G2020" i="1"/>
  <c r="G2021" i="1"/>
  <c r="G2022" i="1"/>
  <c r="G2023" i="1"/>
  <c r="G2024" i="1"/>
  <c r="G2025" i="1"/>
  <c r="G2026" i="1"/>
  <c r="G2027" i="1"/>
  <c r="G2028" i="1"/>
  <c r="G2029" i="1"/>
  <c r="G2030" i="1"/>
  <c r="G2031" i="1"/>
  <c r="G2032" i="1"/>
  <c r="G2033" i="1"/>
  <c r="G2034" i="1"/>
  <c r="G2035" i="1"/>
  <c r="G2036" i="1"/>
  <c r="G2037" i="1"/>
  <c r="G2038" i="1"/>
  <c r="G2039" i="1"/>
  <c r="G2040" i="1"/>
  <c r="G2041" i="1"/>
  <c r="G2042" i="1"/>
  <c r="G2043" i="1"/>
  <c r="G2044" i="1"/>
  <c r="G2045" i="1"/>
  <c r="G2046" i="1"/>
  <c r="G2047" i="1"/>
  <c r="G2048" i="1"/>
  <c r="G2049" i="1"/>
  <c r="G2050" i="1"/>
  <c r="G2051" i="1"/>
  <c r="G2052" i="1"/>
  <c r="G2053" i="1"/>
  <c r="G2054" i="1"/>
  <c r="G2055" i="1"/>
  <c r="G2056" i="1"/>
  <c r="G2057" i="1"/>
  <c r="G2058" i="1"/>
  <c r="G2059" i="1"/>
  <c r="G2060" i="1"/>
  <c r="G2061" i="1"/>
  <c r="G2062" i="1"/>
  <c r="G2063" i="1"/>
  <c r="G2064" i="1"/>
  <c r="G2065" i="1"/>
  <c r="G2066" i="1"/>
  <c r="G2067" i="1"/>
  <c r="G2068" i="1"/>
  <c r="G2069" i="1"/>
  <c r="G2070" i="1"/>
  <c r="G2071" i="1"/>
  <c r="G2072" i="1"/>
  <c r="G2073" i="1"/>
  <c r="G2074" i="1"/>
  <c r="G2075" i="1"/>
  <c r="G2076" i="1"/>
  <c r="G2077" i="1"/>
  <c r="G2078" i="1"/>
  <c r="G2079" i="1"/>
  <c r="G2080" i="1"/>
  <c r="G2081" i="1"/>
  <c r="G2082" i="1"/>
  <c r="G2083" i="1"/>
  <c r="G2084" i="1"/>
  <c r="G2085" i="1"/>
  <c r="G2086" i="1"/>
  <c r="G2087" i="1"/>
  <c r="G2088" i="1"/>
  <c r="G2089" i="1"/>
  <c r="G2090" i="1"/>
  <c r="G2091" i="1"/>
  <c r="G2092" i="1"/>
  <c r="G2093" i="1"/>
  <c r="G2094" i="1"/>
  <c r="G2095" i="1"/>
  <c r="G2096" i="1"/>
  <c r="G2097" i="1"/>
  <c r="G2098" i="1"/>
  <c r="G2099" i="1"/>
  <c r="G2100" i="1"/>
  <c r="G2101" i="1"/>
  <c r="G2102" i="1"/>
  <c r="G2103" i="1"/>
  <c r="G2104" i="1"/>
  <c r="G2105" i="1"/>
  <c r="G2106" i="1"/>
  <c r="G2107" i="1"/>
  <c r="G2108" i="1"/>
  <c r="G2109" i="1"/>
  <c r="G2110" i="1"/>
  <c r="G2111" i="1"/>
  <c r="G2112" i="1"/>
  <c r="G2113" i="1"/>
  <c r="G2114" i="1"/>
  <c r="G2115" i="1"/>
  <c r="G2116" i="1"/>
  <c r="G2117" i="1"/>
  <c r="G2118" i="1"/>
  <c r="G2119" i="1"/>
  <c r="G2120" i="1"/>
  <c r="G2121" i="1"/>
  <c r="G2122" i="1"/>
  <c r="G2123" i="1"/>
  <c r="G2124" i="1"/>
  <c r="G2125" i="1"/>
  <c r="G2126" i="1"/>
  <c r="G2127" i="1"/>
  <c r="G2128" i="1"/>
  <c r="G2129" i="1"/>
  <c r="G2130" i="1"/>
  <c r="G2131" i="1"/>
  <c r="G2132" i="1"/>
  <c r="G2133" i="1"/>
  <c r="G2134" i="1"/>
  <c r="G2135" i="1"/>
  <c r="G2136" i="1"/>
  <c r="G2137" i="1"/>
  <c r="G2138" i="1"/>
  <c r="G2139" i="1"/>
  <c r="G2140" i="1"/>
  <c r="G2141" i="1"/>
  <c r="G2142" i="1"/>
  <c r="G2143" i="1"/>
  <c r="G2144" i="1"/>
  <c r="G2145" i="1"/>
  <c r="G2146" i="1"/>
  <c r="G2147" i="1"/>
  <c r="G2148" i="1"/>
  <c r="G2149" i="1"/>
  <c r="G2150" i="1"/>
  <c r="G2151" i="1"/>
  <c r="G2152" i="1"/>
  <c r="G2153" i="1"/>
  <c r="G2154" i="1"/>
  <c r="G2155" i="1"/>
  <c r="G2156" i="1"/>
  <c r="G2157" i="1"/>
  <c r="G2158" i="1"/>
  <c r="G2159" i="1"/>
  <c r="G2160" i="1"/>
  <c r="G2161" i="1"/>
  <c r="G2162" i="1"/>
  <c r="G2163" i="1"/>
  <c r="G2164" i="1"/>
  <c r="G2165" i="1"/>
  <c r="G2166" i="1"/>
  <c r="G2167" i="1"/>
  <c r="G2168" i="1"/>
  <c r="G2169" i="1"/>
  <c r="G2170" i="1"/>
  <c r="G2171" i="1"/>
  <c r="G2172" i="1"/>
  <c r="G2173" i="1"/>
  <c r="G2174" i="1"/>
  <c r="G2175" i="1"/>
  <c r="G2176" i="1"/>
  <c r="G2177" i="1"/>
  <c r="G2178" i="1"/>
  <c r="G2179" i="1"/>
  <c r="G2180" i="1"/>
  <c r="G2181" i="1"/>
  <c r="G2182" i="1"/>
  <c r="G2183" i="1"/>
  <c r="G2184" i="1"/>
  <c r="G2185" i="1"/>
  <c r="G2186" i="1"/>
  <c r="G2187" i="1"/>
  <c r="G2188" i="1"/>
  <c r="G2189" i="1"/>
  <c r="G2190" i="1"/>
  <c r="G2191" i="1"/>
  <c r="G2192" i="1"/>
  <c r="G2193" i="1"/>
  <c r="G2194" i="1"/>
  <c r="G2195" i="1"/>
  <c r="G2196" i="1"/>
  <c r="G2197" i="1"/>
  <c r="G2198" i="1"/>
  <c r="G2199" i="1"/>
  <c r="G2200" i="1"/>
  <c r="G2201" i="1"/>
  <c r="G2202" i="1"/>
  <c r="G2203" i="1"/>
  <c r="G2204" i="1"/>
  <c r="G2205" i="1"/>
  <c r="G2206" i="1"/>
  <c r="G2207" i="1"/>
  <c r="G2208" i="1"/>
  <c r="G2209" i="1"/>
  <c r="G2210" i="1"/>
  <c r="G2211" i="1"/>
  <c r="G2212" i="1"/>
  <c r="G2213" i="1"/>
  <c r="G2214" i="1"/>
  <c r="G2215" i="1"/>
  <c r="G2216" i="1"/>
  <c r="G2217" i="1"/>
  <c r="G2218" i="1"/>
  <c r="G2219" i="1"/>
  <c r="G2220" i="1"/>
  <c r="G2221" i="1"/>
  <c r="G2222" i="1"/>
  <c r="G2223" i="1"/>
  <c r="G2224" i="1"/>
  <c r="G2225" i="1"/>
  <c r="G2226" i="1"/>
  <c r="G2227" i="1"/>
  <c r="G2228" i="1"/>
  <c r="G2229" i="1"/>
  <c r="G2230" i="1"/>
  <c r="G2231" i="1"/>
  <c r="G2232" i="1"/>
  <c r="G2233" i="1"/>
  <c r="G2234" i="1"/>
  <c r="G2235" i="1"/>
  <c r="G2236" i="1"/>
  <c r="G2237" i="1"/>
  <c r="G2238" i="1"/>
  <c r="G2239" i="1"/>
  <c r="G2240" i="1"/>
  <c r="G2241" i="1"/>
  <c r="G2242" i="1"/>
  <c r="G2243" i="1"/>
  <c r="G2244" i="1"/>
  <c r="G2245" i="1"/>
  <c r="G2246" i="1"/>
  <c r="G2247" i="1"/>
  <c r="G2248" i="1"/>
  <c r="G2249" i="1"/>
  <c r="G2250" i="1"/>
  <c r="G2251" i="1"/>
  <c r="G2252" i="1"/>
  <c r="G2253" i="1"/>
  <c r="G2254" i="1"/>
  <c r="G2255" i="1"/>
  <c r="G2256" i="1"/>
  <c r="G2257" i="1"/>
  <c r="G2258" i="1"/>
  <c r="G2259" i="1"/>
  <c r="G2260" i="1"/>
  <c r="G2261" i="1"/>
  <c r="G2262" i="1"/>
  <c r="G2263" i="1"/>
  <c r="G2264" i="1"/>
  <c r="G2265" i="1"/>
  <c r="G2266" i="1"/>
  <c r="G2267" i="1"/>
  <c r="G2268" i="1"/>
  <c r="G2269" i="1"/>
  <c r="G2270" i="1"/>
  <c r="G2271" i="1"/>
  <c r="G2272" i="1"/>
  <c r="G2273" i="1"/>
  <c r="G2274" i="1"/>
  <c r="G2275" i="1"/>
  <c r="G2276" i="1"/>
  <c r="G2277" i="1"/>
  <c r="G2278" i="1"/>
  <c r="G2279" i="1"/>
  <c r="G2280" i="1"/>
  <c r="G2281" i="1"/>
  <c r="G2282" i="1"/>
  <c r="G2283" i="1"/>
  <c r="G2284" i="1"/>
  <c r="G2285" i="1"/>
  <c r="G2286" i="1"/>
  <c r="G2287" i="1"/>
  <c r="G2288" i="1"/>
  <c r="G2289" i="1"/>
  <c r="G2290" i="1"/>
  <c r="G2291" i="1"/>
  <c r="G2292" i="1"/>
  <c r="G2293" i="1"/>
  <c r="G2294" i="1"/>
  <c r="G2295" i="1"/>
  <c r="G2296" i="1"/>
  <c r="G2297" i="1"/>
  <c r="G2298" i="1"/>
  <c r="G2299" i="1"/>
  <c r="G2300" i="1"/>
  <c r="G2301" i="1"/>
  <c r="G2302" i="1"/>
  <c r="G2303" i="1"/>
  <c r="G2304" i="1"/>
  <c r="G2305" i="1"/>
  <c r="G2306" i="1"/>
  <c r="G2307" i="1"/>
  <c r="G2308" i="1"/>
  <c r="G2309" i="1"/>
  <c r="G2310" i="1"/>
  <c r="G2311" i="1"/>
  <c r="G2312" i="1"/>
  <c r="G2313" i="1"/>
  <c r="G2314" i="1"/>
  <c r="G2315" i="1"/>
  <c r="G2316" i="1"/>
  <c r="G2317" i="1"/>
  <c r="G2318" i="1"/>
  <c r="G2319" i="1"/>
  <c r="G2320" i="1"/>
  <c r="G2321" i="1"/>
  <c r="G2322" i="1"/>
  <c r="G2323" i="1"/>
  <c r="G2324" i="1"/>
  <c r="G2325" i="1"/>
  <c r="G2326" i="1"/>
  <c r="G2327" i="1"/>
  <c r="G2328" i="1"/>
  <c r="G2329" i="1"/>
  <c r="G2330" i="1"/>
  <c r="G2331" i="1"/>
  <c r="G2332" i="1"/>
  <c r="G2333" i="1"/>
  <c r="G2334" i="1"/>
  <c r="G2335" i="1"/>
  <c r="G2336" i="1"/>
  <c r="G2337" i="1"/>
  <c r="G2338" i="1"/>
  <c r="G2339" i="1"/>
  <c r="G2340" i="1"/>
  <c r="G2341" i="1"/>
  <c r="G2342" i="1"/>
  <c r="G2343" i="1"/>
  <c r="G2344" i="1"/>
  <c r="G2345" i="1"/>
  <c r="G2346" i="1"/>
  <c r="G2347" i="1"/>
  <c r="G2348" i="1"/>
  <c r="G2349" i="1"/>
  <c r="G2350" i="1"/>
  <c r="G2351" i="1"/>
  <c r="G2352" i="1"/>
  <c r="G2353" i="1"/>
  <c r="G2354" i="1"/>
  <c r="G2355" i="1"/>
  <c r="G2356" i="1"/>
  <c r="G2357" i="1"/>
  <c r="G2358" i="1"/>
  <c r="G2359" i="1"/>
  <c r="G2360" i="1"/>
  <c r="G2361" i="1"/>
  <c r="G2362" i="1"/>
  <c r="G2363" i="1"/>
  <c r="G2364" i="1"/>
  <c r="G2365" i="1"/>
  <c r="G2366" i="1"/>
  <c r="G2367" i="1"/>
  <c r="G2368" i="1"/>
  <c r="G2369" i="1"/>
  <c r="G2370" i="1"/>
  <c r="G2371" i="1"/>
  <c r="G2372" i="1"/>
  <c r="G2373" i="1"/>
  <c r="G2374" i="1"/>
  <c r="G2375" i="1"/>
  <c r="G2376" i="1"/>
  <c r="G2377" i="1"/>
  <c r="G2378" i="1"/>
  <c r="G2379" i="1"/>
  <c r="G2380" i="1"/>
  <c r="G2381" i="1"/>
  <c r="G2382" i="1"/>
  <c r="G2383" i="1"/>
  <c r="G2384" i="1"/>
  <c r="G2385" i="1"/>
  <c r="G2386" i="1"/>
  <c r="G2387" i="1"/>
  <c r="G2388" i="1"/>
  <c r="G2389" i="1"/>
  <c r="G2390" i="1"/>
  <c r="G2391" i="1"/>
  <c r="G2392" i="1"/>
  <c r="G2393" i="1"/>
  <c r="G2394" i="1"/>
  <c r="G2395" i="1"/>
  <c r="G2396" i="1"/>
  <c r="G2397" i="1"/>
  <c r="G2398" i="1"/>
  <c r="G2399" i="1"/>
  <c r="G2400" i="1"/>
  <c r="G2401" i="1"/>
  <c r="G2402" i="1"/>
  <c r="G2403" i="1"/>
  <c r="G2404" i="1"/>
  <c r="G2405" i="1"/>
  <c r="G2406" i="1"/>
  <c r="G2407" i="1"/>
  <c r="G2408" i="1"/>
  <c r="G2409" i="1"/>
  <c r="G2410" i="1"/>
  <c r="G2411" i="1"/>
  <c r="G2412" i="1"/>
  <c r="G2413" i="1"/>
  <c r="G2414" i="1"/>
  <c r="G2415" i="1"/>
  <c r="G2416" i="1"/>
  <c r="G2417" i="1"/>
  <c r="G2418" i="1"/>
  <c r="G2419" i="1"/>
  <c r="G2420" i="1"/>
  <c r="G2421" i="1"/>
  <c r="G2422" i="1"/>
  <c r="G2423" i="1"/>
  <c r="G2424" i="1"/>
  <c r="G2425" i="1"/>
  <c r="G2426" i="1"/>
  <c r="G2427" i="1"/>
  <c r="G2428" i="1"/>
  <c r="G2429" i="1"/>
  <c r="G2430" i="1"/>
  <c r="G2431" i="1"/>
  <c r="G2432" i="1"/>
  <c r="G2433" i="1"/>
  <c r="G2434" i="1"/>
  <c r="G2435" i="1"/>
  <c r="G2436" i="1"/>
  <c r="G2437" i="1"/>
  <c r="G2438" i="1"/>
  <c r="G2439" i="1"/>
  <c r="G2440" i="1"/>
  <c r="G2441" i="1"/>
  <c r="G2442" i="1"/>
  <c r="G2443" i="1"/>
  <c r="G2444" i="1"/>
  <c r="G2445" i="1"/>
  <c r="G2446" i="1"/>
  <c r="G2447" i="1"/>
  <c r="G2448" i="1"/>
  <c r="G2449" i="1"/>
  <c r="G2450" i="1"/>
  <c r="G2451" i="1"/>
  <c r="G2452" i="1"/>
  <c r="G2453" i="1"/>
  <c r="G2454" i="1"/>
  <c r="G2455" i="1"/>
  <c r="G2456" i="1"/>
  <c r="G2457" i="1"/>
  <c r="G2458" i="1"/>
  <c r="G2459" i="1"/>
  <c r="G2460" i="1"/>
  <c r="G2461" i="1"/>
  <c r="G2462" i="1"/>
  <c r="G2463" i="1"/>
  <c r="G2464" i="1"/>
  <c r="G2465" i="1"/>
  <c r="G2466" i="1"/>
  <c r="G2467" i="1"/>
  <c r="G2468" i="1"/>
  <c r="G2469" i="1"/>
  <c r="G2470" i="1"/>
  <c r="G2471" i="1"/>
  <c r="G2472" i="1"/>
  <c r="G2473" i="1"/>
  <c r="G2474" i="1"/>
  <c r="G2475" i="1"/>
  <c r="G2476" i="1"/>
  <c r="G2477" i="1"/>
  <c r="G2478" i="1"/>
  <c r="G2479" i="1"/>
  <c r="G2480" i="1"/>
  <c r="G2481" i="1"/>
  <c r="G2482" i="1"/>
  <c r="G2483" i="1"/>
  <c r="G2484" i="1"/>
  <c r="G2485" i="1"/>
  <c r="G2486" i="1"/>
  <c r="G2487" i="1"/>
  <c r="G2488" i="1"/>
  <c r="G2489" i="1"/>
  <c r="G2490" i="1"/>
  <c r="G2491" i="1"/>
  <c r="G2492" i="1"/>
  <c r="G2493" i="1"/>
  <c r="G2494" i="1"/>
  <c r="G2495" i="1"/>
  <c r="G2496" i="1"/>
  <c r="G2497" i="1"/>
  <c r="G2498" i="1"/>
  <c r="G2499" i="1"/>
  <c r="G2500" i="1"/>
  <c r="G2501" i="1"/>
  <c r="G2502" i="1"/>
  <c r="G2503" i="1"/>
  <c r="G2504" i="1"/>
  <c r="G2505" i="1"/>
  <c r="G2506" i="1"/>
  <c r="G2507" i="1"/>
  <c r="G2508" i="1"/>
  <c r="G2509" i="1"/>
  <c r="G2510" i="1"/>
  <c r="G2511" i="1"/>
  <c r="G2512" i="1"/>
  <c r="G2513" i="1"/>
  <c r="G2514" i="1"/>
  <c r="G2515" i="1"/>
  <c r="G2516" i="1"/>
  <c r="G2517" i="1"/>
  <c r="G2518" i="1"/>
  <c r="G2519" i="1"/>
  <c r="G2520" i="1"/>
  <c r="G2521" i="1"/>
  <c r="G2522" i="1"/>
  <c r="G2523" i="1"/>
  <c r="G2524" i="1"/>
  <c r="G2525" i="1"/>
  <c r="G2526" i="1"/>
  <c r="G2527" i="1"/>
  <c r="G2528" i="1"/>
  <c r="G2529" i="1"/>
  <c r="G2530" i="1"/>
  <c r="G2531" i="1"/>
  <c r="G2532" i="1"/>
  <c r="G2533" i="1"/>
  <c r="G2534" i="1"/>
  <c r="G2535" i="1"/>
  <c r="G2536" i="1"/>
  <c r="G2537" i="1"/>
  <c r="G2538" i="1"/>
  <c r="G2539" i="1"/>
  <c r="G2540" i="1"/>
  <c r="G2541" i="1"/>
  <c r="G2542" i="1"/>
  <c r="G2543" i="1"/>
  <c r="G2544" i="1"/>
  <c r="G2545" i="1"/>
  <c r="G2546" i="1"/>
  <c r="G2547" i="1"/>
  <c r="G2548" i="1"/>
  <c r="G2549" i="1"/>
  <c r="G2550" i="1"/>
  <c r="G2551" i="1"/>
  <c r="G2552" i="1"/>
  <c r="G2553" i="1"/>
  <c r="G2554" i="1"/>
  <c r="G2555" i="1"/>
  <c r="G2556" i="1"/>
  <c r="G2557" i="1"/>
  <c r="G2558" i="1"/>
  <c r="G2559" i="1"/>
  <c r="G2560" i="1"/>
  <c r="G2561" i="1"/>
  <c r="G2562" i="1"/>
  <c r="G2563" i="1"/>
  <c r="G2564" i="1"/>
  <c r="G2565" i="1"/>
  <c r="G2566" i="1"/>
  <c r="G2567" i="1"/>
  <c r="G2568" i="1"/>
  <c r="G2569" i="1"/>
  <c r="G2570" i="1"/>
  <c r="G2571" i="1"/>
  <c r="G2572" i="1"/>
  <c r="G2573" i="1"/>
  <c r="G2574" i="1"/>
  <c r="G2575" i="1"/>
  <c r="G2576" i="1"/>
  <c r="G2577" i="1"/>
  <c r="G2578" i="1"/>
  <c r="G2579" i="1"/>
  <c r="G2580" i="1"/>
  <c r="G2581" i="1"/>
  <c r="G2582" i="1"/>
  <c r="G2583" i="1"/>
  <c r="G2584" i="1"/>
  <c r="G2585" i="1"/>
  <c r="G2586" i="1"/>
  <c r="G2587" i="1"/>
  <c r="G2588" i="1"/>
  <c r="G2589" i="1"/>
  <c r="G2590" i="1"/>
  <c r="G2591" i="1"/>
  <c r="G2592" i="1"/>
  <c r="G2593" i="1"/>
  <c r="G2594" i="1"/>
  <c r="G2595" i="1"/>
  <c r="G2596" i="1"/>
  <c r="G2597" i="1"/>
  <c r="G2598" i="1"/>
  <c r="G2599" i="1"/>
  <c r="G2600" i="1"/>
  <c r="G2601" i="1"/>
  <c r="G2602" i="1"/>
  <c r="G2603" i="1"/>
  <c r="G2604" i="1"/>
  <c r="G2605" i="1"/>
  <c r="G2606" i="1"/>
  <c r="G2607" i="1"/>
  <c r="G2608" i="1"/>
  <c r="G2609" i="1"/>
  <c r="G2610" i="1"/>
  <c r="G2611" i="1"/>
  <c r="G2612" i="1"/>
  <c r="G2613" i="1"/>
  <c r="G2614" i="1"/>
  <c r="G2615" i="1"/>
  <c r="G2616" i="1"/>
  <c r="G2617" i="1"/>
  <c r="G2618" i="1"/>
  <c r="G2619" i="1"/>
  <c r="G2620" i="1"/>
  <c r="G2621" i="1"/>
  <c r="G2622" i="1"/>
  <c r="G2623" i="1"/>
  <c r="G2624" i="1"/>
  <c r="G2625" i="1"/>
  <c r="G2626" i="1"/>
  <c r="G2627" i="1"/>
  <c r="G2628" i="1"/>
  <c r="G2629" i="1"/>
  <c r="G2630" i="1"/>
  <c r="G2631" i="1"/>
  <c r="G2632" i="1"/>
  <c r="G2633" i="1"/>
  <c r="G2634" i="1"/>
  <c r="G2635" i="1"/>
  <c r="G2636" i="1"/>
  <c r="G2637" i="1"/>
  <c r="G2638" i="1"/>
  <c r="G2639" i="1"/>
  <c r="G2640" i="1"/>
  <c r="G2641" i="1"/>
  <c r="G2642" i="1"/>
  <c r="G2643" i="1"/>
  <c r="G2644" i="1"/>
  <c r="G2645" i="1"/>
  <c r="G2646" i="1"/>
  <c r="G2647" i="1"/>
  <c r="G2648" i="1"/>
  <c r="G2649" i="1"/>
  <c r="G2650" i="1"/>
  <c r="G2651" i="1"/>
  <c r="G2652" i="1"/>
  <c r="G2653" i="1"/>
  <c r="G2654" i="1"/>
  <c r="G2655" i="1"/>
  <c r="G2656" i="1"/>
  <c r="G2657" i="1"/>
  <c r="G2658" i="1"/>
  <c r="G2659" i="1"/>
  <c r="G2660" i="1"/>
  <c r="G2661" i="1"/>
  <c r="G2662" i="1"/>
  <c r="G2663" i="1"/>
  <c r="G2664" i="1"/>
  <c r="G2665" i="1"/>
  <c r="G2666" i="1"/>
  <c r="G2667" i="1"/>
  <c r="G2668" i="1"/>
  <c r="G2669" i="1"/>
  <c r="G2670" i="1"/>
  <c r="G2671" i="1"/>
  <c r="G2672" i="1"/>
  <c r="G2673" i="1"/>
  <c r="G2674" i="1"/>
  <c r="G2675" i="1"/>
  <c r="G2676" i="1"/>
  <c r="G2677" i="1"/>
  <c r="G2678" i="1"/>
  <c r="G2679" i="1"/>
  <c r="G2680" i="1"/>
  <c r="G2681" i="1"/>
  <c r="G2682" i="1"/>
  <c r="G2683" i="1"/>
  <c r="G2684" i="1"/>
  <c r="G2685" i="1"/>
  <c r="G2686" i="1"/>
  <c r="G2687" i="1"/>
  <c r="G2688" i="1"/>
  <c r="G2689" i="1"/>
  <c r="G2690" i="1"/>
  <c r="G2691" i="1"/>
  <c r="G2692" i="1"/>
  <c r="G2693" i="1"/>
  <c r="G2694" i="1"/>
  <c r="G2695" i="1"/>
  <c r="G2696" i="1"/>
  <c r="G2697" i="1"/>
  <c r="G2698" i="1"/>
  <c r="G2699" i="1"/>
  <c r="G2700" i="1"/>
  <c r="G2701" i="1"/>
  <c r="G2702" i="1"/>
  <c r="G2703" i="1"/>
  <c r="G2704" i="1"/>
  <c r="G2705" i="1"/>
  <c r="G2706" i="1"/>
  <c r="G2707" i="1"/>
  <c r="G2708" i="1"/>
  <c r="G2709" i="1"/>
  <c r="G2710" i="1"/>
  <c r="G2711" i="1"/>
  <c r="G2712" i="1"/>
  <c r="G2713" i="1"/>
  <c r="G2714" i="1"/>
  <c r="G2715" i="1"/>
  <c r="G2716" i="1"/>
  <c r="G2717" i="1"/>
  <c r="G2718" i="1"/>
  <c r="G2719" i="1"/>
  <c r="G2720" i="1"/>
  <c r="G2721" i="1"/>
  <c r="G2722" i="1"/>
  <c r="G2723" i="1"/>
  <c r="G2724" i="1"/>
  <c r="G2725" i="1"/>
  <c r="G2726" i="1"/>
  <c r="G2727" i="1"/>
  <c r="G2728" i="1"/>
  <c r="G2729" i="1"/>
  <c r="G2730" i="1"/>
  <c r="G2731" i="1"/>
  <c r="G2732" i="1"/>
  <c r="G2733" i="1"/>
  <c r="G2734" i="1"/>
  <c r="G2735" i="1"/>
  <c r="G2736" i="1"/>
  <c r="G2737" i="1"/>
  <c r="G2738" i="1"/>
  <c r="G2739" i="1"/>
  <c r="G2740" i="1"/>
  <c r="G2741" i="1"/>
  <c r="G2742" i="1"/>
  <c r="G2743" i="1"/>
  <c r="G2744" i="1"/>
  <c r="G2745" i="1"/>
  <c r="G2746" i="1"/>
  <c r="G2747" i="1"/>
  <c r="G2748" i="1"/>
  <c r="G2749" i="1"/>
  <c r="G2750" i="1"/>
  <c r="G2751" i="1"/>
  <c r="G2752" i="1"/>
  <c r="G2753" i="1"/>
  <c r="G2754" i="1"/>
  <c r="G2755" i="1"/>
  <c r="G2756" i="1"/>
  <c r="G2757" i="1"/>
  <c r="G2758" i="1"/>
  <c r="G2759" i="1"/>
  <c r="G2760" i="1"/>
  <c r="G2761" i="1"/>
  <c r="G2762" i="1"/>
  <c r="G2763" i="1"/>
  <c r="G2764" i="1"/>
  <c r="G2765" i="1"/>
  <c r="G2766" i="1"/>
  <c r="G2767" i="1"/>
  <c r="G2768" i="1"/>
  <c r="G2769" i="1"/>
  <c r="G2770" i="1"/>
  <c r="G2771" i="1"/>
  <c r="G2772" i="1"/>
  <c r="G2773" i="1"/>
  <c r="G2774" i="1"/>
  <c r="G2775" i="1"/>
  <c r="G2776" i="1"/>
  <c r="G2777" i="1"/>
  <c r="G2778" i="1"/>
  <c r="G2779" i="1"/>
  <c r="G2780" i="1"/>
  <c r="G2781" i="1"/>
  <c r="G2782" i="1"/>
  <c r="G2783" i="1"/>
  <c r="G2784" i="1"/>
  <c r="G2785" i="1"/>
  <c r="G2786" i="1"/>
  <c r="G2787" i="1"/>
  <c r="G2788" i="1"/>
  <c r="G2789" i="1"/>
  <c r="G2790" i="1"/>
  <c r="G2791" i="1"/>
  <c r="G2792" i="1"/>
  <c r="G2793" i="1"/>
  <c r="G2794" i="1"/>
  <c r="G2795" i="1"/>
  <c r="G2796" i="1"/>
  <c r="G2797" i="1"/>
  <c r="G2798" i="1"/>
  <c r="G2799" i="1"/>
  <c r="G2800" i="1"/>
  <c r="G2801" i="1"/>
  <c r="G2802" i="1"/>
  <c r="G2803" i="1"/>
  <c r="G2804" i="1"/>
  <c r="G2805" i="1"/>
  <c r="G2806" i="1"/>
  <c r="G2807" i="1"/>
  <c r="G2808" i="1"/>
  <c r="G2809" i="1"/>
  <c r="G2810" i="1"/>
  <c r="G2811" i="1"/>
  <c r="G2812" i="1"/>
  <c r="G2813" i="1"/>
  <c r="G2814" i="1"/>
  <c r="G2815" i="1"/>
  <c r="G2816" i="1"/>
  <c r="G2817" i="1"/>
  <c r="G2818" i="1"/>
  <c r="G2819" i="1"/>
  <c r="G2820" i="1"/>
  <c r="G2821" i="1"/>
  <c r="G2822" i="1"/>
  <c r="G2823" i="1"/>
  <c r="G2824" i="1"/>
  <c r="G2825" i="1"/>
  <c r="G2826" i="1"/>
  <c r="G2827" i="1"/>
  <c r="G2828" i="1"/>
  <c r="G2829" i="1"/>
  <c r="G2830" i="1"/>
  <c r="G2831" i="1"/>
  <c r="G2832" i="1"/>
  <c r="G2833" i="1"/>
  <c r="G2834" i="1"/>
  <c r="G2835" i="1"/>
  <c r="G2836" i="1"/>
  <c r="G2837" i="1"/>
  <c r="G2838" i="1"/>
  <c r="G2839" i="1"/>
  <c r="G2840" i="1"/>
  <c r="G2841" i="1"/>
  <c r="G2842" i="1"/>
  <c r="G2843" i="1"/>
  <c r="G2844" i="1"/>
  <c r="G2845" i="1"/>
  <c r="G2846" i="1"/>
  <c r="G2847" i="1"/>
  <c r="G2848" i="1"/>
  <c r="G2849" i="1"/>
  <c r="G2850" i="1"/>
  <c r="G2851" i="1"/>
  <c r="G2852" i="1"/>
  <c r="G2853" i="1"/>
  <c r="G2854" i="1"/>
  <c r="G2855" i="1"/>
  <c r="G2856" i="1"/>
  <c r="G2857" i="1"/>
  <c r="G2858" i="1"/>
  <c r="G2859" i="1"/>
  <c r="G2860" i="1"/>
  <c r="G2861" i="1"/>
  <c r="G2862" i="1"/>
  <c r="G2863" i="1"/>
  <c r="G2864" i="1"/>
  <c r="G2865" i="1"/>
  <c r="G2866" i="1"/>
  <c r="G2867" i="1"/>
  <c r="G2868" i="1"/>
  <c r="G2869" i="1"/>
  <c r="G2870" i="1"/>
  <c r="G2871" i="1"/>
  <c r="G2872" i="1"/>
  <c r="G2873" i="1"/>
  <c r="G2874" i="1"/>
  <c r="G2875" i="1"/>
  <c r="G2876" i="1"/>
  <c r="G2877" i="1"/>
  <c r="G2878" i="1"/>
  <c r="G2879" i="1"/>
  <c r="G2880" i="1"/>
  <c r="G2881" i="1"/>
  <c r="G2882" i="1"/>
  <c r="G2883" i="1"/>
  <c r="G2884" i="1"/>
  <c r="G2885" i="1"/>
  <c r="G2886" i="1"/>
  <c r="G2887" i="1"/>
  <c r="G2888" i="1"/>
  <c r="G2889" i="1"/>
  <c r="G2890" i="1"/>
  <c r="G2891" i="1"/>
  <c r="G2892" i="1"/>
  <c r="G2893" i="1"/>
  <c r="G2894" i="1"/>
  <c r="G2895" i="1"/>
  <c r="G2896" i="1"/>
  <c r="G2897" i="1"/>
  <c r="G2898" i="1"/>
  <c r="G2899" i="1"/>
  <c r="G2900" i="1"/>
  <c r="G2901" i="1"/>
  <c r="G2902" i="1"/>
  <c r="G2903" i="1"/>
  <c r="G2904" i="1"/>
  <c r="G2905" i="1"/>
  <c r="G2906" i="1"/>
  <c r="G2907" i="1"/>
  <c r="G2908" i="1"/>
  <c r="G2909" i="1"/>
  <c r="G2910" i="1"/>
  <c r="G2911" i="1"/>
  <c r="G2912" i="1"/>
  <c r="G2913" i="1"/>
  <c r="G2914" i="1"/>
  <c r="G2915" i="1"/>
  <c r="G2916" i="1"/>
  <c r="G2917" i="1"/>
  <c r="G2918" i="1"/>
  <c r="G2919" i="1"/>
  <c r="G2920" i="1"/>
  <c r="G2921" i="1"/>
  <c r="G2922" i="1"/>
  <c r="G2923" i="1"/>
  <c r="G2924" i="1"/>
  <c r="G2925" i="1"/>
  <c r="G2926" i="1"/>
  <c r="G2927" i="1"/>
  <c r="G2928" i="1"/>
  <c r="G2929" i="1"/>
  <c r="G2930" i="1"/>
  <c r="G2931" i="1"/>
  <c r="G2932" i="1"/>
  <c r="G2933" i="1"/>
  <c r="G2934" i="1"/>
  <c r="G2935" i="1"/>
  <c r="G2936" i="1"/>
  <c r="G2937" i="1"/>
  <c r="G2938" i="1"/>
  <c r="G2939" i="1"/>
  <c r="G2940" i="1"/>
  <c r="G2941" i="1"/>
  <c r="G2942" i="1"/>
  <c r="G2943" i="1"/>
  <c r="G2944" i="1"/>
  <c r="G2945" i="1"/>
  <c r="G2946" i="1"/>
  <c r="G2947" i="1"/>
  <c r="G2948" i="1"/>
  <c r="G2949" i="1"/>
  <c r="G2950" i="1"/>
  <c r="G2951" i="1"/>
  <c r="G2952" i="1"/>
  <c r="G2953" i="1"/>
  <c r="G2954" i="1"/>
  <c r="G2955" i="1"/>
  <c r="G2956" i="1"/>
  <c r="G2957" i="1"/>
  <c r="G2958" i="1"/>
  <c r="G2959" i="1"/>
  <c r="G2960" i="1"/>
  <c r="G2961" i="1"/>
  <c r="G2962" i="1"/>
  <c r="G2963" i="1"/>
  <c r="G2964" i="1"/>
  <c r="G2965" i="1"/>
  <c r="G2966" i="1"/>
  <c r="G2967" i="1"/>
  <c r="G2968" i="1"/>
  <c r="G2969" i="1"/>
  <c r="G2970" i="1"/>
  <c r="G2971" i="1"/>
  <c r="G2972" i="1"/>
  <c r="G2973" i="1"/>
  <c r="G2974" i="1"/>
  <c r="G2975" i="1"/>
  <c r="G2976" i="1"/>
  <c r="G2977" i="1"/>
  <c r="G2978" i="1"/>
  <c r="G2979" i="1"/>
  <c r="G2980" i="1"/>
  <c r="G2981" i="1"/>
  <c r="G2982" i="1"/>
  <c r="G2983" i="1"/>
  <c r="G2984" i="1"/>
  <c r="G2985" i="1"/>
  <c r="G2986" i="1"/>
  <c r="G2987" i="1"/>
  <c r="G2988" i="1"/>
  <c r="G2989" i="1"/>
  <c r="G2990" i="1"/>
  <c r="G2991" i="1"/>
  <c r="G2992" i="1"/>
  <c r="G2993" i="1"/>
  <c r="G2994" i="1"/>
  <c r="G2995" i="1"/>
  <c r="G2996" i="1"/>
  <c r="G2997" i="1"/>
  <c r="G2998" i="1"/>
  <c r="G2999" i="1"/>
  <c r="G3000" i="1"/>
  <c r="G3001" i="1"/>
  <c r="G3002" i="1"/>
  <c r="G3003" i="1"/>
  <c r="G3004" i="1"/>
  <c r="G3005" i="1"/>
  <c r="G3006" i="1"/>
  <c r="G3007" i="1"/>
  <c r="G3008" i="1"/>
  <c r="G3009" i="1"/>
  <c r="G3010" i="1"/>
  <c r="G3011" i="1"/>
  <c r="G3012" i="1"/>
  <c r="G3013" i="1"/>
  <c r="G3014" i="1"/>
  <c r="G3015" i="1"/>
  <c r="G3016" i="1"/>
  <c r="G3017" i="1"/>
  <c r="G3018" i="1"/>
  <c r="G3019" i="1"/>
  <c r="G3020" i="1"/>
  <c r="G3021" i="1"/>
  <c r="G3022" i="1"/>
  <c r="G3023" i="1"/>
  <c r="G3024" i="1"/>
  <c r="G3025" i="1"/>
  <c r="G3026" i="1"/>
  <c r="G3027" i="1"/>
  <c r="G3028" i="1"/>
  <c r="G3029" i="1"/>
  <c r="G3030" i="1"/>
  <c r="G3031" i="1"/>
  <c r="G3032" i="1"/>
  <c r="G3033" i="1"/>
  <c r="G3034" i="1"/>
  <c r="G3035" i="1"/>
  <c r="G3036" i="1"/>
  <c r="G3037" i="1"/>
  <c r="G3038" i="1"/>
  <c r="G3039" i="1"/>
  <c r="G3040" i="1"/>
  <c r="G3041" i="1"/>
  <c r="G3042" i="1"/>
  <c r="G3043" i="1"/>
  <c r="G3044" i="1"/>
  <c r="G3045" i="1"/>
  <c r="G3046" i="1"/>
  <c r="G3047" i="1"/>
  <c r="G3048" i="1"/>
  <c r="G3049" i="1"/>
  <c r="G3050" i="1"/>
  <c r="G3051" i="1"/>
  <c r="G3052" i="1"/>
  <c r="G3053" i="1"/>
  <c r="G3054" i="1"/>
  <c r="G3055" i="1"/>
  <c r="G3056" i="1"/>
  <c r="G3057" i="1"/>
  <c r="G3058" i="1"/>
  <c r="G3059" i="1"/>
  <c r="G3060" i="1"/>
  <c r="G3061" i="1"/>
  <c r="G3062" i="1"/>
  <c r="G3063" i="1"/>
  <c r="G3064" i="1"/>
  <c r="G3065" i="1"/>
  <c r="G3066" i="1"/>
  <c r="G3067" i="1"/>
  <c r="G3068" i="1"/>
  <c r="G3069" i="1"/>
  <c r="G3070" i="1"/>
  <c r="G3071" i="1"/>
  <c r="G3072" i="1"/>
  <c r="G3073" i="1"/>
  <c r="G3074" i="1"/>
  <c r="G3075" i="1"/>
  <c r="G3076" i="1"/>
  <c r="G3077" i="1"/>
  <c r="G3078" i="1"/>
  <c r="G3079" i="1"/>
  <c r="G3080" i="1"/>
  <c r="G3081" i="1"/>
  <c r="G3082" i="1"/>
  <c r="G3083" i="1"/>
  <c r="G3084" i="1"/>
  <c r="G3085" i="1"/>
  <c r="G3086" i="1"/>
  <c r="G3087" i="1"/>
  <c r="G3088" i="1"/>
  <c r="G3089" i="1"/>
  <c r="G3090" i="1"/>
  <c r="G3091" i="1"/>
  <c r="G3092" i="1"/>
  <c r="G3093" i="1"/>
  <c r="G3094" i="1"/>
  <c r="G3095" i="1"/>
  <c r="G3096" i="1"/>
  <c r="G3097" i="1"/>
  <c r="G3098" i="1"/>
  <c r="G3099" i="1"/>
  <c r="G3100" i="1"/>
  <c r="G3101" i="1"/>
  <c r="G3102" i="1"/>
  <c r="G3103" i="1"/>
  <c r="G3104" i="1"/>
  <c r="G3105" i="1"/>
  <c r="G3106" i="1"/>
  <c r="G3107" i="1"/>
  <c r="G3108" i="1"/>
  <c r="G3109" i="1"/>
  <c r="G3110" i="1"/>
  <c r="G3111" i="1"/>
  <c r="G3112" i="1"/>
  <c r="G3113" i="1"/>
  <c r="G3114" i="1"/>
  <c r="G3115" i="1"/>
  <c r="G3116" i="1"/>
  <c r="G3117" i="1"/>
  <c r="G3118" i="1"/>
  <c r="G3119" i="1"/>
  <c r="G3120" i="1"/>
  <c r="G3121" i="1"/>
  <c r="G3122" i="1"/>
  <c r="G3123" i="1"/>
  <c r="G3124" i="1"/>
  <c r="G3125" i="1"/>
  <c r="G3126" i="1"/>
  <c r="G3127" i="1"/>
  <c r="G3128" i="1"/>
  <c r="G3129" i="1"/>
  <c r="G3130" i="1"/>
  <c r="G3131" i="1"/>
  <c r="G3132" i="1"/>
  <c r="G3133" i="1"/>
  <c r="G3134" i="1"/>
  <c r="G3135" i="1"/>
  <c r="G3136" i="1"/>
  <c r="G3137" i="1"/>
  <c r="G3138" i="1"/>
  <c r="G3139" i="1"/>
  <c r="G3140" i="1"/>
  <c r="G3141" i="1"/>
  <c r="G3142" i="1"/>
  <c r="G3143" i="1"/>
  <c r="G3144" i="1"/>
  <c r="G3145" i="1"/>
  <c r="G3146" i="1"/>
  <c r="G3147" i="1"/>
  <c r="G3148" i="1"/>
  <c r="G3149" i="1"/>
  <c r="G3150" i="1"/>
  <c r="G3151" i="1"/>
  <c r="G3152" i="1"/>
  <c r="G3153" i="1"/>
  <c r="G3154" i="1"/>
  <c r="G3155" i="1"/>
  <c r="G3156" i="1"/>
  <c r="G3157" i="1"/>
  <c r="G3158" i="1"/>
  <c r="G3159" i="1"/>
  <c r="G3160" i="1"/>
  <c r="G3161" i="1"/>
  <c r="G3162" i="1"/>
  <c r="G3163" i="1"/>
  <c r="G3164" i="1"/>
  <c r="G3165" i="1"/>
  <c r="G3166" i="1"/>
  <c r="G3167" i="1"/>
  <c r="G3168" i="1"/>
  <c r="G3169" i="1"/>
  <c r="G3170" i="1"/>
  <c r="G3171" i="1"/>
  <c r="G3172" i="1"/>
  <c r="G3173" i="1"/>
  <c r="G3174" i="1"/>
  <c r="G3175" i="1"/>
  <c r="G3176" i="1"/>
  <c r="G3177" i="1"/>
  <c r="G3178" i="1"/>
  <c r="G3179" i="1"/>
  <c r="G3180" i="1"/>
  <c r="G3181" i="1"/>
  <c r="G3182" i="1"/>
  <c r="G3183" i="1"/>
  <c r="G3184" i="1"/>
  <c r="G3185" i="1"/>
  <c r="G3186" i="1"/>
  <c r="G3187" i="1"/>
  <c r="G3188" i="1"/>
  <c r="G3189" i="1"/>
  <c r="G3190" i="1"/>
  <c r="G3191" i="1"/>
  <c r="G3192" i="1"/>
  <c r="G3193" i="1"/>
  <c r="G3194" i="1"/>
  <c r="G3195" i="1"/>
  <c r="G3196" i="1"/>
  <c r="G3197" i="1"/>
  <c r="G3198" i="1"/>
  <c r="G3199" i="1"/>
  <c r="G3200" i="1"/>
  <c r="G3201" i="1"/>
  <c r="G3202" i="1"/>
  <c r="G3203" i="1"/>
  <c r="G3204" i="1"/>
  <c r="G3205" i="1"/>
  <c r="G3206" i="1"/>
  <c r="G3207" i="1"/>
  <c r="G3208" i="1"/>
  <c r="G3209" i="1"/>
  <c r="G3210" i="1"/>
  <c r="G3211" i="1"/>
  <c r="G3212" i="1"/>
  <c r="G3213" i="1"/>
  <c r="G3214" i="1"/>
  <c r="G3215" i="1"/>
  <c r="G3216" i="1"/>
  <c r="G3217" i="1"/>
  <c r="G3218" i="1"/>
  <c r="G3219" i="1"/>
  <c r="G3220" i="1"/>
  <c r="G3221" i="1"/>
  <c r="G3222" i="1"/>
  <c r="G3223" i="1"/>
  <c r="G3224" i="1"/>
  <c r="G3225" i="1"/>
  <c r="G3226" i="1"/>
  <c r="G3227" i="1"/>
  <c r="G3228" i="1"/>
  <c r="G3229" i="1"/>
  <c r="G3230" i="1"/>
  <c r="G3231" i="1"/>
  <c r="G3232" i="1"/>
  <c r="G3233" i="1"/>
  <c r="G3234" i="1"/>
  <c r="G3235" i="1"/>
  <c r="G3236" i="1"/>
  <c r="G3237" i="1"/>
  <c r="G3238" i="1"/>
  <c r="G3239" i="1"/>
  <c r="G3240" i="1"/>
  <c r="G3241" i="1"/>
  <c r="G3242" i="1"/>
  <c r="G3243" i="1"/>
  <c r="G3244" i="1"/>
  <c r="G3245" i="1"/>
  <c r="G3246" i="1"/>
  <c r="G3247" i="1"/>
  <c r="G3248" i="1"/>
  <c r="G3249" i="1"/>
  <c r="G3250" i="1"/>
  <c r="G3251" i="1"/>
  <c r="G3252" i="1"/>
  <c r="G3253" i="1"/>
  <c r="G3254" i="1"/>
  <c r="G3255" i="1"/>
  <c r="G3256" i="1"/>
  <c r="G3257" i="1"/>
  <c r="G3258" i="1"/>
  <c r="G3259" i="1"/>
  <c r="G3260" i="1"/>
  <c r="G3261" i="1"/>
  <c r="G3262" i="1"/>
  <c r="G3263" i="1"/>
  <c r="G3264" i="1"/>
  <c r="G3265" i="1"/>
  <c r="G3266" i="1"/>
  <c r="G3267" i="1"/>
  <c r="G3268" i="1"/>
  <c r="G3269" i="1"/>
  <c r="G3270" i="1"/>
  <c r="G3271" i="1"/>
  <c r="G3272" i="1"/>
  <c r="G3273" i="1"/>
  <c r="G3274" i="1"/>
  <c r="G3275" i="1"/>
  <c r="G3276" i="1"/>
  <c r="G3277" i="1"/>
  <c r="G3278" i="1"/>
  <c r="G3279" i="1"/>
  <c r="G3280" i="1"/>
  <c r="G3281" i="1"/>
  <c r="G3282" i="1"/>
  <c r="G3283" i="1"/>
  <c r="G3284" i="1"/>
  <c r="G3285" i="1"/>
  <c r="G3286" i="1"/>
  <c r="G3287" i="1"/>
  <c r="G3288" i="1"/>
  <c r="G3289" i="1"/>
  <c r="G3290" i="1"/>
  <c r="G3291" i="1"/>
  <c r="G3292" i="1"/>
  <c r="G3293" i="1"/>
  <c r="G3294" i="1"/>
  <c r="G3295" i="1"/>
  <c r="G3296" i="1"/>
  <c r="G3297" i="1"/>
  <c r="G3298" i="1"/>
  <c r="G3299" i="1"/>
  <c r="G3300" i="1"/>
  <c r="G3301" i="1"/>
  <c r="G3302" i="1"/>
  <c r="G3303" i="1"/>
  <c r="G3304" i="1"/>
  <c r="G3305" i="1"/>
  <c r="G3306" i="1"/>
  <c r="G3307" i="1"/>
  <c r="G3308" i="1"/>
  <c r="G3309" i="1"/>
  <c r="G3310" i="1"/>
  <c r="G3311" i="1"/>
  <c r="G3312" i="1"/>
  <c r="G3313" i="1"/>
  <c r="G3314" i="1"/>
  <c r="G3315" i="1"/>
  <c r="G3316" i="1"/>
  <c r="G3317" i="1"/>
  <c r="G3318" i="1"/>
  <c r="G3319" i="1"/>
  <c r="G3320" i="1"/>
  <c r="G3321" i="1"/>
  <c r="G3322" i="1"/>
  <c r="G3323" i="1"/>
  <c r="G3324" i="1"/>
  <c r="G3325" i="1"/>
  <c r="G3326" i="1"/>
  <c r="G3327" i="1"/>
  <c r="G3328" i="1"/>
  <c r="G3329" i="1"/>
  <c r="G3330" i="1"/>
  <c r="G3331" i="1"/>
  <c r="G3332" i="1"/>
  <c r="G3333" i="1"/>
  <c r="G3334" i="1"/>
  <c r="G3335" i="1"/>
  <c r="G3336" i="1"/>
  <c r="G3337" i="1"/>
  <c r="G3338" i="1"/>
  <c r="G3339" i="1"/>
  <c r="G3340" i="1"/>
  <c r="G3341" i="1"/>
  <c r="G3342" i="1"/>
  <c r="G3343" i="1"/>
  <c r="G3344" i="1"/>
  <c r="G3345" i="1"/>
  <c r="G3346" i="1"/>
  <c r="G3347" i="1"/>
  <c r="G3348" i="1"/>
  <c r="G3349" i="1"/>
  <c r="G3350" i="1"/>
  <c r="G3351" i="1"/>
  <c r="G3352" i="1"/>
  <c r="G3353" i="1"/>
  <c r="G3354" i="1"/>
  <c r="G3355" i="1"/>
  <c r="G3356" i="1"/>
  <c r="G3357" i="1"/>
  <c r="G3358" i="1"/>
  <c r="G3359" i="1"/>
  <c r="G3360" i="1"/>
  <c r="G3361" i="1"/>
  <c r="G3362" i="1"/>
  <c r="G3363" i="1"/>
  <c r="G3364" i="1"/>
  <c r="G3365" i="1"/>
  <c r="G3366" i="1"/>
  <c r="G3367" i="1"/>
  <c r="G3368" i="1"/>
  <c r="G3369" i="1"/>
  <c r="G3370" i="1"/>
  <c r="G3371" i="1"/>
  <c r="G3372" i="1"/>
  <c r="G3373" i="1"/>
  <c r="G3374" i="1"/>
  <c r="G3375" i="1"/>
  <c r="G3376" i="1"/>
  <c r="G3377" i="1"/>
  <c r="G3378" i="1"/>
  <c r="G3379" i="1"/>
  <c r="G3380" i="1"/>
  <c r="G3381" i="1"/>
  <c r="G3382" i="1"/>
  <c r="G3383" i="1"/>
  <c r="G3384" i="1"/>
  <c r="G3385" i="1"/>
  <c r="G3386" i="1"/>
  <c r="G3387" i="1"/>
  <c r="G3388" i="1"/>
  <c r="G3389" i="1"/>
  <c r="G3390" i="1"/>
  <c r="G3391" i="1"/>
  <c r="G3392" i="1"/>
  <c r="G3393" i="1"/>
  <c r="G3394" i="1"/>
  <c r="G3395" i="1"/>
  <c r="G3396" i="1"/>
  <c r="G3397" i="1"/>
  <c r="G3398" i="1"/>
  <c r="G3399" i="1"/>
  <c r="G3400" i="1"/>
  <c r="G3401" i="1"/>
  <c r="G3402" i="1"/>
  <c r="G3403" i="1"/>
  <c r="G3404" i="1"/>
  <c r="G3405" i="1"/>
  <c r="G3406" i="1"/>
  <c r="G3407" i="1"/>
  <c r="G3408" i="1"/>
  <c r="G3409" i="1"/>
  <c r="G3410" i="1"/>
  <c r="G3411" i="1"/>
  <c r="G3412" i="1"/>
  <c r="G3413" i="1"/>
  <c r="G3414" i="1"/>
  <c r="G3415" i="1"/>
  <c r="G3416" i="1"/>
  <c r="G3417" i="1"/>
  <c r="G3418" i="1"/>
  <c r="G3419" i="1"/>
  <c r="G3420" i="1"/>
  <c r="G3421" i="1"/>
  <c r="G3422" i="1"/>
  <c r="G3423" i="1"/>
  <c r="G3424" i="1"/>
  <c r="G3425" i="1"/>
  <c r="G3426" i="1"/>
  <c r="G3427" i="1"/>
  <c r="G3428" i="1"/>
  <c r="G3429" i="1"/>
  <c r="G3430" i="1"/>
  <c r="G3431" i="1"/>
  <c r="G3432" i="1"/>
  <c r="G3433" i="1"/>
  <c r="G3434" i="1"/>
  <c r="G3435" i="1"/>
  <c r="G3436" i="1"/>
  <c r="G3437" i="1"/>
  <c r="G3438" i="1"/>
  <c r="G3439" i="1"/>
  <c r="G3440" i="1"/>
  <c r="G3441" i="1"/>
  <c r="G3442" i="1"/>
  <c r="G3443" i="1"/>
  <c r="G3444" i="1"/>
  <c r="G3445" i="1"/>
  <c r="G3446" i="1"/>
  <c r="G3447" i="1"/>
  <c r="G3448" i="1"/>
  <c r="G3449" i="1"/>
  <c r="G3450" i="1"/>
  <c r="G3451" i="1"/>
  <c r="G3452" i="1"/>
  <c r="G3453" i="1"/>
  <c r="G3454" i="1"/>
  <c r="G3455" i="1"/>
  <c r="G3456" i="1"/>
  <c r="G3457" i="1"/>
  <c r="G3458" i="1"/>
  <c r="G3459" i="1"/>
  <c r="G3460" i="1"/>
  <c r="G3461" i="1"/>
  <c r="G3462" i="1"/>
  <c r="G3463" i="1"/>
  <c r="G3464" i="1"/>
  <c r="G3465" i="1"/>
  <c r="G3466" i="1"/>
  <c r="G3467" i="1"/>
  <c r="G3468" i="1"/>
  <c r="G3469" i="1"/>
  <c r="G3470" i="1"/>
  <c r="G3471" i="1"/>
  <c r="G3472" i="1"/>
  <c r="G3473" i="1"/>
  <c r="G3474" i="1"/>
  <c r="G3475" i="1"/>
  <c r="G3476" i="1"/>
  <c r="G3477" i="1"/>
  <c r="G3478" i="1"/>
  <c r="G3479" i="1"/>
  <c r="G3480" i="1"/>
  <c r="G3481" i="1"/>
  <c r="G3482" i="1"/>
  <c r="G3483" i="1"/>
  <c r="G3484" i="1"/>
  <c r="G3485" i="1"/>
  <c r="G3486" i="1"/>
  <c r="G3487" i="1"/>
  <c r="G3488" i="1"/>
  <c r="G3489" i="1"/>
  <c r="G3490" i="1"/>
  <c r="G3491" i="1"/>
  <c r="G3492" i="1"/>
  <c r="G3493" i="1"/>
  <c r="G3494" i="1"/>
  <c r="G3495" i="1"/>
  <c r="G3496" i="1"/>
  <c r="G3497" i="1"/>
  <c r="G3498" i="1"/>
  <c r="G3499" i="1"/>
  <c r="G3500" i="1"/>
  <c r="G3501" i="1"/>
  <c r="G3502" i="1"/>
  <c r="G3503" i="1"/>
  <c r="G3504" i="1"/>
  <c r="G3505" i="1"/>
  <c r="G3506" i="1"/>
  <c r="G3507" i="1"/>
  <c r="G3508" i="1"/>
  <c r="G3509" i="1"/>
  <c r="G3510" i="1"/>
  <c r="G3511" i="1"/>
  <c r="G3512" i="1"/>
  <c r="G3513" i="1"/>
  <c r="G3514" i="1"/>
  <c r="G3515" i="1"/>
  <c r="G3516" i="1"/>
  <c r="G3517" i="1"/>
  <c r="G3518" i="1"/>
  <c r="G3519" i="1"/>
  <c r="G3520" i="1"/>
  <c r="G3521" i="1"/>
  <c r="G3522" i="1"/>
  <c r="G3523" i="1"/>
  <c r="G3524" i="1"/>
  <c r="G3525" i="1"/>
  <c r="G3526" i="1"/>
  <c r="G3527" i="1"/>
  <c r="G3528" i="1"/>
  <c r="G3529" i="1"/>
  <c r="G3530" i="1"/>
  <c r="G3531" i="1"/>
  <c r="G3532" i="1"/>
  <c r="G3533" i="1"/>
  <c r="G3534" i="1"/>
  <c r="G3535" i="1"/>
  <c r="G3536" i="1"/>
  <c r="G3537" i="1"/>
  <c r="G3538" i="1"/>
  <c r="G3539" i="1"/>
  <c r="G3540" i="1"/>
  <c r="G3541" i="1"/>
  <c r="G3542" i="1"/>
  <c r="G3543" i="1"/>
  <c r="G3544" i="1"/>
  <c r="G3545" i="1"/>
  <c r="G3546" i="1"/>
  <c r="G3547" i="1"/>
  <c r="G3548" i="1"/>
  <c r="G3549" i="1"/>
  <c r="G3550" i="1"/>
  <c r="G3551" i="1"/>
  <c r="G3552" i="1"/>
  <c r="G3553" i="1"/>
  <c r="G3554" i="1"/>
  <c r="G3555" i="1"/>
  <c r="G3556" i="1"/>
  <c r="G3557" i="1"/>
  <c r="G3558" i="1"/>
  <c r="G3559" i="1"/>
  <c r="G3560" i="1"/>
  <c r="G3561" i="1"/>
  <c r="G3562" i="1"/>
  <c r="G3563" i="1"/>
  <c r="G3564" i="1"/>
  <c r="G3565" i="1"/>
  <c r="G3566" i="1"/>
  <c r="G3567" i="1"/>
  <c r="G3568" i="1"/>
  <c r="G3569" i="1"/>
  <c r="G3570" i="1"/>
  <c r="G3571" i="1"/>
  <c r="G3572" i="1"/>
  <c r="G3573" i="1"/>
  <c r="G3574" i="1"/>
  <c r="G3575" i="1"/>
  <c r="G3576" i="1"/>
  <c r="G3577" i="1"/>
  <c r="G3578" i="1"/>
  <c r="G3579" i="1"/>
  <c r="G3580" i="1"/>
  <c r="G3581" i="1"/>
  <c r="G3582" i="1"/>
  <c r="G3583" i="1"/>
  <c r="G3584" i="1"/>
  <c r="G3585" i="1"/>
  <c r="G3586" i="1"/>
  <c r="G3587" i="1"/>
  <c r="G3588" i="1"/>
  <c r="G3589" i="1"/>
  <c r="G3590" i="1"/>
  <c r="G3591" i="1"/>
  <c r="G3592" i="1"/>
  <c r="G3593" i="1"/>
  <c r="G3594" i="1"/>
  <c r="G3595" i="1"/>
  <c r="G3596" i="1"/>
  <c r="G3597" i="1"/>
  <c r="G3598" i="1"/>
  <c r="G3599" i="1"/>
  <c r="G3600" i="1"/>
  <c r="G3601" i="1"/>
  <c r="G3602" i="1"/>
  <c r="G3603" i="1"/>
  <c r="G3604" i="1"/>
  <c r="G3605" i="1"/>
  <c r="G3606" i="1"/>
  <c r="G3607" i="1"/>
  <c r="G3608" i="1"/>
  <c r="G3609" i="1"/>
  <c r="G3610" i="1"/>
  <c r="G3611" i="1"/>
  <c r="G3612" i="1"/>
  <c r="G3613" i="1"/>
  <c r="G3614" i="1"/>
  <c r="G3615" i="1"/>
  <c r="G3616" i="1"/>
  <c r="G3617" i="1"/>
  <c r="G3618" i="1"/>
  <c r="G3619" i="1"/>
  <c r="G3620" i="1"/>
  <c r="G3621" i="1"/>
  <c r="G3622" i="1"/>
  <c r="G3623" i="1"/>
  <c r="G3624" i="1"/>
  <c r="G3625" i="1"/>
  <c r="G3626" i="1"/>
  <c r="G3627" i="1"/>
  <c r="G3628" i="1"/>
  <c r="G3629" i="1"/>
  <c r="G3630" i="1"/>
  <c r="G3631" i="1"/>
  <c r="G3632" i="1"/>
  <c r="G3633" i="1"/>
  <c r="G3634" i="1"/>
  <c r="G3635" i="1"/>
  <c r="G3636" i="1"/>
  <c r="G3637" i="1"/>
  <c r="G3638" i="1"/>
  <c r="G3639" i="1"/>
  <c r="G3640" i="1"/>
  <c r="G3641" i="1"/>
  <c r="G3642" i="1"/>
  <c r="G3643" i="1"/>
  <c r="G3644" i="1"/>
  <c r="G3645" i="1"/>
  <c r="G3646" i="1"/>
  <c r="G3647" i="1"/>
  <c r="G3648" i="1"/>
  <c r="G3649" i="1"/>
  <c r="G3650" i="1"/>
  <c r="G3651" i="1"/>
  <c r="G3652" i="1"/>
  <c r="G3653" i="1"/>
  <c r="G3654" i="1"/>
  <c r="G3655" i="1"/>
  <c r="G3656" i="1"/>
  <c r="G3657" i="1"/>
  <c r="G3658" i="1"/>
  <c r="G3659" i="1"/>
  <c r="G3660" i="1"/>
  <c r="G3661" i="1"/>
  <c r="G3662" i="1"/>
  <c r="G3663" i="1"/>
  <c r="G3664" i="1"/>
  <c r="G3665" i="1"/>
  <c r="G3666" i="1"/>
  <c r="G3667" i="1"/>
  <c r="G3668" i="1"/>
  <c r="G3669" i="1"/>
  <c r="G3670" i="1"/>
  <c r="G3671" i="1"/>
  <c r="G3672" i="1"/>
  <c r="G3673" i="1"/>
  <c r="G3674" i="1"/>
  <c r="G3675" i="1"/>
  <c r="G3676" i="1"/>
  <c r="G3677" i="1"/>
  <c r="G3678" i="1"/>
  <c r="G3679" i="1"/>
  <c r="G3680" i="1"/>
  <c r="G3681" i="1"/>
  <c r="G3682" i="1"/>
  <c r="G3683" i="1"/>
  <c r="G3684" i="1"/>
  <c r="G3685" i="1"/>
  <c r="G3686" i="1"/>
  <c r="G3687" i="1"/>
  <c r="G3688" i="1"/>
  <c r="G3689" i="1"/>
  <c r="G3690" i="1"/>
  <c r="G3691" i="1"/>
  <c r="G3692" i="1"/>
  <c r="G3693" i="1"/>
  <c r="G3694" i="1"/>
  <c r="G3695" i="1"/>
  <c r="G3696" i="1"/>
  <c r="G3697" i="1"/>
  <c r="G3698" i="1"/>
  <c r="G3699" i="1"/>
  <c r="G3700" i="1"/>
  <c r="G3701" i="1"/>
  <c r="G3702" i="1"/>
  <c r="G3703" i="1"/>
  <c r="G3704" i="1"/>
  <c r="G3705" i="1"/>
  <c r="G3706" i="1"/>
  <c r="G3707" i="1"/>
  <c r="G3708" i="1"/>
  <c r="G3709" i="1"/>
  <c r="G3710" i="1"/>
  <c r="G3711" i="1"/>
  <c r="G3712" i="1"/>
  <c r="G3713" i="1"/>
  <c r="G3714" i="1"/>
  <c r="G3715" i="1"/>
  <c r="G3716" i="1"/>
  <c r="G3717" i="1"/>
  <c r="G3718" i="1"/>
  <c r="G3719" i="1"/>
  <c r="G3720" i="1"/>
  <c r="G3721" i="1"/>
  <c r="G3722" i="1"/>
  <c r="G3723" i="1"/>
  <c r="G3724" i="1"/>
  <c r="G3725" i="1"/>
  <c r="G3726" i="1"/>
  <c r="G3727" i="1"/>
  <c r="G3728" i="1"/>
  <c r="G3729" i="1"/>
  <c r="G3730" i="1"/>
  <c r="G3731" i="1"/>
  <c r="G3732" i="1"/>
  <c r="G3733" i="1"/>
  <c r="G3734" i="1"/>
  <c r="G3735" i="1"/>
  <c r="G3736" i="1"/>
  <c r="G3737" i="1"/>
  <c r="G3738" i="1"/>
  <c r="G3739" i="1"/>
  <c r="G3740" i="1"/>
  <c r="G3741" i="1"/>
  <c r="G3742" i="1"/>
  <c r="G3743" i="1"/>
  <c r="G3744" i="1"/>
  <c r="G3745" i="1"/>
  <c r="G3746" i="1"/>
  <c r="G3747" i="1"/>
  <c r="G3748" i="1"/>
  <c r="G3749" i="1"/>
  <c r="G3750" i="1"/>
  <c r="G3751" i="1"/>
  <c r="G3752" i="1"/>
  <c r="G3753" i="1"/>
  <c r="G3754" i="1"/>
  <c r="G3755" i="1"/>
  <c r="G3756" i="1"/>
  <c r="G3757" i="1"/>
  <c r="G3758" i="1"/>
  <c r="G3759" i="1"/>
  <c r="G3760" i="1"/>
  <c r="G3761" i="1"/>
  <c r="G3762" i="1"/>
  <c r="G3763" i="1"/>
  <c r="G3764" i="1"/>
  <c r="G3765" i="1"/>
  <c r="G3766" i="1"/>
  <c r="G3767" i="1"/>
  <c r="G3768" i="1"/>
  <c r="G3769" i="1"/>
  <c r="G3770" i="1"/>
  <c r="G3771" i="1"/>
  <c r="G3772" i="1"/>
  <c r="G3773" i="1"/>
  <c r="G3774" i="1"/>
  <c r="G3775" i="1"/>
  <c r="G3776" i="1"/>
  <c r="G3777" i="1"/>
  <c r="G3778" i="1"/>
  <c r="G3779" i="1"/>
  <c r="G3780" i="1"/>
  <c r="G3781" i="1"/>
  <c r="G3782" i="1"/>
  <c r="G3783" i="1"/>
  <c r="G3784" i="1"/>
  <c r="G3785" i="1"/>
  <c r="G3786" i="1"/>
  <c r="G3787" i="1"/>
  <c r="G3788" i="1"/>
  <c r="G3789" i="1"/>
  <c r="G3790" i="1"/>
  <c r="G3791" i="1"/>
  <c r="G3792" i="1"/>
  <c r="G3793" i="1"/>
  <c r="G3794" i="1"/>
  <c r="G3795" i="1"/>
  <c r="G3796" i="1"/>
  <c r="G3797" i="1"/>
  <c r="G3798" i="1"/>
  <c r="G3799" i="1"/>
  <c r="G3800" i="1"/>
  <c r="G3801" i="1"/>
  <c r="G3802" i="1"/>
  <c r="G3803" i="1"/>
  <c r="G3804" i="1"/>
  <c r="G3805" i="1"/>
  <c r="G3806" i="1"/>
  <c r="G3807" i="1"/>
  <c r="G3808" i="1"/>
  <c r="G3809" i="1"/>
  <c r="G3810" i="1"/>
  <c r="G3811" i="1"/>
  <c r="G3812" i="1"/>
  <c r="G3813" i="1"/>
  <c r="G3814" i="1"/>
  <c r="G3815" i="1"/>
  <c r="G3816" i="1"/>
  <c r="G3817" i="1"/>
  <c r="G3818" i="1"/>
  <c r="G3819" i="1"/>
  <c r="G3820" i="1"/>
  <c r="G3821" i="1"/>
  <c r="G3822" i="1"/>
  <c r="G3823" i="1"/>
  <c r="G3824" i="1"/>
  <c r="G3825" i="1"/>
  <c r="G3826" i="1"/>
  <c r="G3827" i="1"/>
  <c r="G3828" i="1"/>
  <c r="G3829" i="1"/>
  <c r="G3830" i="1"/>
  <c r="G3831" i="1"/>
  <c r="G3832" i="1"/>
  <c r="G3833" i="1"/>
  <c r="G3834" i="1"/>
  <c r="G3835" i="1"/>
  <c r="G3836" i="1"/>
  <c r="G3837" i="1"/>
  <c r="G3838" i="1"/>
  <c r="G3839" i="1"/>
  <c r="G3840" i="1"/>
  <c r="G3841" i="1"/>
  <c r="G3842" i="1"/>
  <c r="G3843" i="1"/>
  <c r="G3844" i="1"/>
  <c r="G3845" i="1"/>
  <c r="G3846" i="1"/>
  <c r="G3847" i="1"/>
  <c r="G3848" i="1"/>
  <c r="G3849" i="1"/>
  <c r="G3850" i="1"/>
  <c r="G3851" i="1"/>
  <c r="G3852" i="1"/>
  <c r="G3853" i="1"/>
  <c r="G3854" i="1"/>
  <c r="G3855" i="1"/>
  <c r="G3856" i="1"/>
  <c r="G3857" i="1"/>
  <c r="G3858" i="1"/>
  <c r="G3859" i="1"/>
  <c r="G3860" i="1"/>
  <c r="G3861" i="1"/>
  <c r="G3862" i="1"/>
  <c r="G3863" i="1"/>
  <c r="G3864" i="1"/>
  <c r="G3865" i="1"/>
  <c r="G3866" i="1"/>
  <c r="G3867" i="1"/>
  <c r="G3868" i="1"/>
  <c r="G3869" i="1"/>
  <c r="G3870" i="1"/>
  <c r="G3871" i="1"/>
  <c r="G3872" i="1"/>
  <c r="G3873" i="1"/>
  <c r="G3874" i="1"/>
  <c r="G3875" i="1"/>
  <c r="G3876" i="1"/>
  <c r="G3877" i="1"/>
  <c r="G3878" i="1"/>
  <c r="G3879" i="1"/>
  <c r="G3880" i="1"/>
  <c r="G3881" i="1"/>
  <c r="G3882" i="1"/>
  <c r="G3883" i="1"/>
  <c r="G3884" i="1"/>
  <c r="G3885" i="1"/>
  <c r="G3886" i="1"/>
  <c r="G3887" i="1"/>
  <c r="G3888" i="1"/>
  <c r="G3889" i="1"/>
  <c r="G3890" i="1"/>
  <c r="G3891" i="1"/>
  <c r="G3892" i="1"/>
  <c r="G3893" i="1"/>
  <c r="G3894" i="1"/>
  <c r="G3895" i="1"/>
  <c r="G3896" i="1"/>
  <c r="G3897" i="1"/>
  <c r="G3898" i="1"/>
  <c r="G3899" i="1"/>
  <c r="G3900" i="1"/>
  <c r="G3901" i="1"/>
  <c r="G3902" i="1"/>
  <c r="G3903" i="1"/>
  <c r="G3904" i="1"/>
  <c r="G3905" i="1"/>
  <c r="G3906" i="1"/>
  <c r="G3907" i="1"/>
  <c r="G3908" i="1"/>
  <c r="G3909" i="1"/>
  <c r="G3910" i="1"/>
  <c r="G3911" i="1"/>
  <c r="G3912" i="1"/>
  <c r="G3913" i="1"/>
  <c r="G3914" i="1"/>
  <c r="G3915" i="1"/>
  <c r="G3916" i="1"/>
  <c r="G3917" i="1"/>
  <c r="G3918" i="1"/>
  <c r="G3919" i="1"/>
  <c r="G3920" i="1"/>
  <c r="G3921" i="1"/>
  <c r="G3922" i="1"/>
  <c r="G3923" i="1"/>
  <c r="G3924" i="1"/>
  <c r="G3925" i="1"/>
  <c r="G3926" i="1"/>
  <c r="G3927" i="1"/>
  <c r="G3928" i="1"/>
  <c r="G3929" i="1"/>
  <c r="G3930" i="1"/>
  <c r="G3931" i="1"/>
  <c r="G3932" i="1"/>
  <c r="G3933" i="1"/>
  <c r="G3934" i="1"/>
  <c r="G3935" i="1"/>
  <c r="G3936" i="1"/>
  <c r="G3937" i="1"/>
  <c r="G3938" i="1"/>
  <c r="G3939" i="1"/>
  <c r="G3940" i="1"/>
  <c r="G3941" i="1"/>
  <c r="G3942" i="1"/>
  <c r="G3943" i="1"/>
  <c r="G3944" i="1"/>
  <c r="G3945" i="1"/>
  <c r="G3946" i="1"/>
  <c r="G3947" i="1"/>
  <c r="G3948" i="1"/>
  <c r="G3949" i="1"/>
  <c r="G3950" i="1"/>
  <c r="G3951" i="1"/>
  <c r="G3952" i="1"/>
  <c r="G3953" i="1"/>
  <c r="G3954" i="1"/>
  <c r="G3955" i="1"/>
  <c r="G3956" i="1"/>
  <c r="G3957" i="1"/>
  <c r="G3958" i="1"/>
  <c r="G3959" i="1"/>
  <c r="G3960" i="1"/>
  <c r="G3961" i="1"/>
  <c r="G3962" i="1"/>
  <c r="G3963" i="1"/>
  <c r="G3964" i="1"/>
  <c r="G3965" i="1"/>
  <c r="G3966" i="1"/>
  <c r="G3967" i="1"/>
  <c r="G3968" i="1"/>
  <c r="G3969" i="1"/>
  <c r="G3970" i="1"/>
  <c r="G3971" i="1"/>
  <c r="G3972" i="1"/>
  <c r="G3973" i="1"/>
  <c r="G3974" i="1"/>
  <c r="G3975" i="1"/>
  <c r="G3976" i="1"/>
  <c r="G3977" i="1"/>
  <c r="G3978" i="1"/>
  <c r="G3979" i="1"/>
  <c r="G3980" i="1"/>
  <c r="G3981" i="1"/>
  <c r="G3982" i="1"/>
  <c r="G3983" i="1"/>
  <c r="G3984" i="1"/>
  <c r="G3985" i="1"/>
  <c r="G3986" i="1"/>
  <c r="G3987" i="1"/>
  <c r="G3988" i="1"/>
  <c r="G3989" i="1"/>
  <c r="G3990" i="1"/>
  <c r="G3991" i="1"/>
  <c r="G3992" i="1"/>
  <c r="G3993" i="1"/>
  <c r="G3994" i="1"/>
  <c r="G3995" i="1"/>
  <c r="G3996" i="1"/>
  <c r="G3997" i="1"/>
  <c r="G3998" i="1"/>
  <c r="G3999" i="1"/>
  <c r="G4000" i="1"/>
  <c r="G4001" i="1"/>
  <c r="G4002" i="1"/>
  <c r="G4003" i="1"/>
  <c r="G4004" i="1"/>
  <c r="G4005" i="1"/>
  <c r="G4006" i="1"/>
  <c r="G4007" i="1"/>
  <c r="G4008" i="1"/>
  <c r="G4009" i="1"/>
  <c r="G4010" i="1"/>
  <c r="G4011" i="1"/>
  <c r="G4012" i="1"/>
  <c r="G4013" i="1"/>
  <c r="G4014" i="1"/>
  <c r="G4015" i="1"/>
  <c r="G4016" i="1"/>
  <c r="G4017" i="1"/>
  <c r="G4018" i="1"/>
  <c r="G4019" i="1"/>
  <c r="G4020" i="1"/>
  <c r="G4021" i="1"/>
  <c r="G4022" i="1"/>
  <c r="G4023" i="1"/>
  <c r="G4024" i="1"/>
  <c r="G4025" i="1"/>
  <c r="G4026" i="1"/>
  <c r="G4027" i="1"/>
  <c r="G4028" i="1"/>
  <c r="G4029" i="1"/>
  <c r="G4030" i="1"/>
  <c r="G4031" i="1"/>
  <c r="G4032" i="1"/>
  <c r="G4033" i="1"/>
  <c r="G4034" i="1"/>
  <c r="G4035" i="1"/>
  <c r="G4036" i="1"/>
  <c r="G4037" i="1"/>
  <c r="G4038" i="1"/>
  <c r="G4039" i="1"/>
  <c r="G4040" i="1"/>
  <c r="G4041" i="1"/>
  <c r="G4042" i="1"/>
  <c r="G4043" i="1"/>
  <c r="G4044" i="1"/>
  <c r="G4045" i="1"/>
  <c r="G4046" i="1"/>
  <c r="G4047" i="1"/>
  <c r="G4048" i="1"/>
  <c r="G4049" i="1"/>
  <c r="G4050" i="1"/>
  <c r="G4051" i="1"/>
  <c r="G4052" i="1"/>
  <c r="G4053" i="1"/>
  <c r="G4054" i="1"/>
  <c r="G4055" i="1"/>
  <c r="G4056" i="1"/>
  <c r="G4057" i="1"/>
  <c r="G4058" i="1"/>
  <c r="G4059" i="1"/>
  <c r="G4060" i="1"/>
  <c r="G4061" i="1"/>
  <c r="G4062" i="1"/>
  <c r="G4063" i="1"/>
  <c r="G4064" i="1"/>
  <c r="G4065" i="1"/>
  <c r="G4066" i="1"/>
  <c r="G4067" i="1"/>
  <c r="G4068" i="1"/>
  <c r="G4069" i="1"/>
  <c r="G4070" i="1"/>
  <c r="G4071" i="1"/>
  <c r="G4072" i="1"/>
  <c r="G4073" i="1"/>
  <c r="G4074" i="1"/>
  <c r="G4075" i="1"/>
  <c r="G4076" i="1"/>
  <c r="G4077" i="1"/>
  <c r="G4078" i="1"/>
  <c r="G4079" i="1"/>
  <c r="G4080" i="1"/>
  <c r="G4081" i="1"/>
  <c r="G4082" i="1"/>
  <c r="G4083" i="1"/>
  <c r="G4084" i="1"/>
  <c r="G4085" i="1"/>
  <c r="G4086" i="1"/>
  <c r="G4087" i="1"/>
  <c r="G4088" i="1"/>
  <c r="G4089" i="1"/>
  <c r="G4090" i="1"/>
  <c r="G4091" i="1"/>
  <c r="G4092" i="1"/>
  <c r="G4093" i="1"/>
  <c r="G4094" i="1"/>
  <c r="G4095" i="1"/>
  <c r="G4096" i="1"/>
  <c r="G4097" i="1"/>
  <c r="G4098" i="1"/>
  <c r="G4099" i="1"/>
  <c r="G4100" i="1"/>
  <c r="G4101" i="1"/>
  <c r="G4102" i="1"/>
  <c r="G4103" i="1"/>
  <c r="G4104" i="1"/>
  <c r="G4105" i="1"/>
  <c r="G4106" i="1"/>
  <c r="G4107" i="1"/>
  <c r="G4108" i="1"/>
  <c r="G4109" i="1"/>
  <c r="G4110" i="1"/>
  <c r="G4111" i="1"/>
  <c r="G4112" i="1"/>
  <c r="G4113" i="1"/>
  <c r="G4114" i="1"/>
  <c r="G4115" i="1"/>
  <c r="G4116" i="1"/>
  <c r="G4117" i="1"/>
  <c r="G4118" i="1"/>
  <c r="G4119" i="1"/>
  <c r="G4120" i="1"/>
  <c r="G4121" i="1"/>
  <c r="G4122" i="1"/>
  <c r="G4123" i="1"/>
  <c r="G4124" i="1"/>
  <c r="G4125" i="1"/>
  <c r="G4126" i="1"/>
  <c r="G4127" i="1"/>
  <c r="G4128" i="1"/>
  <c r="G4129" i="1"/>
  <c r="G4130" i="1"/>
  <c r="G4131" i="1"/>
  <c r="G4132" i="1"/>
  <c r="G4133" i="1"/>
  <c r="G4134" i="1"/>
  <c r="G4135" i="1"/>
  <c r="G4136" i="1"/>
  <c r="G4137" i="1"/>
  <c r="G4138" i="1"/>
  <c r="G4139" i="1"/>
  <c r="G4140" i="1"/>
  <c r="G4141" i="1"/>
  <c r="G4142" i="1"/>
  <c r="G4143" i="1"/>
  <c r="G4144" i="1"/>
  <c r="G4145" i="1"/>
  <c r="G4146" i="1"/>
  <c r="G4147" i="1"/>
  <c r="G4148" i="1"/>
  <c r="G4149" i="1"/>
  <c r="G4150" i="1"/>
  <c r="G4151" i="1"/>
  <c r="G4152" i="1"/>
  <c r="G4153" i="1"/>
  <c r="G4154" i="1"/>
  <c r="G4155" i="1"/>
  <c r="G4156" i="1"/>
  <c r="G4157" i="1"/>
  <c r="G4158" i="1"/>
  <c r="G4159" i="1"/>
  <c r="G4160" i="1"/>
  <c r="G4161" i="1"/>
  <c r="G4162" i="1"/>
  <c r="G4163" i="1"/>
  <c r="G4164" i="1"/>
  <c r="G4165" i="1"/>
  <c r="G4166" i="1"/>
  <c r="G4167" i="1"/>
  <c r="G4168" i="1"/>
  <c r="G4169" i="1"/>
  <c r="G4170" i="1"/>
  <c r="G4171" i="1"/>
  <c r="G4172" i="1"/>
  <c r="G4173" i="1"/>
  <c r="G4174" i="1"/>
  <c r="G4175" i="1"/>
  <c r="G4176" i="1"/>
  <c r="G4177" i="1"/>
  <c r="G4178" i="1"/>
  <c r="G4179" i="1"/>
  <c r="G4180" i="1"/>
  <c r="G4181" i="1"/>
  <c r="G4182" i="1"/>
  <c r="G4183" i="1"/>
  <c r="G4184" i="1"/>
  <c r="G4185" i="1"/>
  <c r="G4186" i="1"/>
  <c r="G4187" i="1"/>
  <c r="G4188" i="1"/>
  <c r="G4189" i="1"/>
  <c r="G4190" i="1"/>
  <c r="G4191" i="1"/>
  <c r="G4192" i="1"/>
  <c r="G4193" i="1"/>
  <c r="G4194" i="1"/>
  <c r="G4195" i="1"/>
  <c r="G4196" i="1"/>
  <c r="G4197" i="1"/>
  <c r="G4198" i="1"/>
  <c r="G4199" i="1"/>
  <c r="G4200" i="1"/>
  <c r="G4201" i="1"/>
  <c r="G4202" i="1"/>
  <c r="G4203" i="1"/>
  <c r="G4204" i="1"/>
  <c r="G4205" i="1"/>
  <c r="G4206" i="1"/>
  <c r="G4207" i="1"/>
  <c r="G4208" i="1"/>
  <c r="G4209" i="1"/>
  <c r="G4210" i="1"/>
  <c r="G4211" i="1"/>
  <c r="G4212" i="1"/>
  <c r="G4213" i="1"/>
  <c r="G4214" i="1"/>
  <c r="G4215" i="1"/>
  <c r="G4216" i="1"/>
  <c r="G4217" i="1"/>
  <c r="G4218" i="1"/>
  <c r="G4219" i="1"/>
  <c r="G4220" i="1"/>
  <c r="G4221" i="1"/>
  <c r="G4222" i="1"/>
  <c r="G4223" i="1"/>
  <c r="G4224" i="1"/>
  <c r="G4225" i="1"/>
  <c r="G4226" i="1"/>
  <c r="G4227" i="1"/>
  <c r="G4228" i="1"/>
  <c r="G4229" i="1"/>
  <c r="G4230" i="1"/>
  <c r="G4231" i="1"/>
  <c r="G4232" i="1"/>
  <c r="G4233" i="1"/>
  <c r="G4234" i="1"/>
  <c r="G4235" i="1"/>
  <c r="G4236" i="1"/>
  <c r="G4237" i="1"/>
  <c r="G4238" i="1"/>
  <c r="G4239" i="1"/>
  <c r="G4240" i="1"/>
  <c r="G4241" i="1"/>
  <c r="G4242" i="1"/>
  <c r="G4243" i="1"/>
  <c r="G4244" i="1"/>
  <c r="G4245" i="1"/>
  <c r="G4246" i="1"/>
  <c r="G4247" i="1"/>
  <c r="G4248" i="1"/>
  <c r="G4249" i="1"/>
  <c r="G4250" i="1"/>
  <c r="G4251" i="1"/>
  <c r="G4252" i="1"/>
  <c r="G4253" i="1"/>
  <c r="G4254" i="1"/>
  <c r="G4255" i="1"/>
  <c r="G4256" i="1"/>
  <c r="G4257" i="1"/>
  <c r="G4258" i="1"/>
  <c r="G4259" i="1"/>
  <c r="G4260" i="1"/>
  <c r="G4261" i="1"/>
  <c r="G4262" i="1"/>
  <c r="G4263" i="1"/>
  <c r="G4264" i="1"/>
  <c r="G4265" i="1"/>
  <c r="G4266" i="1"/>
  <c r="G4267" i="1"/>
  <c r="G4268" i="1"/>
  <c r="G4269" i="1"/>
  <c r="G4270" i="1"/>
  <c r="G4271" i="1"/>
  <c r="G4272" i="1"/>
  <c r="G4273" i="1"/>
  <c r="G4274" i="1"/>
  <c r="G4275" i="1"/>
  <c r="G4276" i="1"/>
  <c r="G4277" i="1"/>
  <c r="G4278" i="1"/>
  <c r="G4279" i="1"/>
  <c r="G4280" i="1"/>
  <c r="G4281" i="1"/>
  <c r="G4282" i="1"/>
  <c r="G4283" i="1"/>
  <c r="G4284" i="1"/>
  <c r="G4285" i="1"/>
  <c r="G4286" i="1"/>
  <c r="G4287" i="1"/>
  <c r="G4288" i="1"/>
  <c r="G4289" i="1"/>
  <c r="G4290" i="1"/>
  <c r="G4291" i="1"/>
  <c r="G4292" i="1"/>
  <c r="G4293" i="1"/>
  <c r="G4294" i="1"/>
  <c r="G4295" i="1"/>
  <c r="G4296" i="1"/>
  <c r="G4297" i="1"/>
  <c r="G4298" i="1"/>
  <c r="G4299" i="1"/>
  <c r="G4300" i="1"/>
  <c r="G4301" i="1"/>
  <c r="G4302" i="1"/>
  <c r="G4303" i="1"/>
  <c r="G4304" i="1"/>
  <c r="G4305" i="1"/>
  <c r="G4306" i="1"/>
  <c r="G4307" i="1"/>
  <c r="G4308" i="1"/>
  <c r="G4309" i="1"/>
  <c r="G4310" i="1"/>
  <c r="G4311" i="1"/>
  <c r="G4312" i="1"/>
  <c r="G4313" i="1"/>
  <c r="G4314" i="1"/>
  <c r="G4315" i="1"/>
  <c r="G4316" i="1"/>
  <c r="G4317" i="1"/>
  <c r="G4318" i="1"/>
  <c r="G4319" i="1"/>
  <c r="G4320" i="1"/>
  <c r="G4321" i="1"/>
  <c r="G4322" i="1"/>
  <c r="G4323" i="1"/>
  <c r="G4324" i="1"/>
  <c r="G4325" i="1"/>
  <c r="G4326" i="1"/>
  <c r="G4327" i="1"/>
  <c r="G4328" i="1"/>
  <c r="G4329" i="1"/>
  <c r="G4330" i="1"/>
  <c r="G4331" i="1"/>
  <c r="G4332" i="1"/>
  <c r="G4333" i="1"/>
  <c r="G4334" i="1"/>
  <c r="G4335" i="1"/>
  <c r="G4336" i="1"/>
  <c r="G4337" i="1"/>
  <c r="G4338" i="1"/>
  <c r="G4339" i="1"/>
  <c r="G4340" i="1"/>
  <c r="G4341" i="1"/>
  <c r="G4342" i="1"/>
  <c r="G4343" i="1"/>
  <c r="G4344" i="1"/>
  <c r="G4345" i="1"/>
  <c r="G4346" i="1"/>
  <c r="G4347" i="1"/>
  <c r="G4348" i="1"/>
  <c r="G4349" i="1"/>
  <c r="G4350" i="1"/>
  <c r="G4351" i="1"/>
  <c r="G4352" i="1"/>
  <c r="G4353" i="1"/>
  <c r="G4354" i="1"/>
  <c r="G4355" i="1"/>
  <c r="G4356" i="1"/>
  <c r="G4357" i="1"/>
  <c r="G4358" i="1"/>
  <c r="G4359" i="1"/>
  <c r="G4360" i="1"/>
  <c r="G4361" i="1"/>
  <c r="G4362" i="1"/>
  <c r="G4363" i="1"/>
  <c r="G4364" i="1"/>
  <c r="G4365" i="1"/>
  <c r="G4366" i="1"/>
  <c r="G4367" i="1"/>
  <c r="G4368" i="1"/>
  <c r="G4369" i="1"/>
  <c r="G4370" i="1"/>
  <c r="G4371" i="1"/>
  <c r="G4372" i="1"/>
  <c r="G4373" i="1"/>
  <c r="G4374" i="1"/>
  <c r="G4375" i="1"/>
  <c r="G4376" i="1"/>
  <c r="G4377" i="1"/>
  <c r="G4378" i="1"/>
  <c r="G4379" i="1"/>
  <c r="G4380" i="1"/>
  <c r="G4381" i="1"/>
  <c r="G4382" i="1"/>
  <c r="G4383" i="1"/>
  <c r="G4384" i="1"/>
  <c r="G4385" i="1"/>
  <c r="G4386" i="1"/>
  <c r="G4387" i="1"/>
  <c r="G4388" i="1"/>
  <c r="G4389" i="1"/>
  <c r="G4390" i="1"/>
  <c r="G4391" i="1"/>
  <c r="G4392" i="1"/>
  <c r="G4393" i="1"/>
  <c r="G4394" i="1"/>
  <c r="G4395" i="1"/>
  <c r="G4396" i="1"/>
  <c r="G4397" i="1"/>
  <c r="G4398" i="1"/>
  <c r="G4399" i="1"/>
  <c r="G4400" i="1"/>
  <c r="G4401" i="1"/>
  <c r="G4402" i="1"/>
  <c r="G4403" i="1"/>
  <c r="G4404" i="1"/>
  <c r="G4405" i="1"/>
  <c r="G4406" i="1"/>
  <c r="G4407" i="1"/>
  <c r="G4408" i="1"/>
  <c r="G4409" i="1"/>
  <c r="G4410" i="1"/>
  <c r="G4411" i="1"/>
  <c r="G4412" i="1"/>
  <c r="G4413" i="1"/>
  <c r="G4414" i="1"/>
  <c r="G4415" i="1"/>
  <c r="G4416" i="1"/>
  <c r="G4417" i="1"/>
  <c r="G4418" i="1"/>
  <c r="G4419" i="1"/>
  <c r="G4420" i="1"/>
  <c r="G4421" i="1"/>
  <c r="G4422" i="1"/>
  <c r="G4423" i="1"/>
  <c r="G4424" i="1"/>
  <c r="G4425" i="1"/>
  <c r="G4426" i="1"/>
  <c r="G4427" i="1"/>
  <c r="G4428" i="1"/>
  <c r="G4429" i="1"/>
  <c r="G4430" i="1"/>
  <c r="G4431" i="1"/>
  <c r="G4432" i="1"/>
  <c r="G4433" i="1"/>
  <c r="G4434" i="1"/>
  <c r="G4435" i="1"/>
  <c r="G4436" i="1"/>
  <c r="G4437" i="1"/>
  <c r="G4438" i="1"/>
  <c r="G4439" i="1"/>
  <c r="G4440" i="1"/>
  <c r="G4441" i="1"/>
  <c r="G4442" i="1"/>
  <c r="G4443" i="1"/>
  <c r="G4444" i="1"/>
  <c r="G4445" i="1"/>
  <c r="G4446" i="1"/>
  <c r="G4447" i="1"/>
  <c r="G4448" i="1"/>
  <c r="G4449" i="1"/>
  <c r="G4450" i="1"/>
  <c r="G4451" i="1"/>
  <c r="G4452" i="1"/>
  <c r="G4453" i="1"/>
  <c r="G4454" i="1"/>
  <c r="G4455" i="1"/>
  <c r="G4456" i="1"/>
  <c r="G4457" i="1"/>
  <c r="G4458" i="1"/>
  <c r="G4459" i="1"/>
  <c r="G4460" i="1"/>
  <c r="G4461" i="1"/>
  <c r="G4462" i="1"/>
  <c r="G4463" i="1"/>
  <c r="G4464" i="1"/>
  <c r="G4465" i="1"/>
  <c r="G4466" i="1"/>
  <c r="G4467" i="1"/>
  <c r="G4468" i="1"/>
  <c r="G4469" i="1"/>
  <c r="G4470" i="1"/>
  <c r="G4471" i="1"/>
  <c r="G4472" i="1"/>
  <c r="G4473" i="1"/>
  <c r="G4474" i="1"/>
  <c r="G4475" i="1"/>
  <c r="G4476" i="1"/>
  <c r="G4477" i="1"/>
  <c r="G4478" i="1"/>
  <c r="G4479" i="1"/>
  <c r="G4480" i="1"/>
  <c r="G4481" i="1"/>
  <c r="G4482" i="1"/>
  <c r="G4483" i="1"/>
  <c r="G4484" i="1"/>
  <c r="G4485" i="1"/>
  <c r="G4486" i="1"/>
  <c r="G4487" i="1"/>
  <c r="G4488" i="1"/>
  <c r="G4489" i="1"/>
  <c r="G4490" i="1"/>
  <c r="G4491" i="1"/>
  <c r="G4492" i="1"/>
  <c r="G4493" i="1"/>
  <c r="G4494" i="1"/>
  <c r="G4495" i="1"/>
  <c r="G4496" i="1"/>
  <c r="G4497" i="1"/>
  <c r="G4498" i="1"/>
  <c r="G4499" i="1"/>
  <c r="G4500" i="1"/>
  <c r="G4501" i="1"/>
  <c r="G4502" i="1"/>
  <c r="G4503" i="1"/>
  <c r="G4504" i="1"/>
  <c r="G4505" i="1"/>
  <c r="G4506" i="1"/>
  <c r="G4507" i="1"/>
  <c r="G4508" i="1"/>
  <c r="G4509" i="1"/>
  <c r="G4510" i="1"/>
  <c r="G4511" i="1"/>
  <c r="G4512" i="1"/>
  <c r="G4513" i="1"/>
  <c r="G4514" i="1"/>
  <c r="G4515" i="1"/>
  <c r="G4516" i="1"/>
  <c r="G4517" i="1"/>
  <c r="G4518" i="1"/>
  <c r="G4519" i="1"/>
  <c r="G4520" i="1"/>
  <c r="G4521" i="1"/>
  <c r="G4522" i="1"/>
  <c r="G4523" i="1"/>
  <c r="G4524" i="1"/>
  <c r="G4525" i="1"/>
  <c r="G4526" i="1"/>
  <c r="G4527" i="1"/>
  <c r="G4528" i="1"/>
  <c r="G4529" i="1"/>
  <c r="G4530" i="1"/>
  <c r="G4531" i="1"/>
  <c r="G4532" i="1"/>
  <c r="G4533" i="1"/>
  <c r="G4534" i="1"/>
  <c r="G4535" i="1"/>
  <c r="G4536" i="1"/>
  <c r="G4537" i="1"/>
  <c r="G4538" i="1"/>
  <c r="G4539" i="1"/>
  <c r="G4540" i="1"/>
  <c r="G4541" i="1"/>
  <c r="G4542" i="1"/>
  <c r="G4543" i="1"/>
  <c r="G4544" i="1"/>
  <c r="G4545" i="1"/>
  <c r="G4546" i="1"/>
  <c r="G4547" i="1"/>
  <c r="G4548" i="1"/>
  <c r="G4549" i="1"/>
  <c r="G4550" i="1"/>
  <c r="G4551" i="1"/>
  <c r="G4552" i="1"/>
  <c r="G4553" i="1"/>
  <c r="G4554" i="1"/>
  <c r="G4555" i="1"/>
  <c r="G4556" i="1"/>
  <c r="G4557" i="1"/>
  <c r="G4558" i="1"/>
  <c r="G4559" i="1"/>
  <c r="G4560" i="1"/>
  <c r="G4561" i="1"/>
  <c r="G4562" i="1"/>
  <c r="G4563" i="1"/>
  <c r="G4564" i="1"/>
  <c r="G4565" i="1"/>
  <c r="G4566" i="1"/>
  <c r="G4567" i="1"/>
  <c r="G4568" i="1"/>
  <c r="G4569" i="1"/>
  <c r="G4570" i="1"/>
  <c r="G4571" i="1"/>
  <c r="G4572" i="1"/>
  <c r="G4573" i="1"/>
  <c r="G4574" i="1"/>
  <c r="G4575" i="1"/>
  <c r="G4576" i="1"/>
  <c r="G4577" i="1"/>
  <c r="G4578" i="1"/>
  <c r="G4579" i="1"/>
  <c r="G4580" i="1"/>
  <c r="G4581" i="1"/>
  <c r="G4582" i="1"/>
  <c r="G4583" i="1"/>
  <c r="G4584" i="1"/>
  <c r="G4585" i="1"/>
  <c r="G4586" i="1"/>
  <c r="G4587" i="1"/>
  <c r="G4588" i="1"/>
  <c r="G4589" i="1"/>
  <c r="G4590" i="1"/>
  <c r="G4591" i="1"/>
  <c r="G4592" i="1"/>
  <c r="G4593" i="1"/>
  <c r="G4594" i="1"/>
  <c r="G4595" i="1"/>
  <c r="G4596" i="1"/>
  <c r="G4597" i="1"/>
  <c r="G4598" i="1"/>
  <c r="G4599" i="1"/>
  <c r="G4600" i="1"/>
  <c r="G4601" i="1"/>
  <c r="G4602" i="1"/>
  <c r="G4603" i="1"/>
  <c r="G4604" i="1"/>
  <c r="G4605" i="1"/>
  <c r="G4606" i="1"/>
  <c r="G4607" i="1"/>
  <c r="G4608" i="1"/>
  <c r="G4609" i="1"/>
  <c r="G4610" i="1"/>
  <c r="G4611" i="1"/>
  <c r="G4612" i="1"/>
  <c r="G4613" i="1"/>
  <c r="G4614" i="1"/>
  <c r="G4615" i="1"/>
  <c r="G4616" i="1"/>
  <c r="G4617" i="1"/>
  <c r="G4618" i="1"/>
  <c r="G4619" i="1"/>
  <c r="G4620" i="1"/>
  <c r="G4621" i="1"/>
  <c r="G4622" i="1"/>
  <c r="G4623" i="1"/>
  <c r="G4624" i="1"/>
  <c r="G4625" i="1"/>
  <c r="G4626" i="1"/>
  <c r="G4627" i="1"/>
  <c r="G4628" i="1"/>
  <c r="G4629" i="1"/>
  <c r="G4630" i="1"/>
  <c r="G4631" i="1"/>
  <c r="G4632" i="1"/>
  <c r="G4633" i="1"/>
  <c r="G4634" i="1"/>
  <c r="G4635" i="1"/>
  <c r="G4636" i="1"/>
  <c r="G4637" i="1"/>
  <c r="G4638" i="1"/>
  <c r="G4639" i="1"/>
  <c r="G4640" i="1"/>
  <c r="G4641" i="1"/>
  <c r="G4642" i="1"/>
  <c r="G4643" i="1"/>
  <c r="G4644" i="1"/>
  <c r="G4645" i="1"/>
  <c r="G4646" i="1"/>
  <c r="G4647" i="1"/>
  <c r="G4648" i="1"/>
  <c r="G4649" i="1"/>
  <c r="G4650" i="1"/>
  <c r="G4651" i="1"/>
  <c r="G4652" i="1"/>
  <c r="G4653" i="1"/>
  <c r="G4654" i="1"/>
  <c r="G4655" i="1"/>
  <c r="G4656" i="1"/>
  <c r="G4657" i="1"/>
  <c r="G4658" i="1"/>
  <c r="G4659" i="1"/>
  <c r="G4660" i="1"/>
  <c r="G4661" i="1"/>
  <c r="G4662" i="1"/>
  <c r="G4663" i="1"/>
  <c r="G4664" i="1"/>
  <c r="G4665" i="1"/>
  <c r="G4666" i="1"/>
  <c r="G4667" i="1"/>
  <c r="G4668" i="1"/>
  <c r="G4669" i="1"/>
  <c r="G4670" i="1"/>
  <c r="G4671" i="1"/>
  <c r="G4672" i="1"/>
  <c r="G4673" i="1"/>
  <c r="G4674" i="1"/>
  <c r="G4675" i="1"/>
  <c r="G4676" i="1"/>
  <c r="G4677" i="1"/>
  <c r="G4678" i="1"/>
  <c r="G4679" i="1"/>
  <c r="G4680" i="1"/>
  <c r="G4681" i="1"/>
  <c r="G4682" i="1"/>
  <c r="G4683" i="1"/>
  <c r="G4684" i="1"/>
  <c r="G4685" i="1"/>
  <c r="G4686" i="1"/>
  <c r="G4687" i="1"/>
  <c r="G4688" i="1"/>
  <c r="G4689" i="1"/>
  <c r="G4690" i="1"/>
  <c r="G4691" i="1"/>
  <c r="G4692" i="1"/>
  <c r="G4693" i="1"/>
  <c r="G4694" i="1"/>
  <c r="G4695" i="1"/>
  <c r="G4696" i="1"/>
  <c r="G4697" i="1"/>
  <c r="G4698" i="1"/>
  <c r="G4699" i="1"/>
  <c r="G4700" i="1"/>
  <c r="G4701" i="1"/>
  <c r="G4702" i="1"/>
  <c r="G4703" i="1"/>
  <c r="G4704" i="1"/>
  <c r="G4705" i="1"/>
  <c r="G4706" i="1"/>
  <c r="G4707" i="1"/>
  <c r="G4708" i="1"/>
  <c r="G4709" i="1"/>
  <c r="G4710" i="1"/>
  <c r="G4711" i="1"/>
  <c r="G4712" i="1"/>
  <c r="G4713" i="1"/>
  <c r="G4714" i="1"/>
  <c r="G4715" i="1"/>
  <c r="G4716" i="1"/>
  <c r="G4717" i="1"/>
  <c r="G4718" i="1"/>
  <c r="G4719" i="1"/>
  <c r="G4720" i="1"/>
  <c r="G4721" i="1"/>
  <c r="G4722" i="1"/>
  <c r="G4723" i="1"/>
  <c r="G4724" i="1"/>
  <c r="G4725" i="1"/>
  <c r="G4726" i="1"/>
  <c r="G4727" i="1"/>
  <c r="G4728" i="1"/>
  <c r="G4729" i="1"/>
  <c r="G4730" i="1"/>
  <c r="G4731" i="1"/>
  <c r="G4732" i="1"/>
  <c r="G4733" i="1"/>
  <c r="G4734" i="1"/>
  <c r="G4735" i="1"/>
  <c r="G4736" i="1"/>
  <c r="G4737" i="1"/>
  <c r="G4738" i="1"/>
  <c r="G4739" i="1"/>
  <c r="G4740" i="1"/>
  <c r="G4741" i="1"/>
  <c r="G4742" i="1"/>
  <c r="G4743" i="1"/>
  <c r="G4744" i="1"/>
  <c r="G4745" i="1"/>
  <c r="G4746" i="1"/>
  <c r="G4747" i="1"/>
  <c r="G4748" i="1"/>
  <c r="G4749" i="1"/>
  <c r="G4750" i="1"/>
  <c r="G4751" i="1"/>
  <c r="G4752" i="1"/>
  <c r="G4753" i="1"/>
  <c r="G4754" i="1"/>
  <c r="G4755" i="1"/>
  <c r="G4756" i="1"/>
  <c r="G4757" i="1"/>
  <c r="G4758" i="1"/>
  <c r="G4759" i="1"/>
  <c r="G4760" i="1"/>
  <c r="G4761" i="1"/>
  <c r="G4762" i="1"/>
  <c r="G4763" i="1"/>
  <c r="G4764" i="1"/>
  <c r="G4765" i="1"/>
  <c r="G4766" i="1"/>
  <c r="G4767" i="1"/>
  <c r="G4768" i="1"/>
  <c r="G4769" i="1"/>
  <c r="G4770" i="1"/>
  <c r="G4771" i="1"/>
  <c r="G4772" i="1"/>
  <c r="G4773" i="1"/>
  <c r="G4774" i="1"/>
  <c r="G4775" i="1"/>
  <c r="G4776" i="1"/>
  <c r="G4777" i="1"/>
  <c r="G4778" i="1"/>
  <c r="G4779" i="1"/>
  <c r="G4780" i="1"/>
  <c r="G4781" i="1"/>
  <c r="G4782" i="1"/>
  <c r="G4783" i="1"/>
  <c r="G4784" i="1"/>
  <c r="G4785" i="1"/>
  <c r="G4786" i="1"/>
  <c r="G4787" i="1"/>
  <c r="G4788" i="1"/>
  <c r="G4789" i="1"/>
  <c r="G4790" i="1"/>
  <c r="G4791" i="1"/>
  <c r="G4792" i="1"/>
  <c r="G4793" i="1"/>
  <c r="G4794" i="1"/>
  <c r="G4795" i="1"/>
  <c r="G4796" i="1"/>
  <c r="G4797" i="1"/>
  <c r="G4798" i="1"/>
  <c r="G4799" i="1"/>
  <c r="G4800" i="1"/>
  <c r="G4801" i="1"/>
  <c r="G4802" i="1"/>
  <c r="G4803" i="1"/>
  <c r="G4804" i="1"/>
  <c r="G4805" i="1"/>
  <c r="G4806" i="1"/>
  <c r="G4807" i="1"/>
  <c r="G4808" i="1"/>
  <c r="G4809" i="1"/>
  <c r="G4810" i="1"/>
  <c r="G4811" i="1"/>
  <c r="G4812" i="1"/>
  <c r="G4813" i="1"/>
  <c r="G4814" i="1"/>
  <c r="G4815" i="1"/>
  <c r="G4816" i="1"/>
  <c r="G4817" i="1"/>
  <c r="G4818" i="1"/>
  <c r="G4819" i="1"/>
  <c r="G4820" i="1"/>
  <c r="G4821" i="1"/>
  <c r="G4822" i="1"/>
  <c r="G4823" i="1"/>
  <c r="G4824" i="1"/>
  <c r="G4825" i="1"/>
  <c r="G4826" i="1"/>
  <c r="G4827" i="1"/>
  <c r="G4828" i="1"/>
  <c r="G4829" i="1"/>
  <c r="G4830" i="1"/>
  <c r="G4831" i="1"/>
  <c r="G4832" i="1"/>
  <c r="G4833" i="1"/>
  <c r="G4834" i="1"/>
  <c r="G4835" i="1"/>
  <c r="G4836" i="1"/>
  <c r="G4837" i="1"/>
  <c r="G4838" i="1"/>
  <c r="G4839" i="1"/>
  <c r="G4840" i="1"/>
  <c r="G4841" i="1"/>
  <c r="G4842" i="1"/>
  <c r="G4843" i="1"/>
  <c r="G4844" i="1"/>
  <c r="G4845" i="1"/>
  <c r="G4846" i="1"/>
  <c r="G4847" i="1"/>
  <c r="G4848" i="1"/>
  <c r="G4849" i="1"/>
  <c r="G4850" i="1"/>
  <c r="G4851" i="1"/>
  <c r="G4852" i="1"/>
  <c r="G4853" i="1"/>
  <c r="G4854" i="1"/>
  <c r="G4855" i="1"/>
  <c r="G4856" i="1"/>
  <c r="G4857" i="1"/>
  <c r="G4858" i="1"/>
  <c r="G4859" i="1"/>
  <c r="G4860" i="1"/>
  <c r="G4861" i="1"/>
  <c r="G4862" i="1"/>
  <c r="G4863" i="1"/>
  <c r="G4864" i="1"/>
  <c r="G4865" i="1"/>
  <c r="G4866" i="1"/>
  <c r="G4867" i="1"/>
  <c r="G4868" i="1"/>
  <c r="G4869" i="1"/>
  <c r="G4870" i="1"/>
  <c r="G4871" i="1"/>
  <c r="G4872" i="1"/>
  <c r="G4873" i="1"/>
  <c r="G4874" i="1"/>
  <c r="G4875" i="1"/>
  <c r="G4876" i="1"/>
  <c r="G4877" i="1"/>
  <c r="G4878" i="1"/>
  <c r="G4879" i="1"/>
  <c r="G4880" i="1"/>
  <c r="G4881" i="1"/>
  <c r="G4882" i="1"/>
  <c r="G4883" i="1"/>
  <c r="G4884" i="1"/>
  <c r="G4885" i="1"/>
  <c r="G4886" i="1"/>
  <c r="G4887" i="1"/>
  <c r="G4888" i="1"/>
  <c r="G4889" i="1"/>
  <c r="G4890" i="1"/>
  <c r="G4891" i="1"/>
  <c r="G4892" i="1"/>
  <c r="G4893" i="1"/>
  <c r="G4894" i="1"/>
  <c r="G4895" i="1"/>
  <c r="G4896" i="1"/>
  <c r="G4897" i="1"/>
  <c r="G4898" i="1"/>
  <c r="G4899" i="1"/>
  <c r="G4900" i="1"/>
  <c r="G4901" i="1"/>
  <c r="G4902" i="1"/>
  <c r="G4903" i="1"/>
  <c r="G4904" i="1"/>
  <c r="G4905" i="1"/>
  <c r="G4906" i="1"/>
  <c r="G4907" i="1"/>
  <c r="G4908" i="1"/>
  <c r="G4909" i="1"/>
  <c r="G4910" i="1"/>
  <c r="G4911" i="1"/>
  <c r="G4912" i="1"/>
  <c r="G4913" i="1"/>
  <c r="G4914" i="1"/>
  <c r="G4915" i="1"/>
  <c r="G4916" i="1"/>
  <c r="G4917" i="1"/>
  <c r="G4918" i="1"/>
  <c r="G4919" i="1"/>
  <c r="G4920" i="1"/>
  <c r="G4921" i="1"/>
  <c r="G4922" i="1"/>
  <c r="G4923" i="1"/>
  <c r="G4924" i="1"/>
  <c r="G4925" i="1"/>
  <c r="G4926" i="1"/>
  <c r="G4927" i="1"/>
  <c r="G4928" i="1"/>
  <c r="G4929" i="1"/>
  <c r="G4930" i="1"/>
  <c r="G4931" i="1"/>
  <c r="G4932" i="1"/>
  <c r="G4933" i="1"/>
  <c r="G4934" i="1"/>
  <c r="G4935" i="1"/>
  <c r="G4936" i="1"/>
  <c r="G4937" i="1"/>
  <c r="G4938" i="1"/>
  <c r="G4939" i="1"/>
  <c r="G4940" i="1"/>
  <c r="G4941" i="1"/>
  <c r="G4942" i="1"/>
  <c r="G4943" i="1"/>
  <c r="G4944" i="1"/>
  <c r="G4945" i="1"/>
  <c r="G4946" i="1"/>
  <c r="G4947" i="1"/>
  <c r="G4948" i="1"/>
  <c r="G4949" i="1"/>
  <c r="G4950" i="1"/>
  <c r="G4951" i="1"/>
  <c r="G4952" i="1"/>
  <c r="G4953" i="1"/>
  <c r="G4954" i="1"/>
  <c r="G4955" i="1"/>
  <c r="G4956" i="1"/>
  <c r="G4957" i="1"/>
  <c r="G4958" i="1"/>
  <c r="G4959" i="1"/>
  <c r="G4960" i="1"/>
  <c r="G4961" i="1"/>
  <c r="G4962" i="1"/>
  <c r="G4963" i="1"/>
  <c r="G4964" i="1"/>
  <c r="G4965" i="1"/>
  <c r="G4966" i="1"/>
  <c r="G4967" i="1"/>
  <c r="G4968" i="1"/>
  <c r="G4969" i="1"/>
  <c r="G4970" i="1"/>
  <c r="G4971" i="1"/>
  <c r="G4972" i="1"/>
  <c r="G4973" i="1"/>
  <c r="G4974" i="1"/>
  <c r="G4975" i="1"/>
  <c r="G4976" i="1"/>
  <c r="G4977" i="1"/>
  <c r="G4978" i="1"/>
  <c r="G4979" i="1"/>
  <c r="G4980" i="1"/>
  <c r="G4981" i="1"/>
  <c r="G4982" i="1"/>
  <c r="G4983" i="1"/>
  <c r="G4984" i="1"/>
  <c r="G4985" i="1"/>
  <c r="G4986" i="1"/>
  <c r="G4987" i="1"/>
  <c r="G4988" i="1"/>
  <c r="G4989" i="1"/>
  <c r="G4990" i="1"/>
  <c r="G4991" i="1"/>
  <c r="G4992" i="1"/>
  <c r="G4993" i="1"/>
  <c r="G4994" i="1"/>
  <c r="G4995" i="1"/>
  <c r="G4996" i="1"/>
  <c r="G4997" i="1"/>
  <c r="G4998" i="1"/>
  <c r="G4999" i="1"/>
  <c r="G5000" i="1"/>
  <c r="G5001" i="1"/>
  <c r="G5002" i="1"/>
  <c r="G5003" i="1"/>
  <c r="G5004" i="1"/>
  <c r="G5005" i="1"/>
  <c r="G5006" i="1"/>
  <c r="G5007" i="1"/>
  <c r="G5008" i="1"/>
  <c r="G5009" i="1"/>
  <c r="G5010" i="1"/>
  <c r="G5011" i="1"/>
  <c r="G5012" i="1"/>
  <c r="G5013" i="1"/>
  <c r="G5014" i="1"/>
  <c r="G5015" i="1"/>
  <c r="G5016" i="1"/>
  <c r="G5017" i="1"/>
  <c r="G5018" i="1"/>
  <c r="G5019" i="1"/>
  <c r="G5020" i="1"/>
  <c r="G5021" i="1"/>
  <c r="G5022" i="1"/>
  <c r="G5023" i="1"/>
  <c r="G5024" i="1"/>
  <c r="G5025" i="1"/>
  <c r="G5026" i="1"/>
  <c r="G5027" i="1"/>
  <c r="G5028" i="1"/>
  <c r="G5029" i="1"/>
  <c r="G5030" i="1"/>
  <c r="G5031" i="1"/>
  <c r="G5032" i="1"/>
  <c r="G5033" i="1"/>
  <c r="G5034" i="1"/>
  <c r="G5035" i="1"/>
  <c r="G5036" i="1"/>
  <c r="G5037" i="1"/>
  <c r="G5038" i="1"/>
  <c r="G5039" i="1"/>
  <c r="G5040" i="1"/>
  <c r="G5041" i="1"/>
  <c r="G5042" i="1"/>
  <c r="G5043" i="1"/>
  <c r="G5044" i="1"/>
  <c r="G5045" i="1"/>
  <c r="G5046" i="1"/>
  <c r="G5047" i="1"/>
  <c r="G5048" i="1"/>
  <c r="G5049" i="1"/>
  <c r="G5050" i="1"/>
  <c r="G5051" i="1"/>
  <c r="G5052" i="1"/>
  <c r="G5053" i="1"/>
  <c r="G5054" i="1"/>
  <c r="G5055" i="1"/>
  <c r="G5056" i="1"/>
  <c r="G5057" i="1"/>
  <c r="G5058" i="1"/>
  <c r="G5059" i="1"/>
  <c r="G5060" i="1"/>
  <c r="G5061" i="1"/>
  <c r="G5062" i="1"/>
  <c r="G5063" i="1"/>
  <c r="G5064" i="1"/>
  <c r="G5065" i="1"/>
  <c r="G5066" i="1"/>
  <c r="G5067" i="1"/>
  <c r="G5068" i="1"/>
  <c r="G5069" i="1"/>
  <c r="G5070" i="1"/>
  <c r="G5071" i="1"/>
  <c r="G5072" i="1"/>
  <c r="G5073" i="1"/>
  <c r="G5074" i="1"/>
  <c r="G5075" i="1"/>
  <c r="G5076" i="1"/>
  <c r="G5077" i="1"/>
  <c r="G5078" i="1"/>
  <c r="G5079" i="1"/>
  <c r="G5080" i="1"/>
  <c r="G5081" i="1"/>
  <c r="G5082" i="1"/>
  <c r="G5083" i="1"/>
  <c r="G5084" i="1"/>
  <c r="G5085" i="1"/>
  <c r="G5086" i="1"/>
  <c r="G5087" i="1"/>
  <c r="G5088" i="1"/>
  <c r="G5089" i="1"/>
  <c r="G5090" i="1"/>
  <c r="G5091" i="1"/>
  <c r="G5092" i="1"/>
  <c r="G5093" i="1"/>
  <c r="G5094" i="1"/>
  <c r="G5095" i="1"/>
  <c r="G5096" i="1"/>
  <c r="G5097" i="1"/>
  <c r="G5098" i="1"/>
  <c r="G5099" i="1"/>
  <c r="G5100" i="1"/>
  <c r="G5101" i="1"/>
  <c r="G5102" i="1"/>
  <c r="G5103" i="1"/>
  <c r="G5104" i="1"/>
  <c r="G5105" i="1"/>
  <c r="G5106" i="1"/>
  <c r="G5107" i="1"/>
  <c r="G5108" i="1"/>
  <c r="G5109" i="1"/>
  <c r="G5110" i="1"/>
  <c r="G5111" i="1"/>
  <c r="G5112" i="1"/>
  <c r="G5113" i="1"/>
  <c r="G5114" i="1"/>
  <c r="G5115" i="1"/>
  <c r="G5116" i="1"/>
  <c r="G5117" i="1"/>
  <c r="G5118" i="1"/>
  <c r="G5119" i="1"/>
  <c r="G5120" i="1"/>
  <c r="G5121" i="1"/>
  <c r="G5122" i="1"/>
  <c r="G5123" i="1"/>
  <c r="G5124" i="1"/>
  <c r="G5125" i="1"/>
  <c r="G5126" i="1"/>
  <c r="G5127" i="1"/>
  <c r="G5128" i="1"/>
  <c r="G5129" i="1"/>
  <c r="G5130" i="1"/>
  <c r="G5131" i="1"/>
  <c r="G5132" i="1"/>
  <c r="G5133" i="1"/>
  <c r="G5134" i="1"/>
  <c r="G5135" i="1"/>
  <c r="G5136" i="1"/>
  <c r="G5137" i="1"/>
  <c r="G5138" i="1"/>
  <c r="G5139" i="1"/>
  <c r="G5140" i="1"/>
  <c r="G5141" i="1"/>
  <c r="G5142" i="1"/>
  <c r="G5143" i="1"/>
  <c r="G5144" i="1"/>
  <c r="G5145" i="1"/>
  <c r="G5146" i="1"/>
  <c r="G5147" i="1"/>
  <c r="G5148" i="1"/>
  <c r="G5149" i="1"/>
  <c r="G5150" i="1"/>
  <c r="G5151" i="1"/>
  <c r="G5152" i="1"/>
  <c r="G5153" i="1"/>
  <c r="G5154" i="1"/>
  <c r="G5155" i="1"/>
  <c r="G5156" i="1"/>
  <c r="G5157" i="1"/>
  <c r="G5158" i="1"/>
  <c r="G5159" i="1"/>
  <c r="G5160" i="1"/>
  <c r="G5161" i="1"/>
  <c r="G5162" i="1"/>
  <c r="G5163" i="1"/>
  <c r="G5164" i="1"/>
  <c r="G5165" i="1"/>
  <c r="G5166" i="1"/>
  <c r="G5167" i="1"/>
  <c r="G5168" i="1"/>
  <c r="G5169" i="1"/>
  <c r="G5170" i="1"/>
  <c r="G5171" i="1"/>
  <c r="G5172" i="1"/>
  <c r="G5173" i="1"/>
  <c r="G5174" i="1"/>
  <c r="G5175" i="1"/>
  <c r="G5176" i="1"/>
  <c r="G5177" i="1"/>
  <c r="G5178" i="1"/>
  <c r="G5179" i="1"/>
  <c r="G5180" i="1"/>
  <c r="G5181" i="1"/>
  <c r="G5182" i="1"/>
  <c r="G5183" i="1"/>
  <c r="G5184" i="1"/>
  <c r="G5185" i="1"/>
  <c r="G5186" i="1"/>
  <c r="G5187" i="1"/>
  <c r="G5188" i="1"/>
  <c r="G5189" i="1"/>
  <c r="G5190" i="1"/>
  <c r="G5191" i="1"/>
  <c r="G5192" i="1"/>
  <c r="G5193" i="1"/>
  <c r="G5194" i="1"/>
  <c r="G5195" i="1"/>
  <c r="G5196" i="1"/>
  <c r="G5197" i="1"/>
  <c r="G5198" i="1"/>
  <c r="G5199" i="1"/>
  <c r="G5200" i="1"/>
  <c r="G5201" i="1"/>
  <c r="G5202" i="1"/>
  <c r="G5203" i="1"/>
  <c r="G5204" i="1"/>
  <c r="G5205" i="1"/>
  <c r="G5206" i="1"/>
  <c r="G5207" i="1"/>
  <c r="G5208" i="1"/>
  <c r="G5209" i="1"/>
  <c r="G5210" i="1"/>
  <c r="G5211" i="1"/>
  <c r="G5212" i="1"/>
  <c r="G5213" i="1"/>
  <c r="G5214" i="1"/>
  <c r="G5215" i="1"/>
  <c r="G5216" i="1"/>
  <c r="G5217" i="1"/>
  <c r="G5218" i="1"/>
  <c r="G5219" i="1"/>
  <c r="G5220" i="1"/>
  <c r="G5221" i="1"/>
  <c r="G5222" i="1"/>
  <c r="G5223" i="1"/>
  <c r="G5224" i="1"/>
  <c r="G5225" i="1"/>
  <c r="G5226" i="1"/>
  <c r="G5227" i="1"/>
  <c r="G5228" i="1"/>
  <c r="G5229" i="1"/>
  <c r="G5230" i="1"/>
  <c r="G5231" i="1"/>
  <c r="G5232" i="1"/>
  <c r="G5233" i="1"/>
  <c r="G5234" i="1"/>
  <c r="G5235" i="1"/>
  <c r="G5236" i="1"/>
  <c r="G5237" i="1"/>
  <c r="G5238" i="1"/>
  <c r="G5239" i="1"/>
  <c r="G5240" i="1"/>
  <c r="G5241" i="1"/>
  <c r="G5242" i="1"/>
  <c r="G5243" i="1"/>
  <c r="G5244" i="1"/>
  <c r="G5245" i="1"/>
  <c r="G5246" i="1"/>
  <c r="G5247" i="1"/>
  <c r="G5248" i="1"/>
  <c r="G5249" i="1"/>
  <c r="G5250" i="1"/>
  <c r="G5251" i="1"/>
  <c r="G5252" i="1"/>
  <c r="G5253" i="1"/>
  <c r="G5254" i="1"/>
  <c r="G5255" i="1"/>
  <c r="G5256" i="1"/>
  <c r="G5257" i="1"/>
  <c r="G5258" i="1"/>
  <c r="G5259" i="1"/>
  <c r="G5260" i="1"/>
  <c r="G5261" i="1"/>
  <c r="G5262" i="1"/>
  <c r="G5263" i="1"/>
  <c r="G5264" i="1"/>
  <c r="G5265" i="1"/>
  <c r="G5266" i="1"/>
  <c r="G5267" i="1"/>
  <c r="G5268" i="1"/>
  <c r="G5269" i="1"/>
  <c r="G5270" i="1"/>
  <c r="G5271" i="1"/>
  <c r="G5272" i="1"/>
  <c r="G5273" i="1"/>
  <c r="G5274" i="1"/>
  <c r="G5275" i="1"/>
  <c r="G5276" i="1"/>
  <c r="G5277" i="1"/>
  <c r="G5278" i="1"/>
  <c r="G5279" i="1"/>
  <c r="G5280" i="1"/>
  <c r="G5281" i="1"/>
  <c r="G5282" i="1"/>
  <c r="G5283" i="1"/>
  <c r="G5284" i="1"/>
  <c r="G5285" i="1"/>
  <c r="G5286" i="1"/>
  <c r="G5287" i="1"/>
  <c r="G5288" i="1"/>
  <c r="G5289" i="1"/>
  <c r="G5290" i="1"/>
  <c r="G5291" i="1"/>
  <c r="G5292" i="1"/>
  <c r="G5293" i="1"/>
  <c r="G5294" i="1"/>
  <c r="G5295" i="1"/>
  <c r="G5296" i="1"/>
  <c r="G5297" i="1"/>
  <c r="G5298" i="1"/>
  <c r="G5299" i="1"/>
  <c r="G5300" i="1"/>
  <c r="G5301" i="1"/>
  <c r="G5302" i="1"/>
  <c r="G5303" i="1"/>
  <c r="G5304" i="1"/>
  <c r="G5305" i="1"/>
  <c r="G5306" i="1"/>
  <c r="G5307" i="1"/>
  <c r="G5308" i="1"/>
  <c r="G5309" i="1"/>
  <c r="G5310" i="1"/>
  <c r="G5311" i="1"/>
  <c r="G5312" i="1"/>
  <c r="G5313" i="1"/>
  <c r="G5314" i="1"/>
  <c r="G5315" i="1"/>
  <c r="G5316" i="1"/>
  <c r="G5317" i="1"/>
  <c r="G5318" i="1"/>
  <c r="G5319" i="1"/>
  <c r="G5320" i="1"/>
  <c r="G5321" i="1"/>
  <c r="G5322" i="1"/>
  <c r="G5323" i="1"/>
  <c r="G5324" i="1"/>
  <c r="G5325" i="1"/>
  <c r="G5326" i="1"/>
  <c r="G5327" i="1"/>
  <c r="G5328" i="1"/>
  <c r="G5329" i="1"/>
  <c r="G5330" i="1"/>
  <c r="G5331" i="1"/>
  <c r="G5332" i="1"/>
  <c r="G5333" i="1"/>
  <c r="G5334" i="1"/>
  <c r="G5335" i="1"/>
  <c r="G5336" i="1"/>
  <c r="G5337" i="1"/>
  <c r="G5338" i="1"/>
  <c r="G5339" i="1"/>
  <c r="G5340" i="1"/>
  <c r="G5341" i="1"/>
  <c r="G5342" i="1"/>
  <c r="G5343" i="1"/>
  <c r="G5344" i="1"/>
  <c r="G5345" i="1"/>
  <c r="G5346" i="1"/>
  <c r="G5347" i="1"/>
  <c r="G5348" i="1"/>
  <c r="G5349" i="1"/>
  <c r="G5350" i="1"/>
  <c r="G5351" i="1"/>
  <c r="G5352" i="1"/>
  <c r="G5353" i="1"/>
  <c r="G5354" i="1"/>
  <c r="G5355" i="1"/>
  <c r="G5356" i="1"/>
  <c r="G5357" i="1"/>
  <c r="G5358" i="1"/>
  <c r="G5359" i="1"/>
  <c r="G5360" i="1"/>
  <c r="G5361" i="1"/>
  <c r="G5362" i="1"/>
  <c r="G5363" i="1"/>
  <c r="G5364" i="1"/>
  <c r="G5365" i="1"/>
  <c r="G5366" i="1"/>
  <c r="G5367" i="1"/>
  <c r="G5368" i="1"/>
  <c r="G5369" i="1"/>
  <c r="G5370" i="1"/>
  <c r="G5371" i="1"/>
  <c r="G5372" i="1"/>
  <c r="G5373" i="1"/>
  <c r="G5374" i="1"/>
  <c r="G5375" i="1"/>
  <c r="G5376" i="1"/>
  <c r="G5377" i="1"/>
  <c r="G5378" i="1"/>
  <c r="G5379" i="1"/>
  <c r="G5380" i="1"/>
  <c r="G5381" i="1"/>
  <c r="G5382" i="1"/>
  <c r="G5383" i="1"/>
  <c r="G5384" i="1"/>
  <c r="G5385" i="1"/>
  <c r="G5386" i="1"/>
  <c r="G5387" i="1"/>
  <c r="G5388" i="1"/>
  <c r="G5389" i="1"/>
  <c r="G5390" i="1"/>
  <c r="G5391" i="1"/>
  <c r="G5392" i="1"/>
  <c r="G5393" i="1"/>
  <c r="G5394" i="1"/>
  <c r="G5395" i="1"/>
  <c r="G5396" i="1"/>
  <c r="G5397" i="1"/>
  <c r="G5398" i="1"/>
  <c r="G5399" i="1"/>
  <c r="G5400" i="1"/>
  <c r="G5401" i="1"/>
  <c r="G5402" i="1"/>
  <c r="G5403" i="1"/>
  <c r="G5404" i="1"/>
  <c r="G5405" i="1"/>
  <c r="G5406" i="1"/>
  <c r="G5407" i="1"/>
  <c r="G5408" i="1"/>
  <c r="G5409" i="1"/>
  <c r="G5410" i="1"/>
  <c r="G5411" i="1"/>
  <c r="G5412" i="1"/>
  <c r="G5413" i="1"/>
  <c r="G5414" i="1"/>
  <c r="G5415" i="1"/>
  <c r="G5416" i="1"/>
  <c r="G5417" i="1"/>
  <c r="G5418" i="1"/>
  <c r="G5419" i="1"/>
  <c r="G5420" i="1"/>
  <c r="G5421" i="1"/>
  <c r="G5422" i="1"/>
  <c r="G5423" i="1"/>
  <c r="G5424" i="1"/>
  <c r="G5425" i="1"/>
  <c r="G5426" i="1"/>
  <c r="G5427" i="1"/>
  <c r="G5428" i="1"/>
  <c r="G5429" i="1"/>
  <c r="G5430" i="1"/>
  <c r="G5431" i="1"/>
  <c r="G5432" i="1"/>
  <c r="G5433" i="1"/>
  <c r="G5434" i="1"/>
  <c r="G5435" i="1"/>
  <c r="G5436" i="1"/>
  <c r="G5437" i="1"/>
  <c r="G5438" i="1"/>
  <c r="G5439" i="1"/>
  <c r="G5440" i="1"/>
  <c r="G5441" i="1"/>
  <c r="G5442" i="1"/>
  <c r="G5443" i="1"/>
  <c r="G5444" i="1"/>
  <c r="G5445" i="1"/>
  <c r="G5446" i="1"/>
  <c r="G5447" i="1"/>
  <c r="G5448" i="1"/>
  <c r="G5449" i="1"/>
  <c r="G5450" i="1"/>
  <c r="G5451" i="1"/>
  <c r="G5452" i="1"/>
  <c r="G5453" i="1"/>
  <c r="G5454" i="1"/>
  <c r="G5455" i="1"/>
  <c r="G5456" i="1"/>
  <c r="G5457" i="1"/>
  <c r="G5458" i="1"/>
  <c r="G5459" i="1"/>
  <c r="G5460" i="1"/>
  <c r="G5461" i="1"/>
  <c r="G5462" i="1"/>
  <c r="G5463" i="1"/>
  <c r="G5464" i="1"/>
  <c r="G5465" i="1"/>
  <c r="G5466" i="1"/>
  <c r="G5467" i="1"/>
  <c r="G5468" i="1"/>
  <c r="G5469" i="1"/>
  <c r="G5470" i="1"/>
  <c r="G5471" i="1"/>
  <c r="G5472" i="1"/>
  <c r="G5473" i="1"/>
  <c r="G5474" i="1"/>
  <c r="G5475" i="1"/>
  <c r="G5476" i="1"/>
  <c r="G5477" i="1"/>
  <c r="G5478" i="1"/>
  <c r="G5479" i="1"/>
  <c r="G5480" i="1"/>
  <c r="G5481" i="1"/>
  <c r="G5482" i="1"/>
  <c r="G5483" i="1"/>
  <c r="G5484" i="1"/>
  <c r="G5485" i="1"/>
  <c r="G5486" i="1"/>
  <c r="G5487" i="1"/>
  <c r="G5488" i="1"/>
  <c r="G5489" i="1"/>
  <c r="G5490" i="1"/>
  <c r="G5491" i="1"/>
  <c r="G5492" i="1"/>
  <c r="G5493" i="1"/>
  <c r="G5494" i="1"/>
  <c r="G5495" i="1"/>
  <c r="G5496" i="1"/>
  <c r="G5497" i="1"/>
  <c r="G5498" i="1"/>
  <c r="G5499" i="1"/>
  <c r="G5500" i="1"/>
  <c r="G5501" i="1"/>
  <c r="G5502" i="1"/>
  <c r="G5503" i="1"/>
  <c r="G5504" i="1"/>
  <c r="G5505" i="1"/>
  <c r="G5506" i="1"/>
  <c r="G5507" i="1"/>
  <c r="G5508" i="1"/>
  <c r="G5509" i="1"/>
  <c r="G5510" i="1"/>
  <c r="G5511" i="1"/>
  <c r="G5512" i="1"/>
  <c r="G5513" i="1"/>
  <c r="G5514" i="1"/>
  <c r="G5515" i="1"/>
  <c r="G5516" i="1"/>
  <c r="G5517" i="1"/>
  <c r="G5518" i="1"/>
  <c r="G5519" i="1"/>
  <c r="G5520" i="1"/>
  <c r="G5521" i="1"/>
  <c r="G5522" i="1"/>
  <c r="G5523" i="1"/>
  <c r="G5524" i="1"/>
  <c r="G5525" i="1"/>
  <c r="G5526" i="1"/>
  <c r="G5527" i="1"/>
  <c r="G5528" i="1"/>
  <c r="G5529" i="1"/>
  <c r="G5530" i="1"/>
  <c r="G5531" i="1"/>
  <c r="G5532" i="1"/>
  <c r="G5533" i="1"/>
  <c r="G5534" i="1"/>
  <c r="G5535" i="1"/>
  <c r="G5536" i="1"/>
  <c r="G5537" i="1"/>
  <c r="G5538" i="1"/>
  <c r="G5539" i="1"/>
  <c r="G5540" i="1"/>
  <c r="G5541" i="1"/>
  <c r="G5542" i="1"/>
  <c r="G5543" i="1"/>
  <c r="G5544" i="1"/>
  <c r="G5545" i="1"/>
  <c r="G5546" i="1"/>
  <c r="G5547" i="1"/>
  <c r="G5548" i="1"/>
  <c r="G5549" i="1"/>
  <c r="G5550" i="1"/>
  <c r="G5551" i="1"/>
  <c r="G5552" i="1"/>
  <c r="G5553" i="1"/>
  <c r="G5554" i="1"/>
  <c r="G5555" i="1"/>
  <c r="G5556" i="1"/>
  <c r="G5557" i="1"/>
  <c r="G5558" i="1"/>
  <c r="G5559" i="1"/>
  <c r="G5560" i="1"/>
  <c r="G5561" i="1"/>
  <c r="G5562" i="1"/>
  <c r="G5563" i="1"/>
  <c r="G5564" i="1"/>
  <c r="G5565" i="1"/>
  <c r="G5566" i="1"/>
  <c r="G5567" i="1"/>
  <c r="G5568" i="1"/>
  <c r="G5569" i="1"/>
  <c r="G5570" i="1"/>
  <c r="G5571" i="1"/>
  <c r="G5572" i="1"/>
  <c r="G5573" i="1"/>
  <c r="G5574" i="1"/>
  <c r="G5575" i="1"/>
  <c r="G5576" i="1"/>
  <c r="G5577" i="1"/>
  <c r="G5578" i="1"/>
  <c r="G5579" i="1"/>
  <c r="G5580" i="1"/>
  <c r="G5581" i="1"/>
  <c r="G5582" i="1"/>
  <c r="G5583" i="1"/>
  <c r="G5584" i="1"/>
  <c r="G5585" i="1"/>
  <c r="G5586" i="1"/>
  <c r="G5587" i="1"/>
  <c r="G5588" i="1"/>
  <c r="G5589" i="1"/>
  <c r="G5590" i="1"/>
  <c r="G5591" i="1"/>
  <c r="G5592" i="1"/>
  <c r="G5593" i="1"/>
  <c r="G5594" i="1"/>
  <c r="G5595" i="1"/>
  <c r="G5596" i="1"/>
  <c r="G5597" i="1"/>
  <c r="G5598" i="1"/>
  <c r="G5599" i="1"/>
  <c r="G5600" i="1"/>
  <c r="G5601" i="1"/>
  <c r="G5602" i="1"/>
  <c r="G5603" i="1"/>
  <c r="G5604" i="1"/>
  <c r="G5605" i="1"/>
  <c r="G5606" i="1"/>
  <c r="G5607" i="1"/>
  <c r="G5608" i="1"/>
  <c r="G5609" i="1"/>
  <c r="G5610" i="1"/>
  <c r="G5611" i="1"/>
  <c r="G5612" i="1"/>
  <c r="G5613" i="1"/>
  <c r="G5614" i="1"/>
  <c r="G5615" i="1"/>
  <c r="G5616" i="1"/>
  <c r="G5617" i="1"/>
  <c r="G5618" i="1"/>
  <c r="G5619" i="1"/>
  <c r="G5620" i="1"/>
  <c r="G5621" i="1"/>
  <c r="G5622" i="1"/>
  <c r="G5623" i="1"/>
  <c r="G5624" i="1"/>
  <c r="G5625" i="1"/>
  <c r="G5626" i="1"/>
  <c r="G5627" i="1"/>
  <c r="G5628" i="1"/>
  <c r="G5629" i="1"/>
  <c r="G5630" i="1"/>
  <c r="G5631" i="1"/>
  <c r="G5632" i="1"/>
  <c r="G5633" i="1"/>
  <c r="G5634" i="1"/>
  <c r="G5635" i="1"/>
  <c r="G5636" i="1"/>
  <c r="G5637" i="1"/>
  <c r="G5638" i="1"/>
  <c r="G5639" i="1"/>
  <c r="G5640" i="1"/>
  <c r="G5641" i="1"/>
  <c r="G5642" i="1"/>
  <c r="G5643" i="1"/>
  <c r="G5644" i="1"/>
  <c r="G5645" i="1"/>
  <c r="G5646" i="1"/>
  <c r="G5647" i="1"/>
  <c r="G5648" i="1"/>
  <c r="G5649" i="1"/>
  <c r="G5650" i="1"/>
  <c r="G5651" i="1"/>
  <c r="G5652" i="1"/>
  <c r="G5653" i="1"/>
  <c r="G5654" i="1"/>
  <c r="G5655" i="1"/>
  <c r="G5656" i="1"/>
  <c r="G5657" i="1"/>
  <c r="G5658" i="1"/>
  <c r="G5659" i="1"/>
  <c r="G5660" i="1"/>
  <c r="G5661" i="1"/>
  <c r="G5662" i="1"/>
  <c r="G5663" i="1"/>
  <c r="G5664" i="1"/>
  <c r="G5665" i="1"/>
  <c r="G5666" i="1"/>
  <c r="G5667" i="1"/>
  <c r="G5668" i="1"/>
  <c r="G5669" i="1"/>
  <c r="G5670" i="1"/>
  <c r="G5671" i="1"/>
  <c r="G5672" i="1"/>
  <c r="G5673" i="1"/>
  <c r="G5674" i="1"/>
  <c r="G5675" i="1"/>
  <c r="G5676" i="1"/>
  <c r="G5677" i="1"/>
  <c r="G5678" i="1"/>
  <c r="G5679" i="1"/>
  <c r="G5680" i="1"/>
  <c r="G5681" i="1"/>
  <c r="G5682" i="1"/>
  <c r="G5683" i="1"/>
  <c r="G5684" i="1"/>
  <c r="G5685" i="1"/>
  <c r="G5686" i="1"/>
  <c r="G5687" i="1"/>
  <c r="G5688" i="1"/>
  <c r="G5689" i="1"/>
  <c r="G5690" i="1"/>
  <c r="G5691" i="1"/>
  <c r="G5692" i="1"/>
  <c r="G5693" i="1"/>
  <c r="G5694" i="1"/>
  <c r="G5695" i="1"/>
  <c r="G5696" i="1"/>
  <c r="G5697" i="1"/>
  <c r="G5698" i="1"/>
  <c r="G5699" i="1"/>
  <c r="G5700" i="1"/>
  <c r="G5701" i="1"/>
  <c r="G5702" i="1"/>
  <c r="G5703" i="1"/>
  <c r="G5704" i="1"/>
  <c r="G5705" i="1"/>
  <c r="G5706" i="1"/>
  <c r="G5707" i="1"/>
  <c r="G5708" i="1"/>
  <c r="G5709" i="1"/>
  <c r="G5710" i="1"/>
  <c r="G5711" i="1"/>
  <c r="G5712" i="1"/>
  <c r="G5713" i="1"/>
  <c r="G5714" i="1"/>
  <c r="G5715" i="1"/>
  <c r="G5716" i="1"/>
  <c r="G5717" i="1"/>
  <c r="G5718" i="1"/>
  <c r="G5719" i="1"/>
  <c r="G5720" i="1"/>
  <c r="G5721" i="1"/>
  <c r="G5722" i="1"/>
  <c r="G5723" i="1"/>
  <c r="G5724" i="1"/>
  <c r="G5725" i="1"/>
  <c r="G5726" i="1"/>
  <c r="G5727" i="1"/>
  <c r="G5728" i="1"/>
  <c r="G5729" i="1"/>
  <c r="G5730" i="1"/>
  <c r="G5731" i="1"/>
  <c r="G5732" i="1"/>
  <c r="G5733" i="1"/>
  <c r="G5734" i="1"/>
  <c r="G5735" i="1"/>
  <c r="G5736" i="1"/>
  <c r="G5737" i="1"/>
  <c r="G5738" i="1"/>
  <c r="G5739" i="1"/>
  <c r="G5740" i="1"/>
  <c r="G5741" i="1"/>
  <c r="G5742" i="1"/>
  <c r="G5743" i="1"/>
  <c r="G5744" i="1"/>
  <c r="G5745" i="1"/>
  <c r="G5746" i="1"/>
  <c r="G5747" i="1"/>
  <c r="G5748" i="1"/>
  <c r="G5749" i="1"/>
  <c r="G5750" i="1"/>
  <c r="G5751" i="1"/>
  <c r="G5752" i="1"/>
  <c r="G5753" i="1"/>
  <c r="G5754" i="1"/>
  <c r="G5755" i="1"/>
  <c r="G5756" i="1"/>
  <c r="G5757" i="1"/>
  <c r="G5758" i="1"/>
  <c r="G5759" i="1"/>
  <c r="G5760" i="1"/>
  <c r="G5761" i="1"/>
  <c r="G5762" i="1"/>
  <c r="G5763" i="1"/>
  <c r="G5764" i="1"/>
  <c r="G5765" i="1"/>
  <c r="G5766" i="1"/>
  <c r="G5767" i="1"/>
  <c r="G5768" i="1"/>
  <c r="G5769" i="1"/>
  <c r="G5770" i="1"/>
  <c r="G5771" i="1"/>
  <c r="G5772" i="1"/>
  <c r="G5773" i="1"/>
  <c r="G5774" i="1"/>
  <c r="G5775" i="1"/>
  <c r="G5776" i="1"/>
  <c r="G5777" i="1"/>
  <c r="G5778" i="1"/>
  <c r="G5779" i="1"/>
  <c r="G5780" i="1"/>
  <c r="G5781" i="1"/>
  <c r="G5782" i="1"/>
  <c r="G5783" i="1"/>
  <c r="G5784" i="1"/>
  <c r="G5785" i="1"/>
  <c r="G5786" i="1"/>
  <c r="G5787" i="1"/>
  <c r="G5788" i="1"/>
  <c r="G5789" i="1"/>
  <c r="G5790" i="1"/>
  <c r="G5791" i="1"/>
  <c r="G5792" i="1"/>
  <c r="G5793" i="1"/>
  <c r="G5794" i="1"/>
  <c r="G5795" i="1"/>
  <c r="G5796" i="1"/>
  <c r="G5797" i="1"/>
  <c r="G5798" i="1"/>
  <c r="G5799" i="1"/>
  <c r="G5800" i="1"/>
  <c r="G5801" i="1"/>
  <c r="G5802" i="1"/>
  <c r="G5803" i="1"/>
  <c r="G5804" i="1"/>
  <c r="G5805" i="1"/>
  <c r="G5806" i="1"/>
  <c r="G5807" i="1"/>
  <c r="G5808" i="1"/>
  <c r="G5809" i="1"/>
  <c r="G5810" i="1"/>
  <c r="G5811" i="1"/>
  <c r="G5812" i="1"/>
  <c r="G5813" i="1"/>
  <c r="G5814" i="1"/>
  <c r="G5815" i="1"/>
  <c r="G5816" i="1"/>
  <c r="G5817" i="1"/>
  <c r="G5818" i="1"/>
  <c r="G5819" i="1"/>
  <c r="G5820" i="1"/>
  <c r="G5821" i="1"/>
  <c r="G5822" i="1"/>
  <c r="G5823" i="1"/>
  <c r="G5824" i="1"/>
  <c r="G5825" i="1"/>
  <c r="G5826" i="1"/>
  <c r="G5827" i="1"/>
  <c r="G5828" i="1"/>
  <c r="G5829" i="1"/>
  <c r="G5830" i="1"/>
  <c r="G5831" i="1"/>
  <c r="G5832" i="1"/>
  <c r="G5833" i="1"/>
  <c r="G5834" i="1"/>
  <c r="G5835" i="1"/>
  <c r="G5836" i="1"/>
  <c r="G5837" i="1"/>
  <c r="G5838" i="1"/>
  <c r="G5839" i="1"/>
  <c r="G5840" i="1"/>
  <c r="G5841" i="1"/>
  <c r="G5842" i="1"/>
  <c r="G5843" i="1"/>
  <c r="G5844" i="1"/>
  <c r="G5845" i="1"/>
  <c r="G5846" i="1"/>
  <c r="G5847" i="1"/>
  <c r="G5848" i="1"/>
  <c r="G5849" i="1"/>
  <c r="G5850" i="1"/>
  <c r="G5851" i="1"/>
  <c r="G5852" i="1"/>
  <c r="G5853" i="1"/>
  <c r="G5854" i="1"/>
  <c r="G5855" i="1"/>
  <c r="G5856" i="1"/>
  <c r="G5857" i="1"/>
  <c r="G5858" i="1"/>
  <c r="G5859" i="1"/>
  <c r="G5860" i="1"/>
  <c r="G5861" i="1"/>
  <c r="G5862" i="1"/>
  <c r="G5863" i="1"/>
  <c r="G5864" i="1"/>
  <c r="G5865" i="1"/>
  <c r="G5866" i="1"/>
  <c r="G5867" i="1"/>
  <c r="G5868" i="1"/>
  <c r="G5869" i="1"/>
  <c r="G5870" i="1"/>
  <c r="G5871" i="1"/>
  <c r="G5872" i="1"/>
  <c r="G5873" i="1"/>
  <c r="G5874" i="1"/>
  <c r="G5875" i="1"/>
  <c r="G5876" i="1"/>
  <c r="G5877" i="1"/>
  <c r="G5878" i="1"/>
  <c r="G5879" i="1"/>
  <c r="G5880" i="1"/>
  <c r="G5881" i="1"/>
  <c r="G5882" i="1"/>
  <c r="G5883" i="1"/>
  <c r="G5884" i="1"/>
  <c r="G5885" i="1"/>
  <c r="G5886" i="1"/>
  <c r="G5887" i="1"/>
  <c r="G5888" i="1"/>
  <c r="G5889" i="1"/>
  <c r="G5890" i="1"/>
  <c r="G5891" i="1"/>
  <c r="G5892" i="1"/>
  <c r="G5893" i="1"/>
  <c r="G5894" i="1"/>
  <c r="G5895" i="1"/>
  <c r="G5896" i="1"/>
  <c r="G5897" i="1"/>
  <c r="G5898" i="1"/>
  <c r="G5899" i="1"/>
  <c r="G5900" i="1"/>
  <c r="G5901" i="1"/>
  <c r="G5902" i="1"/>
  <c r="G5903" i="1"/>
  <c r="G5904" i="1"/>
  <c r="G5905" i="1"/>
  <c r="G5906" i="1"/>
  <c r="G5907" i="1"/>
  <c r="G5908" i="1"/>
  <c r="G5909" i="1"/>
  <c r="G5910" i="1"/>
  <c r="G5911" i="1"/>
  <c r="G5912" i="1"/>
  <c r="G5913" i="1"/>
  <c r="G5914" i="1"/>
  <c r="G5915" i="1"/>
  <c r="G5916" i="1"/>
  <c r="G5917" i="1"/>
  <c r="G5918" i="1"/>
  <c r="G5919" i="1"/>
  <c r="G5920" i="1"/>
  <c r="G5921" i="1"/>
  <c r="G5922" i="1"/>
  <c r="G5923" i="1"/>
  <c r="G5924" i="1"/>
  <c r="G5925" i="1"/>
  <c r="G5926" i="1"/>
  <c r="G5927" i="1"/>
  <c r="G5928" i="1"/>
  <c r="G5929" i="1"/>
  <c r="G5930" i="1"/>
  <c r="G5931" i="1"/>
  <c r="G5932" i="1"/>
  <c r="G5933" i="1"/>
  <c r="G5934" i="1"/>
  <c r="G5935" i="1"/>
  <c r="G5936" i="1"/>
  <c r="G5937" i="1"/>
  <c r="G5938" i="1"/>
  <c r="G5939" i="1"/>
  <c r="G5940" i="1"/>
  <c r="G5941" i="1"/>
  <c r="G5942" i="1"/>
  <c r="G5943" i="1"/>
  <c r="G5944" i="1"/>
  <c r="G5945" i="1"/>
  <c r="G5946" i="1"/>
  <c r="G5947" i="1"/>
  <c r="G5948" i="1"/>
  <c r="G5949" i="1"/>
  <c r="G5950" i="1"/>
  <c r="G5951" i="1"/>
  <c r="G5952" i="1"/>
  <c r="G5953" i="1"/>
  <c r="G5954" i="1"/>
  <c r="G5955" i="1"/>
  <c r="G5956" i="1"/>
  <c r="G5957" i="1"/>
  <c r="G5958" i="1"/>
  <c r="G5959" i="1"/>
  <c r="G5960" i="1"/>
  <c r="G5961" i="1"/>
  <c r="G5962" i="1"/>
  <c r="G5963" i="1"/>
  <c r="G5964" i="1"/>
  <c r="G5965" i="1"/>
  <c r="G5966" i="1"/>
  <c r="G5967" i="1"/>
  <c r="G5968" i="1"/>
  <c r="G5969" i="1"/>
  <c r="G5970" i="1"/>
  <c r="G5971" i="1"/>
  <c r="G5972" i="1"/>
  <c r="G5973" i="1"/>
  <c r="G5974" i="1"/>
  <c r="G5975" i="1"/>
  <c r="G5976" i="1"/>
  <c r="G5977" i="1"/>
  <c r="G5978" i="1"/>
  <c r="G5979" i="1"/>
  <c r="G5980" i="1"/>
  <c r="G5981" i="1"/>
  <c r="G5982" i="1"/>
  <c r="G5983" i="1"/>
  <c r="G5984" i="1"/>
  <c r="G5985" i="1"/>
  <c r="G5986" i="1"/>
  <c r="G5987" i="1"/>
  <c r="G5988" i="1"/>
  <c r="G5989" i="1"/>
  <c r="G5990" i="1"/>
  <c r="G5991" i="1"/>
  <c r="G5992" i="1"/>
  <c r="G5993" i="1"/>
  <c r="G5994" i="1"/>
  <c r="G5995" i="1"/>
  <c r="G5996" i="1"/>
  <c r="G5997" i="1"/>
  <c r="G5998" i="1"/>
  <c r="G5999" i="1"/>
  <c r="G6000" i="1"/>
  <c r="G6001" i="1"/>
  <c r="G6002" i="1"/>
  <c r="G6003" i="1"/>
  <c r="G6004" i="1"/>
  <c r="G6005" i="1"/>
  <c r="G6006" i="1"/>
  <c r="G6007" i="1"/>
  <c r="G6008" i="1"/>
  <c r="G6009" i="1"/>
  <c r="G6010" i="1"/>
  <c r="G6011" i="1"/>
  <c r="G6012" i="1"/>
  <c r="G6013" i="1"/>
  <c r="G6014" i="1"/>
  <c r="G6015" i="1"/>
  <c r="G6016" i="1"/>
  <c r="G6017" i="1"/>
  <c r="G6018" i="1"/>
  <c r="G6019" i="1"/>
  <c r="G6020" i="1"/>
  <c r="G6021" i="1"/>
  <c r="G6022" i="1"/>
  <c r="G6023" i="1"/>
  <c r="G6024" i="1"/>
  <c r="G6025" i="1"/>
  <c r="G6026" i="1"/>
  <c r="G6027" i="1"/>
  <c r="G6028" i="1"/>
  <c r="G6029" i="1"/>
  <c r="G6030" i="1"/>
  <c r="G6031" i="1"/>
  <c r="G6032" i="1"/>
  <c r="G6033" i="1"/>
  <c r="G6034" i="1"/>
  <c r="G6035" i="1"/>
  <c r="G6036" i="1"/>
  <c r="G6037" i="1"/>
  <c r="G6038" i="1"/>
  <c r="G6039" i="1"/>
  <c r="G6040" i="1"/>
  <c r="G6041" i="1"/>
  <c r="G6042" i="1"/>
  <c r="G6043" i="1"/>
  <c r="G6044" i="1"/>
  <c r="G6045" i="1"/>
  <c r="G6046" i="1"/>
  <c r="G6047" i="1"/>
  <c r="G6048" i="1"/>
  <c r="G6049" i="1"/>
  <c r="G6050" i="1"/>
  <c r="G6051" i="1"/>
  <c r="G6052" i="1"/>
  <c r="G6053" i="1"/>
  <c r="G6054" i="1"/>
  <c r="G6055" i="1"/>
  <c r="G6056" i="1"/>
  <c r="G6057" i="1"/>
  <c r="G6058" i="1"/>
  <c r="G6059" i="1"/>
  <c r="G6060" i="1"/>
  <c r="G6061" i="1"/>
  <c r="G6062" i="1"/>
  <c r="G6063" i="1"/>
  <c r="G6064" i="1"/>
  <c r="G6065" i="1"/>
  <c r="G6066" i="1"/>
  <c r="G6067" i="1"/>
  <c r="G6068" i="1"/>
  <c r="G6069" i="1"/>
  <c r="G6070" i="1"/>
  <c r="G6071" i="1"/>
  <c r="G6072" i="1"/>
  <c r="G6073" i="1"/>
  <c r="G6074" i="1"/>
  <c r="G6075" i="1"/>
  <c r="G6076" i="1"/>
  <c r="G6077" i="1"/>
  <c r="G6078" i="1"/>
  <c r="G6079" i="1"/>
  <c r="G6080" i="1"/>
  <c r="G6081" i="1"/>
  <c r="G6082" i="1"/>
  <c r="G6083" i="1"/>
  <c r="G6084" i="1"/>
  <c r="G6085" i="1"/>
  <c r="G6086" i="1"/>
  <c r="G6087" i="1"/>
  <c r="G6088" i="1"/>
  <c r="G6089" i="1"/>
  <c r="G6090" i="1"/>
  <c r="G6091" i="1"/>
  <c r="G6092" i="1"/>
  <c r="G6093" i="1"/>
  <c r="G6094" i="1"/>
  <c r="G6095" i="1"/>
  <c r="G6096" i="1"/>
  <c r="G6097" i="1"/>
  <c r="G6098" i="1"/>
  <c r="G6099" i="1"/>
  <c r="G6100" i="1"/>
  <c r="G6101" i="1"/>
  <c r="G6102" i="1"/>
  <c r="G6103" i="1"/>
  <c r="G6104" i="1"/>
  <c r="G6105" i="1"/>
  <c r="G6106" i="1"/>
  <c r="G6107" i="1"/>
  <c r="G6108" i="1"/>
  <c r="G6109" i="1"/>
  <c r="G6110" i="1"/>
  <c r="G6111" i="1"/>
  <c r="G6112" i="1"/>
  <c r="G6113" i="1"/>
  <c r="G6114" i="1"/>
  <c r="G6115" i="1"/>
  <c r="G6116" i="1"/>
  <c r="G6117" i="1"/>
  <c r="G6118" i="1"/>
  <c r="G6119" i="1"/>
  <c r="G6120" i="1"/>
  <c r="G6121" i="1"/>
  <c r="G6122" i="1"/>
  <c r="G6123" i="1"/>
  <c r="G6124" i="1"/>
  <c r="G6125" i="1"/>
  <c r="G6126" i="1"/>
  <c r="G6127" i="1"/>
  <c r="G6128" i="1"/>
  <c r="G6129" i="1"/>
  <c r="G6130" i="1"/>
  <c r="G6131" i="1"/>
  <c r="G6132" i="1"/>
  <c r="G6133" i="1"/>
  <c r="G6134" i="1"/>
  <c r="G6135" i="1"/>
  <c r="G6136" i="1"/>
  <c r="G6137" i="1"/>
  <c r="G6138" i="1"/>
  <c r="G6139" i="1"/>
  <c r="G6140" i="1"/>
  <c r="G6141" i="1"/>
  <c r="G6142" i="1"/>
  <c r="G6143" i="1"/>
  <c r="G6144" i="1"/>
  <c r="G6145" i="1"/>
  <c r="G6146" i="1"/>
  <c r="G6147" i="1"/>
  <c r="G6148" i="1"/>
  <c r="G6149" i="1"/>
  <c r="G6150" i="1"/>
  <c r="G6151" i="1"/>
  <c r="G6152" i="1"/>
  <c r="G6153" i="1"/>
  <c r="G6154" i="1"/>
  <c r="G6155" i="1"/>
  <c r="G6156" i="1"/>
  <c r="G6157" i="1"/>
  <c r="G6158" i="1"/>
  <c r="G6159" i="1"/>
  <c r="G6160" i="1"/>
  <c r="G6161" i="1"/>
  <c r="G6162" i="1"/>
  <c r="G6163" i="1"/>
  <c r="G6164" i="1"/>
  <c r="G6165" i="1"/>
  <c r="G6166" i="1"/>
  <c r="G6167" i="1"/>
  <c r="G6168" i="1"/>
  <c r="G6169" i="1"/>
  <c r="G6170" i="1"/>
  <c r="G6171" i="1"/>
  <c r="G6172" i="1"/>
  <c r="G6173" i="1"/>
  <c r="G6174" i="1"/>
  <c r="G6175" i="1"/>
  <c r="G6176" i="1"/>
  <c r="G6177" i="1"/>
  <c r="G6178" i="1"/>
  <c r="G6179" i="1"/>
  <c r="G6180" i="1"/>
  <c r="G6181" i="1"/>
  <c r="G6182" i="1"/>
  <c r="G6183" i="1"/>
  <c r="G6184" i="1"/>
  <c r="G6185" i="1"/>
  <c r="G6186" i="1"/>
  <c r="G6187" i="1"/>
  <c r="G6188" i="1"/>
  <c r="G6189" i="1"/>
  <c r="G6190" i="1"/>
  <c r="G6191" i="1"/>
  <c r="G6192" i="1"/>
  <c r="G6193" i="1"/>
  <c r="G6194" i="1"/>
  <c r="G6195" i="1"/>
  <c r="G6196" i="1"/>
  <c r="G6197" i="1"/>
  <c r="G6198" i="1"/>
  <c r="G6199" i="1"/>
  <c r="G6200" i="1"/>
  <c r="G6201" i="1"/>
  <c r="G6202" i="1"/>
  <c r="G6203" i="1"/>
  <c r="G6204" i="1"/>
  <c r="G6205" i="1"/>
  <c r="G6206" i="1"/>
  <c r="G6207" i="1"/>
  <c r="G6208" i="1"/>
  <c r="G6209" i="1"/>
  <c r="G6210" i="1"/>
  <c r="G6211" i="1"/>
  <c r="G6212" i="1"/>
  <c r="G6213" i="1"/>
  <c r="G6214" i="1"/>
  <c r="G6215" i="1"/>
  <c r="G6216" i="1"/>
  <c r="G6217" i="1"/>
  <c r="G6218" i="1"/>
  <c r="G6219" i="1"/>
  <c r="G6220" i="1"/>
  <c r="G6221" i="1"/>
  <c r="G6222" i="1"/>
  <c r="G6223" i="1"/>
  <c r="G6224" i="1"/>
  <c r="G6225" i="1"/>
  <c r="G6226" i="1"/>
  <c r="G6227" i="1"/>
  <c r="G6228" i="1"/>
  <c r="G6229" i="1"/>
  <c r="G6230" i="1"/>
  <c r="G6231" i="1"/>
  <c r="G6232" i="1"/>
  <c r="G6233" i="1"/>
  <c r="G6234" i="1"/>
  <c r="G6235" i="1"/>
  <c r="G6236" i="1"/>
  <c r="G6237" i="1"/>
  <c r="G6238" i="1"/>
  <c r="G6239" i="1"/>
  <c r="G6240" i="1"/>
  <c r="G6241" i="1"/>
  <c r="G6242" i="1"/>
  <c r="G6243" i="1"/>
  <c r="G6244" i="1"/>
  <c r="G6245" i="1"/>
  <c r="G6246" i="1"/>
  <c r="G6247" i="1"/>
  <c r="G6248" i="1"/>
  <c r="G6249" i="1"/>
  <c r="G6250" i="1"/>
  <c r="G6251" i="1"/>
  <c r="G6252" i="1"/>
  <c r="G6253" i="1"/>
  <c r="G6254" i="1"/>
  <c r="G6255" i="1"/>
  <c r="G6256" i="1"/>
  <c r="G6257" i="1"/>
  <c r="G6258" i="1"/>
  <c r="G6259" i="1"/>
  <c r="G6260" i="1"/>
  <c r="G6261" i="1"/>
  <c r="G6262" i="1"/>
  <c r="G6263" i="1"/>
  <c r="G6264" i="1"/>
  <c r="G6265" i="1"/>
  <c r="G6266" i="1"/>
  <c r="G6267" i="1"/>
  <c r="G6268" i="1"/>
  <c r="G6269" i="1"/>
  <c r="G6270" i="1"/>
  <c r="G6271" i="1"/>
  <c r="G6272" i="1"/>
  <c r="G6273" i="1"/>
  <c r="G6274" i="1"/>
  <c r="G6275" i="1"/>
  <c r="G6276" i="1"/>
  <c r="G6277" i="1"/>
  <c r="G6278" i="1"/>
  <c r="G6279" i="1"/>
  <c r="G6280" i="1"/>
  <c r="G6281" i="1"/>
  <c r="G6282" i="1"/>
  <c r="G6283" i="1"/>
  <c r="G6284" i="1"/>
  <c r="G6285" i="1"/>
  <c r="G6286" i="1"/>
  <c r="G6287" i="1"/>
  <c r="G6288" i="1"/>
  <c r="G6289" i="1"/>
  <c r="G6290" i="1"/>
  <c r="G6291" i="1"/>
  <c r="G6292" i="1"/>
  <c r="G6293" i="1"/>
  <c r="G6294" i="1"/>
  <c r="G6295" i="1"/>
  <c r="G6296" i="1"/>
  <c r="G6297" i="1"/>
  <c r="G6298" i="1"/>
  <c r="G6299" i="1"/>
  <c r="G6300" i="1"/>
  <c r="G6301" i="1"/>
  <c r="G6302" i="1"/>
  <c r="G6303" i="1"/>
  <c r="G6304" i="1"/>
  <c r="G6305" i="1"/>
  <c r="G6306" i="1"/>
  <c r="G6307" i="1"/>
  <c r="G6308" i="1"/>
  <c r="G6309" i="1"/>
  <c r="G6310" i="1"/>
  <c r="G6311" i="1"/>
  <c r="G6312" i="1"/>
  <c r="G6313" i="1"/>
  <c r="G6314" i="1"/>
  <c r="G6315" i="1"/>
  <c r="G6316" i="1"/>
  <c r="G6317" i="1"/>
  <c r="G6318" i="1"/>
  <c r="G6319" i="1"/>
  <c r="G6320" i="1"/>
  <c r="G6321" i="1"/>
  <c r="G6322" i="1"/>
  <c r="G6323" i="1"/>
  <c r="G6324" i="1"/>
  <c r="G6325" i="1"/>
  <c r="G6326" i="1"/>
  <c r="G6327" i="1"/>
  <c r="G6328" i="1"/>
  <c r="G6329" i="1"/>
  <c r="G6330" i="1"/>
  <c r="G6331" i="1"/>
  <c r="G6332" i="1"/>
  <c r="G6333" i="1"/>
  <c r="G6334" i="1"/>
  <c r="G6335" i="1"/>
  <c r="G6336" i="1"/>
  <c r="G6337" i="1"/>
  <c r="G6338" i="1"/>
  <c r="G6339" i="1"/>
  <c r="G6340" i="1"/>
  <c r="G6341" i="1"/>
  <c r="G6342" i="1"/>
  <c r="G6343" i="1"/>
  <c r="G6344" i="1"/>
  <c r="G6345" i="1"/>
  <c r="G6346" i="1"/>
  <c r="G6347" i="1"/>
  <c r="G6348" i="1"/>
  <c r="G6349" i="1"/>
  <c r="G6350" i="1"/>
  <c r="G6351" i="1"/>
  <c r="G6352" i="1"/>
  <c r="G6353" i="1"/>
  <c r="G6354" i="1"/>
  <c r="G6355" i="1"/>
  <c r="G6356" i="1"/>
  <c r="G6357" i="1"/>
  <c r="G6358" i="1"/>
  <c r="G6359" i="1"/>
  <c r="G6360" i="1"/>
  <c r="G6361" i="1"/>
  <c r="G6362" i="1"/>
  <c r="G6363" i="1"/>
  <c r="G6364" i="1"/>
  <c r="G6365" i="1"/>
  <c r="G6366" i="1"/>
  <c r="G6367" i="1"/>
  <c r="G6368" i="1"/>
  <c r="G6369" i="1"/>
  <c r="G6370" i="1"/>
  <c r="G6371" i="1"/>
  <c r="G6372" i="1"/>
  <c r="G6373" i="1"/>
  <c r="G6374" i="1"/>
  <c r="G6375" i="1"/>
  <c r="G6376" i="1"/>
  <c r="G6377" i="1"/>
  <c r="G6378" i="1"/>
  <c r="G6379" i="1"/>
  <c r="G6380" i="1"/>
  <c r="G6381" i="1"/>
  <c r="G6382" i="1"/>
  <c r="G6383" i="1"/>
  <c r="G6384" i="1"/>
  <c r="G6385" i="1"/>
  <c r="G6386" i="1"/>
  <c r="G6387" i="1"/>
  <c r="G6388" i="1"/>
  <c r="G6389" i="1"/>
  <c r="G6390" i="1"/>
  <c r="G6391" i="1"/>
  <c r="G6392" i="1"/>
  <c r="G6393" i="1"/>
  <c r="G6394" i="1"/>
  <c r="G6395" i="1"/>
  <c r="G6396" i="1"/>
  <c r="G6397" i="1"/>
  <c r="G6398" i="1"/>
  <c r="G6399" i="1"/>
  <c r="G6400" i="1"/>
  <c r="G6401" i="1"/>
  <c r="G6402" i="1"/>
  <c r="G6403" i="1"/>
  <c r="G6404" i="1"/>
  <c r="G6405" i="1"/>
  <c r="G6406" i="1"/>
  <c r="G6407" i="1"/>
  <c r="G6408" i="1"/>
  <c r="G6409" i="1"/>
  <c r="G6410" i="1"/>
  <c r="G6411" i="1"/>
  <c r="G6412" i="1"/>
  <c r="G6413" i="1"/>
  <c r="G6414" i="1"/>
  <c r="G6415" i="1"/>
  <c r="G6416" i="1"/>
  <c r="G6417" i="1"/>
  <c r="G6418" i="1"/>
  <c r="G6419" i="1"/>
  <c r="G6420" i="1"/>
  <c r="G6421" i="1"/>
  <c r="G6422" i="1"/>
  <c r="G6423" i="1"/>
  <c r="G6424" i="1"/>
  <c r="G6425" i="1"/>
  <c r="G6426" i="1"/>
  <c r="G6427" i="1"/>
  <c r="G6428" i="1"/>
  <c r="G6429" i="1"/>
  <c r="G6430" i="1"/>
  <c r="G6431" i="1"/>
  <c r="G6432" i="1"/>
  <c r="G6433" i="1"/>
  <c r="G6434" i="1"/>
  <c r="G6435" i="1"/>
  <c r="G6436" i="1"/>
  <c r="G6437" i="1"/>
  <c r="G6438" i="1"/>
  <c r="G6439" i="1"/>
  <c r="G6440" i="1"/>
  <c r="G6441" i="1"/>
  <c r="G6442" i="1"/>
  <c r="G6443" i="1"/>
  <c r="G6444" i="1"/>
  <c r="G6445" i="1"/>
  <c r="G6446" i="1"/>
  <c r="G6447" i="1"/>
  <c r="G6448" i="1"/>
  <c r="G6449" i="1"/>
  <c r="G6450" i="1"/>
  <c r="G6451" i="1"/>
  <c r="G6452" i="1"/>
  <c r="G6453" i="1"/>
  <c r="G6454" i="1"/>
  <c r="G6455" i="1"/>
  <c r="G6456" i="1"/>
  <c r="G6457" i="1"/>
  <c r="G6458" i="1"/>
  <c r="G6459" i="1"/>
  <c r="G6460" i="1"/>
  <c r="G6461" i="1"/>
  <c r="G6462" i="1"/>
  <c r="G6463" i="1"/>
  <c r="G6464" i="1"/>
  <c r="G6465" i="1"/>
  <c r="G6466" i="1"/>
  <c r="G6467" i="1"/>
  <c r="G6468" i="1"/>
  <c r="G6469" i="1"/>
  <c r="G6470" i="1"/>
  <c r="G6471" i="1"/>
  <c r="G6472" i="1"/>
  <c r="G6473" i="1"/>
  <c r="G6474" i="1"/>
  <c r="G6475" i="1"/>
  <c r="G6476" i="1"/>
  <c r="G6477" i="1"/>
  <c r="G6478" i="1"/>
  <c r="G6479" i="1"/>
  <c r="G6480" i="1"/>
  <c r="G6481" i="1"/>
  <c r="G6482" i="1"/>
  <c r="G6483" i="1"/>
  <c r="G6484" i="1"/>
  <c r="G6485" i="1"/>
  <c r="G6486" i="1"/>
  <c r="G6487" i="1"/>
  <c r="G6488" i="1"/>
  <c r="G6489" i="1"/>
  <c r="G6490" i="1"/>
  <c r="G6491" i="1"/>
  <c r="G6492" i="1"/>
  <c r="G6493" i="1"/>
  <c r="G6494" i="1"/>
  <c r="G6495" i="1"/>
  <c r="G6496" i="1"/>
  <c r="G6497" i="1"/>
  <c r="G6498" i="1"/>
  <c r="G6499" i="1"/>
  <c r="G6500" i="1"/>
  <c r="G6501" i="1"/>
  <c r="G6502" i="1"/>
  <c r="G6503" i="1"/>
  <c r="G6504" i="1"/>
  <c r="G6505" i="1"/>
  <c r="G6506" i="1"/>
  <c r="G6507" i="1"/>
  <c r="G6508" i="1"/>
  <c r="G6509" i="1"/>
  <c r="G6510" i="1"/>
  <c r="G6511" i="1"/>
  <c r="G6512" i="1"/>
  <c r="G6513" i="1"/>
  <c r="G6514" i="1"/>
  <c r="G6515" i="1"/>
  <c r="G6516" i="1"/>
  <c r="G6517" i="1"/>
  <c r="G6518" i="1"/>
  <c r="G6519" i="1"/>
  <c r="G6520" i="1"/>
  <c r="G6521" i="1"/>
  <c r="G6522" i="1"/>
  <c r="G6523" i="1"/>
  <c r="G6524" i="1"/>
  <c r="G6525" i="1"/>
  <c r="G6526" i="1"/>
  <c r="G6527" i="1"/>
  <c r="G6528" i="1"/>
  <c r="G6529" i="1"/>
  <c r="G6530" i="1"/>
  <c r="G6531" i="1"/>
  <c r="G6532" i="1"/>
  <c r="G6533" i="1"/>
  <c r="G6534" i="1"/>
  <c r="G6535" i="1"/>
  <c r="G6536" i="1"/>
  <c r="G6537" i="1"/>
  <c r="G6538" i="1"/>
  <c r="G6539" i="1"/>
  <c r="G6540" i="1"/>
  <c r="G6541" i="1"/>
  <c r="G6542" i="1"/>
  <c r="G6543" i="1"/>
  <c r="G6544" i="1"/>
  <c r="G6545" i="1"/>
  <c r="G6546" i="1"/>
  <c r="G6547" i="1"/>
  <c r="G6548" i="1"/>
  <c r="G6549" i="1"/>
  <c r="G6550" i="1"/>
  <c r="G6551" i="1"/>
  <c r="G6552" i="1"/>
  <c r="G6553" i="1"/>
  <c r="G6554" i="1"/>
  <c r="G6555" i="1"/>
  <c r="G6556" i="1"/>
  <c r="G6557" i="1"/>
  <c r="G6558" i="1"/>
  <c r="G6559" i="1"/>
  <c r="G6560" i="1"/>
  <c r="G6561" i="1"/>
  <c r="G6562" i="1"/>
  <c r="G6563" i="1"/>
  <c r="G6564" i="1"/>
  <c r="G6565" i="1"/>
  <c r="G6566" i="1"/>
  <c r="G6567" i="1"/>
  <c r="G6568" i="1"/>
  <c r="G6569" i="1"/>
  <c r="G6570" i="1"/>
  <c r="G6571" i="1"/>
  <c r="G6572" i="1"/>
  <c r="G6573" i="1"/>
  <c r="G6574" i="1"/>
  <c r="G6575" i="1"/>
  <c r="G6576" i="1"/>
  <c r="G6577" i="1"/>
  <c r="G6578" i="1"/>
  <c r="G6579" i="1"/>
  <c r="G6580" i="1"/>
  <c r="G6581" i="1"/>
  <c r="G6582" i="1"/>
  <c r="G6583" i="1"/>
  <c r="G6584" i="1"/>
  <c r="G6585" i="1"/>
  <c r="G6586" i="1"/>
  <c r="G6587" i="1"/>
  <c r="G6588" i="1"/>
  <c r="G6589" i="1"/>
  <c r="G6590" i="1"/>
  <c r="G6591" i="1"/>
  <c r="G6592" i="1"/>
  <c r="G6593" i="1"/>
  <c r="G6594" i="1"/>
  <c r="G6595" i="1"/>
  <c r="G6596" i="1"/>
  <c r="G6597" i="1"/>
  <c r="G6598" i="1"/>
  <c r="G6599" i="1"/>
  <c r="G6600" i="1"/>
  <c r="G6601" i="1"/>
  <c r="G6602" i="1"/>
  <c r="G6603" i="1"/>
  <c r="G6604" i="1"/>
  <c r="G6605" i="1"/>
  <c r="G6606" i="1"/>
  <c r="G6607" i="1"/>
  <c r="G6608" i="1"/>
  <c r="G6609" i="1"/>
  <c r="G6610" i="1"/>
  <c r="G6611" i="1"/>
  <c r="G6612" i="1"/>
  <c r="G6613" i="1"/>
  <c r="G6614" i="1"/>
  <c r="G6615" i="1"/>
  <c r="G6616" i="1"/>
  <c r="G6617" i="1"/>
  <c r="G6618" i="1"/>
  <c r="G6619" i="1"/>
  <c r="G6620" i="1"/>
  <c r="G6621" i="1"/>
  <c r="G6622" i="1"/>
  <c r="G6623" i="1"/>
  <c r="G6624" i="1"/>
  <c r="G6625" i="1"/>
  <c r="G6626" i="1"/>
  <c r="G6627" i="1"/>
  <c r="G6628" i="1"/>
  <c r="G6629" i="1"/>
  <c r="G6630" i="1"/>
  <c r="G6631" i="1"/>
  <c r="G6632" i="1"/>
  <c r="G6633" i="1"/>
  <c r="G6634" i="1"/>
  <c r="G6635" i="1"/>
  <c r="G6636" i="1"/>
  <c r="G6637" i="1"/>
  <c r="G6638" i="1"/>
  <c r="G6639" i="1"/>
  <c r="G6640" i="1"/>
  <c r="G6641" i="1"/>
  <c r="G6642" i="1"/>
  <c r="G6643" i="1"/>
  <c r="G6644" i="1"/>
  <c r="G6645" i="1"/>
  <c r="G6646" i="1"/>
  <c r="G6647" i="1"/>
  <c r="G6648" i="1"/>
  <c r="G6649" i="1"/>
  <c r="G6650" i="1"/>
  <c r="G6651" i="1"/>
  <c r="G6652" i="1"/>
  <c r="G6653" i="1"/>
  <c r="G6654" i="1"/>
  <c r="G6655" i="1"/>
  <c r="G6656" i="1"/>
  <c r="G6657" i="1"/>
  <c r="G6658" i="1"/>
  <c r="G6659" i="1"/>
  <c r="G6660" i="1"/>
  <c r="G6661" i="1"/>
  <c r="G6662" i="1"/>
  <c r="G6663" i="1"/>
  <c r="G6664" i="1"/>
  <c r="G6665" i="1"/>
  <c r="G6666" i="1"/>
  <c r="G6667" i="1"/>
  <c r="G6668" i="1"/>
  <c r="G6669" i="1"/>
  <c r="G6670" i="1"/>
  <c r="G6671" i="1"/>
  <c r="G6672" i="1"/>
  <c r="G6673" i="1"/>
  <c r="G6674" i="1"/>
  <c r="G6675" i="1"/>
  <c r="G6676" i="1"/>
  <c r="G6677" i="1"/>
  <c r="G6678" i="1"/>
  <c r="G6679" i="1"/>
  <c r="G6680" i="1"/>
  <c r="G6681" i="1"/>
  <c r="G6682" i="1"/>
  <c r="G6683" i="1"/>
  <c r="G6684" i="1"/>
  <c r="G6685" i="1"/>
  <c r="G6686" i="1"/>
  <c r="G6687" i="1"/>
  <c r="G6688" i="1"/>
  <c r="G6689" i="1"/>
  <c r="G6690" i="1"/>
  <c r="G6691" i="1"/>
  <c r="G6692" i="1"/>
  <c r="G6693" i="1"/>
  <c r="G6694" i="1"/>
  <c r="G6695" i="1"/>
  <c r="G6696" i="1"/>
  <c r="G6697" i="1"/>
  <c r="G6698" i="1"/>
  <c r="G6699" i="1"/>
  <c r="G6700" i="1"/>
  <c r="G6701" i="1"/>
  <c r="G6702" i="1"/>
  <c r="G6703" i="1"/>
  <c r="G6704" i="1"/>
  <c r="G6705" i="1"/>
  <c r="G6706" i="1"/>
  <c r="G6707" i="1"/>
  <c r="G6708" i="1"/>
  <c r="G6709" i="1"/>
  <c r="G6710" i="1"/>
  <c r="G6711" i="1"/>
  <c r="G6712" i="1"/>
  <c r="G6713" i="1"/>
  <c r="G6714" i="1"/>
  <c r="G6715" i="1"/>
  <c r="G6716" i="1"/>
  <c r="G6717" i="1"/>
  <c r="G6718" i="1"/>
  <c r="G6719" i="1"/>
  <c r="G6720" i="1"/>
  <c r="G6721" i="1"/>
  <c r="G6722" i="1"/>
  <c r="G6723" i="1"/>
  <c r="G6724" i="1"/>
  <c r="G6725" i="1"/>
  <c r="G6726" i="1"/>
  <c r="G6727" i="1"/>
  <c r="G6728" i="1"/>
  <c r="G6729" i="1"/>
  <c r="G6730" i="1"/>
  <c r="G6731" i="1"/>
  <c r="G6732" i="1"/>
  <c r="G6733" i="1"/>
  <c r="G6734" i="1"/>
  <c r="G6735" i="1"/>
  <c r="G6736" i="1"/>
  <c r="G6737" i="1"/>
  <c r="G6738" i="1"/>
  <c r="G6739" i="1"/>
  <c r="G6740" i="1"/>
  <c r="G6741" i="1"/>
  <c r="G6742" i="1"/>
  <c r="G6743" i="1"/>
  <c r="G6744" i="1"/>
  <c r="G6745" i="1"/>
  <c r="G6746" i="1"/>
  <c r="G6747" i="1"/>
  <c r="G6748" i="1"/>
  <c r="G6749" i="1"/>
  <c r="G6750" i="1"/>
  <c r="G6751" i="1"/>
  <c r="G6752" i="1"/>
  <c r="G6753" i="1"/>
  <c r="G6754" i="1"/>
  <c r="G6755" i="1"/>
  <c r="G6756" i="1"/>
  <c r="G6757" i="1"/>
  <c r="G6758" i="1"/>
  <c r="G6759" i="1"/>
  <c r="G6760" i="1"/>
  <c r="G6761" i="1"/>
  <c r="G6762" i="1"/>
  <c r="G6763" i="1"/>
  <c r="G6764" i="1"/>
  <c r="G6765" i="1"/>
  <c r="G6766" i="1"/>
  <c r="G6767" i="1"/>
  <c r="G6768" i="1"/>
  <c r="G6769" i="1"/>
  <c r="G6770" i="1"/>
  <c r="G6771" i="1"/>
  <c r="G6772" i="1"/>
  <c r="G6773" i="1"/>
  <c r="G6774" i="1"/>
  <c r="G6775" i="1"/>
  <c r="G6776" i="1"/>
  <c r="G6777" i="1"/>
  <c r="G6778" i="1"/>
  <c r="G6779" i="1"/>
  <c r="G6780" i="1"/>
  <c r="G6781" i="1"/>
  <c r="G6782" i="1"/>
  <c r="G6783" i="1"/>
  <c r="G6784" i="1"/>
  <c r="G6785" i="1"/>
  <c r="G6786" i="1"/>
  <c r="G6787" i="1"/>
  <c r="G6788" i="1"/>
  <c r="G6789" i="1"/>
  <c r="G6790" i="1"/>
  <c r="G6791" i="1"/>
  <c r="G6792" i="1"/>
  <c r="G6793" i="1"/>
  <c r="G6794" i="1"/>
  <c r="G6795" i="1"/>
  <c r="G6796" i="1"/>
  <c r="G6797" i="1"/>
  <c r="G6798" i="1"/>
  <c r="G6799" i="1"/>
  <c r="G6800" i="1"/>
  <c r="G6801" i="1"/>
  <c r="G6802" i="1"/>
  <c r="G6803" i="1"/>
  <c r="G6804" i="1"/>
  <c r="G6805" i="1"/>
  <c r="G6806" i="1"/>
  <c r="G6807" i="1"/>
  <c r="G6808" i="1"/>
  <c r="G6809" i="1"/>
  <c r="G6810" i="1"/>
  <c r="G6811" i="1"/>
  <c r="G6812" i="1"/>
  <c r="G6813" i="1"/>
  <c r="G6814" i="1"/>
  <c r="G6815" i="1"/>
  <c r="G6816" i="1"/>
  <c r="G6817" i="1"/>
  <c r="G6818" i="1"/>
  <c r="G6819" i="1"/>
  <c r="G6820" i="1"/>
  <c r="G6821" i="1"/>
  <c r="G6822" i="1"/>
  <c r="G6823" i="1"/>
  <c r="G6824" i="1"/>
  <c r="G6825" i="1"/>
  <c r="G6826" i="1"/>
  <c r="G6827" i="1"/>
  <c r="G6828" i="1"/>
  <c r="G6829" i="1"/>
  <c r="G6830" i="1"/>
  <c r="G6831" i="1"/>
  <c r="G6832" i="1"/>
  <c r="G6833" i="1"/>
  <c r="G6834" i="1"/>
  <c r="G6835" i="1"/>
  <c r="G6836" i="1"/>
  <c r="G6837" i="1"/>
  <c r="G6838" i="1"/>
  <c r="G6839" i="1"/>
  <c r="G6840" i="1"/>
  <c r="G6841" i="1"/>
  <c r="G6842" i="1"/>
  <c r="G6843" i="1"/>
  <c r="G6844" i="1"/>
  <c r="G6845" i="1"/>
  <c r="G6846" i="1"/>
  <c r="G6847" i="1"/>
  <c r="G6848" i="1"/>
  <c r="G6849" i="1"/>
  <c r="G6850" i="1"/>
  <c r="G6851" i="1"/>
  <c r="G6852" i="1"/>
  <c r="G6853" i="1"/>
  <c r="G6854" i="1"/>
  <c r="G6855" i="1"/>
  <c r="G6856" i="1"/>
  <c r="G6857" i="1"/>
  <c r="G6858" i="1"/>
  <c r="G6859" i="1"/>
  <c r="G6860" i="1"/>
  <c r="G6861" i="1"/>
  <c r="G6862" i="1"/>
  <c r="G6863" i="1"/>
  <c r="G6864" i="1"/>
  <c r="G6865" i="1"/>
  <c r="G6866" i="1"/>
  <c r="G6867" i="1"/>
  <c r="G6868" i="1"/>
  <c r="G6869" i="1"/>
  <c r="G6870" i="1"/>
  <c r="G6871" i="1"/>
  <c r="G6872" i="1"/>
  <c r="G6873" i="1"/>
  <c r="G6874" i="1"/>
  <c r="G6875" i="1"/>
  <c r="G6876" i="1"/>
  <c r="G6877" i="1"/>
  <c r="G6878" i="1"/>
  <c r="G6879" i="1"/>
  <c r="G6880" i="1"/>
  <c r="G6881" i="1"/>
  <c r="G6882" i="1"/>
  <c r="G6883" i="1"/>
  <c r="G6884" i="1"/>
  <c r="G6885" i="1"/>
  <c r="G6886" i="1"/>
  <c r="G6887" i="1"/>
  <c r="G6888" i="1"/>
  <c r="G6889" i="1"/>
  <c r="G6890" i="1"/>
  <c r="G6891" i="1"/>
  <c r="G6892" i="1"/>
  <c r="G6893" i="1"/>
  <c r="G6894" i="1"/>
  <c r="G6895" i="1"/>
  <c r="G6896" i="1"/>
  <c r="G6897" i="1"/>
  <c r="G6898" i="1"/>
  <c r="G6899" i="1"/>
  <c r="G6900" i="1"/>
  <c r="G6901" i="1"/>
  <c r="G6902" i="1"/>
  <c r="G6903" i="1"/>
  <c r="G6904" i="1"/>
  <c r="G6905" i="1"/>
  <c r="G6906" i="1"/>
  <c r="G6907" i="1"/>
  <c r="G6908" i="1"/>
  <c r="G6909" i="1"/>
  <c r="G6910" i="1"/>
  <c r="G6911" i="1"/>
  <c r="G6912" i="1"/>
  <c r="G6913" i="1"/>
  <c r="G6914" i="1"/>
  <c r="G6915" i="1"/>
  <c r="G6916" i="1"/>
  <c r="G6917" i="1"/>
  <c r="G6918" i="1"/>
  <c r="G6919" i="1"/>
  <c r="G6920" i="1"/>
  <c r="G6921" i="1"/>
  <c r="G6922" i="1"/>
  <c r="G6923" i="1"/>
  <c r="G6924" i="1"/>
  <c r="G6925" i="1"/>
  <c r="G6926" i="1"/>
  <c r="G6927" i="1"/>
  <c r="G6928" i="1"/>
  <c r="G6929" i="1"/>
  <c r="G6930" i="1"/>
  <c r="G6931" i="1"/>
  <c r="G6932" i="1"/>
  <c r="G6933" i="1"/>
  <c r="G6934" i="1"/>
  <c r="G6935" i="1"/>
  <c r="G6936" i="1"/>
  <c r="G6937" i="1"/>
  <c r="G6938" i="1"/>
  <c r="G6939" i="1"/>
  <c r="G6940" i="1"/>
  <c r="G6941" i="1"/>
  <c r="G6942" i="1"/>
  <c r="G6943" i="1"/>
  <c r="G6944" i="1"/>
  <c r="G6945" i="1"/>
  <c r="G6946" i="1"/>
  <c r="G6947" i="1"/>
  <c r="G6948" i="1"/>
  <c r="G6949" i="1"/>
  <c r="G6950" i="1"/>
  <c r="G6951" i="1"/>
  <c r="G6952" i="1"/>
  <c r="G6953" i="1"/>
  <c r="G6954" i="1"/>
  <c r="G6955" i="1"/>
  <c r="G6956" i="1"/>
  <c r="G6957" i="1"/>
  <c r="G6958" i="1"/>
  <c r="G6959" i="1"/>
  <c r="G6960" i="1"/>
  <c r="G6961" i="1"/>
  <c r="G6962" i="1"/>
  <c r="G6963" i="1"/>
  <c r="G6964" i="1"/>
  <c r="G6965" i="1"/>
  <c r="G6966" i="1"/>
  <c r="G6967" i="1"/>
  <c r="G6968" i="1"/>
  <c r="G6969" i="1"/>
  <c r="G6970" i="1"/>
  <c r="G6971" i="1"/>
  <c r="G6972" i="1"/>
  <c r="G6973" i="1"/>
  <c r="G6974" i="1"/>
  <c r="G6975" i="1"/>
  <c r="G6976" i="1"/>
  <c r="G6977" i="1"/>
  <c r="G6978" i="1"/>
  <c r="G6979" i="1"/>
  <c r="G6980" i="1"/>
  <c r="G6981" i="1"/>
  <c r="G6982" i="1"/>
  <c r="G6983" i="1"/>
  <c r="G6984" i="1"/>
  <c r="G6985" i="1"/>
  <c r="G6986" i="1"/>
  <c r="G6987" i="1"/>
  <c r="G6988" i="1"/>
  <c r="G6989" i="1"/>
  <c r="G6990" i="1"/>
  <c r="G6991" i="1"/>
  <c r="G6992" i="1"/>
  <c r="G6993" i="1"/>
  <c r="G6994" i="1"/>
  <c r="G6995" i="1"/>
  <c r="G6996" i="1"/>
  <c r="G6997" i="1"/>
  <c r="G6998" i="1"/>
  <c r="G6999" i="1"/>
  <c r="G7000" i="1"/>
  <c r="G7001" i="1"/>
  <c r="G7002" i="1"/>
  <c r="G7003" i="1"/>
  <c r="G7004" i="1"/>
  <c r="G7005" i="1"/>
  <c r="G7006" i="1"/>
  <c r="G7007" i="1"/>
  <c r="G7008" i="1"/>
  <c r="G7009" i="1"/>
  <c r="G7010" i="1"/>
  <c r="G7011" i="1"/>
  <c r="G7012" i="1"/>
  <c r="G7013" i="1"/>
  <c r="G7014" i="1"/>
  <c r="G7015" i="1"/>
  <c r="G7016" i="1"/>
  <c r="G7017" i="1"/>
  <c r="G7018" i="1"/>
  <c r="G7019" i="1"/>
  <c r="G7020" i="1"/>
  <c r="G7021" i="1"/>
  <c r="G7022" i="1"/>
  <c r="G7023" i="1"/>
  <c r="G7024" i="1"/>
  <c r="G7025" i="1"/>
  <c r="G7026" i="1"/>
  <c r="G7027" i="1"/>
  <c r="G7028" i="1"/>
  <c r="G7029" i="1"/>
  <c r="G7030" i="1"/>
  <c r="G7031" i="1"/>
  <c r="G7032" i="1"/>
  <c r="G7033" i="1"/>
  <c r="G7034" i="1"/>
  <c r="G7035" i="1"/>
  <c r="G7036" i="1"/>
  <c r="G7037" i="1"/>
  <c r="G7038" i="1"/>
  <c r="G7039" i="1"/>
  <c r="G7040" i="1"/>
  <c r="G7041" i="1"/>
  <c r="G7042" i="1"/>
  <c r="G7043" i="1"/>
  <c r="G7044" i="1"/>
  <c r="G7045" i="1"/>
  <c r="G7046" i="1"/>
  <c r="G7047" i="1"/>
  <c r="G7048" i="1"/>
  <c r="G7049" i="1"/>
  <c r="G7050" i="1"/>
  <c r="G7051" i="1"/>
  <c r="G7052" i="1"/>
  <c r="G7053" i="1"/>
  <c r="G7054" i="1"/>
  <c r="G7055" i="1"/>
  <c r="G7056" i="1"/>
  <c r="G7057" i="1"/>
  <c r="G7058" i="1"/>
  <c r="G7059" i="1"/>
  <c r="G7060" i="1"/>
  <c r="G7061" i="1"/>
  <c r="G7062" i="1"/>
  <c r="G7063" i="1"/>
  <c r="G7064" i="1"/>
  <c r="G7065" i="1"/>
  <c r="G7066" i="1"/>
  <c r="G7067" i="1"/>
  <c r="G7068" i="1"/>
  <c r="G7069" i="1"/>
  <c r="G7070" i="1"/>
  <c r="G7071" i="1"/>
  <c r="G7072" i="1"/>
  <c r="G7073" i="1"/>
  <c r="G7074" i="1"/>
  <c r="G7075" i="1"/>
  <c r="G7076" i="1"/>
  <c r="G7077" i="1"/>
  <c r="G7078" i="1"/>
  <c r="G7079" i="1"/>
  <c r="G7080" i="1"/>
  <c r="G7081" i="1"/>
  <c r="G7082" i="1"/>
  <c r="G7083" i="1"/>
  <c r="G7084" i="1"/>
  <c r="G7085" i="1"/>
  <c r="G7086" i="1"/>
  <c r="G7087" i="1"/>
  <c r="G7088" i="1"/>
  <c r="G7089" i="1"/>
  <c r="G7090" i="1"/>
  <c r="G7091" i="1"/>
  <c r="G7092" i="1"/>
  <c r="G7093" i="1"/>
  <c r="G7094" i="1"/>
  <c r="G7095" i="1"/>
  <c r="G7096" i="1"/>
  <c r="G7097" i="1"/>
  <c r="G7098" i="1"/>
  <c r="G7099" i="1"/>
  <c r="G7100" i="1"/>
  <c r="G7101" i="1"/>
  <c r="G7102" i="1"/>
  <c r="G7103" i="1"/>
  <c r="G7104" i="1"/>
  <c r="G7105" i="1"/>
  <c r="G7106" i="1"/>
  <c r="G7107" i="1"/>
  <c r="G7108" i="1"/>
  <c r="G7109" i="1"/>
  <c r="G7110" i="1"/>
  <c r="G7111" i="1"/>
  <c r="G7112" i="1"/>
  <c r="G7113" i="1"/>
  <c r="G7114" i="1"/>
  <c r="G7115" i="1"/>
  <c r="G7116" i="1"/>
  <c r="G7117" i="1"/>
  <c r="G7118" i="1"/>
  <c r="G7119" i="1"/>
  <c r="G7120" i="1"/>
  <c r="G7121" i="1"/>
  <c r="G7122" i="1"/>
  <c r="G7123" i="1"/>
  <c r="G7124" i="1"/>
  <c r="G7125" i="1"/>
  <c r="G7126" i="1"/>
  <c r="G7127" i="1"/>
  <c r="G7128" i="1"/>
  <c r="G7129" i="1"/>
  <c r="G7130" i="1"/>
  <c r="G7131" i="1"/>
  <c r="G7132" i="1"/>
  <c r="G7133" i="1"/>
  <c r="G7134" i="1"/>
  <c r="G7135" i="1"/>
  <c r="G7136" i="1"/>
  <c r="G7137" i="1"/>
  <c r="G7138" i="1"/>
  <c r="G7139" i="1"/>
  <c r="G7140" i="1"/>
  <c r="G7141" i="1"/>
  <c r="G7142" i="1"/>
  <c r="G7143" i="1"/>
  <c r="G7144" i="1"/>
  <c r="G7145" i="1"/>
  <c r="G7146" i="1"/>
  <c r="G7147" i="1"/>
  <c r="G7148" i="1"/>
  <c r="G7149" i="1"/>
  <c r="G7150" i="1"/>
  <c r="G7151" i="1"/>
  <c r="G7152" i="1"/>
  <c r="G7153" i="1"/>
  <c r="G7154" i="1"/>
  <c r="G7155" i="1"/>
  <c r="G7156" i="1"/>
  <c r="G7157" i="1"/>
  <c r="G7158" i="1"/>
  <c r="G7159" i="1"/>
  <c r="G7160" i="1"/>
  <c r="G7161" i="1"/>
  <c r="G7162" i="1"/>
  <c r="G7163" i="1"/>
  <c r="G7164" i="1"/>
  <c r="G7165" i="1"/>
  <c r="G7166" i="1"/>
  <c r="G7167" i="1"/>
  <c r="G7168" i="1"/>
  <c r="G7169" i="1"/>
  <c r="G7170" i="1"/>
  <c r="G7171" i="1"/>
  <c r="G7172" i="1"/>
  <c r="G7173" i="1"/>
  <c r="G7174" i="1"/>
  <c r="G7175" i="1"/>
  <c r="G7176" i="1"/>
  <c r="G7177" i="1"/>
  <c r="G7178" i="1"/>
  <c r="G7179" i="1"/>
  <c r="G7180" i="1"/>
  <c r="G7181" i="1"/>
  <c r="G7182" i="1"/>
  <c r="G7183" i="1"/>
  <c r="G7184" i="1"/>
  <c r="G7185" i="1"/>
  <c r="G7186" i="1"/>
  <c r="G7187" i="1"/>
  <c r="G7188" i="1"/>
  <c r="G7189" i="1"/>
  <c r="G7190" i="1"/>
  <c r="G7191" i="1"/>
  <c r="G7192" i="1"/>
  <c r="G7193" i="1"/>
  <c r="G7194" i="1"/>
  <c r="G7195" i="1"/>
  <c r="G7196" i="1"/>
  <c r="G7197" i="1"/>
  <c r="G7198" i="1"/>
  <c r="G7199" i="1"/>
  <c r="G7200" i="1"/>
  <c r="G7201" i="1"/>
  <c r="G7202" i="1"/>
  <c r="G7203" i="1"/>
  <c r="G7204" i="1"/>
  <c r="G7205" i="1"/>
  <c r="G7206" i="1"/>
  <c r="G7207" i="1"/>
  <c r="G7208" i="1"/>
  <c r="G7209" i="1"/>
  <c r="G7210" i="1"/>
  <c r="G7211" i="1"/>
  <c r="G7212" i="1"/>
  <c r="G7213" i="1"/>
  <c r="G7214" i="1"/>
  <c r="G7215" i="1"/>
  <c r="G7216" i="1"/>
  <c r="G7217" i="1"/>
  <c r="G7218" i="1"/>
  <c r="G7219" i="1"/>
  <c r="G7220" i="1"/>
  <c r="G7221" i="1"/>
  <c r="G7222" i="1"/>
  <c r="G7223" i="1"/>
  <c r="G7224" i="1"/>
  <c r="G7225" i="1"/>
  <c r="G7226" i="1"/>
  <c r="G7227" i="1"/>
  <c r="G7228" i="1"/>
  <c r="G7229" i="1"/>
  <c r="G7230" i="1"/>
  <c r="G7231" i="1"/>
  <c r="G7232" i="1"/>
  <c r="G7233" i="1"/>
  <c r="G7234" i="1"/>
  <c r="G7235" i="1"/>
  <c r="G7236" i="1"/>
  <c r="G7237" i="1"/>
  <c r="G7238" i="1"/>
  <c r="G7239" i="1"/>
  <c r="G7240" i="1"/>
  <c r="G7241" i="1"/>
  <c r="G7242" i="1"/>
  <c r="G7243" i="1"/>
  <c r="G7244" i="1"/>
  <c r="G7245" i="1"/>
  <c r="G7246" i="1"/>
  <c r="G7247" i="1"/>
  <c r="G7248" i="1"/>
  <c r="G7249" i="1"/>
  <c r="G7250" i="1"/>
  <c r="G7251" i="1"/>
  <c r="G7252" i="1"/>
  <c r="G7253" i="1"/>
  <c r="G7254" i="1"/>
  <c r="G7255" i="1"/>
  <c r="G7256" i="1"/>
  <c r="G7257" i="1"/>
  <c r="G7258" i="1"/>
  <c r="G7259" i="1"/>
  <c r="G7260" i="1"/>
  <c r="G7261" i="1"/>
  <c r="G7262" i="1"/>
  <c r="G7263" i="1"/>
  <c r="G7264" i="1"/>
  <c r="G7265" i="1"/>
  <c r="G7266" i="1"/>
  <c r="G7267" i="1"/>
  <c r="G7268" i="1"/>
  <c r="G7269" i="1"/>
  <c r="G7270" i="1"/>
  <c r="G7271" i="1"/>
  <c r="G7272" i="1"/>
  <c r="G7273" i="1"/>
  <c r="G7274" i="1"/>
  <c r="G7275" i="1"/>
  <c r="G7276" i="1"/>
  <c r="G7277" i="1"/>
  <c r="G7278" i="1"/>
  <c r="G7279" i="1"/>
  <c r="G7280" i="1"/>
  <c r="G7281" i="1"/>
  <c r="G7282" i="1"/>
  <c r="G7283" i="1"/>
  <c r="G7284" i="1"/>
  <c r="G7285" i="1"/>
  <c r="G7286" i="1"/>
  <c r="G7287" i="1"/>
  <c r="G7288" i="1"/>
  <c r="G7289" i="1"/>
  <c r="G7290" i="1"/>
  <c r="G7291" i="1"/>
  <c r="G7292" i="1"/>
  <c r="G7293" i="1"/>
  <c r="G7294" i="1"/>
  <c r="G7295" i="1"/>
  <c r="G7296" i="1"/>
  <c r="G7297" i="1"/>
  <c r="G7298" i="1"/>
  <c r="G7299" i="1"/>
  <c r="G7300" i="1"/>
  <c r="G7301" i="1"/>
  <c r="G7302" i="1"/>
  <c r="G7303" i="1"/>
  <c r="G7304" i="1"/>
  <c r="G7305" i="1"/>
  <c r="G7306" i="1"/>
  <c r="G7307" i="1"/>
  <c r="G7308" i="1"/>
  <c r="G7309" i="1"/>
  <c r="G7310" i="1"/>
  <c r="G7311" i="1"/>
  <c r="G7312" i="1"/>
  <c r="G7313" i="1"/>
  <c r="G7314" i="1"/>
  <c r="G7315" i="1"/>
  <c r="G7316" i="1"/>
  <c r="G7317" i="1"/>
  <c r="G7318" i="1"/>
  <c r="G7319" i="1"/>
  <c r="G7320" i="1"/>
  <c r="G7321" i="1"/>
  <c r="G7322" i="1"/>
  <c r="G7323" i="1"/>
  <c r="G7324" i="1"/>
  <c r="G7325" i="1"/>
  <c r="G7326" i="1"/>
  <c r="G7327" i="1"/>
  <c r="G7328" i="1"/>
  <c r="G7329" i="1"/>
  <c r="G7330" i="1"/>
  <c r="G7331" i="1"/>
  <c r="G7332" i="1"/>
  <c r="G7333" i="1"/>
  <c r="G7334" i="1"/>
  <c r="G7335" i="1"/>
  <c r="G7336" i="1"/>
  <c r="G7337" i="1"/>
  <c r="G7338" i="1"/>
  <c r="G7339" i="1"/>
  <c r="G7340" i="1"/>
  <c r="G7341" i="1"/>
  <c r="G7342" i="1"/>
  <c r="G7343" i="1"/>
  <c r="G7344" i="1"/>
  <c r="G7345" i="1"/>
  <c r="G7346" i="1"/>
  <c r="G7347" i="1"/>
  <c r="G7348" i="1"/>
  <c r="G7349" i="1"/>
  <c r="G7350" i="1"/>
  <c r="G7351" i="1"/>
  <c r="G7352" i="1"/>
  <c r="G7353" i="1"/>
  <c r="G7354" i="1"/>
  <c r="G7355" i="1"/>
  <c r="G7356" i="1"/>
  <c r="G7357" i="1"/>
  <c r="G7358" i="1"/>
  <c r="G7359" i="1"/>
  <c r="G7360" i="1"/>
  <c r="G7361" i="1"/>
  <c r="G7362" i="1"/>
  <c r="G7363" i="1"/>
  <c r="G7364" i="1"/>
  <c r="G7365" i="1"/>
  <c r="G7366" i="1"/>
  <c r="G7367" i="1"/>
  <c r="G7368" i="1"/>
  <c r="G7369" i="1"/>
  <c r="G7370" i="1"/>
  <c r="G7371" i="1"/>
  <c r="G7372" i="1"/>
  <c r="G7373" i="1"/>
  <c r="G7374" i="1"/>
  <c r="G7375" i="1"/>
  <c r="G7376" i="1"/>
  <c r="G7377" i="1"/>
  <c r="G7378" i="1"/>
  <c r="G7379" i="1"/>
  <c r="G7380" i="1"/>
  <c r="G7381" i="1"/>
  <c r="G7382" i="1"/>
  <c r="G7383" i="1"/>
  <c r="G7384" i="1"/>
  <c r="G7385" i="1"/>
  <c r="G7386" i="1"/>
  <c r="G7387" i="1"/>
  <c r="G7388" i="1"/>
  <c r="G7389" i="1"/>
  <c r="G7390" i="1"/>
  <c r="G7391" i="1"/>
  <c r="G7392" i="1"/>
  <c r="G7393" i="1"/>
  <c r="G7394" i="1"/>
  <c r="G7395" i="1"/>
  <c r="G7396" i="1"/>
  <c r="G7397" i="1"/>
  <c r="G7398" i="1"/>
  <c r="G7399" i="1"/>
  <c r="G7400" i="1"/>
  <c r="G7401" i="1"/>
  <c r="G7402" i="1"/>
  <c r="G7403" i="1"/>
  <c r="G7404" i="1"/>
  <c r="G7405" i="1"/>
  <c r="G7406" i="1"/>
  <c r="G7407" i="1"/>
  <c r="G7408" i="1"/>
  <c r="G7409" i="1"/>
  <c r="G7410" i="1"/>
  <c r="G7411" i="1"/>
  <c r="G7412" i="1"/>
  <c r="G7413" i="1"/>
  <c r="G7414" i="1"/>
  <c r="G7415" i="1"/>
  <c r="G7416" i="1"/>
  <c r="G7417" i="1"/>
  <c r="G7418" i="1"/>
  <c r="G7419" i="1"/>
  <c r="G7420" i="1"/>
  <c r="G7421" i="1"/>
  <c r="G7422" i="1"/>
  <c r="G7423" i="1"/>
  <c r="G7424" i="1"/>
  <c r="G7425" i="1"/>
  <c r="G7426" i="1"/>
  <c r="G7427" i="1"/>
  <c r="G7428" i="1"/>
  <c r="G7429" i="1"/>
  <c r="G7430" i="1"/>
  <c r="G7431" i="1"/>
  <c r="G7432" i="1"/>
  <c r="G7433" i="1"/>
  <c r="G7434" i="1"/>
  <c r="G7435" i="1"/>
  <c r="G7436" i="1"/>
  <c r="G7437" i="1"/>
  <c r="G7438" i="1"/>
  <c r="G7439" i="1"/>
  <c r="G7440" i="1"/>
  <c r="G7441" i="1"/>
  <c r="G7442" i="1"/>
  <c r="G7443" i="1"/>
  <c r="G7444" i="1"/>
  <c r="G7445" i="1"/>
  <c r="G7446" i="1"/>
  <c r="G7447" i="1"/>
  <c r="G7448" i="1"/>
  <c r="G7449" i="1"/>
  <c r="G7450" i="1"/>
  <c r="G7451" i="1"/>
  <c r="G7452" i="1"/>
  <c r="G7453" i="1"/>
  <c r="G7454" i="1"/>
  <c r="G7455" i="1"/>
  <c r="G7456" i="1"/>
  <c r="G7457" i="1"/>
  <c r="G7458" i="1"/>
  <c r="G7459" i="1"/>
  <c r="G7460" i="1"/>
  <c r="G7461" i="1"/>
  <c r="G7462" i="1"/>
  <c r="G7463" i="1"/>
  <c r="G7464" i="1"/>
  <c r="G7465" i="1"/>
  <c r="G7466" i="1"/>
  <c r="G7467" i="1"/>
  <c r="G7468" i="1"/>
  <c r="G7469" i="1"/>
  <c r="G7470" i="1"/>
  <c r="G7471" i="1"/>
  <c r="G7472" i="1"/>
  <c r="G7473" i="1"/>
  <c r="G7474" i="1"/>
  <c r="G7475" i="1"/>
  <c r="G7476" i="1"/>
  <c r="G7477" i="1"/>
  <c r="G7478" i="1"/>
  <c r="G7479" i="1"/>
  <c r="G7480" i="1"/>
  <c r="G7481" i="1"/>
  <c r="G7482" i="1"/>
  <c r="G7483" i="1"/>
  <c r="G7484" i="1"/>
  <c r="G7485" i="1"/>
  <c r="G7486" i="1"/>
  <c r="G7487" i="1"/>
  <c r="G7488" i="1"/>
  <c r="G7489" i="1"/>
  <c r="G7490" i="1"/>
  <c r="G7491" i="1"/>
  <c r="G7492" i="1"/>
  <c r="G7493" i="1"/>
  <c r="G7494" i="1"/>
  <c r="G7495" i="1"/>
  <c r="G7496" i="1"/>
  <c r="G7497" i="1"/>
  <c r="G7498" i="1"/>
  <c r="G7499" i="1"/>
  <c r="G7500" i="1"/>
  <c r="G7501" i="1"/>
  <c r="G7502" i="1"/>
  <c r="G7503" i="1"/>
  <c r="G7504" i="1"/>
  <c r="G7505" i="1"/>
  <c r="G7506" i="1"/>
  <c r="G7507" i="1"/>
  <c r="G7508" i="1"/>
  <c r="G7509" i="1"/>
  <c r="G7510" i="1"/>
  <c r="G7511" i="1"/>
  <c r="G7512" i="1"/>
  <c r="G7513" i="1"/>
  <c r="G7514" i="1"/>
  <c r="G7515" i="1"/>
  <c r="G7516" i="1"/>
  <c r="G7517" i="1"/>
  <c r="G7518" i="1"/>
  <c r="G7519" i="1"/>
  <c r="G7520" i="1"/>
  <c r="G7521" i="1"/>
  <c r="G7522" i="1"/>
  <c r="G7523" i="1"/>
  <c r="G7524" i="1"/>
  <c r="G7525" i="1"/>
  <c r="G7526" i="1"/>
  <c r="G7527" i="1"/>
  <c r="G7528" i="1"/>
  <c r="G7529" i="1"/>
  <c r="G7530" i="1"/>
  <c r="G7531" i="1"/>
  <c r="G7532" i="1"/>
  <c r="G7533" i="1"/>
  <c r="G7534" i="1"/>
  <c r="G7535" i="1"/>
  <c r="G7536" i="1"/>
  <c r="G7537" i="1"/>
  <c r="G7538" i="1"/>
  <c r="G7539" i="1"/>
  <c r="G7540" i="1"/>
  <c r="G7541" i="1"/>
  <c r="G7542" i="1"/>
  <c r="G7543" i="1"/>
  <c r="G7544" i="1"/>
  <c r="G7545" i="1"/>
  <c r="G7546" i="1"/>
  <c r="G7547" i="1"/>
  <c r="G7548" i="1"/>
  <c r="G7549" i="1"/>
  <c r="G7550" i="1"/>
  <c r="G7551" i="1"/>
  <c r="G7552" i="1"/>
  <c r="G7553" i="1"/>
  <c r="G7554" i="1"/>
  <c r="G7555" i="1"/>
  <c r="G7556" i="1"/>
  <c r="G7557" i="1"/>
  <c r="G7558" i="1"/>
  <c r="G7559" i="1"/>
  <c r="G7560" i="1"/>
  <c r="G7561" i="1"/>
  <c r="G7562" i="1"/>
  <c r="G7563" i="1"/>
  <c r="G7564" i="1"/>
  <c r="G7565" i="1"/>
  <c r="G7566" i="1"/>
  <c r="G7567" i="1"/>
  <c r="G7568" i="1"/>
  <c r="G7569" i="1"/>
  <c r="G7570" i="1"/>
  <c r="G7571" i="1"/>
  <c r="G7572" i="1"/>
  <c r="G7573" i="1"/>
  <c r="G7574" i="1"/>
  <c r="G7575" i="1"/>
  <c r="G7576" i="1"/>
  <c r="G7577" i="1"/>
  <c r="G7578" i="1"/>
  <c r="G7579" i="1"/>
  <c r="G7580" i="1"/>
  <c r="G7581" i="1"/>
  <c r="G7582" i="1"/>
  <c r="G7583" i="1"/>
  <c r="G7584" i="1"/>
  <c r="G7585" i="1"/>
  <c r="G7586" i="1"/>
  <c r="G7587" i="1"/>
  <c r="G7588" i="1"/>
  <c r="G7589" i="1"/>
  <c r="G7590" i="1"/>
  <c r="G7591" i="1"/>
  <c r="G7592" i="1"/>
  <c r="G7593" i="1"/>
  <c r="G7594" i="1"/>
  <c r="G7595" i="1"/>
  <c r="G7596" i="1"/>
  <c r="G7597" i="1"/>
  <c r="G7598" i="1"/>
  <c r="G7599" i="1"/>
  <c r="G7600" i="1"/>
  <c r="G7601" i="1"/>
  <c r="G7602" i="1"/>
  <c r="G7603" i="1"/>
  <c r="G7604" i="1"/>
  <c r="G7605" i="1"/>
  <c r="G7606" i="1"/>
  <c r="G7607" i="1"/>
  <c r="G7608" i="1"/>
  <c r="G7609" i="1"/>
  <c r="G7610" i="1"/>
  <c r="G7611" i="1"/>
  <c r="G7612" i="1"/>
  <c r="G7613" i="1"/>
  <c r="G7614" i="1"/>
  <c r="G7615" i="1"/>
  <c r="G7616" i="1"/>
  <c r="G7617" i="1"/>
  <c r="G7618" i="1"/>
  <c r="G7619" i="1"/>
  <c r="G7620" i="1"/>
  <c r="G7621" i="1"/>
  <c r="G7622" i="1"/>
  <c r="G7623" i="1"/>
  <c r="G7624" i="1"/>
  <c r="G7625" i="1"/>
  <c r="G7626" i="1"/>
  <c r="G7627" i="1"/>
  <c r="G7628" i="1"/>
  <c r="G7629" i="1"/>
  <c r="G7630" i="1"/>
  <c r="G7631" i="1"/>
  <c r="G7632" i="1"/>
  <c r="G7633" i="1"/>
  <c r="G7634" i="1"/>
  <c r="G7635" i="1"/>
  <c r="G7636" i="1"/>
  <c r="G7637" i="1"/>
  <c r="G7638" i="1"/>
  <c r="G7639" i="1"/>
  <c r="G7640" i="1"/>
  <c r="G7641" i="1"/>
  <c r="G7642" i="1"/>
  <c r="G7643" i="1"/>
  <c r="G7644" i="1"/>
  <c r="G7645" i="1"/>
  <c r="G7646" i="1"/>
  <c r="G7647" i="1"/>
  <c r="G7648" i="1"/>
  <c r="G7649" i="1"/>
  <c r="G7650" i="1"/>
  <c r="G7651" i="1"/>
  <c r="G7652" i="1"/>
  <c r="G7653" i="1"/>
  <c r="G7654" i="1"/>
  <c r="G7655" i="1"/>
  <c r="G7656" i="1"/>
  <c r="G7657" i="1"/>
  <c r="G7658" i="1"/>
  <c r="G7659" i="1"/>
  <c r="G7660" i="1"/>
  <c r="G7661" i="1"/>
  <c r="G7662" i="1"/>
  <c r="G7663" i="1"/>
  <c r="G7664" i="1"/>
  <c r="G7665" i="1"/>
  <c r="G7666" i="1"/>
  <c r="G7667" i="1"/>
  <c r="G7668" i="1"/>
  <c r="G7669" i="1"/>
  <c r="G7670" i="1"/>
  <c r="G7671" i="1"/>
  <c r="G7672" i="1"/>
  <c r="G7673" i="1"/>
  <c r="G7674" i="1"/>
  <c r="G7675" i="1"/>
  <c r="G7676" i="1"/>
  <c r="G7677" i="1"/>
  <c r="G7678" i="1"/>
  <c r="G7679" i="1"/>
  <c r="G7680" i="1"/>
  <c r="G7681" i="1"/>
  <c r="G7682" i="1"/>
  <c r="G7683" i="1"/>
  <c r="G7684" i="1"/>
  <c r="G7685" i="1"/>
  <c r="G7686" i="1"/>
  <c r="G7687" i="1"/>
  <c r="G7688" i="1"/>
  <c r="G7689" i="1"/>
  <c r="G7690" i="1"/>
  <c r="G7691" i="1"/>
  <c r="G7692" i="1"/>
  <c r="G7693" i="1"/>
  <c r="G7694" i="1"/>
  <c r="G7695" i="1"/>
  <c r="G7696" i="1"/>
  <c r="G7697" i="1"/>
  <c r="G7698" i="1"/>
  <c r="G7699" i="1"/>
  <c r="G7700" i="1"/>
  <c r="G7701" i="1"/>
  <c r="G7702" i="1"/>
  <c r="G7703" i="1"/>
  <c r="G7704" i="1"/>
  <c r="G7705" i="1"/>
  <c r="G7706" i="1"/>
  <c r="G7707" i="1"/>
  <c r="G7708" i="1"/>
  <c r="G7709" i="1"/>
  <c r="G7710" i="1"/>
  <c r="G7711" i="1"/>
  <c r="G7712" i="1"/>
  <c r="G7713" i="1"/>
  <c r="G7714" i="1"/>
  <c r="G7715" i="1"/>
  <c r="G7716" i="1"/>
  <c r="G7717" i="1"/>
  <c r="G7718" i="1"/>
  <c r="G7719" i="1"/>
  <c r="G7720" i="1"/>
  <c r="G7721" i="1"/>
  <c r="G7722" i="1"/>
  <c r="G7723" i="1"/>
  <c r="G7724" i="1"/>
  <c r="G7725" i="1"/>
  <c r="G7726" i="1"/>
  <c r="G7727" i="1"/>
  <c r="G7728" i="1"/>
  <c r="G7729" i="1"/>
  <c r="G7730" i="1"/>
  <c r="G7731" i="1"/>
  <c r="G7732" i="1"/>
  <c r="G7733" i="1"/>
  <c r="G7734" i="1"/>
  <c r="G7735" i="1"/>
  <c r="G7736" i="1"/>
  <c r="G7737" i="1"/>
  <c r="G7738" i="1"/>
  <c r="G7739" i="1"/>
  <c r="G7740" i="1"/>
  <c r="G7741" i="1"/>
  <c r="G7742" i="1"/>
  <c r="G7743" i="1"/>
  <c r="G7744" i="1"/>
  <c r="G7745" i="1"/>
  <c r="G7746" i="1"/>
  <c r="G7747" i="1"/>
  <c r="G7748" i="1"/>
  <c r="G7749" i="1"/>
  <c r="G7750" i="1"/>
  <c r="G7751" i="1"/>
  <c r="G7752" i="1"/>
  <c r="G7753" i="1"/>
  <c r="G7754" i="1"/>
  <c r="G7755" i="1"/>
  <c r="G7756" i="1"/>
  <c r="G7757" i="1"/>
  <c r="G7758" i="1"/>
  <c r="G7759" i="1"/>
  <c r="G7760" i="1"/>
  <c r="G7761" i="1"/>
  <c r="G7762" i="1"/>
  <c r="G7763" i="1"/>
  <c r="G7764" i="1"/>
  <c r="G7765" i="1"/>
  <c r="G7766" i="1"/>
  <c r="G7767" i="1"/>
  <c r="G7768" i="1"/>
  <c r="G7769" i="1"/>
  <c r="G7770" i="1"/>
  <c r="G7771" i="1"/>
  <c r="G7772" i="1"/>
  <c r="G7773" i="1"/>
  <c r="G7774" i="1"/>
  <c r="G7775" i="1"/>
  <c r="G7776" i="1"/>
  <c r="G7777" i="1"/>
  <c r="G7778" i="1"/>
  <c r="G7779" i="1"/>
  <c r="G7780" i="1"/>
  <c r="G7781" i="1"/>
  <c r="G7782" i="1"/>
  <c r="G7783" i="1"/>
  <c r="G7784" i="1"/>
  <c r="G7785" i="1"/>
  <c r="G7786" i="1"/>
  <c r="G7787" i="1"/>
  <c r="G7788" i="1"/>
  <c r="G7789" i="1"/>
  <c r="G7790" i="1"/>
  <c r="G7791" i="1"/>
  <c r="G7792" i="1"/>
  <c r="G7793" i="1"/>
  <c r="G7794" i="1"/>
  <c r="G7795" i="1"/>
  <c r="G7796" i="1"/>
  <c r="G7797" i="1"/>
  <c r="G7798" i="1"/>
  <c r="G7799" i="1"/>
  <c r="G7800" i="1"/>
  <c r="G7801" i="1"/>
  <c r="G7802" i="1"/>
  <c r="G7803" i="1"/>
  <c r="G7804" i="1"/>
  <c r="G7805" i="1"/>
  <c r="G7806" i="1"/>
  <c r="G7807" i="1"/>
  <c r="G7808" i="1"/>
  <c r="G7809" i="1"/>
  <c r="G7810" i="1"/>
  <c r="G7811" i="1"/>
  <c r="G7812" i="1"/>
  <c r="G7813" i="1"/>
  <c r="G7814" i="1"/>
  <c r="G7815" i="1"/>
  <c r="G7816" i="1"/>
  <c r="G7817" i="1"/>
  <c r="G7818" i="1"/>
  <c r="G7819" i="1"/>
  <c r="G7820" i="1"/>
  <c r="G7821" i="1"/>
  <c r="G7822" i="1"/>
  <c r="G7823" i="1"/>
  <c r="G7824" i="1"/>
  <c r="G7825" i="1"/>
  <c r="G7826" i="1"/>
  <c r="G7827" i="1"/>
  <c r="G7828" i="1"/>
  <c r="G7829" i="1"/>
  <c r="G7830" i="1"/>
  <c r="G7831" i="1"/>
  <c r="G7832" i="1"/>
  <c r="G7833" i="1"/>
  <c r="G7834" i="1"/>
  <c r="G7835" i="1"/>
  <c r="G7836" i="1"/>
  <c r="G7837" i="1"/>
  <c r="G7838" i="1"/>
  <c r="G7839" i="1"/>
  <c r="G7840" i="1"/>
  <c r="G7841" i="1"/>
  <c r="G7842" i="1"/>
  <c r="G7843" i="1"/>
  <c r="G7844" i="1"/>
  <c r="G7845" i="1"/>
  <c r="G7846" i="1"/>
  <c r="G7847" i="1"/>
  <c r="G7848" i="1"/>
  <c r="G7849" i="1"/>
  <c r="G7850" i="1"/>
  <c r="G7851" i="1"/>
  <c r="G7852" i="1"/>
  <c r="G7853" i="1"/>
  <c r="G7854" i="1"/>
  <c r="G7855" i="1"/>
  <c r="G7856" i="1"/>
  <c r="G7857" i="1"/>
  <c r="G7858" i="1"/>
  <c r="G7859" i="1"/>
  <c r="G7860" i="1"/>
  <c r="G7861" i="1"/>
  <c r="G7862" i="1"/>
  <c r="G7863" i="1"/>
  <c r="G7864" i="1"/>
  <c r="G7865" i="1"/>
  <c r="G7866" i="1"/>
  <c r="G7867" i="1"/>
  <c r="G7868" i="1"/>
  <c r="G7869" i="1"/>
  <c r="G7870" i="1"/>
  <c r="G7871" i="1"/>
  <c r="G7872" i="1"/>
  <c r="G7873" i="1"/>
  <c r="G7874" i="1"/>
  <c r="G7875" i="1"/>
  <c r="G7876" i="1"/>
  <c r="G7877" i="1"/>
  <c r="G7878" i="1"/>
  <c r="G7879" i="1"/>
  <c r="G7880" i="1"/>
  <c r="G7881" i="1"/>
  <c r="G7882" i="1"/>
  <c r="G7883" i="1"/>
  <c r="G7884" i="1"/>
  <c r="G7885" i="1"/>
  <c r="G7886" i="1"/>
  <c r="G7887" i="1"/>
  <c r="G7888" i="1"/>
  <c r="G7889" i="1"/>
  <c r="G7890" i="1"/>
  <c r="G7891" i="1"/>
  <c r="G7892" i="1"/>
  <c r="G7893" i="1"/>
  <c r="G7894" i="1"/>
  <c r="G7895" i="1"/>
  <c r="G7896" i="1"/>
  <c r="G7897" i="1"/>
  <c r="G7898" i="1"/>
  <c r="G7899" i="1"/>
  <c r="G7900" i="1"/>
  <c r="G7901" i="1"/>
  <c r="G7902" i="1"/>
  <c r="G7903" i="1"/>
  <c r="G7904" i="1"/>
  <c r="G7905" i="1"/>
  <c r="G7906" i="1"/>
  <c r="G7907" i="1"/>
  <c r="G7908" i="1"/>
  <c r="G7909" i="1"/>
  <c r="G7910" i="1"/>
  <c r="G7911" i="1"/>
  <c r="G7912" i="1"/>
  <c r="G7913" i="1"/>
  <c r="G7914" i="1"/>
  <c r="G7915" i="1"/>
  <c r="G7916" i="1"/>
  <c r="G7917" i="1"/>
  <c r="G7918" i="1"/>
  <c r="G7919" i="1"/>
  <c r="G7920" i="1"/>
  <c r="G7921" i="1"/>
  <c r="G7922" i="1"/>
  <c r="G7923" i="1"/>
  <c r="G7924" i="1"/>
  <c r="G7925" i="1"/>
  <c r="G7926" i="1"/>
  <c r="G7927" i="1"/>
  <c r="G7928" i="1"/>
  <c r="G7929" i="1"/>
  <c r="G7930" i="1"/>
  <c r="G7931" i="1"/>
  <c r="G7932" i="1"/>
  <c r="G7933" i="1"/>
  <c r="G7934" i="1"/>
  <c r="G7935" i="1"/>
  <c r="G7936" i="1"/>
  <c r="G7937" i="1"/>
  <c r="G7938" i="1"/>
  <c r="G7939" i="1"/>
  <c r="G7940" i="1"/>
  <c r="G7941" i="1"/>
  <c r="G7942" i="1"/>
  <c r="G7943" i="1"/>
  <c r="G7944" i="1"/>
  <c r="G7945" i="1"/>
  <c r="G7946" i="1"/>
  <c r="G7947" i="1"/>
  <c r="G7948" i="1"/>
  <c r="G7949" i="1"/>
  <c r="G7950" i="1"/>
  <c r="G7951" i="1"/>
  <c r="G7952" i="1"/>
  <c r="G7953" i="1"/>
  <c r="G7954" i="1"/>
  <c r="G7955" i="1"/>
  <c r="G7956" i="1"/>
  <c r="G7957" i="1"/>
  <c r="G7958" i="1"/>
  <c r="G7959" i="1"/>
  <c r="G7960" i="1"/>
  <c r="G7961" i="1"/>
  <c r="G7962" i="1"/>
  <c r="G7963" i="1"/>
  <c r="G7964" i="1"/>
  <c r="G7965" i="1"/>
  <c r="G7966" i="1"/>
  <c r="G7967" i="1"/>
  <c r="G7968" i="1"/>
  <c r="G7969" i="1"/>
  <c r="G7970" i="1"/>
  <c r="G7971" i="1"/>
  <c r="G7972" i="1"/>
  <c r="G7973" i="1"/>
  <c r="G7974" i="1"/>
  <c r="G7975" i="1"/>
  <c r="G7976" i="1"/>
  <c r="G7977" i="1"/>
  <c r="G7978" i="1"/>
  <c r="G7979" i="1"/>
  <c r="G7980" i="1"/>
  <c r="G7981" i="1"/>
  <c r="G7982" i="1"/>
  <c r="G7983" i="1"/>
  <c r="G7984" i="1"/>
  <c r="G7985" i="1"/>
  <c r="G7986" i="1"/>
  <c r="G7987" i="1"/>
  <c r="G7988" i="1"/>
  <c r="G7989" i="1"/>
  <c r="G7990" i="1"/>
  <c r="G7991" i="1"/>
  <c r="G7992" i="1"/>
  <c r="G7993" i="1"/>
  <c r="G7994" i="1"/>
  <c r="G7995" i="1"/>
  <c r="G7996" i="1"/>
  <c r="G7997" i="1"/>
  <c r="G7998" i="1"/>
  <c r="G7999" i="1"/>
  <c r="G8000" i="1"/>
  <c r="G8001" i="1"/>
  <c r="G8002" i="1"/>
  <c r="G8003" i="1"/>
  <c r="G8004" i="1"/>
  <c r="G8005" i="1"/>
  <c r="G8006" i="1"/>
  <c r="G8007" i="1"/>
  <c r="G8008" i="1"/>
  <c r="G8009" i="1"/>
  <c r="G8010" i="1"/>
  <c r="G8011" i="1"/>
  <c r="G8012" i="1"/>
  <c r="G8013" i="1"/>
  <c r="G8014" i="1"/>
  <c r="G8015" i="1"/>
  <c r="G8016" i="1"/>
  <c r="G8017" i="1"/>
  <c r="G8018" i="1"/>
  <c r="G8019" i="1"/>
  <c r="G8020" i="1"/>
  <c r="G8021" i="1"/>
  <c r="G8022" i="1"/>
  <c r="G8023" i="1"/>
  <c r="G8024" i="1"/>
  <c r="G8025" i="1"/>
  <c r="G8026" i="1"/>
  <c r="G8027" i="1"/>
  <c r="G8028" i="1"/>
  <c r="G8029" i="1"/>
  <c r="G8030" i="1"/>
  <c r="G8031" i="1"/>
  <c r="G8032" i="1"/>
  <c r="G8033" i="1"/>
  <c r="G8034" i="1"/>
  <c r="G8035" i="1"/>
  <c r="G8036" i="1"/>
  <c r="G8037" i="1"/>
  <c r="G8038" i="1"/>
  <c r="G8039" i="1"/>
  <c r="G8040" i="1"/>
  <c r="G8041" i="1"/>
  <c r="G8042" i="1"/>
  <c r="G8043" i="1"/>
  <c r="G8044" i="1"/>
  <c r="G8045" i="1"/>
  <c r="G8046" i="1"/>
  <c r="G8047" i="1"/>
  <c r="G8048" i="1"/>
  <c r="G8049" i="1"/>
  <c r="G8050" i="1"/>
  <c r="G8051" i="1"/>
  <c r="G8052" i="1"/>
  <c r="G8053" i="1"/>
  <c r="G8054" i="1"/>
  <c r="G8055" i="1"/>
  <c r="G8056" i="1"/>
  <c r="G8057" i="1"/>
  <c r="G8058" i="1"/>
  <c r="G8059" i="1"/>
  <c r="G8060" i="1"/>
  <c r="G8061" i="1"/>
  <c r="G8062" i="1"/>
  <c r="G8063" i="1"/>
  <c r="G8064" i="1"/>
  <c r="G8065" i="1"/>
  <c r="G8066" i="1"/>
  <c r="G8067" i="1"/>
  <c r="G8068" i="1"/>
  <c r="G8069" i="1"/>
  <c r="G8070" i="1"/>
  <c r="G8071" i="1"/>
  <c r="G8072" i="1"/>
  <c r="G8073" i="1"/>
  <c r="G8074" i="1"/>
  <c r="G8075" i="1"/>
  <c r="G8076" i="1"/>
  <c r="G8077" i="1"/>
  <c r="G8078" i="1"/>
  <c r="G8079" i="1"/>
  <c r="G8080" i="1"/>
  <c r="G8081" i="1"/>
  <c r="G8082" i="1"/>
  <c r="G8083" i="1"/>
  <c r="G8084" i="1"/>
  <c r="G8085" i="1"/>
  <c r="G8086" i="1"/>
  <c r="G8087" i="1"/>
  <c r="G8088" i="1"/>
  <c r="G8089" i="1"/>
  <c r="G8090" i="1"/>
  <c r="G8091" i="1"/>
  <c r="G8092" i="1"/>
  <c r="G8093" i="1"/>
  <c r="G8094" i="1"/>
  <c r="G8095" i="1"/>
  <c r="G8096" i="1"/>
  <c r="G8097" i="1"/>
  <c r="G8098" i="1"/>
  <c r="G8099" i="1"/>
  <c r="G8100" i="1"/>
  <c r="G8101" i="1"/>
  <c r="G8102" i="1"/>
  <c r="G8103" i="1"/>
  <c r="G8104" i="1"/>
  <c r="G8105" i="1"/>
  <c r="G8106" i="1"/>
  <c r="G8107" i="1"/>
  <c r="G8108" i="1"/>
  <c r="G8109" i="1"/>
  <c r="G8110" i="1"/>
  <c r="G8111" i="1"/>
  <c r="G8112" i="1"/>
  <c r="G8113" i="1"/>
  <c r="G8114" i="1"/>
  <c r="G8115" i="1"/>
  <c r="G8116" i="1"/>
  <c r="G8117" i="1"/>
  <c r="G8118" i="1"/>
  <c r="G8119" i="1"/>
  <c r="G8120" i="1"/>
  <c r="G8121" i="1"/>
  <c r="G8122" i="1"/>
  <c r="G8123" i="1"/>
  <c r="G8124" i="1"/>
  <c r="G8125" i="1"/>
  <c r="G8126" i="1"/>
  <c r="G8127" i="1"/>
  <c r="G8128" i="1"/>
  <c r="G8129" i="1"/>
  <c r="G8130" i="1"/>
  <c r="G8131" i="1"/>
  <c r="G8132" i="1"/>
  <c r="G8133" i="1"/>
  <c r="G8134" i="1"/>
  <c r="G8135" i="1"/>
  <c r="G8136" i="1"/>
  <c r="G8137" i="1"/>
  <c r="G8138" i="1"/>
  <c r="G8139" i="1"/>
  <c r="G8140" i="1"/>
  <c r="G8141" i="1"/>
  <c r="G8142" i="1"/>
  <c r="G8143" i="1"/>
  <c r="G8144" i="1"/>
  <c r="G8145" i="1"/>
  <c r="G8146" i="1"/>
  <c r="G8147" i="1"/>
  <c r="G8148" i="1"/>
  <c r="G8149" i="1"/>
  <c r="G8150" i="1"/>
  <c r="G8151" i="1"/>
  <c r="G8152" i="1"/>
  <c r="G8153" i="1"/>
  <c r="G8154" i="1"/>
  <c r="G8155" i="1"/>
  <c r="G8156" i="1"/>
  <c r="G8157" i="1"/>
  <c r="G8158" i="1"/>
  <c r="G8159" i="1"/>
  <c r="G8160" i="1"/>
  <c r="G8161" i="1"/>
  <c r="G8162" i="1"/>
  <c r="G8163" i="1"/>
  <c r="G8164" i="1"/>
  <c r="G8165" i="1"/>
  <c r="G8166" i="1"/>
  <c r="G8167" i="1"/>
  <c r="G8168" i="1"/>
  <c r="G8169" i="1"/>
  <c r="G8170" i="1"/>
  <c r="G8171" i="1"/>
  <c r="G8172" i="1"/>
  <c r="G8173" i="1"/>
  <c r="G8174" i="1"/>
  <c r="G8175" i="1"/>
  <c r="G8176" i="1"/>
  <c r="G8177" i="1"/>
  <c r="G8178" i="1"/>
  <c r="G8179" i="1"/>
  <c r="G8180" i="1"/>
  <c r="G8181" i="1"/>
  <c r="G8182" i="1"/>
  <c r="G8183" i="1"/>
  <c r="G8184" i="1"/>
  <c r="G8185" i="1"/>
  <c r="G8186" i="1"/>
  <c r="G8187" i="1"/>
  <c r="G8188" i="1"/>
  <c r="G8189" i="1"/>
  <c r="G8190" i="1"/>
  <c r="G8191" i="1"/>
  <c r="G8192" i="1"/>
  <c r="G8193" i="1"/>
  <c r="G8194" i="1"/>
  <c r="G8195" i="1"/>
  <c r="G8196" i="1"/>
  <c r="G8197" i="1"/>
  <c r="G8198" i="1"/>
  <c r="G8199" i="1"/>
  <c r="G8200" i="1"/>
  <c r="G8201" i="1"/>
  <c r="G8202" i="1"/>
  <c r="G8203" i="1"/>
  <c r="G8204" i="1"/>
  <c r="G8205" i="1"/>
  <c r="G8206" i="1"/>
  <c r="G8207" i="1"/>
  <c r="G8208" i="1"/>
  <c r="G8209" i="1"/>
  <c r="G8210" i="1"/>
  <c r="G8211" i="1"/>
  <c r="G8212" i="1"/>
  <c r="G8213" i="1"/>
  <c r="G8214" i="1"/>
  <c r="G8215" i="1"/>
  <c r="G8216" i="1"/>
  <c r="G8217" i="1"/>
  <c r="G8218" i="1"/>
  <c r="G8219" i="1"/>
  <c r="G8220" i="1"/>
  <c r="G8221" i="1"/>
  <c r="G8222" i="1"/>
  <c r="G8223" i="1"/>
  <c r="G8224" i="1"/>
  <c r="G8225" i="1"/>
  <c r="G8226" i="1"/>
  <c r="G8227" i="1"/>
  <c r="G8228" i="1"/>
  <c r="G8229" i="1"/>
  <c r="G8230" i="1"/>
  <c r="G8231" i="1"/>
  <c r="G8232" i="1"/>
  <c r="G8233" i="1"/>
  <c r="G8234" i="1"/>
  <c r="G8235" i="1"/>
  <c r="G8236" i="1"/>
  <c r="G8237" i="1"/>
  <c r="G8238" i="1"/>
  <c r="G8239" i="1"/>
  <c r="G8240" i="1"/>
  <c r="G8241" i="1"/>
  <c r="G8242" i="1"/>
  <c r="G8243" i="1"/>
  <c r="G8244" i="1"/>
  <c r="G8245" i="1"/>
  <c r="G8246" i="1"/>
  <c r="G8247" i="1"/>
  <c r="G8248" i="1"/>
  <c r="G8249" i="1"/>
  <c r="G8250" i="1"/>
  <c r="G8251" i="1"/>
  <c r="G8252" i="1"/>
  <c r="G8253" i="1"/>
  <c r="G8254" i="1"/>
  <c r="G8255" i="1"/>
  <c r="G8256" i="1"/>
  <c r="G8257" i="1"/>
  <c r="G8258" i="1"/>
  <c r="G8259" i="1"/>
  <c r="G8260" i="1"/>
  <c r="G8261" i="1"/>
  <c r="G8262" i="1"/>
  <c r="G8263" i="1"/>
  <c r="G8264" i="1"/>
  <c r="G8265" i="1"/>
  <c r="G8266" i="1"/>
  <c r="G8267" i="1"/>
  <c r="G8268" i="1"/>
  <c r="G8269" i="1"/>
  <c r="G8270" i="1"/>
  <c r="G8271" i="1"/>
  <c r="G8272" i="1"/>
  <c r="G8273" i="1"/>
  <c r="G8274" i="1"/>
  <c r="G8275" i="1"/>
  <c r="G8276" i="1"/>
  <c r="G8277" i="1"/>
  <c r="G8278" i="1"/>
  <c r="G8279" i="1"/>
  <c r="G8280" i="1"/>
  <c r="G8281" i="1"/>
  <c r="G8282" i="1"/>
  <c r="G8283" i="1"/>
  <c r="G8284" i="1"/>
  <c r="G8285" i="1"/>
  <c r="G8286" i="1"/>
  <c r="G8287" i="1"/>
  <c r="G8288" i="1"/>
  <c r="G8289" i="1"/>
  <c r="G8290" i="1"/>
  <c r="G8291" i="1"/>
  <c r="G8292" i="1"/>
  <c r="G8293" i="1"/>
  <c r="G8294" i="1"/>
  <c r="G8295" i="1"/>
  <c r="G8296" i="1"/>
  <c r="G8297" i="1"/>
  <c r="G8298" i="1"/>
  <c r="G8299" i="1"/>
  <c r="G8300" i="1"/>
  <c r="G8301" i="1"/>
  <c r="G8302" i="1"/>
  <c r="G8303" i="1"/>
  <c r="G8304" i="1"/>
  <c r="G8305" i="1"/>
  <c r="G8306" i="1"/>
  <c r="G8307" i="1"/>
  <c r="G8308" i="1"/>
  <c r="G8309" i="1"/>
  <c r="G8310" i="1"/>
  <c r="G8311" i="1"/>
  <c r="G8312" i="1"/>
  <c r="G8313" i="1"/>
  <c r="G8314" i="1"/>
  <c r="G8315" i="1"/>
  <c r="G8316" i="1"/>
  <c r="G8317" i="1"/>
  <c r="G8318" i="1"/>
  <c r="G8319" i="1"/>
  <c r="G8320" i="1"/>
  <c r="G8321" i="1"/>
  <c r="G8322" i="1"/>
  <c r="G8323" i="1"/>
  <c r="G8324" i="1"/>
  <c r="G8325" i="1"/>
  <c r="G8326" i="1"/>
  <c r="G8327" i="1"/>
  <c r="G8328" i="1"/>
  <c r="G8329" i="1"/>
  <c r="G8330" i="1"/>
  <c r="G8331" i="1"/>
  <c r="G8332" i="1"/>
  <c r="G8333" i="1"/>
  <c r="G8334" i="1"/>
  <c r="G8335" i="1"/>
  <c r="G8336" i="1"/>
  <c r="G8337" i="1"/>
  <c r="G8338" i="1"/>
  <c r="G8339" i="1"/>
  <c r="G8340" i="1"/>
  <c r="G8341" i="1"/>
  <c r="G8342" i="1"/>
  <c r="G8343" i="1"/>
  <c r="G8344" i="1"/>
  <c r="G8345" i="1"/>
  <c r="G8346" i="1"/>
  <c r="G8347" i="1"/>
  <c r="G8348" i="1"/>
  <c r="G8349" i="1"/>
  <c r="G8350" i="1"/>
  <c r="G8351" i="1"/>
  <c r="G8352" i="1"/>
  <c r="G8353" i="1"/>
  <c r="G8354" i="1"/>
  <c r="G8355" i="1"/>
  <c r="G8356" i="1"/>
  <c r="G8357" i="1"/>
  <c r="G8358" i="1"/>
  <c r="G8359" i="1"/>
  <c r="G8360" i="1"/>
  <c r="G8361" i="1"/>
  <c r="G8362" i="1"/>
  <c r="G8363" i="1"/>
  <c r="G8364" i="1"/>
  <c r="G8365" i="1"/>
  <c r="G8366" i="1"/>
  <c r="G8367" i="1"/>
  <c r="G8368" i="1"/>
  <c r="G8369" i="1"/>
  <c r="G8370" i="1"/>
  <c r="G8371" i="1"/>
  <c r="G8372" i="1"/>
  <c r="G8373" i="1"/>
  <c r="G8374" i="1"/>
  <c r="G8375" i="1"/>
  <c r="G8376" i="1"/>
  <c r="G8377" i="1"/>
  <c r="G8378" i="1"/>
  <c r="G8379" i="1"/>
  <c r="G8380" i="1"/>
  <c r="G8381" i="1"/>
  <c r="G8382" i="1"/>
  <c r="G8383" i="1"/>
  <c r="G8384" i="1"/>
  <c r="G8385" i="1"/>
  <c r="G8386" i="1"/>
  <c r="G8387" i="1"/>
  <c r="G8388" i="1"/>
  <c r="G8389" i="1"/>
  <c r="G8390" i="1"/>
  <c r="G8391" i="1"/>
  <c r="G8392" i="1"/>
  <c r="G8393" i="1"/>
  <c r="G8394" i="1"/>
  <c r="G8395" i="1"/>
  <c r="G8396" i="1"/>
  <c r="G8397" i="1"/>
  <c r="G8398" i="1"/>
  <c r="G8399" i="1"/>
  <c r="G8400" i="1"/>
  <c r="G8401" i="1"/>
  <c r="G8402" i="1"/>
  <c r="G8403" i="1"/>
  <c r="G8404" i="1"/>
  <c r="G8405" i="1"/>
  <c r="G8406" i="1"/>
  <c r="G8407" i="1"/>
  <c r="G8408" i="1"/>
  <c r="G8409" i="1"/>
  <c r="G8410" i="1"/>
  <c r="G8411" i="1"/>
  <c r="G8412" i="1"/>
  <c r="G8413" i="1"/>
  <c r="G8414" i="1"/>
  <c r="G8415" i="1"/>
  <c r="G8416" i="1"/>
  <c r="G8417" i="1"/>
  <c r="G8418" i="1"/>
  <c r="G8419" i="1"/>
  <c r="G8420" i="1"/>
  <c r="G8421" i="1"/>
  <c r="G8422" i="1"/>
  <c r="G8423" i="1"/>
  <c r="G8424" i="1"/>
  <c r="G8425" i="1"/>
  <c r="G8426" i="1"/>
  <c r="G8427" i="1"/>
  <c r="G8428" i="1"/>
  <c r="G8429" i="1"/>
  <c r="G8430" i="1"/>
  <c r="G8431" i="1"/>
  <c r="G8432" i="1"/>
  <c r="G8433" i="1"/>
  <c r="G8434" i="1"/>
  <c r="G8435" i="1"/>
  <c r="G8436" i="1"/>
  <c r="G8437" i="1"/>
  <c r="G8438" i="1"/>
  <c r="G8439" i="1"/>
  <c r="G8440" i="1"/>
  <c r="G8441" i="1"/>
  <c r="G8442" i="1"/>
  <c r="G8443" i="1"/>
  <c r="G8444" i="1"/>
  <c r="G8445" i="1"/>
  <c r="G8446" i="1"/>
  <c r="G8447" i="1"/>
  <c r="G8448" i="1"/>
  <c r="G8449" i="1"/>
  <c r="G8450" i="1"/>
  <c r="G8451" i="1"/>
  <c r="G8452" i="1"/>
  <c r="G8453" i="1"/>
  <c r="G8454" i="1"/>
  <c r="G8455" i="1"/>
  <c r="G8456" i="1"/>
  <c r="G8457" i="1"/>
  <c r="G8458" i="1"/>
  <c r="G8459" i="1"/>
  <c r="G8460" i="1"/>
  <c r="G8461" i="1"/>
  <c r="G8462" i="1"/>
  <c r="G8463" i="1"/>
  <c r="G8464" i="1"/>
  <c r="G8465" i="1"/>
  <c r="G8466" i="1"/>
  <c r="G8467" i="1"/>
  <c r="G8468" i="1"/>
  <c r="G8469" i="1"/>
  <c r="G8470" i="1"/>
  <c r="G8471" i="1"/>
  <c r="G8472" i="1"/>
  <c r="G8473" i="1"/>
  <c r="G8474" i="1"/>
  <c r="G8475" i="1"/>
  <c r="G8476" i="1"/>
  <c r="G8477" i="1"/>
  <c r="G8478" i="1"/>
  <c r="G8479" i="1"/>
  <c r="G8480" i="1"/>
  <c r="G8481" i="1"/>
  <c r="G8482" i="1"/>
  <c r="G8483" i="1"/>
  <c r="G8484" i="1"/>
  <c r="G8485" i="1"/>
  <c r="G8486" i="1"/>
  <c r="G8487" i="1"/>
  <c r="G8488" i="1"/>
  <c r="G8489" i="1"/>
  <c r="G8490" i="1"/>
  <c r="G8491" i="1"/>
  <c r="G8492" i="1"/>
  <c r="G8493" i="1"/>
  <c r="G8494" i="1"/>
  <c r="G8495" i="1"/>
  <c r="G8496" i="1"/>
  <c r="G8497" i="1"/>
  <c r="G8498" i="1"/>
  <c r="G8499" i="1"/>
  <c r="G8500" i="1"/>
  <c r="G8501" i="1"/>
  <c r="G8502" i="1"/>
  <c r="G8503" i="1"/>
  <c r="G8504" i="1"/>
  <c r="G8505" i="1"/>
  <c r="G8506" i="1"/>
  <c r="G8507" i="1"/>
  <c r="G8508" i="1"/>
  <c r="G8509" i="1"/>
  <c r="G8510" i="1"/>
  <c r="G8511" i="1"/>
  <c r="G8512" i="1"/>
  <c r="G8513" i="1"/>
  <c r="G8514" i="1"/>
  <c r="G8515" i="1"/>
  <c r="G8516" i="1"/>
  <c r="G8517" i="1"/>
  <c r="G8518" i="1"/>
  <c r="G8519" i="1"/>
  <c r="G8520" i="1"/>
  <c r="G8521" i="1"/>
  <c r="G8522" i="1"/>
  <c r="G8523" i="1"/>
  <c r="G8524" i="1"/>
  <c r="G8525" i="1"/>
  <c r="G8526" i="1"/>
  <c r="G8527" i="1"/>
  <c r="G8528" i="1"/>
  <c r="G8529" i="1"/>
  <c r="G8530" i="1"/>
  <c r="G8531" i="1"/>
  <c r="G8532" i="1"/>
  <c r="G8533" i="1"/>
  <c r="G8534" i="1"/>
  <c r="G8535" i="1"/>
  <c r="G8536" i="1"/>
  <c r="G8537" i="1"/>
  <c r="G8538" i="1"/>
  <c r="G8539" i="1"/>
  <c r="G8540" i="1"/>
  <c r="G8541" i="1"/>
  <c r="G8542" i="1"/>
  <c r="G8543" i="1"/>
  <c r="G8544" i="1"/>
  <c r="G8545" i="1"/>
  <c r="G8546" i="1"/>
  <c r="G8547" i="1"/>
  <c r="G8548" i="1"/>
  <c r="G8549" i="1"/>
  <c r="G8550" i="1"/>
  <c r="G8551" i="1"/>
  <c r="G8552" i="1"/>
  <c r="G8553" i="1"/>
  <c r="G8554" i="1"/>
  <c r="G8555" i="1"/>
  <c r="G8556" i="1"/>
  <c r="G8557" i="1"/>
  <c r="G8558" i="1"/>
  <c r="G8559" i="1"/>
  <c r="G8560" i="1"/>
  <c r="G8561" i="1"/>
  <c r="G8562" i="1"/>
  <c r="G8563" i="1"/>
  <c r="G8564" i="1"/>
  <c r="G8565" i="1"/>
  <c r="G8566" i="1"/>
  <c r="G8567" i="1"/>
  <c r="G8568" i="1"/>
  <c r="G8569" i="1"/>
  <c r="G8570" i="1"/>
  <c r="G8571" i="1"/>
  <c r="G8572" i="1"/>
  <c r="G8573" i="1"/>
  <c r="G8574" i="1"/>
  <c r="G8575" i="1"/>
  <c r="G8576" i="1"/>
  <c r="G8577" i="1"/>
  <c r="G8578" i="1"/>
  <c r="G8579" i="1"/>
  <c r="G8580" i="1"/>
  <c r="G8581" i="1"/>
  <c r="G8582" i="1"/>
  <c r="G8583" i="1"/>
  <c r="G8584" i="1"/>
  <c r="G8585" i="1"/>
  <c r="G8586" i="1"/>
  <c r="G8587" i="1"/>
  <c r="G8588" i="1"/>
  <c r="G8589" i="1"/>
  <c r="G8590" i="1"/>
  <c r="G8591" i="1"/>
  <c r="G8592" i="1"/>
  <c r="G8593" i="1"/>
  <c r="G8594" i="1"/>
  <c r="G8595" i="1"/>
  <c r="G8596" i="1"/>
  <c r="G8597" i="1"/>
  <c r="G8598" i="1"/>
  <c r="G8599" i="1"/>
  <c r="G8600" i="1"/>
  <c r="G8601" i="1"/>
  <c r="G8602" i="1"/>
  <c r="G8603" i="1"/>
  <c r="G8604" i="1"/>
  <c r="G8605" i="1"/>
  <c r="G8606" i="1"/>
  <c r="G8607" i="1"/>
  <c r="G8608" i="1"/>
  <c r="G8609" i="1"/>
  <c r="G8610" i="1"/>
  <c r="G8611" i="1"/>
  <c r="G8612" i="1"/>
  <c r="G8613" i="1"/>
  <c r="G8614" i="1"/>
  <c r="G8615" i="1"/>
  <c r="G8616" i="1"/>
  <c r="G8617" i="1"/>
  <c r="G8618" i="1"/>
  <c r="G8619" i="1"/>
  <c r="G8620" i="1"/>
  <c r="G8621" i="1"/>
  <c r="G8622" i="1"/>
  <c r="G8623" i="1"/>
  <c r="G8624" i="1"/>
  <c r="G8625" i="1"/>
  <c r="G8626" i="1"/>
  <c r="G8627" i="1"/>
  <c r="G8628" i="1"/>
  <c r="G8629" i="1"/>
  <c r="G8630" i="1"/>
  <c r="G8631" i="1"/>
  <c r="G8632" i="1"/>
  <c r="G8633" i="1"/>
  <c r="G8634" i="1"/>
  <c r="G8635" i="1"/>
  <c r="G8636" i="1"/>
  <c r="G8637" i="1"/>
  <c r="G8638" i="1"/>
  <c r="G8639" i="1"/>
  <c r="G8640" i="1"/>
  <c r="G8641" i="1"/>
  <c r="G8642" i="1"/>
  <c r="G8643" i="1"/>
  <c r="G8644" i="1"/>
  <c r="G8645" i="1"/>
  <c r="G8646" i="1"/>
  <c r="G8647" i="1"/>
  <c r="G8648" i="1"/>
  <c r="G8649" i="1"/>
  <c r="G8650" i="1"/>
  <c r="G8651" i="1"/>
  <c r="G8652" i="1"/>
  <c r="G8653" i="1"/>
  <c r="G8654" i="1"/>
  <c r="G8655" i="1"/>
  <c r="G8656" i="1"/>
  <c r="G8657" i="1"/>
  <c r="G8658" i="1"/>
  <c r="G8659" i="1"/>
  <c r="G8660" i="1"/>
  <c r="G8661" i="1"/>
  <c r="G8662" i="1"/>
  <c r="G8663" i="1"/>
  <c r="G8664" i="1"/>
  <c r="G8665" i="1"/>
  <c r="G8666" i="1"/>
  <c r="G8667" i="1"/>
  <c r="G8668" i="1"/>
  <c r="G8669" i="1"/>
  <c r="G8670" i="1"/>
  <c r="G8671" i="1"/>
  <c r="G8672" i="1"/>
  <c r="G8673" i="1"/>
  <c r="G8674" i="1"/>
  <c r="G8675" i="1"/>
  <c r="G8676" i="1"/>
  <c r="G8677" i="1"/>
  <c r="G8678" i="1"/>
  <c r="G8679" i="1"/>
  <c r="G8680" i="1"/>
  <c r="G8681" i="1"/>
  <c r="G8682" i="1"/>
  <c r="G8683" i="1"/>
  <c r="G8684" i="1"/>
  <c r="G8685" i="1"/>
  <c r="G8686" i="1"/>
  <c r="G8687" i="1"/>
  <c r="G8688" i="1"/>
  <c r="G8689" i="1"/>
  <c r="G8690" i="1"/>
  <c r="G8691" i="1"/>
  <c r="G8692" i="1"/>
  <c r="G8693" i="1"/>
  <c r="G8694" i="1"/>
  <c r="G8695" i="1"/>
  <c r="G8696" i="1"/>
  <c r="G8697" i="1"/>
  <c r="G8698" i="1"/>
  <c r="G8699" i="1"/>
  <c r="G8700" i="1"/>
  <c r="G8701" i="1"/>
  <c r="G8702" i="1"/>
  <c r="G8703" i="1"/>
  <c r="G8704" i="1"/>
  <c r="G8705" i="1"/>
  <c r="G8706" i="1"/>
  <c r="G8707" i="1"/>
  <c r="G8708" i="1"/>
  <c r="G8709" i="1"/>
  <c r="G8710" i="1"/>
  <c r="G8711" i="1"/>
  <c r="G8712" i="1"/>
  <c r="G8713" i="1"/>
  <c r="G8714" i="1"/>
  <c r="G8715" i="1"/>
  <c r="G8716" i="1"/>
  <c r="G8717" i="1"/>
  <c r="G8718" i="1"/>
  <c r="G8719" i="1"/>
  <c r="G8720" i="1"/>
  <c r="G8721" i="1"/>
  <c r="G8722" i="1"/>
  <c r="G8723" i="1"/>
  <c r="G8724" i="1"/>
  <c r="G8725" i="1"/>
  <c r="G8726" i="1"/>
  <c r="G8727" i="1"/>
  <c r="G8728" i="1"/>
  <c r="G8729" i="1"/>
  <c r="G8730" i="1"/>
  <c r="G8731" i="1"/>
  <c r="G8732" i="1"/>
  <c r="G8733" i="1"/>
  <c r="G8734" i="1"/>
  <c r="G8735" i="1"/>
  <c r="G8736" i="1"/>
  <c r="G8737" i="1"/>
  <c r="G8738" i="1"/>
  <c r="G8739" i="1"/>
  <c r="G8740" i="1"/>
  <c r="G8741" i="1"/>
  <c r="G8742" i="1"/>
  <c r="G8743" i="1"/>
  <c r="G8744" i="1"/>
  <c r="G8745" i="1"/>
  <c r="G8746" i="1"/>
  <c r="G8747" i="1"/>
  <c r="G8748" i="1"/>
  <c r="G8749" i="1"/>
  <c r="G8750" i="1"/>
  <c r="G8751" i="1"/>
  <c r="G8752" i="1"/>
  <c r="G8753" i="1"/>
  <c r="G8754" i="1"/>
  <c r="G8755" i="1"/>
  <c r="G8756" i="1"/>
  <c r="G8757" i="1"/>
  <c r="G8758" i="1"/>
  <c r="G8759" i="1"/>
  <c r="G8760" i="1"/>
  <c r="G8761" i="1"/>
  <c r="G8762" i="1"/>
  <c r="G8763" i="1"/>
  <c r="G8764" i="1"/>
  <c r="G8765" i="1"/>
  <c r="G8766" i="1"/>
  <c r="G8767" i="1"/>
  <c r="G8768" i="1"/>
  <c r="G8769" i="1"/>
  <c r="G8770" i="1"/>
  <c r="G8771" i="1"/>
  <c r="G8772" i="1"/>
  <c r="G8773" i="1"/>
  <c r="G8774" i="1"/>
  <c r="G8775" i="1"/>
  <c r="G8776" i="1"/>
  <c r="G8777" i="1"/>
  <c r="G8778" i="1"/>
  <c r="G8779" i="1"/>
  <c r="G8780" i="1"/>
  <c r="G8781" i="1"/>
  <c r="G8782" i="1"/>
  <c r="G8783" i="1"/>
  <c r="G8784" i="1"/>
  <c r="G8785" i="1"/>
  <c r="G8786" i="1"/>
  <c r="G8787" i="1"/>
  <c r="G8788" i="1"/>
  <c r="G8789" i="1"/>
  <c r="G8790" i="1"/>
  <c r="G8791" i="1"/>
  <c r="G8792" i="1"/>
  <c r="G8793" i="1"/>
  <c r="G8794" i="1"/>
  <c r="G8795" i="1"/>
  <c r="G8796" i="1"/>
  <c r="G8797" i="1"/>
  <c r="G8798" i="1"/>
  <c r="G8799" i="1"/>
  <c r="G8800" i="1"/>
  <c r="G8801" i="1"/>
  <c r="G8802" i="1"/>
  <c r="G8803" i="1"/>
  <c r="G8804" i="1"/>
  <c r="G8805" i="1"/>
  <c r="G8806" i="1"/>
  <c r="G8807" i="1"/>
  <c r="G8808" i="1"/>
  <c r="G8809" i="1"/>
  <c r="G8810" i="1"/>
  <c r="G8811" i="1"/>
  <c r="G8812" i="1"/>
  <c r="G8813" i="1"/>
  <c r="G8814" i="1"/>
  <c r="G8815" i="1"/>
  <c r="G8816" i="1"/>
  <c r="G8817" i="1"/>
  <c r="G8818" i="1"/>
  <c r="G8819" i="1"/>
  <c r="G8820" i="1"/>
  <c r="G8821" i="1"/>
  <c r="G8822" i="1"/>
  <c r="G8823" i="1"/>
  <c r="G8824" i="1"/>
  <c r="G8825" i="1"/>
  <c r="G8826" i="1"/>
  <c r="G8827" i="1"/>
  <c r="G8828" i="1"/>
  <c r="G8829" i="1"/>
  <c r="G8830" i="1"/>
  <c r="G8831" i="1"/>
  <c r="G8832" i="1"/>
  <c r="G8833" i="1"/>
  <c r="G8834" i="1"/>
  <c r="G8835" i="1"/>
  <c r="G8836" i="1"/>
  <c r="G8837" i="1"/>
  <c r="G8838" i="1"/>
  <c r="G8839" i="1"/>
  <c r="G8840" i="1"/>
  <c r="G8841" i="1"/>
  <c r="G8842" i="1"/>
  <c r="G8843" i="1"/>
  <c r="G8844" i="1"/>
  <c r="G8845" i="1"/>
  <c r="G8846" i="1"/>
  <c r="G8847" i="1"/>
  <c r="G8848" i="1"/>
  <c r="G8849" i="1"/>
  <c r="G8850" i="1"/>
  <c r="G8851" i="1"/>
  <c r="G8852" i="1"/>
  <c r="G8853" i="1"/>
  <c r="G8854" i="1"/>
  <c r="G8855" i="1"/>
  <c r="G8856" i="1"/>
  <c r="G8857" i="1"/>
  <c r="G8858" i="1"/>
  <c r="G8859" i="1"/>
  <c r="G8860" i="1"/>
  <c r="G8861" i="1"/>
  <c r="G8862" i="1"/>
  <c r="G8863" i="1"/>
  <c r="G8864" i="1"/>
  <c r="G8865" i="1"/>
  <c r="G8866" i="1"/>
  <c r="G8867" i="1"/>
  <c r="G8868" i="1"/>
  <c r="G8869" i="1"/>
  <c r="G8870" i="1"/>
  <c r="G8871" i="1"/>
  <c r="G8872" i="1"/>
  <c r="G8873" i="1"/>
  <c r="G8874" i="1"/>
  <c r="G8875" i="1"/>
  <c r="G8876" i="1"/>
  <c r="G8877" i="1"/>
  <c r="G8878" i="1"/>
  <c r="G8879" i="1"/>
  <c r="G8880" i="1"/>
  <c r="G8881" i="1"/>
  <c r="G8882" i="1"/>
  <c r="G8883" i="1"/>
  <c r="G8884" i="1"/>
  <c r="G8885" i="1"/>
  <c r="G8886" i="1"/>
  <c r="G8887" i="1"/>
  <c r="G8888" i="1"/>
  <c r="G8889" i="1"/>
  <c r="G8890" i="1"/>
  <c r="G8891" i="1"/>
  <c r="G8892" i="1"/>
  <c r="G8893" i="1"/>
  <c r="G8894" i="1"/>
  <c r="G8895" i="1"/>
  <c r="G8896" i="1"/>
  <c r="G8897" i="1"/>
  <c r="G8898" i="1"/>
  <c r="G8899" i="1"/>
  <c r="G8900" i="1"/>
  <c r="G8901" i="1"/>
  <c r="G8902" i="1"/>
  <c r="G8903" i="1"/>
  <c r="G8904" i="1"/>
  <c r="G8905" i="1"/>
  <c r="G8906" i="1"/>
  <c r="G8907" i="1"/>
  <c r="G8908" i="1"/>
  <c r="G8909" i="1"/>
  <c r="G8910" i="1"/>
  <c r="G8911" i="1"/>
  <c r="G8912" i="1"/>
  <c r="G8913" i="1"/>
  <c r="G8914" i="1"/>
  <c r="G8915" i="1"/>
  <c r="G8916" i="1"/>
  <c r="G8917" i="1"/>
  <c r="G8918" i="1"/>
  <c r="G8919" i="1"/>
  <c r="G8920" i="1"/>
  <c r="G8921" i="1"/>
  <c r="G8922" i="1"/>
  <c r="G8923" i="1"/>
  <c r="G8924" i="1"/>
  <c r="G8925" i="1"/>
  <c r="G8926" i="1"/>
  <c r="G8927" i="1"/>
  <c r="G8928" i="1"/>
  <c r="G8929" i="1"/>
  <c r="G8930" i="1"/>
  <c r="G8931" i="1"/>
  <c r="G8932" i="1"/>
  <c r="G8933" i="1"/>
  <c r="G8934" i="1"/>
  <c r="G8935" i="1"/>
  <c r="G8936" i="1"/>
  <c r="G8937" i="1"/>
  <c r="G8938" i="1"/>
  <c r="G8939" i="1"/>
  <c r="G8940" i="1"/>
  <c r="G8941" i="1"/>
  <c r="G8942" i="1"/>
  <c r="G8943" i="1"/>
  <c r="G8944" i="1"/>
  <c r="G8945" i="1"/>
  <c r="G8946" i="1"/>
  <c r="G8947" i="1"/>
  <c r="G8948" i="1"/>
  <c r="G8949" i="1"/>
  <c r="G8950" i="1"/>
  <c r="G8951" i="1"/>
  <c r="G8952" i="1"/>
  <c r="G8953" i="1"/>
  <c r="G8954" i="1"/>
  <c r="G8955" i="1"/>
  <c r="G8956" i="1"/>
  <c r="G8957" i="1"/>
  <c r="G8958" i="1"/>
  <c r="G8959" i="1"/>
  <c r="G8960" i="1"/>
  <c r="G8961" i="1"/>
  <c r="G8962" i="1"/>
  <c r="G8963" i="1"/>
  <c r="G8964" i="1"/>
  <c r="G8965" i="1"/>
  <c r="G8966" i="1"/>
  <c r="G8967" i="1"/>
  <c r="G8968" i="1"/>
  <c r="G8969" i="1"/>
  <c r="G8970" i="1"/>
  <c r="G8971" i="1"/>
  <c r="G8972" i="1"/>
  <c r="G8973" i="1"/>
  <c r="G8974" i="1"/>
  <c r="G8975" i="1"/>
  <c r="G8976" i="1"/>
  <c r="G8977" i="1"/>
  <c r="G8978" i="1"/>
  <c r="G8979" i="1"/>
  <c r="G8980" i="1"/>
  <c r="G8981" i="1"/>
  <c r="G8982" i="1"/>
  <c r="G8983" i="1"/>
  <c r="G8984" i="1"/>
  <c r="G8985" i="1"/>
  <c r="G8986" i="1"/>
  <c r="G8987" i="1"/>
  <c r="G8988" i="1"/>
  <c r="G8989" i="1"/>
  <c r="G8990" i="1"/>
  <c r="G8991" i="1"/>
  <c r="G8992" i="1"/>
  <c r="G8993" i="1"/>
  <c r="G8994" i="1"/>
  <c r="G8995" i="1"/>
  <c r="G8996" i="1"/>
  <c r="G8997" i="1"/>
  <c r="G8998" i="1"/>
  <c r="G8999" i="1"/>
  <c r="G9000" i="1"/>
  <c r="G9001" i="1"/>
  <c r="G9002" i="1"/>
  <c r="G9003" i="1"/>
  <c r="G9004" i="1"/>
  <c r="G9005" i="1"/>
  <c r="G9006" i="1"/>
  <c r="G9007" i="1"/>
  <c r="G9008" i="1"/>
  <c r="G9009" i="1"/>
  <c r="G9010" i="1"/>
  <c r="G9011" i="1"/>
  <c r="G9012" i="1"/>
  <c r="G9013" i="1"/>
  <c r="G9014" i="1"/>
  <c r="G9015" i="1"/>
  <c r="G9016" i="1"/>
  <c r="G9017" i="1"/>
  <c r="G9018" i="1"/>
  <c r="G9019" i="1"/>
  <c r="G9020" i="1"/>
  <c r="G9021" i="1"/>
  <c r="G9022" i="1"/>
  <c r="G9023" i="1"/>
  <c r="G9024" i="1"/>
  <c r="G9025" i="1"/>
  <c r="G9026" i="1"/>
  <c r="G9027" i="1"/>
  <c r="G9028" i="1"/>
  <c r="G9029" i="1"/>
  <c r="G9030" i="1"/>
  <c r="G9031" i="1"/>
  <c r="G9032" i="1"/>
  <c r="G9033" i="1"/>
  <c r="G9034" i="1"/>
  <c r="G9035" i="1"/>
  <c r="G9036" i="1"/>
  <c r="G9037" i="1"/>
  <c r="G9038" i="1"/>
  <c r="G9039" i="1"/>
  <c r="G9040" i="1"/>
  <c r="G9041" i="1"/>
  <c r="G9042" i="1"/>
  <c r="G9043" i="1"/>
  <c r="G9044" i="1"/>
  <c r="G9045" i="1"/>
  <c r="G9046" i="1"/>
  <c r="G9047" i="1"/>
  <c r="G9048" i="1"/>
  <c r="G9049" i="1"/>
  <c r="G9050" i="1"/>
  <c r="G9051" i="1"/>
  <c r="G9052" i="1"/>
  <c r="G9053" i="1"/>
  <c r="G9054" i="1"/>
  <c r="G9055" i="1"/>
  <c r="G9056" i="1"/>
  <c r="G9057" i="1"/>
  <c r="G9058" i="1"/>
  <c r="G9059" i="1"/>
  <c r="G9060" i="1"/>
  <c r="G9061" i="1"/>
  <c r="G9062" i="1"/>
  <c r="G9063" i="1"/>
  <c r="G9064" i="1"/>
  <c r="G9065" i="1"/>
  <c r="G9066" i="1"/>
  <c r="G9067" i="1"/>
  <c r="G9068" i="1"/>
  <c r="G9069" i="1"/>
  <c r="G9070" i="1"/>
  <c r="G9071" i="1"/>
  <c r="G9072" i="1"/>
  <c r="G9073" i="1"/>
  <c r="G9074" i="1"/>
  <c r="G9075" i="1"/>
  <c r="G9076" i="1"/>
  <c r="G9077" i="1"/>
  <c r="G9078" i="1"/>
  <c r="G9079" i="1"/>
  <c r="G9080" i="1"/>
  <c r="G9081" i="1"/>
  <c r="G9082" i="1"/>
  <c r="G9083" i="1"/>
  <c r="G9084" i="1"/>
  <c r="G9085" i="1"/>
  <c r="G9086" i="1"/>
  <c r="G9087" i="1"/>
  <c r="G9088" i="1"/>
  <c r="G9089" i="1"/>
  <c r="G9090" i="1"/>
  <c r="G9091" i="1"/>
  <c r="G9092" i="1"/>
  <c r="G9093" i="1"/>
  <c r="G9094" i="1"/>
  <c r="G9095" i="1"/>
  <c r="G9096" i="1"/>
  <c r="G9097" i="1"/>
  <c r="G9098" i="1"/>
  <c r="G9099" i="1"/>
  <c r="G9100" i="1"/>
  <c r="G9101" i="1"/>
  <c r="G9102" i="1"/>
  <c r="G9103" i="1"/>
  <c r="G9104" i="1"/>
  <c r="G9105" i="1"/>
  <c r="G9106" i="1"/>
  <c r="G9107" i="1"/>
  <c r="G9108" i="1"/>
  <c r="G9109" i="1"/>
  <c r="G9110" i="1"/>
  <c r="G9111" i="1"/>
  <c r="G9112" i="1"/>
  <c r="G9113" i="1"/>
  <c r="G9114" i="1"/>
  <c r="G9115" i="1"/>
  <c r="G9116" i="1"/>
  <c r="G9117" i="1"/>
  <c r="G9118" i="1"/>
  <c r="G9119" i="1"/>
  <c r="G9120" i="1"/>
  <c r="G9121" i="1"/>
  <c r="G9122" i="1"/>
  <c r="G9123" i="1"/>
  <c r="G9124" i="1"/>
  <c r="G9125" i="1"/>
  <c r="G9126" i="1"/>
  <c r="G9127" i="1"/>
  <c r="G9128" i="1"/>
  <c r="G9129" i="1"/>
  <c r="G9130" i="1"/>
  <c r="G9131" i="1"/>
  <c r="G9132" i="1"/>
  <c r="G9133" i="1"/>
  <c r="G9134" i="1"/>
  <c r="G9135" i="1"/>
  <c r="G9136" i="1"/>
  <c r="G9137" i="1"/>
  <c r="G9138" i="1"/>
  <c r="G9139" i="1"/>
  <c r="G9140" i="1"/>
  <c r="G9141" i="1"/>
  <c r="G9142" i="1"/>
  <c r="G9143" i="1"/>
  <c r="G9144" i="1"/>
  <c r="G9145" i="1"/>
  <c r="G9146" i="1"/>
  <c r="G9147" i="1"/>
  <c r="G9148" i="1"/>
  <c r="G9149" i="1"/>
  <c r="G9150" i="1"/>
  <c r="G9151" i="1"/>
  <c r="G9152" i="1"/>
  <c r="G9153" i="1"/>
  <c r="G9154" i="1"/>
  <c r="G9155" i="1"/>
  <c r="G9156" i="1"/>
  <c r="G9157" i="1"/>
  <c r="G9158" i="1"/>
  <c r="G9159" i="1"/>
  <c r="G9160" i="1"/>
  <c r="G9161" i="1"/>
  <c r="G9162" i="1"/>
  <c r="G9163" i="1"/>
  <c r="G9164" i="1"/>
  <c r="G9165" i="1"/>
  <c r="G9166" i="1"/>
  <c r="G9167" i="1"/>
  <c r="G9168" i="1"/>
  <c r="G9169" i="1"/>
  <c r="G9170" i="1"/>
  <c r="G9171" i="1"/>
  <c r="G9172" i="1"/>
  <c r="G9173" i="1"/>
  <c r="G9174" i="1"/>
  <c r="G9175" i="1"/>
  <c r="G9176" i="1"/>
  <c r="G9177" i="1"/>
  <c r="G9178" i="1"/>
  <c r="G9179" i="1"/>
  <c r="G9180" i="1"/>
  <c r="G9181" i="1"/>
  <c r="G9182" i="1"/>
  <c r="G9183" i="1"/>
  <c r="G9184" i="1"/>
  <c r="G9185" i="1"/>
  <c r="G9186" i="1"/>
  <c r="G9187" i="1"/>
  <c r="G9188" i="1"/>
  <c r="G9189" i="1"/>
  <c r="G9190" i="1"/>
  <c r="G9191" i="1"/>
  <c r="G9192" i="1"/>
  <c r="G9193" i="1"/>
  <c r="G9194" i="1"/>
  <c r="G9195" i="1"/>
  <c r="G9196" i="1"/>
  <c r="G9197" i="1"/>
  <c r="G9198" i="1"/>
  <c r="G9199" i="1"/>
  <c r="G9200" i="1"/>
  <c r="G9201" i="1"/>
  <c r="G9202" i="1"/>
  <c r="G9203" i="1"/>
  <c r="G9204" i="1"/>
  <c r="G9205" i="1"/>
  <c r="G9206" i="1"/>
  <c r="G9207" i="1"/>
  <c r="G9208" i="1"/>
  <c r="G9209" i="1"/>
  <c r="G9210" i="1"/>
  <c r="G9211" i="1"/>
  <c r="G9212" i="1"/>
  <c r="G9213" i="1"/>
  <c r="G9214" i="1"/>
  <c r="G9215" i="1"/>
  <c r="G9216" i="1"/>
  <c r="G9217" i="1"/>
  <c r="G9218" i="1"/>
  <c r="G9219" i="1"/>
  <c r="G9220" i="1"/>
  <c r="G9221" i="1"/>
  <c r="G9222" i="1"/>
  <c r="G9223" i="1"/>
  <c r="G9224" i="1"/>
  <c r="G9225" i="1"/>
  <c r="G9226" i="1"/>
  <c r="G9227" i="1"/>
  <c r="G9228" i="1"/>
  <c r="G9229" i="1"/>
  <c r="G9230" i="1"/>
  <c r="G9231" i="1"/>
  <c r="G9232" i="1"/>
  <c r="G9233" i="1"/>
  <c r="G9234" i="1"/>
  <c r="G9235" i="1"/>
  <c r="G9236" i="1"/>
  <c r="G9237" i="1"/>
  <c r="G9238" i="1"/>
  <c r="G9239" i="1"/>
  <c r="G9240" i="1"/>
  <c r="G9241" i="1"/>
  <c r="G9242" i="1"/>
  <c r="G9243" i="1"/>
  <c r="G9244" i="1"/>
  <c r="G9245" i="1"/>
  <c r="G9246" i="1"/>
  <c r="G9247" i="1"/>
  <c r="G9248" i="1"/>
  <c r="G9249" i="1"/>
  <c r="G9250" i="1"/>
  <c r="G9251" i="1"/>
  <c r="G9252" i="1"/>
  <c r="G9253" i="1"/>
  <c r="G9254" i="1"/>
  <c r="G9255" i="1"/>
  <c r="G9256" i="1"/>
  <c r="G9257" i="1"/>
  <c r="G9258" i="1"/>
  <c r="G9259" i="1"/>
  <c r="G9260" i="1"/>
  <c r="G9261" i="1"/>
  <c r="G9262" i="1"/>
  <c r="G9263" i="1"/>
  <c r="G9264" i="1"/>
  <c r="G9265" i="1"/>
  <c r="G9266" i="1"/>
  <c r="G9267" i="1"/>
  <c r="G9268" i="1"/>
  <c r="G9269" i="1"/>
  <c r="G9270" i="1"/>
  <c r="G9271" i="1"/>
  <c r="G9272" i="1"/>
  <c r="G9273" i="1"/>
  <c r="G9274" i="1"/>
  <c r="G9275" i="1"/>
  <c r="G9276" i="1"/>
  <c r="G9277" i="1"/>
  <c r="G9278" i="1"/>
  <c r="G9279" i="1"/>
  <c r="G9280" i="1"/>
  <c r="G9281" i="1"/>
  <c r="G9282" i="1"/>
  <c r="G9283" i="1"/>
  <c r="G9284" i="1"/>
  <c r="G9285" i="1"/>
  <c r="G9286" i="1"/>
  <c r="G9287" i="1"/>
  <c r="G9288" i="1"/>
  <c r="G9289" i="1"/>
  <c r="G9290" i="1"/>
  <c r="G9291" i="1"/>
  <c r="G9292" i="1"/>
  <c r="G9293" i="1"/>
  <c r="G9294" i="1"/>
  <c r="G9295" i="1"/>
  <c r="G9296" i="1"/>
  <c r="G9297" i="1"/>
  <c r="G9298" i="1"/>
  <c r="G9299" i="1"/>
  <c r="G9300" i="1"/>
  <c r="G9301" i="1"/>
  <c r="G9302" i="1"/>
  <c r="G9303" i="1"/>
  <c r="G9304" i="1"/>
  <c r="G9305" i="1"/>
  <c r="G9306" i="1"/>
  <c r="G9307" i="1"/>
  <c r="G9308" i="1"/>
  <c r="G9309" i="1"/>
  <c r="G9310" i="1"/>
  <c r="G9311" i="1"/>
  <c r="G9312" i="1"/>
  <c r="G9313" i="1"/>
  <c r="G9314" i="1"/>
  <c r="G9315" i="1"/>
  <c r="G9316" i="1"/>
  <c r="G9317" i="1"/>
  <c r="G9318" i="1"/>
  <c r="G9319" i="1"/>
  <c r="G9320" i="1"/>
  <c r="G9321" i="1"/>
  <c r="G9322" i="1"/>
  <c r="G9323" i="1"/>
  <c r="G9324" i="1"/>
  <c r="G9325" i="1"/>
  <c r="G9326" i="1"/>
  <c r="G9327" i="1"/>
  <c r="G9328" i="1"/>
  <c r="G9329" i="1"/>
  <c r="G9330" i="1"/>
  <c r="G9331" i="1"/>
  <c r="G9332" i="1"/>
  <c r="G9333" i="1"/>
  <c r="G9334" i="1"/>
  <c r="G9335" i="1"/>
  <c r="G9336" i="1"/>
  <c r="G9337" i="1"/>
  <c r="G9338" i="1"/>
  <c r="G9339" i="1"/>
  <c r="G9340" i="1"/>
  <c r="G9341" i="1"/>
  <c r="G9342" i="1"/>
  <c r="G9343" i="1"/>
  <c r="G9344" i="1"/>
  <c r="G9345" i="1"/>
  <c r="G9346" i="1"/>
  <c r="G9347" i="1"/>
  <c r="G9348" i="1"/>
  <c r="G9349" i="1"/>
  <c r="G9350" i="1"/>
  <c r="G9351" i="1"/>
  <c r="G9352" i="1"/>
  <c r="G9353" i="1"/>
  <c r="G9354" i="1"/>
  <c r="G9355" i="1"/>
  <c r="G9356" i="1"/>
  <c r="G9357" i="1"/>
  <c r="G9358" i="1"/>
  <c r="G9359" i="1"/>
  <c r="G9360" i="1"/>
  <c r="G9361" i="1"/>
  <c r="G9362" i="1"/>
  <c r="G9363" i="1"/>
  <c r="G9364" i="1"/>
  <c r="G9365" i="1"/>
  <c r="G9366" i="1"/>
  <c r="G9367" i="1"/>
  <c r="G9368" i="1"/>
  <c r="G9369" i="1"/>
  <c r="G9370" i="1"/>
  <c r="G9371" i="1"/>
  <c r="G9372" i="1"/>
  <c r="G9373" i="1"/>
  <c r="G9374" i="1"/>
  <c r="G9375" i="1"/>
  <c r="G9376" i="1"/>
  <c r="G9377" i="1"/>
  <c r="G9378" i="1"/>
  <c r="G9379" i="1"/>
  <c r="G9380" i="1"/>
  <c r="G9381" i="1"/>
  <c r="G9382" i="1"/>
  <c r="G9383" i="1"/>
  <c r="G9384" i="1"/>
  <c r="G9385" i="1"/>
  <c r="G9386" i="1"/>
  <c r="G9387" i="1"/>
  <c r="G9388" i="1"/>
  <c r="G9389" i="1"/>
  <c r="G9390" i="1"/>
  <c r="G9391" i="1"/>
  <c r="G9392" i="1"/>
  <c r="G9393" i="1"/>
  <c r="G9394" i="1"/>
  <c r="G9395" i="1"/>
  <c r="G9396" i="1"/>
  <c r="G9397" i="1"/>
  <c r="G9398" i="1"/>
  <c r="G9399" i="1"/>
  <c r="G9400" i="1"/>
  <c r="G9401" i="1"/>
  <c r="G9402" i="1"/>
  <c r="G9403" i="1"/>
  <c r="G9404" i="1"/>
  <c r="G9405" i="1"/>
  <c r="G9406" i="1"/>
  <c r="G9407" i="1"/>
  <c r="G9408" i="1"/>
  <c r="G9409" i="1"/>
  <c r="G9410" i="1"/>
  <c r="G9411" i="1"/>
  <c r="G9412" i="1"/>
  <c r="G9413" i="1"/>
  <c r="G9414" i="1"/>
  <c r="G9415" i="1"/>
  <c r="G9416" i="1"/>
  <c r="G9417" i="1"/>
  <c r="G9418" i="1"/>
  <c r="G9419" i="1"/>
  <c r="G9420" i="1"/>
  <c r="G9421" i="1"/>
  <c r="G9422" i="1"/>
  <c r="G9423" i="1"/>
  <c r="G9424" i="1"/>
  <c r="G9425" i="1"/>
  <c r="G9426" i="1"/>
  <c r="G9427" i="1"/>
  <c r="G9428" i="1"/>
  <c r="G9429" i="1"/>
  <c r="G9430" i="1"/>
  <c r="G9431" i="1"/>
  <c r="G9432" i="1"/>
  <c r="G9433" i="1"/>
  <c r="G9434" i="1"/>
  <c r="G9435" i="1"/>
  <c r="G9436" i="1"/>
  <c r="G9437" i="1"/>
  <c r="G9438" i="1"/>
  <c r="G9439" i="1"/>
  <c r="G9440" i="1"/>
  <c r="G9441" i="1"/>
  <c r="G9442" i="1"/>
  <c r="G9443" i="1"/>
  <c r="G9444" i="1"/>
  <c r="G9445" i="1"/>
  <c r="G9446" i="1"/>
  <c r="G9447" i="1"/>
  <c r="G9448" i="1"/>
  <c r="G9449" i="1"/>
  <c r="G9450" i="1"/>
  <c r="G9451" i="1"/>
  <c r="G9452" i="1"/>
  <c r="G9453" i="1"/>
  <c r="G9454" i="1"/>
  <c r="G9455" i="1"/>
  <c r="G9456" i="1"/>
  <c r="G9457" i="1"/>
  <c r="G9458" i="1"/>
  <c r="G9459" i="1"/>
  <c r="G9460" i="1"/>
  <c r="G9461" i="1"/>
  <c r="G9462" i="1"/>
  <c r="G9463" i="1"/>
  <c r="G9464" i="1"/>
  <c r="G9465" i="1"/>
  <c r="G9466" i="1"/>
  <c r="G9467" i="1"/>
  <c r="G9468" i="1"/>
  <c r="G9469" i="1"/>
  <c r="G9470" i="1"/>
  <c r="G9471" i="1"/>
  <c r="G9472" i="1"/>
  <c r="G9473" i="1"/>
  <c r="G9474" i="1"/>
  <c r="G9475" i="1"/>
  <c r="G9476" i="1"/>
  <c r="G9477" i="1"/>
  <c r="G9478" i="1"/>
  <c r="G9479" i="1"/>
  <c r="G9480" i="1"/>
  <c r="G9481" i="1"/>
  <c r="G9482" i="1"/>
  <c r="G9483" i="1"/>
  <c r="G9484" i="1"/>
  <c r="G9485" i="1"/>
  <c r="G9486" i="1"/>
  <c r="G9487" i="1"/>
  <c r="G9488" i="1"/>
  <c r="G9489" i="1"/>
  <c r="G9490" i="1"/>
  <c r="G9491" i="1"/>
  <c r="G9492" i="1"/>
  <c r="G9493" i="1"/>
  <c r="G9494" i="1"/>
  <c r="G9495" i="1"/>
  <c r="G9496" i="1"/>
  <c r="G9497" i="1"/>
  <c r="G9498" i="1"/>
  <c r="G9499" i="1"/>
  <c r="G9500" i="1"/>
  <c r="G9501" i="1"/>
  <c r="G9502" i="1"/>
  <c r="G9503" i="1"/>
  <c r="G9504" i="1"/>
  <c r="G9505" i="1"/>
  <c r="G9506" i="1"/>
  <c r="G9507" i="1"/>
  <c r="G9508" i="1"/>
  <c r="G9509" i="1"/>
  <c r="G9510" i="1"/>
  <c r="G9511" i="1"/>
  <c r="G9512" i="1"/>
  <c r="G9513" i="1"/>
  <c r="G9514" i="1"/>
  <c r="G9515" i="1"/>
  <c r="G9516" i="1"/>
  <c r="G9517" i="1"/>
  <c r="G9518" i="1"/>
  <c r="G9519" i="1"/>
  <c r="G9520" i="1"/>
  <c r="G9521" i="1"/>
  <c r="G9522" i="1"/>
  <c r="G9523" i="1"/>
  <c r="G9524" i="1"/>
  <c r="G9525" i="1"/>
  <c r="G9526" i="1"/>
  <c r="G9527" i="1"/>
  <c r="G9528" i="1"/>
  <c r="G9529" i="1"/>
  <c r="G9530" i="1"/>
  <c r="G9531" i="1"/>
  <c r="G9532" i="1"/>
  <c r="G9533" i="1"/>
  <c r="G9534" i="1"/>
  <c r="G9535" i="1"/>
  <c r="G9536" i="1"/>
  <c r="G9537" i="1"/>
  <c r="G9538" i="1"/>
  <c r="G9539" i="1"/>
  <c r="G9540" i="1"/>
  <c r="G9541" i="1"/>
  <c r="G9542" i="1"/>
  <c r="G9543" i="1"/>
  <c r="G9544" i="1"/>
  <c r="G9545" i="1"/>
  <c r="G9546" i="1"/>
  <c r="G9547" i="1"/>
  <c r="G9548" i="1"/>
  <c r="G9549" i="1"/>
  <c r="G9550" i="1"/>
  <c r="G9551" i="1"/>
  <c r="G9552" i="1"/>
  <c r="G9553" i="1"/>
  <c r="G9554" i="1"/>
  <c r="G9555" i="1"/>
  <c r="G9556" i="1"/>
  <c r="G9557" i="1"/>
  <c r="G9558" i="1"/>
  <c r="G9559" i="1"/>
  <c r="G9560" i="1"/>
  <c r="G9561" i="1"/>
  <c r="G9562" i="1"/>
  <c r="G9563" i="1"/>
  <c r="G9564" i="1"/>
  <c r="G9565" i="1"/>
  <c r="G9566" i="1"/>
  <c r="G9567" i="1"/>
  <c r="G9568" i="1"/>
  <c r="G9569" i="1"/>
  <c r="G9570" i="1"/>
  <c r="G9571" i="1"/>
  <c r="G9572" i="1"/>
  <c r="G9573" i="1"/>
  <c r="G9574" i="1"/>
  <c r="G9575" i="1"/>
  <c r="G9576" i="1"/>
  <c r="G9577" i="1"/>
  <c r="G9578" i="1"/>
  <c r="G9579" i="1"/>
  <c r="G9580" i="1"/>
  <c r="G9581" i="1"/>
  <c r="G9582" i="1"/>
  <c r="G9583" i="1"/>
  <c r="G9584" i="1"/>
  <c r="G9585" i="1"/>
  <c r="G9586" i="1"/>
  <c r="G9587" i="1"/>
  <c r="G9588" i="1"/>
  <c r="G9589" i="1"/>
  <c r="G9590" i="1"/>
  <c r="G9591" i="1"/>
  <c r="G9592" i="1"/>
  <c r="G9593" i="1"/>
  <c r="G9594" i="1"/>
  <c r="G9595" i="1"/>
  <c r="G9596" i="1"/>
  <c r="G9597" i="1"/>
  <c r="G9598" i="1"/>
  <c r="G9599" i="1"/>
  <c r="G9600" i="1"/>
  <c r="G9601" i="1"/>
  <c r="G9602" i="1"/>
  <c r="G9603" i="1"/>
  <c r="G9604" i="1"/>
  <c r="G9605" i="1"/>
  <c r="G9606" i="1"/>
  <c r="G9607" i="1"/>
  <c r="G9608" i="1"/>
  <c r="G9609" i="1"/>
  <c r="G9610" i="1"/>
  <c r="G9611" i="1"/>
  <c r="G9612" i="1"/>
  <c r="G9613" i="1"/>
  <c r="G9614" i="1"/>
  <c r="G9615" i="1"/>
  <c r="G9616" i="1"/>
  <c r="G9617" i="1"/>
  <c r="G9618" i="1"/>
  <c r="G9619" i="1"/>
  <c r="G9620" i="1"/>
  <c r="G9621" i="1"/>
  <c r="G9622" i="1"/>
  <c r="G9623" i="1"/>
  <c r="G9624" i="1"/>
  <c r="G9625" i="1"/>
  <c r="G9626" i="1"/>
  <c r="G9627" i="1"/>
  <c r="G9628" i="1"/>
  <c r="G9629" i="1"/>
  <c r="G9630" i="1"/>
  <c r="G9631" i="1"/>
  <c r="G9632" i="1"/>
  <c r="G9633" i="1"/>
  <c r="G9634" i="1"/>
  <c r="G9635" i="1"/>
  <c r="G9636" i="1"/>
  <c r="G9637" i="1"/>
  <c r="G9638" i="1"/>
  <c r="G9639" i="1"/>
  <c r="G9640" i="1"/>
  <c r="G9641" i="1"/>
  <c r="G9642" i="1"/>
  <c r="G9643" i="1"/>
  <c r="G9644" i="1"/>
  <c r="G9645" i="1"/>
  <c r="G9646" i="1"/>
  <c r="G9647" i="1"/>
  <c r="G9648" i="1"/>
  <c r="G9649" i="1"/>
  <c r="G9650" i="1"/>
  <c r="G9651" i="1"/>
  <c r="G9652" i="1"/>
  <c r="G9653" i="1"/>
  <c r="G9654" i="1"/>
  <c r="G9655" i="1"/>
  <c r="G9656" i="1"/>
  <c r="G9657" i="1"/>
  <c r="G9658" i="1"/>
  <c r="G9659" i="1"/>
  <c r="G9660" i="1"/>
  <c r="G9661" i="1"/>
  <c r="G9662" i="1"/>
  <c r="G9663" i="1"/>
  <c r="G9664" i="1"/>
  <c r="G9665" i="1"/>
  <c r="G9666" i="1"/>
  <c r="G9667" i="1"/>
  <c r="G9668" i="1"/>
  <c r="G9669" i="1"/>
  <c r="G9670" i="1"/>
  <c r="G9671" i="1"/>
  <c r="G9672" i="1"/>
  <c r="G9673" i="1"/>
  <c r="G9674" i="1"/>
  <c r="G9675" i="1"/>
  <c r="G9676" i="1"/>
  <c r="G9677" i="1"/>
  <c r="G9678" i="1"/>
  <c r="G9679" i="1"/>
  <c r="G9680" i="1"/>
  <c r="G9681" i="1"/>
  <c r="G9682" i="1"/>
  <c r="G9683" i="1"/>
  <c r="G9684" i="1"/>
  <c r="G9685" i="1"/>
  <c r="G9686" i="1"/>
  <c r="G9687" i="1"/>
  <c r="G9688" i="1"/>
  <c r="G9689" i="1"/>
  <c r="G9690" i="1"/>
  <c r="G9691" i="1"/>
  <c r="G9692" i="1"/>
  <c r="G9693" i="1"/>
  <c r="G9694" i="1"/>
  <c r="G9695" i="1"/>
  <c r="G9696" i="1"/>
  <c r="G9697" i="1"/>
  <c r="G9698" i="1"/>
  <c r="G9699" i="1"/>
  <c r="G9700" i="1"/>
  <c r="G9701" i="1"/>
  <c r="G9702" i="1"/>
  <c r="G9703" i="1"/>
  <c r="G9704" i="1"/>
  <c r="G9705" i="1"/>
  <c r="G9706" i="1"/>
  <c r="G9707" i="1"/>
  <c r="G9708" i="1"/>
  <c r="G9709" i="1"/>
  <c r="G9710" i="1"/>
  <c r="G9711" i="1"/>
  <c r="G9712" i="1"/>
  <c r="G9713" i="1"/>
  <c r="G9714" i="1"/>
  <c r="G9715" i="1"/>
  <c r="G9716" i="1"/>
  <c r="G9717" i="1"/>
  <c r="G9718" i="1"/>
  <c r="G9719" i="1"/>
  <c r="G9720" i="1"/>
  <c r="G9721" i="1"/>
  <c r="G9722" i="1"/>
  <c r="G9723" i="1"/>
  <c r="G9724" i="1"/>
  <c r="G9725" i="1"/>
  <c r="G9726" i="1"/>
  <c r="G9727" i="1"/>
  <c r="G9728" i="1"/>
  <c r="G9729" i="1"/>
  <c r="G9730" i="1"/>
  <c r="G9731" i="1"/>
  <c r="G9732" i="1"/>
  <c r="G9733" i="1"/>
  <c r="G9734" i="1"/>
  <c r="G9735" i="1"/>
  <c r="G9736" i="1"/>
  <c r="G9737" i="1"/>
  <c r="G9738" i="1"/>
  <c r="G9739" i="1"/>
  <c r="G9740" i="1"/>
  <c r="G9741" i="1"/>
  <c r="G9742" i="1"/>
  <c r="G9743" i="1"/>
  <c r="G9744" i="1"/>
  <c r="G9745" i="1"/>
  <c r="G9746" i="1"/>
  <c r="G9747" i="1"/>
  <c r="G9748" i="1"/>
  <c r="G9749" i="1"/>
  <c r="G9750" i="1"/>
  <c r="G9751" i="1"/>
  <c r="G9752" i="1"/>
  <c r="G9753" i="1"/>
  <c r="G9754" i="1"/>
  <c r="G9755" i="1"/>
  <c r="G9756" i="1"/>
  <c r="G9757" i="1"/>
  <c r="G9758" i="1"/>
  <c r="G9759" i="1"/>
  <c r="G9760" i="1"/>
  <c r="G9761" i="1"/>
  <c r="G9762" i="1"/>
  <c r="G9763" i="1"/>
  <c r="G9764" i="1"/>
  <c r="G9765" i="1"/>
  <c r="G9766" i="1"/>
  <c r="G9767" i="1"/>
  <c r="G9768" i="1"/>
  <c r="G9769" i="1"/>
  <c r="G9770" i="1"/>
  <c r="G9771" i="1"/>
  <c r="G9772" i="1"/>
  <c r="G9773" i="1"/>
  <c r="G9774" i="1"/>
  <c r="G9775" i="1"/>
  <c r="G9776" i="1"/>
  <c r="G9777" i="1"/>
  <c r="G9778" i="1"/>
  <c r="G9779" i="1"/>
  <c r="G9780" i="1"/>
  <c r="G9781" i="1"/>
  <c r="G9782" i="1"/>
  <c r="G9783" i="1"/>
  <c r="G9784" i="1"/>
  <c r="G9785" i="1"/>
  <c r="G9786" i="1"/>
  <c r="G9787" i="1"/>
  <c r="G9788" i="1"/>
  <c r="G9789" i="1"/>
  <c r="G9790" i="1"/>
  <c r="G9791" i="1"/>
  <c r="G9792" i="1"/>
  <c r="G9793" i="1"/>
  <c r="G9794" i="1"/>
  <c r="G9795" i="1"/>
  <c r="G9796" i="1"/>
  <c r="G9797" i="1"/>
  <c r="G9798" i="1"/>
  <c r="G9799" i="1"/>
  <c r="G9800" i="1"/>
  <c r="G9801" i="1"/>
  <c r="G9802" i="1"/>
  <c r="G9803" i="1"/>
  <c r="G9804" i="1"/>
  <c r="G9805" i="1"/>
  <c r="G9806" i="1"/>
  <c r="G9807" i="1"/>
  <c r="G9808" i="1"/>
  <c r="G9809" i="1"/>
  <c r="G9810" i="1"/>
  <c r="G9811" i="1"/>
  <c r="G9812" i="1"/>
  <c r="G9813" i="1"/>
  <c r="G9814" i="1"/>
  <c r="G9815" i="1"/>
  <c r="G9816" i="1"/>
  <c r="G9817" i="1"/>
  <c r="G9818" i="1"/>
  <c r="G9819" i="1"/>
  <c r="G9820" i="1"/>
  <c r="G9821" i="1"/>
  <c r="G9822" i="1"/>
  <c r="G9823" i="1"/>
  <c r="G9824" i="1"/>
  <c r="G9825" i="1"/>
  <c r="G9826" i="1"/>
  <c r="G9827" i="1"/>
  <c r="G9828" i="1"/>
  <c r="G9829" i="1"/>
  <c r="G9830" i="1"/>
  <c r="G9831" i="1"/>
  <c r="G9832" i="1"/>
  <c r="G9833" i="1"/>
  <c r="G9834" i="1"/>
  <c r="G9835" i="1"/>
  <c r="G9836" i="1"/>
  <c r="G9837" i="1"/>
  <c r="G9838" i="1"/>
  <c r="G9839" i="1"/>
  <c r="G9840" i="1"/>
  <c r="G9841" i="1"/>
  <c r="G9842" i="1"/>
  <c r="G9843" i="1"/>
  <c r="G9844" i="1"/>
  <c r="G9845" i="1"/>
  <c r="G9846" i="1"/>
  <c r="G9847" i="1"/>
  <c r="G9848" i="1"/>
  <c r="G9849" i="1"/>
  <c r="G9850" i="1"/>
  <c r="G9851" i="1"/>
  <c r="G9852" i="1"/>
  <c r="G9853" i="1"/>
  <c r="G9854" i="1"/>
  <c r="G9855" i="1"/>
  <c r="G9856" i="1"/>
  <c r="G9857" i="1"/>
  <c r="G9858" i="1"/>
  <c r="G9859" i="1"/>
  <c r="G9860" i="1"/>
  <c r="G9861" i="1"/>
  <c r="G9862" i="1"/>
  <c r="G9863" i="1"/>
  <c r="G9864" i="1"/>
  <c r="G9865" i="1"/>
  <c r="G9866" i="1"/>
  <c r="G9867" i="1"/>
  <c r="G9868" i="1"/>
  <c r="G9869" i="1"/>
  <c r="G9870" i="1"/>
  <c r="G9871" i="1"/>
  <c r="G9872" i="1"/>
  <c r="G9873" i="1"/>
  <c r="G9874" i="1"/>
  <c r="G9875" i="1"/>
  <c r="G9876" i="1"/>
  <c r="G9877" i="1"/>
  <c r="G9878" i="1"/>
  <c r="G9879" i="1"/>
  <c r="G9880" i="1"/>
  <c r="G9881" i="1"/>
  <c r="G9882" i="1"/>
  <c r="G9883" i="1"/>
  <c r="G9884" i="1"/>
  <c r="G9885" i="1"/>
  <c r="G9886" i="1"/>
  <c r="G9887" i="1"/>
  <c r="G9888" i="1"/>
  <c r="G9889" i="1"/>
  <c r="G9890" i="1"/>
  <c r="G9891" i="1"/>
  <c r="G9892" i="1"/>
  <c r="G9893" i="1"/>
  <c r="G9894" i="1"/>
  <c r="G9895" i="1"/>
  <c r="G9896" i="1"/>
  <c r="G9897" i="1"/>
  <c r="G9898" i="1"/>
  <c r="G9899" i="1"/>
  <c r="G9900" i="1"/>
  <c r="G9901" i="1"/>
  <c r="G9902" i="1"/>
  <c r="G9903" i="1"/>
  <c r="G9904" i="1"/>
  <c r="G9905" i="1"/>
  <c r="G9906" i="1"/>
  <c r="G9907" i="1"/>
  <c r="G9908" i="1"/>
  <c r="G9909" i="1"/>
  <c r="G9910" i="1"/>
  <c r="G9911" i="1"/>
  <c r="G9912" i="1"/>
  <c r="G9913" i="1"/>
  <c r="G9914" i="1"/>
  <c r="G9915" i="1"/>
  <c r="G9916" i="1"/>
  <c r="G9917" i="1"/>
  <c r="G9918" i="1"/>
  <c r="G9919" i="1"/>
  <c r="G9920" i="1"/>
  <c r="G9921" i="1"/>
  <c r="G9922" i="1"/>
  <c r="G9923" i="1"/>
  <c r="G9924" i="1"/>
  <c r="G9925" i="1"/>
  <c r="G9926" i="1"/>
  <c r="G9927" i="1"/>
  <c r="G9928" i="1"/>
  <c r="G9929" i="1"/>
  <c r="G9930" i="1"/>
  <c r="G9931" i="1"/>
  <c r="G9932" i="1"/>
  <c r="G9933" i="1"/>
  <c r="G9934" i="1"/>
  <c r="G9935" i="1"/>
  <c r="G9936" i="1"/>
  <c r="G9937" i="1"/>
  <c r="G9938" i="1"/>
  <c r="G9939" i="1"/>
  <c r="G9940" i="1"/>
  <c r="G9941" i="1"/>
  <c r="G9942" i="1"/>
  <c r="G9943" i="1"/>
  <c r="G9944" i="1"/>
  <c r="G9945" i="1"/>
  <c r="G9946" i="1"/>
  <c r="G9947" i="1"/>
  <c r="G9948" i="1"/>
  <c r="G9949" i="1"/>
  <c r="G9950" i="1"/>
  <c r="G9951" i="1"/>
  <c r="G9952" i="1"/>
  <c r="G9953" i="1"/>
  <c r="G9954" i="1"/>
  <c r="G9955" i="1"/>
  <c r="G9956" i="1"/>
  <c r="G9957" i="1"/>
  <c r="G9958" i="1"/>
  <c r="G9959" i="1"/>
  <c r="G9960" i="1"/>
  <c r="G9961" i="1"/>
  <c r="G9962" i="1"/>
  <c r="G9963" i="1"/>
  <c r="G9964" i="1"/>
  <c r="G9965" i="1"/>
  <c r="G9966" i="1"/>
  <c r="G9967" i="1"/>
  <c r="G9968" i="1"/>
  <c r="G9969" i="1"/>
  <c r="G9970" i="1"/>
  <c r="G9971" i="1"/>
  <c r="G9972" i="1"/>
  <c r="G9973" i="1"/>
  <c r="G9974" i="1"/>
  <c r="G9975" i="1"/>
  <c r="G9976" i="1"/>
  <c r="G9977" i="1"/>
  <c r="G9978" i="1"/>
  <c r="G9979" i="1"/>
  <c r="G9980" i="1"/>
  <c r="G9981" i="1"/>
  <c r="G9982" i="1"/>
  <c r="G9983" i="1"/>
  <c r="G9984" i="1"/>
  <c r="G9985" i="1"/>
  <c r="G9986" i="1"/>
  <c r="G9987" i="1"/>
  <c r="G9988" i="1"/>
  <c r="G9989" i="1"/>
  <c r="G9990" i="1"/>
  <c r="G9991" i="1"/>
  <c r="G9992" i="1"/>
  <c r="G9993" i="1"/>
  <c r="G9994" i="1"/>
  <c r="G9995" i="1"/>
  <c r="G9996" i="1"/>
  <c r="G9997" i="1"/>
  <c r="G9998" i="1"/>
  <c r="G9999" i="1"/>
  <c r="G10000" i="1"/>
  <c r="G10001" i="1"/>
  <c r="G10002" i="1"/>
  <c r="G10003" i="1"/>
  <c r="G10004" i="1"/>
  <c r="G10005" i="1"/>
  <c r="G10006" i="1"/>
  <c r="G10007" i="1"/>
  <c r="G10008" i="1"/>
  <c r="G10009" i="1"/>
  <c r="G10010" i="1"/>
  <c r="G10011" i="1"/>
  <c r="G10012" i="1"/>
  <c r="G10013" i="1"/>
  <c r="G10014" i="1"/>
  <c r="G10015" i="1"/>
  <c r="G10016" i="1"/>
  <c r="G10017" i="1"/>
  <c r="G10018" i="1"/>
  <c r="G10019" i="1"/>
  <c r="G10020" i="1"/>
  <c r="G10021" i="1"/>
  <c r="G10022" i="1"/>
  <c r="G10023" i="1"/>
  <c r="G10024" i="1"/>
  <c r="G10025" i="1"/>
  <c r="G10026" i="1"/>
  <c r="G10027" i="1"/>
  <c r="G10028" i="1"/>
  <c r="G10029" i="1"/>
  <c r="G10030" i="1"/>
  <c r="G10031" i="1"/>
  <c r="G10032" i="1"/>
  <c r="G10033" i="1"/>
  <c r="G10034" i="1"/>
  <c r="G10035" i="1"/>
  <c r="G10036" i="1"/>
  <c r="G10037" i="1"/>
  <c r="G10038" i="1"/>
  <c r="G10039" i="1"/>
  <c r="G10040" i="1"/>
  <c r="G10041" i="1"/>
  <c r="G10042" i="1"/>
  <c r="G10043" i="1"/>
  <c r="G10044" i="1"/>
  <c r="G10045" i="1"/>
  <c r="G10046" i="1"/>
  <c r="G10047" i="1"/>
  <c r="G10048" i="1"/>
  <c r="G10049" i="1"/>
  <c r="G10050" i="1"/>
  <c r="G10051" i="1"/>
  <c r="G10052" i="1"/>
  <c r="G10053" i="1"/>
  <c r="G10054" i="1"/>
  <c r="G10055" i="1"/>
  <c r="G10056" i="1"/>
  <c r="G10057" i="1"/>
  <c r="G10058" i="1"/>
  <c r="G10059" i="1"/>
  <c r="G10060" i="1"/>
  <c r="G10061" i="1"/>
  <c r="G10062" i="1"/>
  <c r="G10063" i="1"/>
  <c r="G10064" i="1"/>
  <c r="G10065" i="1"/>
  <c r="G10066" i="1"/>
  <c r="G10067" i="1"/>
  <c r="G10068" i="1"/>
  <c r="G10069" i="1"/>
  <c r="G10070" i="1"/>
  <c r="G10071" i="1"/>
  <c r="G10072" i="1"/>
  <c r="G10073" i="1"/>
  <c r="G10074" i="1"/>
  <c r="G10075" i="1"/>
  <c r="G10076" i="1"/>
  <c r="G10077" i="1"/>
  <c r="G10078" i="1"/>
  <c r="G10079" i="1"/>
  <c r="G10080" i="1"/>
  <c r="G10081" i="1"/>
  <c r="G10082" i="1"/>
  <c r="G10083" i="1"/>
  <c r="G10084" i="1"/>
  <c r="G10085" i="1"/>
  <c r="G10086" i="1"/>
  <c r="G10087" i="1"/>
  <c r="G10088" i="1"/>
  <c r="G10089" i="1"/>
  <c r="G10090" i="1"/>
  <c r="G10091" i="1"/>
  <c r="G10092" i="1"/>
  <c r="G10093" i="1"/>
  <c r="G10094" i="1"/>
  <c r="G10095" i="1"/>
  <c r="G10096" i="1"/>
  <c r="G10097" i="1"/>
  <c r="G10098" i="1"/>
  <c r="G10099" i="1"/>
  <c r="G10100" i="1"/>
  <c r="G10101" i="1"/>
  <c r="G10102" i="1"/>
  <c r="G10103" i="1"/>
  <c r="G10104" i="1"/>
  <c r="G10105" i="1"/>
  <c r="G10106" i="1"/>
  <c r="G10107" i="1"/>
  <c r="G10108" i="1"/>
  <c r="G10109" i="1"/>
  <c r="G10110" i="1"/>
  <c r="G10111" i="1"/>
  <c r="G10112" i="1"/>
  <c r="G10113" i="1"/>
  <c r="G10114" i="1"/>
  <c r="G10115" i="1"/>
  <c r="G10116" i="1"/>
  <c r="G10117" i="1"/>
  <c r="G10118" i="1"/>
  <c r="G10119" i="1"/>
  <c r="G10120" i="1"/>
  <c r="G10121" i="1"/>
  <c r="G10122" i="1"/>
  <c r="G10123" i="1"/>
  <c r="G10124" i="1"/>
  <c r="G10125" i="1"/>
  <c r="G10126" i="1"/>
  <c r="G10127" i="1"/>
  <c r="G10128" i="1"/>
  <c r="G10129" i="1"/>
  <c r="G10130" i="1"/>
  <c r="G10131" i="1"/>
  <c r="G10132" i="1"/>
  <c r="G10133" i="1"/>
  <c r="G10134" i="1"/>
  <c r="G10135" i="1"/>
  <c r="G10136" i="1"/>
  <c r="G10137" i="1"/>
  <c r="G10138" i="1"/>
  <c r="G10139" i="1"/>
  <c r="G10140" i="1"/>
  <c r="G10141" i="1"/>
  <c r="G10142" i="1"/>
  <c r="G10143" i="1"/>
  <c r="G10144" i="1"/>
  <c r="G10145" i="1"/>
  <c r="G10146" i="1"/>
  <c r="G10147" i="1"/>
  <c r="G10148" i="1"/>
  <c r="G10149" i="1"/>
  <c r="G10150" i="1"/>
  <c r="G10151" i="1"/>
  <c r="G10152" i="1"/>
  <c r="G10153" i="1"/>
  <c r="G10154" i="1"/>
  <c r="G10155" i="1"/>
  <c r="G10156" i="1"/>
  <c r="G10157" i="1"/>
  <c r="G10158" i="1"/>
  <c r="G10159" i="1"/>
  <c r="G10160" i="1"/>
  <c r="G10161" i="1"/>
  <c r="G10162" i="1"/>
  <c r="G10163" i="1"/>
  <c r="G10164" i="1"/>
  <c r="G10165" i="1"/>
  <c r="G10166" i="1"/>
  <c r="G10167" i="1"/>
  <c r="G10168" i="1"/>
  <c r="G10169" i="1"/>
  <c r="G10170" i="1"/>
  <c r="G10171" i="1"/>
  <c r="G10172" i="1"/>
  <c r="G10173" i="1"/>
  <c r="G10174" i="1"/>
  <c r="G10175" i="1"/>
  <c r="G10176" i="1"/>
  <c r="G10177" i="1"/>
  <c r="G10178" i="1"/>
  <c r="G10179" i="1"/>
  <c r="G10180" i="1"/>
  <c r="G10181" i="1"/>
  <c r="G10182" i="1"/>
  <c r="G10183" i="1"/>
  <c r="G10184" i="1"/>
  <c r="G10185" i="1"/>
  <c r="G10186" i="1"/>
  <c r="G10187" i="1"/>
  <c r="G10188" i="1"/>
  <c r="G10189" i="1"/>
  <c r="G10190" i="1"/>
  <c r="G10191" i="1"/>
  <c r="G10192" i="1"/>
  <c r="G10193" i="1"/>
  <c r="G10194" i="1"/>
  <c r="G10195" i="1"/>
  <c r="G10196" i="1"/>
  <c r="G10197" i="1"/>
  <c r="G10198" i="1"/>
  <c r="G10199" i="1"/>
  <c r="G10200" i="1"/>
  <c r="G10201" i="1"/>
  <c r="G10202" i="1"/>
  <c r="G10203" i="1"/>
  <c r="G10204" i="1"/>
  <c r="G10205" i="1"/>
  <c r="G10206" i="1"/>
  <c r="G10207" i="1"/>
  <c r="G10208" i="1"/>
  <c r="G10209" i="1"/>
  <c r="G10210" i="1"/>
  <c r="G10211" i="1"/>
  <c r="G10212" i="1"/>
  <c r="G10213" i="1"/>
  <c r="G10214" i="1"/>
  <c r="G10215" i="1"/>
  <c r="G10216" i="1"/>
  <c r="G10217" i="1"/>
  <c r="G10218" i="1"/>
  <c r="G10219" i="1"/>
  <c r="G10220" i="1"/>
  <c r="G10221" i="1"/>
  <c r="G10222" i="1"/>
  <c r="G10223" i="1"/>
  <c r="G10224" i="1"/>
  <c r="G10225" i="1"/>
  <c r="G10226" i="1"/>
  <c r="G10227" i="1"/>
  <c r="G10228" i="1"/>
  <c r="G10229" i="1"/>
  <c r="G10230" i="1"/>
  <c r="G10231" i="1"/>
  <c r="G10232" i="1"/>
  <c r="G10233" i="1"/>
  <c r="G10234" i="1"/>
  <c r="G10235" i="1"/>
  <c r="G10236" i="1"/>
  <c r="G10237" i="1"/>
  <c r="G10238" i="1"/>
  <c r="G10239" i="1"/>
  <c r="G10240" i="1"/>
  <c r="G10241" i="1"/>
  <c r="G10242" i="1"/>
  <c r="G10243" i="1"/>
  <c r="G10244" i="1"/>
  <c r="G10245" i="1"/>
  <c r="G10246" i="1"/>
  <c r="G10247" i="1"/>
  <c r="G10248" i="1"/>
  <c r="G10249" i="1"/>
  <c r="G10250" i="1"/>
  <c r="G10251" i="1"/>
  <c r="G10252" i="1"/>
  <c r="G10253" i="1"/>
  <c r="G10254" i="1"/>
  <c r="G10255" i="1"/>
  <c r="G10256" i="1"/>
  <c r="G10257" i="1"/>
  <c r="G10258" i="1"/>
  <c r="G10259" i="1"/>
  <c r="G10260" i="1"/>
  <c r="G10261" i="1"/>
  <c r="G10262" i="1"/>
  <c r="G10263" i="1"/>
  <c r="G10264" i="1"/>
  <c r="G10265" i="1"/>
  <c r="G10266" i="1"/>
  <c r="G10267" i="1"/>
  <c r="G10268" i="1"/>
  <c r="G10269" i="1"/>
  <c r="G10270" i="1"/>
  <c r="G10271" i="1"/>
  <c r="G10272" i="1"/>
  <c r="G10273" i="1"/>
  <c r="G10274" i="1"/>
  <c r="G10275" i="1"/>
  <c r="G10276" i="1"/>
  <c r="G10277" i="1"/>
  <c r="G10278" i="1"/>
  <c r="G10279" i="1"/>
  <c r="G10280" i="1"/>
  <c r="G10281" i="1"/>
  <c r="G10282" i="1"/>
  <c r="G10283" i="1"/>
  <c r="G10284" i="1"/>
  <c r="G10285" i="1"/>
  <c r="G10286" i="1"/>
  <c r="G10287" i="1"/>
  <c r="G10288" i="1"/>
  <c r="G10289" i="1"/>
  <c r="G10290" i="1"/>
  <c r="G10291" i="1"/>
  <c r="G10292" i="1"/>
  <c r="G10293" i="1"/>
  <c r="G10294" i="1"/>
  <c r="G10295" i="1"/>
  <c r="G10296" i="1"/>
  <c r="G10297" i="1"/>
  <c r="G10298" i="1"/>
  <c r="G10299" i="1"/>
  <c r="G10300" i="1"/>
  <c r="G10301" i="1"/>
  <c r="G10302" i="1"/>
  <c r="G10303" i="1"/>
  <c r="G10304" i="1"/>
  <c r="G10305" i="1"/>
  <c r="G10306" i="1"/>
  <c r="G10307" i="1"/>
  <c r="G10308" i="1"/>
  <c r="G10309" i="1"/>
  <c r="G10310" i="1"/>
  <c r="G10311" i="1"/>
  <c r="G10312" i="1"/>
  <c r="G10313" i="1"/>
  <c r="G10314" i="1"/>
  <c r="G10315" i="1"/>
  <c r="G10316" i="1"/>
  <c r="G10317" i="1"/>
  <c r="G10318" i="1"/>
  <c r="G10319" i="1"/>
  <c r="G10320" i="1"/>
  <c r="G10321" i="1"/>
  <c r="G10322" i="1"/>
  <c r="G10323" i="1"/>
  <c r="G10324" i="1"/>
  <c r="G10325" i="1"/>
  <c r="G10326" i="1"/>
  <c r="G10327" i="1"/>
  <c r="G10328" i="1"/>
  <c r="G10329" i="1"/>
  <c r="G10330" i="1"/>
  <c r="G10331" i="1"/>
  <c r="G10332" i="1"/>
  <c r="G10333" i="1"/>
  <c r="G10334" i="1"/>
  <c r="G10335" i="1"/>
  <c r="G10336" i="1"/>
  <c r="G10337" i="1"/>
  <c r="G10338" i="1"/>
  <c r="G10339" i="1"/>
  <c r="G10340" i="1"/>
  <c r="G10341" i="1"/>
  <c r="G10342" i="1"/>
  <c r="G10343" i="1"/>
  <c r="G10344" i="1"/>
  <c r="G10345" i="1"/>
  <c r="G10346" i="1"/>
  <c r="G10347" i="1"/>
  <c r="G10348" i="1"/>
  <c r="G10349" i="1"/>
  <c r="G10350" i="1"/>
  <c r="G10351" i="1"/>
  <c r="G10352" i="1"/>
  <c r="G10353" i="1"/>
  <c r="G10354" i="1"/>
  <c r="G10355" i="1"/>
  <c r="G10356" i="1"/>
  <c r="G10357" i="1"/>
  <c r="G10358" i="1"/>
  <c r="G10359" i="1"/>
  <c r="G10360" i="1"/>
  <c r="G10361" i="1"/>
  <c r="G10362" i="1"/>
  <c r="G10363" i="1"/>
  <c r="G10364" i="1"/>
  <c r="G10365" i="1"/>
  <c r="G10366" i="1"/>
  <c r="G10367" i="1"/>
  <c r="G10368" i="1"/>
  <c r="G10369" i="1"/>
  <c r="G10370" i="1"/>
  <c r="G10371" i="1"/>
  <c r="G10372" i="1"/>
  <c r="G10373" i="1"/>
  <c r="G10374" i="1"/>
  <c r="G10375" i="1"/>
  <c r="G10376" i="1"/>
  <c r="G10377" i="1"/>
  <c r="G10378" i="1"/>
  <c r="G10379" i="1"/>
  <c r="G10380" i="1"/>
  <c r="G10381" i="1"/>
  <c r="G10382" i="1"/>
  <c r="G10383" i="1"/>
  <c r="G10384" i="1"/>
  <c r="G10385" i="1"/>
  <c r="G10386" i="1"/>
  <c r="G10387" i="1"/>
  <c r="G10388" i="1"/>
  <c r="G10389" i="1"/>
  <c r="G10390" i="1"/>
  <c r="G10391" i="1"/>
  <c r="G10392" i="1"/>
  <c r="G10393" i="1"/>
  <c r="G10394" i="1"/>
  <c r="G10395" i="1"/>
  <c r="G10396" i="1"/>
  <c r="G10397" i="1"/>
  <c r="G10398" i="1"/>
  <c r="G10399" i="1"/>
  <c r="G10400" i="1"/>
  <c r="G10401" i="1"/>
  <c r="G10402" i="1"/>
  <c r="G10403" i="1"/>
  <c r="G10404" i="1"/>
  <c r="G10405" i="1"/>
  <c r="G10406" i="1"/>
  <c r="G10407" i="1"/>
  <c r="G10408" i="1"/>
  <c r="G10409" i="1"/>
  <c r="G10410" i="1"/>
  <c r="G10411" i="1"/>
  <c r="G10412" i="1"/>
  <c r="G10413" i="1"/>
  <c r="G10414" i="1"/>
  <c r="G10415" i="1"/>
  <c r="G10416" i="1"/>
  <c r="G10417" i="1"/>
  <c r="G10418" i="1"/>
  <c r="G10419" i="1"/>
  <c r="G10420" i="1"/>
  <c r="G10421" i="1"/>
  <c r="G10422" i="1"/>
  <c r="G10423" i="1"/>
  <c r="G10424" i="1"/>
  <c r="G10425" i="1"/>
  <c r="G10426" i="1"/>
  <c r="G10427" i="1"/>
  <c r="G10428" i="1"/>
  <c r="G10429" i="1"/>
  <c r="G10430" i="1"/>
  <c r="G10431" i="1"/>
  <c r="G10432" i="1"/>
  <c r="G10433" i="1"/>
  <c r="G10434" i="1"/>
  <c r="G10435" i="1"/>
  <c r="G10436" i="1"/>
  <c r="G10437" i="1"/>
  <c r="G10438" i="1"/>
  <c r="G10439" i="1"/>
  <c r="G10440" i="1"/>
  <c r="G10441" i="1"/>
  <c r="G10442" i="1"/>
  <c r="G10443" i="1"/>
  <c r="G10444" i="1"/>
  <c r="G10445" i="1"/>
  <c r="G10446" i="1"/>
  <c r="G10447" i="1"/>
  <c r="G10448" i="1"/>
  <c r="G10449" i="1"/>
  <c r="G10450" i="1"/>
  <c r="G10451" i="1"/>
  <c r="G10452" i="1"/>
  <c r="G10453" i="1"/>
  <c r="G10454" i="1"/>
  <c r="G10455" i="1"/>
  <c r="G10456" i="1"/>
  <c r="G10457" i="1"/>
  <c r="G10458" i="1"/>
  <c r="G10459" i="1"/>
  <c r="G10460" i="1"/>
  <c r="G10461" i="1"/>
  <c r="G10462" i="1"/>
  <c r="G10463" i="1"/>
  <c r="G10464" i="1"/>
  <c r="G10465" i="1"/>
  <c r="G10466" i="1"/>
  <c r="G10467" i="1"/>
  <c r="G10468" i="1"/>
  <c r="G10469" i="1"/>
  <c r="G10470" i="1"/>
  <c r="G10471" i="1"/>
  <c r="G10472" i="1"/>
  <c r="G10473" i="1"/>
  <c r="G10474" i="1"/>
  <c r="G10475" i="1"/>
  <c r="G10476" i="1"/>
  <c r="G10477" i="1"/>
  <c r="G10478" i="1"/>
  <c r="G10479" i="1"/>
  <c r="G10480" i="1"/>
  <c r="G10481" i="1"/>
  <c r="G10482" i="1"/>
  <c r="G10483" i="1"/>
  <c r="G10484" i="1"/>
  <c r="G10485" i="1"/>
  <c r="G10486" i="1"/>
  <c r="G10487" i="1"/>
  <c r="G10488" i="1"/>
  <c r="G10489" i="1"/>
  <c r="G10490" i="1"/>
  <c r="G10491" i="1"/>
  <c r="G10492" i="1"/>
  <c r="G10493" i="1"/>
  <c r="G10494" i="1"/>
  <c r="G10495" i="1"/>
  <c r="G10496" i="1"/>
  <c r="G10497" i="1"/>
  <c r="G10498" i="1"/>
  <c r="G10499" i="1"/>
  <c r="G10500" i="1"/>
  <c r="G10501" i="1"/>
  <c r="G10502" i="1"/>
  <c r="G10503" i="1"/>
  <c r="G10504" i="1"/>
  <c r="G10505" i="1"/>
  <c r="G10506" i="1"/>
  <c r="G10507" i="1"/>
  <c r="G10508" i="1"/>
  <c r="G10509" i="1"/>
  <c r="G10510" i="1"/>
  <c r="G10511" i="1"/>
  <c r="G10512" i="1"/>
  <c r="G10513" i="1"/>
  <c r="G10514" i="1"/>
  <c r="G10515" i="1"/>
  <c r="G10516" i="1"/>
  <c r="G10517" i="1"/>
  <c r="G10518" i="1"/>
  <c r="G10519" i="1"/>
  <c r="G10520" i="1"/>
  <c r="G10521" i="1"/>
  <c r="G10522" i="1"/>
  <c r="G10523" i="1"/>
  <c r="G10524" i="1"/>
  <c r="G10525" i="1"/>
  <c r="G10526" i="1"/>
  <c r="G10527" i="1"/>
  <c r="G10528" i="1"/>
  <c r="G10529" i="1"/>
  <c r="G10530" i="1"/>
  <c r="G10531" i="1"/>
  <c r="G10532" i="1"/>
  <c r="G10533" i="1"/>
  <c r="G10534" i="1"/>
  <c r="G10535" i="1"/>
  <c r="G10536" i="1"/>
  <c r="G10537" i="1"/>
  <c r="G10538" i="1"/>
  <c r="G10539" i="1"/>
  <c r="G10540" i="1"/>
  <c r="G10541" i="1"/>
  <c r="G10542" i="1"/>
  <c r="G10543" i="1"/>
  <c r="G10544" i="1"/>
  <c r="G10545" i="1"/>
  <c r="G10546" i="1"/>
  <c r="G10547" i="1"/>
  <c r="G10548" i="1"/>
  <c r="G10549" i="1"/>
  <c r="G10550" i="1"/>
  <c r="G10551" i="1"/>
  <c r="G10552" i="1"/>
  <c r="G10553" i="1"/>
  <c r="G10554" i="1"/>
  <c r="G10555" i="1"/>
  <c r="G10556" i="1"/>
  <c r="G10557" i="1"/>
  <c r="G10558" i="1"/>
  <c r="G10559" i="1"/>
  <c r="G10560" i="1"/>
  <c r="G10561" i="1"/>
  <c r="G10562" i="1"/>
  <c r="G10563" i="1"/>
  <c r="G10564" i="1"/>
  <c r="G10565" i="1"/>
  <c r="G10566" i="1"/>
  <c r="G10567" i="1"/>
  <c r="G10568" i="1"/>
  <c r="G10569" i="1"/>
  <c r="G10570" i="1"/>
  <c r="G10571" i="1"/>
  <c r="G10572" i="1"/>
  <c r="G10573" i="1"/>
  <c r="G10574" i="1"/>
  <c r="G10575" i="1"/>
  <c r="G10576" i="1"/>
  <c r="G10577" i="1"/>
  <c r="G10578" i="1"/>
  <c r="G10579" i="1"/>
  <c r="G10580" i="1"/>
  <c r="G10581" i="1"/>
  <c r="G10582" i="1"/>
  <c r="G10583" i="1"/>
  <c r="G10584" i="1"/>
  <c r="G10585" i="1"/>
  <c r="G10586" i="1"/>
  <c r="G10587" i="1"/>
  <c r="G10588" i="1"/>
  <c r="G10589" i="1"/>
  <c r="G10590" i="1"/>
  <c r="G10591" i="1"/>
  <c r="G10592" i="1"/>
  <c r="G10593" i="1"/>
  <c r="G10594" i="1"/>
  <c r="G10595" i="1"/>
  <c r="G10596" i="1"/>
  <c r="G10597" i="1"/>
  <c r="G10598" i="1"/>
  <c r="G10599" i="1"/>
  <c r="G10600" i="1"/>
  <c r="G10601" i="1"/>
  <c r="G10602" i="1"/>
  <c r="G10603" i="1"/>
  <c r="G10604" i="1"/>
  <c r="G10605" i="1"/>
  <c r="G10606" i="1"/>
  <c r="G10607" i="1"/>
  <c r="G10608" i="1"/>
  <c r="G10609" i="1"/>
  <c r="G10610" i="1"/>
  <c r="G10611" i="1"/>
  <c r="G10612" i="1"/>
  <c r="G10613" i="1"/>
  <c r="G10614" i="1"/>
  <c r="G10615" i="1"/>
  <c r="G10616" i="1"/>
  <c r="G10617" i="1"/>
  <c r="G10618" i="1"/>
  <c r="G10619" i="1"/>
  <c r="G10620" i="1"/>
  <c r="G10621" i="1"/>
  <c r="G10622" i="1"/>
  <c r="G10623" i="1"/>
  <c r="G10624" i="1"/>
  <c r="G10625" i="1"/>
  <c r="G10626" i="1"/>
  <c r="G10627" i="1"/>
  <c r="G10628" i="1"/>
  <c r="G10629" i="1"/>
  <c r="G10630" i="1"/>
  <c r="G10631" i="1"/>
  <c r="G10632" i="1"/>
  <c r="G10633" i="1"/>
  <c r="G10634" i="1"/>
  <c r="G10635" i="1"/>
  <c r="G10636" i="1"/>
  <c r="G10637" i="1"/>
  <c r="G10638" i="1"/>
  <c r="G10639" i="1"/>
  <c r="G10640" i="1"/>
  <c r="G10641" i="1"/>
  <c r="G10642" i="1"/>
  <c r="G10643" i="1"/>
  <c r="G10644" i="1"/>
  <c r="G10645" i="1"/>
  <c r="G10646" i="1"/>
  <c r="G10647" i="1"/>
  <c r="G10648" i="1"/>
  <c r="G10649" i="1"/>
  <c r="G10650" i="1"/>
  <c r="G10651" i="1"/>
  <c r="G10652" i="1"/>
  <c r="G10653" i="1"/>
  <c r="G10654" i="1"/>
  <c r="G10655" i="1"/>
  <c r="G10656" i="1"/>
  <c r="G10657" i="1"/>
  <c r="G10658" i="1"/>
  <c r="G10659" i="1"/>
  <c r="G10660" i="1"/>
  <c r="G10661" i="1"/>
  <c r="G10662" i="1"/>
  <c r="G10663" i="1"/>
  <c r="G10664" i="1"/>
  <c r="G10665" i="1"/>
  <c r="G10666" i="1"/>
  <c r="G10667" i="1"/>
  <c r="G10668" i="1"/>
  <c r="G10669" i="1"/>
  <c r="G10670" i="1"/>
  <c r="G10671" i="1"/>
  <c r="G10672" i="1"/>
  <c r="G10673" i="1"/>
  <c r="G10674" i="1"/>
  <c r="G10675" i="1"/>
  <c r="G10676" i="1"/>
  <c r="G10677" i="1"/>
  <c r="G10678" i="1"/>
  <c r="G10679" i="1"/>
  <c r="G10680" i="1"/>
  <c r="G10681" i="1"/>
  <c r="G10682" i="1"/>
  <c r="G10683" i="1"/>
  <c r="G10684" i="1"/>
  <c r="G10685" i="1"/>
  <c r="G10686" i="1"/>
  <c r="G10687" i="1"/>
  <c r="G10688" i="1"/>
  <c r="G10689" i="1"/>
  <c r="G10690" i="1"/>
  <c r="G10691" i="1"/>
  <c r="G10692" i="1"/>
  <c r="G10693" i="1"/>
  <c r="G10694" i="1"/>
  <c r="G10695" i="1"/>
  <c r="G10696" i="1"/>
  <c r="G10697" i="1"/>
  <c r="G10698" i="1"/>
  <c r="G10699" i="1"/>
  <c r="G10700" i="1"/>
  <c r="G10701" i="1"/>
  <c r="G10702" i="1"/>
  <c r="G10703" i="1"/>
  <c r="G10704" i="1"/>
  <c r="G10705" i="1"/>
  <c r="G10706" i="1"/>
  <c r="G10707" i="1"/>
  <c r="G10708" i="1"/>
  <c r="G10709" i="1"/>
  <c r="G10710" i="1"/>
  <c r="G10711" i="1"/>
  <c r="G10712" i="1"/>
  <c r="G10713" i="1"/>
  <c r="G10714" i="1"/>
  <c r="G10715" i="1"/>
  <c r="G10716" i="1"/>
  <c r="G10717" i="1"/>
  <c r="G10718" i="1"/>
  <c r="G10719" i="1"/>
  <c r="G10720" i="1"/>
  <c r="G10721" i="1"/>
  <c r="G10722" i="1"/>
  <c r="G10723" i="1"/>
  <c r="G10724" i="1"/>
  <c r="G10725" i="1"/>
  <c r="G10726" i="1"/>
  <c r="G10727" i="1"/>
  <c r="G10728" i="1"/>
  <c r="G10729" i="1"/>
  <c r="G10730" i="1"/>
  <c r="G10731" i="1"/>
  <c r="G10732" i="1"/>
  <c r="G10733" i="1"/>
  <c r="G10734" i="1"/>
  <c r="G10735" i="1"/>
  <c r="G10736" i="1"/>
  <c r="G10737" i="1"/>
  <c r="G10738" i="1"/>
  <c r="G10739" i="1"/>
  <c r="G10740" i="1"/>
  <c r="G10741" i="1"/>
  <c r="G10742" i="1"/>
  <c r="G10743" i="1"/>
  <c r="G10744" i="1"/>
  <c r="G10745" i="1"/>
  <c r="G10746" i="1"/>
  <c r="G10747" i="1"/>
  <c r="G10748" i="1"/>
  <c r="G10749" i="1"/>
  <c r="G10750" i="1"/>
  <c r="G10751" i="1"/>
  <c r="G10752" i="1"/>
  <c r="G10753" i="1"/>
  <c r="G10754" i="1"/>
  <c r="G10755" i="1"/>
  <c r="G10756" i="1"/>
  <c r="G10757" i="1"/>
  <c r="G10758" i="1"/>
  <c r="G10759" i="1"/>
  <c r="G10760" i="1"/>
  <c r="G10761" i="1"/>
  <c r="G10762" i="1"/>
  <c r="G10763" i="1"/>
  <c r="G10764" i="1"/>
  <c r="G10765" i="1"/>
  <c r="G10766" i="1"/>
  <c r="G10767" i="1"/>
  <c r="G10768" i="1"/>
  <c r="G10769" i="1"/>
  <c r="G10770" i="1"/>
  <c r="G10771" i="1"/>
  <c r="G10772" i="1"/>
  <c r="G10773" i="1"/>
  <c r="G10774" i="1"/>
  <c r="G10775" i="1"/>
  <c r="G10776" i="1"/>
  <c r="G10777" i="1"/>
  <c r="G10778" i="1"/>
  <c r="G10779" i="1"/>
  <c r="G10780" i="1"/>
  <c r="G10781" i="1"/>
  <c r="G10782" i="1"/>
  <c r="G10783" i="1"/>
  <c r="G10784" i="1"/>
  <c r="G10785" i="1"/>
  <c r="G10786" i="1"/>
  <c r="G10787" i="1"/>
  <c r="G10788" i="1"/>
  <c r="G10789" i="1"/>
  <c r="G10790" i="1"/>
  <c r="G10791" i="1"/>
  <c r="G10792" i="1"/>
  <c r="G10793" i="1"/>
  <c r="G10794" i="1"/>
  <c r="G10795" i="1"/>
  <c r="G10796" i="1"/>
  <c r="G10797" i="1"/>
  <c r="G10798" i="1"/>
  <c r="G10799" i="1"/>
  <c r="G10800" i="1"/>
  <c r="G10801" i="1"/>
  <c r="G10802" i="1"/>
  <c r="G10803" i="1"/>
  <c r="G10804" i="1"/>
  <c r="G10805" i="1"/>
  <c r="G10806" i="1"/>
  <c r="G10807" i="1"/>
  <c r="G10808" i="1"/>
  <c r="G10809" i="1"/>
  <c r="G10810" i="1"/>
  <c r="G10811" i="1"/>
  <c r="G10812" i="1"/>
  <c r="G10813" i="1"/>
  <c r="G10814" i="1"/>
  <c r="G10815" i="1"/>
  <c r="G10816" i="1"/>
  <c r="G10817" i="1"/>
  <c r="G10818" i="1"/>
  <c r="G10819" i="1"/>
  <c r="G10820" i="1"/>
  <c r="G10821" i="1"/>
  <c r="G10822" i="1"/>
  <c r="G10823" i="1"/>
  <c r="G10824" i="1"/>
  <c r="G10825" i="1"/>
  <c r="G10826" i="1"/>
  <c r="G10827" i="1"/>
  <c r="G10828" i="1"/>
  <c r="G10829" i="1"/>
  <c r="G10830" i="1"/>
  <c r="G10831" i="1"/>
  <c r="G10832" i="1"/>
  <c r="G10833" i="1"/>
  <c r="G10834" i="1"/>
  <c r="G10835" i="1"/>
  <c r="G10836" i="1"/>
  <c r="G10837" i="1"/>
  <c r="G10838" i="1"/>
  <c r="G10839" i="1"/>
  <c r="G10840" i="1"/>
  <c r="G10841" i="1"/>
  <c r="G10842" i="1"/>
  <c r="G10843" i="1"/>
  <c r="G10844" i="1"/>
  <c r="G10845" i="1"/>
  <c r="G10846" i="1"/>
  <c r="G10847" i="1"/>
  <c r="G10848" i="1"/>
  <c r="G10849" i="1"/>
  <c r="G10850" i="1"/>
  <c r="G10851" i="1"/>
  <c r="G10852" i="1"/>
  <c r="G10853" i="1"/>
  <c r="G10854" i="1"/>
  <c r="G10855" i="1"/>
  <c r="G10856" i="1"/>
  <c r="G10857" i="1"/>
  <c r="G10858" i="1"/>
  <c r="G10859" i="1"/>
  <c r="G10860" i="1"/>
  <c r="G10861" i="1"/>
  <c r="G10862" i="1"/>
  <c r="G10863" i="1"/>
  <c r="G10864" i="1"/>
  <c r="G10865" i="1"/>
  <c r="G10866" i="1"/>
  <c r="G10867" i="1"/>
  <c r="G10868" i="1"/>
  <c r="G10869" i="1"/>
  <c r="G10870" i="1"/>
  <c r="G10871" i="1"/>
  <c r="G10872" i="1"/>
  <c r="G10873" i="1"/>
  <c r="G10874" i="1"/>
  <c r="G10875" i="1"/>
  <c r="G10876" i="1"/>
  <c r="G10877" i="1"/>
  <c r="G10878" i="1"/>
  <c r="G10879" i="1"/>
  <c r="G10880" i="1"/>
  <c r="G10881" i="1"/>
  <c r="G10882" i="1"/>
  <c r="G10883" i="1"/>
  <c r="G10884" i="1"/>
  <c r="G10885" i="1"/>
  <c r="G10886" i="1"/>
  <c r="G10887" i="1"/>
  <c r="G10888" i="1"/>
  <c r="G10889" i="1"/>
  <c r="G10890" i="1"/>
  <c r="G10891" i="1"/>
  <c r="G10892" i="1"/>
  <c r="G10893" i="1"/>
  <c r="G10894" i="1"/>
  <c r="G10895" i="1"/>
  <c r="G10896" i="1"/>
  <c r="G10897" i="1"/>
  <c r="G10898" i="1"/>
  <c r="G10899" i="1"/>
  <c r="G10900" i="1"/>
  <c r="G10901" i="1"/>
  <c r="G10902" i="1"/>
  <c r="G10903" i="1"/>
  <c r="G10904" i="1"/>
  <c r="G10905" i="1"/>
  <c r="G10906" i="1"/>
  <c r="G10907" i="1"/>
  <c r="G10908" i="1"/>
  <c r="G10909" i="1"/>
  <c r="G10910" i="1"/>
  <c r="G10911" i="1"/>
  <c r="G10912" i="1"/>
  <c r="G10913" i="1"/>
  <c r="G10914" i="1"/>
  <c r="G10915" i="1"/>
  <c r="G10916" i="1"/>
  <c r="G10917" i="1"/>
  <c r="G10918" i="1"/>
  <c r="G10919" i="1"/>
  <c r="G10920" i="1"/>
  <c r="G10921" i="1"/>
  <c r="G10922" i="1"/>
  <c r="G10923" i="1"/>
  <c r="G10924" i="1"/>
  <c r="G10925" i="1"/>
  <c r="G10926" i="1"/>
  <c r="G10927" i="1"/>
  <c r="G10928" i="1"/>
  <c r="G10929" i="1"/>
  <c r="G10930" i="1"/>
  <c r="G10931" i="1"/>
  <c r="G10932" i="1"/>
  <c r="G10933" i="1"/>
  <c r="G10934" i="1"/>
  <c r="G10935" i="1"/>
  <c r="G10936" i="1"/>
  <c r="G10937" i="1"/>
  <c r="G10938" i="1"/>
  <c r="G10939" i="1"/>
  <c r="G10940" i="1"/>
  <c r="G10941" i="1"/>
  <c r="G10942" i="1"/>
  <c r="G10943" i="1"/>
  <c r="G10944" i="1"/>
  <c r="G10945" i="1"/>
  <c r="G10946" i="1"/>
  <c r="G10947" i="1"/>
  <c r="G10948" i="1"/>
  <c r="G10949" i="1"/>
  <c r="G10950" i="1"/>
  <c r="G10951" i="1"/>
  <c r="G10952" i="1"/>
  <c r="G10953" i="1"/>
  <c r="G10954" i="1"/>
  <c r="G10955" i="1"/>
  <c r="G10956" i="1"/>
  <c r="G10957" i="1"/>
  <c r="G10958" i="1"/>
  <c r="G10959" i="1"/>
  <c r="G10960" i="1"/>
  <c r="G10961" i="1"/>
  <c r="G10962" i="1"/>
  <c r="G10963" i="1"/>
  <c r="G10964" i="1"/>
  <c r="G10965" i="1"/>
  <c r="G10966" i="1"/>
  <c r="G10967" i="1"/>
  <c r="G10968" i="1"/>
  <c r="G10969" i="1"/>
  <c r="G10970" i="1"/>
  <c r="G10971" i="1"/>
  <c r="G10972" i="1"/>
  <c r="G10973" i="1"/>
  <c r="G10974" i="1"/>
  <c r="G10975" i="1"/>
  <c r="G10976" i="1"/>
  <c r="G10977" i="1"/>
  <c r="G10978" i="1"/>
  <c r="G10979" i="1"/>
  <c r="G10980" i="1"/>
  <c r="G10981" i="1"/>
  <c r="G10982" i="1"/>
  <c r="G10983" i="1"/>
  <c r="G10984" i="1"/>
  <c r="G10985" i="1"/>
  <c r="G10986" i="1"/>
  <c r="G10987" i="1"/>
  <c r="G10988" i="1"/>
  <c r="G10989" i="1"/>
  <c r="G10990" i="1"/>
  <c r="G10991" i="1"/>
  <c r="G10992" i="1"/>
  <c r="G10993" i="1"/>
  <c r="G10994" i="1"/>
  <c r="G10995" i="1"/>
  <c r="G10996" i="1"/>
  <c r="G10997" i="1"/>
  <c r="G10998" i="1"/>
  <c r="G10999" i="1"/>
  <c r="G11000" i="1"/>
  <c r="G11001" i="1"/>
  <c r="G11002" i="1"/>
  <c r="G11003" i="1"/>
  <c r="G11004" i="1"/>
  <c r="G11005" i="1"/>
  <c r="G11006" i="1"/>
  <c r="G11007" i="1"/>
  <c r="G11008" i="1"/>
  <c r="G11009" i="1"/>
  <c r="G11010" i="1"/>
  <c r="G11011" i="1"/>
  <c r="G11012" i="1"/>
  <c r="G11013" i="1"/>
  <c r="G11014" i="1"/>
  <c r="G11015" i="1"/>
  <c r="G11016" i="1"/>
  <c r="G11017" i="1"/>
  <c r="G11018" i="1"/>
  <c r="G11019" i="1"/>
  <c r="G11020" i="1"/>
  <c r="G11021" i="1"/>
  <c r="G11022" i="1"/>
  <c r="G11023" i="1"/>
  <c r="G11024" i="1"/>
  <c r="G11025" i="1"/>
  <c r="G11026" i="1"/>
  <c r="G11027" i="1"/>
  <c r="G11028" i="1"/>
  <c r="G11029" i="1"/>
  <c r="G11030" i="1"/>
  <c r="G11031" i="1"/>
  <c r="G11032" i="1"/>
  <c r="G11033" i="1"/>
  <c r="G11034" i="1"/>
  <c r="G11035" i="1"/>
  <c r="G11036" i="1"/>
  <c r="G11037" i="1"/>
  <c r="G11038" i="1"/>
  <c r="G11039" i="1"/>
  <c r="G11040" i="1"/>
  <c r="G11041" i="1"/>
  <c r="G11042" i="1"/>
  <c r="G11043" i="1"/>
  <c r="G11044" i="1"/>
  <c r="G11045" i="1"/>
  <c r="G11046" i="1"/>
  <c r="G11047" i="1"/>
  <c r="G11048" i="1"/>
  <c r="G11049" i="1"/>
  <c r="G11050" i="1"/>
  <c r="G11051" i="1"/>
  <c r="G11052" i="1"/>
  <c r="G11053" i="1"/>
  <c r="G11054" i="1"/>
  <c r="G11055" i="1"/>
  <c r="G11056" i="1"/>
  <c r="G11057" i="1"/>
  <c r="G11058" i="1"/>
  <c r="G11059" i="1"/>
  <c r="G11060" i="1"/>
  <c r="G11061" i="1"/>
  <c r="G11062" i="1"/>
  <c r="G11063" i="1"/>
  <c r="G11064" i="1"/>
  <c r="G11065" i="1"/>
  <c r="G11066" i="1"/>
  <c r="G11067" i="1"/>
  <c r="G11068" i="1"/>
  <c r="G11069" i="1"/>
  <c r="G11070" i="1"/>
  <c r="G11071" i="1"/>
  <c r="G11072" i="1"/>
  <c r="G11073" i="1"/>
  <c r="G11074" i="1"/>
  <c r="G11075" i="1"/>
  <c r="G11076" i="1"/>
  <c r="G11077" i="1"/>
  <c r="G11078" i="1"/>
  <c r="G11079" i="1"/>
  <c r="G11080" i="1"/>
  <c r="G11081" i="1"/>
  <c r="G11082" i="1"/>
  <c r="G11083" i="1"/>
  <c r="G11084" i="1"/>
  <c r="G11085" i="1"/>
  <c r="G11086" i="1"/>
  <c r="G11087" i="1"/>
  <c r="G11088" i="1"/>
  <c r="G11089" i="1"/>
  <c r="G11090" i="1"/>
  <c r="G11091" i="1"/>
  <c r="G11092" i="1"/>
  <c r="G11093" i="1"/>
  <c r="G11094" i="1"/>
  <c r="G11095" i="1"/>
  <c r="G11096" i="1"/>
  <c r="G11097" i="1"/>
  <c r="G11098" i="1"/>
  <c r="G11099" i="1"/>
  <c r="G11100" i="1"/>
  <c r="G11101" i="1"/>
  <c r="G11102" i="1"/>
  <c r="G11103" i="1"/>
  <c r="G11104" i="1"/>
  <c r="G11105" i="1"/>
  <c r="G11106" i="1"/>
  <c r="G11107" i="1"/>
  <c r="G11108" i="1"/>
  <c r="G11109" i="1"/>
  <c r="G11110" i="1"/>
  <c r="G11111" i="1"/>
  <c r="G11112" i="1"/>
  <c r="G11113" i="1"/>
  <c r="G11114" i="1"/>
  <c r="G11115" i="1"/>
  <c r="G11116" i="1"/>
  <c r="G11117" i="1"/>
  <c r="G11118" i="1"/>
  <c r="G11119" i="1"/>
  <c r="G11120" i="1"/>
  <c r="G11121" i="1"/>
  <c r="G11122" i="1"/>
  <c r="G11123" i="1"/>
  <c r="G11124" i="1"/>
  <c r="G11125" i="1"/>
  <c r="G11126" i="1"/>
  <c r="G11127" i="1"/>
  <c r="G11128" i="1"/>
  <c r="G11129" i="1"/>
  <c r="G11130" i="1"/>
  <c r="G11131" i="1"/>
  <c r="G11132" i="1"/>
  <c r="G11133" i="1"/>
  <c r="G11134" i="1"/>
  <c r="G11135" i="1"/>
  <c r="G11136" i="1"/>
  <c r="G11137" i="1"/>
  <c r="G11138" i="1"/>
  <c r="G11139" i="1"/>
  <c r="G11140" i="1"/>
  <c r="G11141" i="1"/>
  <c r="G11142" i="1"/>
  <c r="G11143" i="1"/>
  <c r="G11144" i="1"/>
  <c r="G11145" i="1"/>
  <c r="G11146" i="1"/>
  <c r="G11147" i="1"/>
  <c r="G11148" i="1"/>
  <c r="G11149" i="1"/>
  <c r="G11150" i="1"/>
  <c r="G11151" i="1"/>
  <c r="G11152" i="1"/>
  <c r="G11153" i="1"/>
  <c r="G11154" i="1"/>
  <c r="G11155" i="1"/>
  <c r="G11156" i="1"/>
  <c r="G11157" i="1"/>
  <c r="G11158" i="1"/>
  <c r="G11159" i="1"/>
  <c r="G11160" i="1"/>
  <c r="G11161" i="1"/>
  <c r="G11162" i="1"/>
  <c r="G11163" i="1"/>
  <c r="G11164" i="1"/>
  <c r="G11165" i="1"/>
  <c r="G11166" i="1"/>
  <c r="G11167" i="1"/>
  <c r="G11168" i="1"/>
  <c r="G11169" i="1"/>
  <c r="G11170" i="1"/>
  <c r="G11171" i="1"/>
  <c r="G11172" i="1"/>
  <c r="G11173" i="1"/>
  <c r="G11174" i="1"/>
  <c r="G11175" i="1"/>
  <c r="G11176" i="1"/>
  <c r="G11177" i="1"/>
  <c r="G11178" i="1"/>
  <c r="G11179" i="1"/>
  <c r="G11180" i="1"/>
  <c r="G11181" i="1"/>
  <c r="G11182" i="1"/>
  <c r="G11183" i="1"/>
  <c r="G11184" i="1"/>
  <c r="G11185" i="1"/>
  <c r="G11186" i="1"/>
  <c r="G11187" i="1"/>
  <c r="G11188" i="1"/>
  <c r="G11189" i="1"/>
  <c r="G11190" i="1"/>
  <c r="G11191" i="1"/>
  <c r="G11192" i="1"/>
  <c r="G11193" i="1"/>
  <c r="G11194" i="1"/>
  <c r="G11195" i="1"/>
  <c r="G11196" i="1"/>
  <c r="G11197" i="1"/>
  <c r="G11198" i="1"/>
  <c r="G11199" i="1"/>
  <c r="G11200" i="1"/>
  <c r="G11201" i="1"/>
  <c r="G11202" i="1"/>
  <c r="G11203" i="1"/>
  <c r="G11204" i="1"/>
  <c r="G11205" i="1"/>
  <c r="G11206" i="1"/>
  <c r="G11207" i="1"/>
  <c r="G11208" i="1"/>
  <c r="G11209" i="1"/>
  <c r="G11210" i="1"/>
  <c r="G11211" i="1"/>
  <c r="G11212" i="1"/>
  <c r="G11213" i="1"/>
  <c r="G11214" i="1"/>
  <c r="G11215" i="1"/>
  <c r="G11216" i="1"/>
  <c r="G11217" i="1"/>
  <c r="G11218" i="1"/>
  <c r="G11219" i="1"/>
  <c r="G11220" i="1"/>
  <c r="G11221" i="1"/>
  <c r="G11222" i="1"/>
  <c r="G11223" i="1"/>
  <c r="G11224" i="1"/>
  <c r="G11225" i="1"/>
  <c r="G11226" i="1"/>
  <c r="G11227" i="1"/>
  <c r="G11228" i="1"/>
  <c r="G11229" i="1"/>
  <c r="G11230" i="1"/>
  <c r="G11231" i="1"/>
  <c r="G11232" i="1"/>
  <c r="G11233" i="1"/>
  <c r="G11234" i="1"/>
  <c r="G11235" i="1"/>
  <c r="G11236" i="1"/>
  <c r="G11237" i="1"/>
  <c r="G11238" i="1"/>
  <c r="G11239" i="1"/>
  <c r="G11240" i="1"/>
  <c r="G11241" i="1"/>
  <c r="G11242" i="1"/>
  <c r="G11243" i="1"/>
  <c r="G11244" i="1"/>
  <c r="G11245" i="1"/>
  <c r="G11246" i="1"/>
  <c r="G11247" i="1"/>
  <c r="G11248" i="1"/>
  <c r="G11249" i="1"/>
  <c r="G11250" i="1"/>
  <c r="G11251" i="1"/>
  <c r="G11252" i="1"/>
  <c r="G11253" i="1"/>
  <c r="G11254" i="1"/>
  <c r="G11255" i="1"/>
  <c r="G11256" i="1"/>
  <c r="G11257" i="1"/>
  <c r="G11258" i="1"/>
  <c r="G11259" i="1"/>
  <c r="G11260" i="1"/>
  <c r="G11261" i="1"/>
  <c r="G11262" i="1"/>
  <c r="G11263" i="1"/>
  <c r="G11264" i="1"/>
  <c r="G11265" i="1"/>
  <c r="G11266" i="1"/>
  <c r="G11267" i="1"/>
  <c r="G11268" i="1"/>
  <c r="G11269" i="1"/>
  <c r="G11270" i="1"/>
  <c r="G11271" i="1"/>
  <c r="G11272" i="1"/>
  <c r="G11273" i="1"/>
  <c r="G11274" i="1"/>
  <c r="G11275" i="1"/>
  <c r="G11276" i="1"/>
  <c r="G11277" i="1"/>
  <c r="G11278" i="1"/>
  <c r="G11279" i="1"/>
  <c r="G11280" i="1"/>
  <c r="G11281" i="1"/>
  <c r="G11282" i="1"/>
  <c r="G11283" i="1"/>
  <c r="G11284" i="1"/>
  <c r="G11285" i="1"/>
  <c r="G11286" i="1"/>
  <c r="G11287" i="1"/>
  <c r="G11288" i="1"/>
  <c r="G11289" i="1"/>
  <c r="G11290" i="1"/>
  <c r="G11291" i="1"/>
  <c r="G11292" i="1"/>
  <c r="G11293" i="1"/>
  <c r="G11294" i="1"/>
  <c r="G11295" i="1"/>
  <c r="G11296" i="1"/>
  <c r="G11297" i="1"/>
  <c r="G11298" i="1"/>
  <c r="G11299" i="1"/>
  <c r="G11300" i="1"/>
  <c r="G11301" i="1"/>
  <c r="G11302" i="1"/>
  <c r="G11303" i="1"/>
  <c r="G11304" i="1"/>
  <c r="G11305" i="1"/>
  <c r="G11306" i="1"/>
  <c r="G11307" i="1"/>
  <c r="G11308" i="1"/>
  <c r="G11309" i="1"/>
  <c r="G11310" i="1"/>
  <c r="G11311" i="1"/>
  <c r="G11312" i="1"/>
  <c r="G11313" i="1"/>
  <c r="G11314" i="1"/>
  <c r="G11315" i="1"/>
  <c r="G11316" i="1"/>
  <c r="G11317" i="1"/>
  <c r="G11318" i="1"/>
  <c r="G11319" i="1"/>
  <c r="G11320" i="1"/>
  <c r="G11321" i="1"/>
  <c r="G11322" i="1"/>
  <c r="G11323" i="1"/>
  <c r="G11324" i="1"/>
  <c r="G11325" i="1"/>
  <c r="G11326" i="1"/>
  <c r="G11327" i="1"/>
  <c r="G11328" i="1"/>
  <c r="G11329" i="1"/>
  <c r="G11330" i="1"/>
  <c r="G11331" i="1"/>
  <c r="G11332" i="1"/>
  <c r="G11333" i="1"/>
  <c r="G11334" i="1"/>
  <c r="G11335" i="1"/>
  <c r="G11336" i="1"/>
  <c r="G11337" i="1"/>
  <c r="G11338" i="1"/>
  <c r="G11339" i="1"/>
  <c r="G11340" i="1"/>
  <c r="G11341" i="1"/>
  <c r="G11342" i="1"/>
  <c r="G11343" i="1"/>
  <c r="G11344" i="1"/>
  <c r="G11345" i="1"/>
  <c r="G11346" i="1"/>
  <c r="G11347" i="1"/>
  <c r="G11348" i="1"/>
  <c r="G11349" i="1"/>
  <c r="G11350" i="1"/>
  <c r="G11351" i="1"/>
  <c r="G11352" i="1"/>
  <c r="G11353" i="1"/>
  <c r="G11354" i="1"/>
  <c r="G11355" i="1"/>
  <c r="G11356" i="1"/>
  <c r="G11357" i="1"/>
  <c r="G11358" i="1"/>
  <c r="G11359" i="1"/>
  <c r="G11360" i="1"/>
  <c r="G11361" i="1"/>
  <c r="G11362" i="1"/>
  <c r="G11363" i="1"/>
  <c r="G11364" i="1"/>
  <c r="G11365" i="1"/>
  <c r="G11366" i="1"/>
  <c r="G11367" i="1"/>
  <c r="G11368" i="1"/>
  <c r="G11369" i="1"/>
  <c r="G11370" i="1"/>
  <c r="G11371" i="1"/>
  <c r="G11372" i="1"/>
  <c r="G11373" i="1"/>
  <c r="G11374" i="1"/>
  <c r="G11375" i="1"/>
  <c r="G11376" i="1"/>
  <c r="G11377" i="1"/>
  <c r="G11378" i="1"/>
  <c r="G11379" i="1"/>
  <c r="G11380" i="1"/>
  <c r="G11381" i="1"/>
  <c r="G11382" i="1"/>
  <c r="G11383" i="1"/>
  <c r="G11384" i="1"/>
  <c r="G11385" i="1"/>
  <c r="G11386" i="1"/>
  <c r="G11387" i="1"/>
  <c r="G11388" i="1"/>
  <c r="G11389" i="1"/>
  <c r="G11390" i="1"/>
  <c r="G11391" i="1"/>
  <c r="G11392" i="1"/>
  <c r="G11393" i="1"/>
  <c r="G11394" i="1"/>
  <c r="G11395" i="1"/>
  <c r="G11396" i="1"/>
  <c r="G11397" i="1"/>
  <c r="G11398" i="1"/>
  <c r="G11399" i="1"/>
  <c r="G11400" i="1"/>
  <c r="G11401" i="1"/>
  <c r="G11402" i="1"/>
  <c r="G11403" i="1"/>
  <c r="G11404" i="1"/>
  <c r="G11405" i="1"/>
  <c r="G11406" i="1"/>
  <c r="G11407" i="1"/>
  <c r="G11408" i="1"/>
  <c r="G11409" i="1"/>
  <c r="G11410" i="1"/>
  <c r="G11411" i="1"/>
  <c r="G11412" i="1"/>
  <c r="G11413" i="1"/>
  <c r="G11414" i="1"/>
  <c r="G11415" i="1"/>
  <c r="G11416" i="1"/>
  <c r="G11417" i="1"/>
  <c r="G11418" i="1"/>
  <c r="G11419" i="1"/>
  <c r="G11420" i="1"/>
  <c r="G11421" i="1"/>
  <c r="G11422" i="1"/>
  <c r="G11423" i="1"/>
  <c r="G11424" i="1"/>
  <c r="G11425" i="1"/>
  <c r="G11426" i="1"/>
  <c r="G11427" i="1"/>
  <c r="G11428" i="1"/>
  <c r="G11429" i="1"/>
  <c r="G11430" i="1"/>
  <c r="G11431" i="1"/>
  <c r="G11432" i="1"/>
  <c r="G11433" i="1"/>
  <c r="G11434" i="1"/>
  <c r="G11435" i="1"/>
  <c r="G11436" i="1"/>
  <c r="G11437" i="1"/>
  <c r="G11438" i="1"/>
  <c r="G11439" i="1"/>
  <c r="G11440" i="1"/>
  <c r="G11441" i="1"/>
  <c r="G11442" i="1"/>
  <c r="G11443" i="1"/>
  <c r="G11444" i="1"/>
  <c r="G11445" i="1"/>
  <c r="G11446" i="1"/>
  <c r="G11447" i="1"/>
  <c r="G11448" i="1"/>
  <c r="G11449" i="1"/>
  <c r="G11450" i="1"/>
  <c r="G11451" i="1"/>
  <c r="G11452" i="1"/>
  <c r="G11453" i="1"/>
  <c r="G11454" i="1"/>
  <c r="G11455" i="1"/>
  <c r="G11456" i="1"/>
  <c r="G11457" i="1"/>
  <c r="G11458" i="1"/>
  <c r="G11459" i="1"/>
  <c r="G11460" i="1"/>
  <c r="G11461" i="1"/>
  <c r="G11462" i="1"/>
  <c r="G11463" i="1"/>
  <c r="G11464" i="1"/>
  <c r="G11465" i="1"/>
  <c r="G11466" i="1"/>
  <c r="G11467" i="1"/>
  <c r="G11468" i="1"/>
  <c r="G11469" i="1"/>
  <c r="G11470" i="1"/>
  <c r="G11471" i="1"/>
  <c r="G11472" i="1"/>
  <c r="G11473" i="1"/>
  <c r="G11474" i="1"/>
  <c r="G11475" i="1"/>
  <c r="G11476" i="1"/>
  <c r="G11477" i="1"/>
  <c r="G11478" i="1"/>
  <c r="G11479" i="1"/>
  <c r="G11480" i="1"/>
  <c r="G11481" i="1"/>
  <c r="G11482" i="1"/>
  <c r="G11483" i="1"/>
  <c r="G11484" i="1"/>
  <c r="G11485" i="1"/>
  <c r="G11486" i="1"/>
  <c r="G11487" i="1"/>
  <c r="G11488" i="1"/>
  <c r="G11489" i="1"/>
  <c r="G11490" i="1"/>
  <c r="G11491" i="1"/>
  <c r="G11492" i="1"/>
  <c r="G11493" i="1"/>
  <c r="G11494" i="1"/>
  <c r="G11495" i="1"/>
  <c r="G11496" i="1"/>
  <c r="G11497" i="1"/>
  <c r="G11498" i="1"/>
  <c r="G11499" i="1"/>
  <c r="G11500" i="1"/>
  <c r="G11501" i="1"/>
  <c r="G11502" i="1"/>
  <c r="G11503" i="1"/>
  <c r="G11504" i="1"/>
  <c r="G11505" i="1"/>
  <c r="G11506" i="1"/>
  <c r="G11507" i="1"/>
  <c r="G11508" i="1"/>
  <c r="G11509" i="1"/>
  <c r="G11510" i="1"/>
  <c r="G11511" i="1"/>
  <c r="G11512" i="1"/>
  <c r="G11513" i="1"/>
  <c r="G11514" i="1"/>
  <c r="G11515" i="1"/>
  <c r="G11516" i="1"/>
  <c r="G11517" i="1"/>
  <c r="G11518" i="1"/>
  <c r="G11519" i="1"/>
  <c r="G11520" i="1"/>
  <c r="G11521" i="1"/>
  <c r="G11522" i="1"/>
  <c r="G11523" i="1"/>
  <c r="G11524" i="1"/>
  <c r="G11525" i="1"/>
  <c r="G11526" i="1"/>
  <c r="G11527" i="1"/>
  <c r="G11528" i="1"/>
  <c r="G11529" i="1"/>
  <c r="G11530" i="1"/>
  <c r="G11531" i="1"/>
  <c r="G11532" i="1"/>
  <c r="G11533" i="1"/>
  <c r="G11534" i="1"/>
  <c r="G11535" i="1"/>
  <c r="G11536" i="1"/>
  <c r="G11537" i="1"/>
  <c r="G11538" i="1"/>
  <c r="G11539" i="1"/>
  <c r="G11540" i="1"/>
  <c r="G11541" i="1"/>
  <c r="G11542" i="1"/>
  <c r="G11543" i="1"/>
  <c r="G11544" i="1"/>
  <c r="G11545" i="1"/>
  <c r="G11546" i="1"/>
  <c r="G11547" i="1"/>
  <c r="G11548" i="1"/>
  <c r="G11549" i="1"/>
  <c r="G11550" i="1"/>
  <c r="G11551" i="1"/>
  <c r="G11552" i="1"/>
  <c r="G11553" i="1"/>
  <c r="G11554" i="1"/>
  <c r="G11555" i="1"/>
  <c r="G11556" i="1"/>
  <c r="G11557" i="1"/>
  <c r="G11558" i="1"/>
  <c r="G11559" i="1"/>
  <c r="G11560" i="1"/>
  <c r="G11561" i="1"/>
  <c r="G11562" i="1"/>
  <c r="G11563" i="1"/>
  <c r="G11564" i="1"/>
  <c r="G11565" i="1"/>
  <c r="G11566" i="1"/>
  <c r="G11567" i="1"/>
  <c r="G11568" i="1"/>
  <c r="G11569" i="1"/>
  <c r="G11570" i="1"/>
  <c r="G11571" i="1"/>
  <c r="G11572" i="1"/>
  <c r="G11573" i="1"/>
  <c r="G11574" i="1"/>
  <c r="G11575" i="1"/>
  <c r="G11576" i="1"/>
  <c r="G11577" i="1"/>
  <c r="G11578" i="1"/>
  <c r="G11579" i="1"/>
  <c r="G11580" i="1"/>
  <c r="G11581" i="1"/>
  <c r="G11582" i="1"/>
  <c r="G11583" i="1"/>
  <c r="G11584" i="1"/>
  <c r="G11585" i="1"/>
  <c r="G11586" i="1"/>
  <c r="G11587" i="1"/>
  <c r="G11588" i="1"/>
  <c r="G11589" i="1"/>
  <c r="G11590" i="1"/>
  <c r="G11591" i="1"/>
  <c r="G11592" i="1"/>
  <c r="G11593" i="1"/>
  <c r="G11594" i="1"/>
  <c r="G11595" i="1"/>
  <c r="G11596" i="1"/>
  <c r="G11597" i="1"/>
  <c r="G11598" i="1"/>
  <c r="G11599" i="1"/>
  <c r="G11600" i="1"/>
  <c r="G11601" i="1"/>
  <c r="G11602" i="1"/>
  <c r="G11603" i="1"/>
  <c r="G11604" i="1"/>
  <c r="G11605" i="1"/>
  <c r="G11606" i="1"/>
  <c r="G11607" i="1"/>
  <c r="G11608" i="1"/>
  <c r="G11609" i="1"/>
  <c r="G11610" i="1"/>
  <c r="G11611" i="1"/>
  <c r="G11612" i="1"/>
  <c r="G11613" i="1"/>
  <c r="G11614" i="1"/>
  <c r="G11615" i="1"/>
  <c r="G11616" i="1"/>
  <c r="G11617" i="1"/>
  <c r="G11618" i="1"/>
  <c r="G11619" i="1"/>
  <c r="G11620" i="1"/>
  <c r="G11621" i="1"/>
  <c r="G11622" i="1"/>
  <c r="G11623" i="1"/>
  <c r="G11624" i="1"/>
  <c r="G11625" i="1"/>
  <c r="G11626" i="1"/>
  <c r="G11627" i="1"/>
  <c r="G11628" i="1"/>
  <c r="G11629" i="1"/>
  <c r="G11630" i="1"/>
  <c r="G11631" i="1"/>
  <c r="G11632" i="1"/>
  <c r="G11633" i="1"/>
  <c r="G11634" i="1"/>
  <c r="G11635" i="1"/>
  <c r="G11636" i="1"/>
  <c r="G11637" i="1"/>
  <c r="G11638" i="1"/>
  <c r="G11639" i="1"/>
  <c r="G11640" i="1"/>
  <c r="G11641" i="1"/>
  <c r="G11642" i="1"/>
  <c r="G11643" i="1"/>
  <c r="G11644" i="1"/>
  <c r="G11645" i="1"/>
  <c r="G11646" i="1"/>
  <c r="G11647" i="1"/>
  <c r="G11648" i="1"/>
  <c r="G11649" i="1"/>
  <c r="G11650" i="1"/>
  <c r="G11651" i="1"/>
  <c r="G11652" i="1"/>
  <c r="G11653" i="1"/>
  <c r="G11654" i="1"/>
  <c r="G11655" i="1"/>
  <c r="G11656" i="1"/>
  <c r="G11657" i="1"/>
  <c r="G11658" i="1"/>
  <c r="G11659" i="1"/>
  <c r="G11660" i="1"/>
  <c r="G11661" i="1"/>
  <c r="G11662" i="1"/>
  <c r="G11663" i="1"/>
  <c r="G11664" i="1"/>
  <c r="G11665" i="1"/>
  <c r="G11666" i="1"/>
  <c r="G11667" i="1"/>
  <c r="G11668" i="1"/>
  <c r="G11669" i="1"/>
  <c r="G11670" i="1"/>
  <c r="G11671" i="1"/>
  <c r="G11672" i="1"/>
  <c r="G11673" i="1"/>
  <c r="G11674" i="1"/>
  <c r="G11675" i="1"/>
  <c r="G11676" i="1"/>
  <c r="G11677" i="1"/>
  <c r="G11678" i="1"/>
  <c r="G11679" i="1"/>
  <c r="G11680" i="1"/>
  <c r="G11681" i="1"/>
  <c r="G11682" i="1"/>
  <c r="G11683" i="1"/>
  <c r="G11684" i="1"/>
  <c r="G11685" i="1"/>
  <c r="G11686" i="1"/>
  <c r="G11687" i="1"/>
  <c r="G11688" i="1"/>
  <c r="G11689" i="1"/>
  <c r="G11690" i="1"/>
  <c r="G11691" i="1"/>
  <c r="G11692" i="1"/>
  <c r="G11693" i="1"/>
  <c r="G11694" i="1"/>
  <c r="G11695" i="1"/>
  <c r="G11696" i="1"/>
  <c r="G11697" i="1"/>
  <c r="G11698" i="1"/>
  <c r="G11699" i="1"/>
  <c r="G11700" i="1"/>
  <c r="G11701" i="1"/>
  <c r="G11702" i="1"/>
  <c r="G11703" i="1"/>
  <c r="G11704" i="1"/>
  <c r="G11705" i="1"/>
  <c r="G11706" i="1"/>
  <c r="G11707" i="1"/>
  <c r="G11708" i="1"/>
  <c r="G11709" i="1"/>
  <c r="G11710" i="1"/>
  <c r="G11711" i="1"/>
  <c r="G11712" i="1"/>
  <c r="G11713" i="1"/>
  <c r="G11714" i="1"/>
  <c r="G11715" i="1"/>
  <c r="G11716" i="1"/>
  <c r="G11717" i="1"/>
  <c r="G11718" i="1"/>
  <c r="G11719" i="1"/>
  <c r="G11720" i="1"/>
  <c r="G11721" i="1"/>
  <c r="G11722" i="1"/>
  <c r="G11723" i="1"/>
  <c r="G11724" i="1"/>
  <c r="G11725" i="1"/>
  <c r="G11726" i="1"/>
  <c r="G11727" i="1"/>
  <c r="G11728" i="1"/>
  <c r="G11729" i="1"/>
  <c r="G11730" i="1"/>
  <c r="G11731" i="1"/>
  <c r="G11732" i="1"/>
  <c r="G11733" i="1"/>
  <c r="G11734" i="1"/>
  <c r="G11735" i="1"/>
  <c r="G11736" i="1"/>
  <c r="G11737" i="1"/>
  <c r="G11738" i="1"/>
  <c r="G11739" i="1"/>
  <c r="G11740" i="1"/>
  <c r="G11741" i="1"/>
  <c r="G11742" i="1"/>
  <c r="G11743" i="1"/>
  <c r="G11744" i="1"/>
  <c r="G11745" i="1"/>
  <c r="G11746" i="1"/>
  <c r="G11747" i="1"/>
  <c r="G11748" i="1"/>
  <c r="G11749" i="1"/>
  <c r="G11750" i="1"/>
  <c r="G11751" i="1"/>
  <c r="G11752" i="1"/>
  <c r="G11753" i="1"/>
  <c r="G11754" i="1"/>
  <c r="G11755" i="1"/>
  <c r="G11756" i="1"/>
  <c r="G11757" i="1"/>
  <c r="G11758" i="1"/>
  <c r="G11759" i="1"/>
  <c r="G11760" i="1"/>
  <c r="G11761" i="1"/>
  <c r="G11762" i="1"/>
  <c r="G11763" i="1"/>
  <c r="G11764" i="1"/>
  <c r="G11765" i="1"/>
  <c r="G11766" i="1"/>
  <c r="G11767" i="1"/>
  <c r="G11768" i="1"/>
  <c r="G11769" i="1"/>
  <c r="G11770" i="1"/>
  <c r="G11771" i="1"/>
  <c r="G11772" i="1"/>
  <c r="G11773" i="1"/>
  <c r="G11774" i="1"/>
  <c r="G11775" i="1"/>
  <c r="G11776" i="1"/>
  <c r="G11777" i="1"/>
  <c r="G11778" i="1"/>
  <c r="G11779" i="1"/>
  <c r="G11780" i="1"/>
  <c r="G11781" i="1"/>
  <c r="G11782" i="1"/>
  <c r="G11783" i="1"/>
  <c r="G11784" i="1"/>
  <c r="G11785" i="1"/>
  <c r="G11786" i="1"/>
  <c r="G11787" i="1"/>
  <c r="G11788" i="1"/>
  <c r="G11789" i="1"/>
  <c r="G11790" i="1"/>
  <c r="G11791" i="1"/>
  <c r="G11792" i="1"/>
  <c r="G11793" i="1"/>
  <c r="G11794" i="1"/>
  <c r="G11795" i="1"/>
  <c r="G11796" i="1"/>
  <c r="G11797" i="1"/>
  <c r="G11798" i="1"/>
  <c r="G11799" i="1"/>
  <c r="G11800" i="1"/>
  <c r="G11801" i="1"/>
  <c r="G11802" i="1"/>
  <c r="G11803" i="1"/>
  <c r="G11804" i="1"/>
  <c r="G11805" i="1"/>
  <c r="G11806" i="1"/>
  <c r="G11807" i="1"/>
  <c r="G11808" i="1"/>
  <c r="G11809" i="1"/>
  <c r="G11810" i="1"/>
  <c r="G11811" i="1"/>
  <c r="G11812" i="1"/>
  <c r="G11813" i="1"/>
  <c r="G11814" i="1"/>
  <c r="G11815" i="1"/>
  <c r="G11816" i="1"/>
  <c r="G11817" i="1"/>
  <c r="G11818" i="1"/>
  <c r="G11819" i="1"/>
  <c r="G11820" i="1"/>
  <c r="G11821" i="1"/>
  <c r="G11822" i="1"/>
  <c r="G11823" i="1"/>
  <c r="G11824" i="1"/>
  <c r="G11825" i="1"/>
  <c r="G11826" i="1"/>
  <c r="G11827" i="1"/>
  <c r="G11828" i="1"/>
  <c r="G11829" i="1"/>
  <c r="G11830" i="1"/>
  <c r="G11831" i="1"/>
  <c r="G11832" i="1"/>
  <c r="G11833" i="1"/>
  <c r="G11834" i="1"/>
  <c r="G11835" i="1"/>
  <c r="G11836" i="1"/>
  <c r="G11837" i="1"/>
  <c r="G11838" i="1"/>
  <c r="G11839" i="1"/>
  <c r="G11840" i="1"/>
  <c r="G11841" i="1"/>
  <c r="G11842" i="1"/>
  <c r="G11843" i="1"/>
  <c r="G11844" i="1"/>
  <c r="G11845" i="1"/>
  <c r="G11846" i="1"/>
  <c r="G11847" i="1"/>
  <c r="G11848" i="1"/>
  <c r="G11849" i="1"/>
  <c r="G11850" i="1"/>
  <c r="G11851" i="1"/>
  <c r="G11852" i="1"/>
  <c r="G11853" i="1"/>
  <c r="G11854" i="1"/>
  <c r="G11855" i="1"/>
  <c r="G11856" i="1"/>
  <c r="G11857" i="1"/>
  <c r="G11858" i="1"/>
  <c r="G11859" i="1"/>
  <c r="G11860" i="1"/>
  <c r="G11861" i="1"/>
  <c r="G11862" i="1"/>
  <c r="G11863" i="1"/>
  <c r="G11864" i="1"/>
  <c r="G11865" i="1"/>
  <c r="G11866" i="1"/>
  <c r="G11867" i="1"/>
  <c r="G11868" i="1"/>
  <c r="G11869" i="1"/>
  <c r="G11870" i="1"/>
  <c r="G11871" i="1"/>
  <c r="G11872" i="1"/>
  <c r="G11873" i="1"/>
  <c r="G11874" i="1"/>
  <c r="G11875" i="1"/>
  <c r="G11876" i="1"/>
  <c r="G11877" i="1"/>
  <c r="G11878" i="1"/>
  <c r="G11879" i="1"/>
  <c r="G11880" i="1"/>
  <c r="G11881" i="1"/>
  <c r="G11882" i="1"/>
  <c r="G11883" i="1"/>
  <c r="G11884" i="1"/>
  <c r="G11885" i="1"/>
  <c r="G11886" i="1"/>
  <c r="G11887" i="1"/>
  <c r="G11888" i="1"/>
  <c r="G11889" i="1"/>
  <c r="G11890" i="1"/>
  <c r="G11891" i="1"/>
  <c r="G11892" i="1"/>
  <c r="G11893" i="1"/>
  <c r="G11894" i="1"/>
  <c r="G11895" i="1"/>
  <c r="G11896" i="1"/>
  <c r="G11897" i="1"/>
  <c r="G11898" i="1"/>
  <c r="G11899" i="1"/>
  <c r="G11900" i="1"/>
  <c r="G11901" i="1"/>
  <c r="G11902" i="1"/>
  <c r="G11903" i="1"/>
  <c r="G11904" i="1"/>
  <c r="G11905" i="1"/>
  <c r="G11906" i="1"/>
  <c r="G11907" i="1"/>
  <c r="G11908" i="1"/>
  <c r="G11909" i="1"/>
  <c r="G11910" i="1"/>
  <c r="G11911" i="1"/>
  <c r="G11912" i="1"/>
  <c r="G11913" i="1"/>
  <c r="G11914" i="1"/>
  <c r="G11915" i="1"/>
  <c r="G11916" i="1"/>
  <c r="G11917" i="1"/>
  <c r="G11918" i="1"/>
  <c r="G11919" i="1"/>
  <c r="G11920" i="1"/>
  <c r="G11921" i="1"/>
  <c r="G11922" i="1"/>
  <c r="G11923" i="1"/>
  <c r="G11924" i="1"/>
  <c r="G11925" i="1"/>
  <c r="G11926" i="1"/>
  <c r="G11927" i="1"/>
  <c r="G11928" i="1"/>
  <c r="G11929" i="1"/>
  <c r="G11930" i="1"/>
  <c r="G11931" i="1"/>
  <c r="G11932" i="1"/>
  <c r="G11933" i="1"/>
  <c r="G11934" i="1"/>
  <c r="G11935" i="1"/>
  <c r="G11936" i="1"/>
  <c r="G11937" i="1"/>
  <c r="G11938" i="1"/>
  <c r="G11939" i="1"/>
  <c r="G11940" i="1"/>
  <c r="G11941" i="1"/>
  <c r="G11942" i="1"/>
  <c r="G11943" i="1"/>
  <c r="G11944" i="1"/>
  <c r="G11945" i="1"/>
  <c r="G11946" i="1"/>
  <c r="G11947" i="1"/>
  <c r="G11948" i="1"/>
  <c r="G11949" i="1"/>
  <c r="G11950" i="1"/>
  <c r="G11951" i="1"/>
  <c r="G11952" i="1"/>
  <c r="G11953" i="1"/>
  <c r="G11954" i="1"/>
  <c r="G11955" i="1"/>
  <c r="G11956" i="1"/>
  <c r="G11957" i="1"/>
  <c r="G11958" i="1"/>
  <c r="G11959" i="1"/>
  <c r="G11960" i="1"/>
  <c r="G11961" i="1"/>
  <c r="G11962" i="1"/>
  <c r="G11963" i="1"/>
  <c r="G11964" i="1"/>
  <c r="G11965" i="1"/>
  <c r="G11966" i="1"/>
  <c r="G11967" i="1"/>
  <c r="G11968" i="1"/>
  <c r="G11969" i="1"/>
  <c r="G11970" i="1"/>
  <c r="G11971" i="1"/>
  <c r="G11972" i="1"/>
  <c r="G11973" i="1"/>
  <c r="G11974" i="1"/>
  <c r="G11975" i="1"/>
  <c r="G11976" i="1"/>
  <c r="G11977" i="1"/>
  <c r="G11978" i="1"/>
  <c r="G11979" i="1"/>
  <c r="G11980" i="1"/>
  <c r="G11981" i="1"/>
  <c r="G11982" i="1"/>
  <c r="G11983" i="1"/>
  <c r="G11984" i="1"/>
  <c r="G11985" i="1"/>
  <c r="G11986" i="1"/>
  <c r="G11987" i="1"/>
  <c r="G11988" i="1"/>
  <c r="G11989" i="1"/>
  <c r="G11990" i="1"/>
  <c r="G11991" i="1"/>
  <c r="G11992" i="1"/>
  <c r="G11993" i="1"/>
  <c r="G11994" i="1"/>
  <c r="G11995" i="1"/>
  <c r="G11996" i="1"/>
  <c r="G11997" i="1"/>
  <c r="G11998" i="1"/>
  <c r="G11999" i="1"/>
  <c r="G12000" i="1"/>
  <c r="G12001" i="1"/>
  <c r="G12002" i="1"/>
  <c r="G12003" i="1"/>
  <c r="G12004" i="1"/>
  <c r="G12005" i="1"/>
  <c r="G12006" i="1"/>
  <c r="G12007" i="1"/>
  <c r="G12008" i="1"/>
  <c r="G12009" i="1"/>
  <c r="G12010" i="1"/>
  <c r="G12011" i="1"/>
  <c r="G12012" i="1"/>
  <c r="G12013" i="1"/>
  <c r="G12014" i="1"/>
  <c r="G12015" i="1"/>
  <c r="G12016" i="1"/>
  <c r="G12017" i="1"/>
  <c r="G12018" i="1"/>
  <c r="G12019" i="1"/>
  <c r="G12020" i="1"/>
  <c r="G12021" i="1"/>
  <c r="G12022" i="1"/>
  <c r="G12023" i="1"/>
  <c r="G12024" i="1"/>
  <c r="G12025" i="1"/>
  <c r="G12026" i="1"/>
  <c r="G12027" i="1"/>
  <c r="G12028" i="1"/>
  <c r="G12029" i="1"/>
  <c r="G12030" i="1"/>
  <c r="G12031" i="1"/>
  <c r="G12032" i="1"/>
  <c r="G12033" i="1"/>
  <c r="G12034" i="1"/>
  <c r="G12035" i="1"/>
  <c r="G12036" i="1"/>
  <c r="G12037" i="1"/>
  <c r="G12038" i="1"/>
  <c r="G12039" i="1"/>
  <c r="G12040" i="1"/>
  <c r="G12041" i="1"/>
  <c r="G12042" i="1"/>
  <c r="G12043" i="1"/>
  <c r="G12044" i="1"/>
  <c r="G12045" i="1"/>
  <c r="G12046" i="1"/>
  <c r="G12047" i="1"/>
  <c r="G12048" i="1"/>
  <c r="G12049" i="1"/>
  <c r="G12050" i="1"/>
  <c r="G12051" i="1"/>
  <c r="G12052" i="1"/>
  <c r="G12053" i="1"/>
  <c r="G12054" i="1"/>
  <c r="G12055" i="1"/>
  <c r="G12056" i="1"/>
  <c r="G12057" i="1"/>
  <c r="G12058" i="1"/>
  <c r="G12059" i="1"/>
  <c r="G12060" i="1"/>
  <c r="G12061" i="1"/>
  <c r="G12062" i="1"/>
  <c r="G12063" i="1"/>
  <c r="G12064" i="1"/>
  <c r="G12065" i="1"/>
  <c r="G12066" i="1"/>
  <c r="G12067" i="1"/>
  <c r="G12068" i="1"/>
  <c r="G12069" i="1"/>
  <c r="G12070" i="1"/>
  <c r="G12071" i="1"/>
  <c r="G12072" i="1"/>
  <c r="G12073" i="1"/>
  <c r="G12074" i="1"/>
  <c r="G12075" i="1"/>
  <c r="G12076" i="1"/>
  <c r="G12077" i="1"/>
  <c r="G12078" i="1"/>
  <c r="G12079" i="1"/>
  <c r="G12080" i="1"/>
  <c r="G12081" i="1"/>
  <c r="G12082" i="1"/>
  <c r="G12083" i="1"/>
  <c r="G12084" i="1"/>
  <c r="G12085" i="1"/>
  <c r="G12086" i="1"/>
  <c r="G12087" i="1"/>
  <c r="G12088" i="1"/>
  <c r="G12089" i="1"/>
  <c r="G12090" i="1"/>
  <c r="G12091" i="1"/>
  <c r="G12092" i="1"/>
  <c r="G12093" i="1"/>
  <c r="G12094" i="1"/>
  <c r="G12095" i="1"/>
  <c r="G12096" i="1"/>
  <c r="G12097" i="1"/>
  <c r="G12098" i="1"/>
  <c r="G12099" i="1"/>
  <c r="G12100" i="1"/>
  <c r="G12101" i="1"/>
  <c r="G12102" i="1"/>
  <c r="G12103" i="1"/>
  <c r="G12104" i="1"/>
  <c r="G12105" i="1"/>
  <c r="G12106" i="1"/>
  <c r="G12107" i="1"/>
  <c r="G12108" i="1"/>
  <c r="G12109" i="1"/>
  <c r="G12110" i="1"/>
  <c r="G12111" i="1"/>
  <c r="G12112" i="1"/>
  <c r="G12113" i="1"/>
  <c r="G12114" i="1"/>
  <c r="G12115" i="1"/>
  <c r="G12116" i="1"/>
  <c r="G12117" i="1"/>
  <c r="G12118" i="1"/>
  <c r="G12119" i="1"/>
  <c r="G12120" i="1"/>
  <c r="G12121" i="1"/>
  <c r="G12122" i="1"/>
  <c r="G12123" i="1"/>
  <c r="G12124" i="1"/>
  <c r="G12125" i="1"/>
  <c r="G12126" i="1"/>
  <c r="G12127" i="1"/>
  <c r="G12128" i="1"/>
  <c r="G12129" i="1"/>
  <c r="G12130" i="1"/>
  <c r="G12131" i="1"/>
  <c r="G12132" i="1"/>
  <c r="G12133" i="1"/>
  <c r="G12134" i="1"/>
  <c r="G12135" i="1"/>
  <c r="G12136" i="1"/>
  <c r="G12137" i="1"/>
  <c r="G12138" i="1"/>
  <c r="G12139" i="1"/>
  <c r="G12140" i="1"/>
  <c r="G12141" i="1"/>
  <c r="G12142" i="1"/>
  <c r="G12143" i="1"/>
  <c r="G12144" i="1"/>
  <c r="G12145" i="1"/>
  <c r="G12146" i="1"/>
  <c r="G12147" i="1"/>
  <c r="G12148" i="1"/>
  <c r="G12149" i="1"/>
  <c r="G12150" i="1"/>
  <c r="G12151" i="1"/>
  <c r="G12152" i="1"/>
  <c r="G12153" i="1"/>
  <c r="G12154" i="1"/>
  <c r="G12155" i="1"/>
  <c r="G12156" i="1"/>
  <c r="G12157" i="1"/>
  <c r="G12158" i="1"/>
  <c r="G12159" i="1"/>
  <c r="G12160" i="1"/>
  <c r="G12161" i="1"/>
  <c r="G12162" i="1"/>
  <c r="G12163" i="1"/>
  <c r="G12164" i="1"/>
  <c r="G12165" i="1"/>
  <c r="G12166" i="1"/>
  <c r="G12167" i="1"/>
  <c r="G12168" i="1"/>
  <c r="G12169" i="1"/>
  <c r="G12170" i="1"/>
  <c r="G12171" i="1"/>
  <c r="G12172" i="1"/>
  <c r="G12173" i="1"/>
  <c r="G12174" i="1"/>
  <c r="G12175" i="1"/>
  <c r="G12176" i="1"/>
  <c r="G12177" i="1"/>
  <c r="G12178" i="1"/>
  <c r="G12179" i="1"/>
  <c r="G12180" i="1"/>
  <c r="G12181" i="1"/>
  <c r="G12182" i="1"/>
  <c r="G12183" i="1"/>
  <c r="G12184" i="1"/>
  <c r="G12185" i="1"/>
  <c r="G12186" i="1"/>
  <c r="G12187" i="1"/>
  <c r="G12188" i="1"/>
  <c r="G12189" i="1"/>
  <c r="G12190" i="1"/>
  <c r="G12191" i="1"/>
  <c r="G12192" i="1"/>
  <c r="G12193" i="1"/>
  <c r="G12194" i="1"/>
  <c r="G12195" i="1"/>
  <c r="G12196" i="1"/>
  <c r="G12197" i="1"/>
  <c r="G12198" i="1"/>
  <c r="G12199" i="1"/>
  <c r="G12200" i="1"/>
  <c r="G12201" i="1"/>
  <c r="G12202" i="1"/>
  <c r="G12203" i="1"/>
  <c r="G12204" i="1"/>
  <c r="G12205" i="1"/>
  <c r="G12206" i="1"/>
  <c r="G12207" i="1"/>
  <c r="G12208" i="1"/>
  <c r="G12209" i="1"/>
  <c r="G12210" i="1"/>
  <c r="G12211" i="1"/>
  <c r="G12212" i="1"/>
  <c r="G12213" i="1"/>
  <c r="G12214" i="1"/>
  <c r="G12215" i="1"/>
  <c r="G12216" i="1"/>
  <c r="G12217" i="1"/>
  <c r="G12218" i="1"/>
  <c r="G12219" i="1"/>
  <c r="G12220" i="1"/>
  <c r="G12221" i="1"/>
  <c r="G12222" i="1"/>
  <c r="G12223" i="1"/>
  <c r="G12224" i="1"/>
  <c r="G12225" i="1"/>
  <c r="G12226" i="1"/>
  <c r="G12227" i="1"/>
  <c r="G12228" i="1"/>
  <c r="G12229" i="1"/>
  <c r="G12230" i="1"/>
  <c r="G12231" i="1"/>
  <c r="G12232" i="1"/>
  <c r="G12233" i="1"/>
  <c r="G12234" i="1"/>
  <c r="G12235" i="1"/>
  <c r="G12236" i="1"/>
  <c r="G12237" i="1"/>
  <c r="G12238" i="1"/>
  <c r="G12239" i="1"/>
  <c r="G12240" i="1"/>
  <c r="G12241" i="1"/>
  <c r="G12242" i="1"/>
  <c r="G12243" i="1"/>
  <c r="G12244" i="1"/>
  <c r="G12245" i="1"/>
  <c r="G12246" i="1"/>
  <c r="G12247" i="1"/>
  <c r="G12248" i="1"/>
  <c r="G12249" i="1"/>
  <c r="G12250" i="1"/>
  <c r="G12251" i="1"/>
  <c r="G12252" i="1"/>
  <c r="G12253" i="1"/>
  <c r="G12254" i="1"/>
  <c r="G12255" i="1"/>
  <c r="G12256" i="1"/>
  <c r="G12257" i="1"/>
  <c r="G12258" i="1"/>
  <c r="G12259" i="1"/>
  <c r="G12260" i="1"/>
  <c r="G12261" i="1"/>
  <c r="G12262" i="1"/>
  <c r="G12263" i="1"/>
  <c r="G12264" i="1"/>
  <c r="G12265" i="1"/>
  <c r="G12266" i="1"/>
  <c r="G12267" i="1"/>
  <c r="G12268" i="1"/>
  <c r="G12269" i="1"/>
  <c r="G12270" i="1"/>
  <c r="G12271" i="1"/>
  <c r="G12272" i="1"/>
  <c r="G12273" i="1"/>
  <c r="G12274" i="1"/>
  <c r="G12275" i="1"/>
  <c r="G12276" i="1"/>
  <c r="G12277" i="1"/>
  <c r="G12278" i="1"/>
  <c r="G12279" i="1"/>
  <c r="G12280" i="1"/>
  <c r="G12281" i="1"/>
  <c r="G12282" i="1"/>
  <c r="G12283" i="1"/>
  <c r="G12284" i="1"/>
  <c r="G12285" i="1"/>
  <c r="G12286" i="1"/>
  <c r="G12287" i="1"/>
  <c r="G12288" i="1"/>
  <c r="G12289" i="1"/>
  <c r="G12290" i="1"/>
  <c r="G12291" i="1"/>
  <c r="G12292" i="1"/>
  <c r="G12293" i="1"/>
  <c r="G12294" i="1"/>
  <c r="G12295" i="1"/>
  <c r="G12296" i="1"/>
  <c r="G12297" i="1"/>
  <c r="G12298" i="1"/>
  <c r="G12299" i="1"/>
  <c r="G12300" i="1"/>
  <c r="G12301" i="1"/>
  <c r="G12302" i="1"/>
  <c r="G12303" i="1"/>
  <c r="G12304" i="1"/>
  <c r="G12305" i="1"/>
  <c r="G12306" i="1"/>
  <c r="G12307" i="1"/>
  <c r="G12308" i="1"/>
  <c r="G12309" i="1"/>
  <c r="G12310" i="1"/>
  <c r="G12311" i="1"/>
  <c r="G12312" i="1"/>
  <c r="G12313" i="1"/>
  <c r="G12314" i="1"/>
  <c r="G12315" i="1"/>
  <c r="G12316" i="1"/>
  <c r="G12317" i="1"/>
  <c r="G12318" i="1"/>
  <c r="G12319" i="1"/>
  <c r="G12320" i="1"/>
  <c r="G12321" i="1"/>
  <c r="G12322" i="1"/>
  <c r="G12323" i="1"/>
  <c r="G12324" i="1"/>
  <c r="G12325" i="1"/>
  <c r="G12326" i="1"/>
  <c r="G12327" i="1"/>
  <c r="G12328" i="1"/>
  <c r="G12329" i="1"/>
  <c r="G12330" i="1"/>
  <c r="G12331" i="1"/>
  <c r="G12332" i="1"/>
  <c r="G12333" i="1"/>
  <c r="G12334" i="1"/>
  <c r="G12335" i="1"/>
  <c r="G12336" i="1"/>
  <c r="G12337" i="1"/>
  <c r="G12338" i="1"/>
  <c r="G12339" i="1"/>
  <c r="G12340" i="1"/>
  <c r="G12341" i="1"/>
  <c r="G12342" i="1"/>
  <c r="G12343" i="1"/>
  <c r="G12344" i="1"/>
  <c r="G12345" i="1"/>
  <c r="G12346" i="1"/>
  <c r="G12347" i="1"/>
  <c r="G12348" i="1"/>
  <c r="G12349" i="1"/>
  <c r="G12350" i="1"/>
  <c r="G12351" i="1"/>
  <c r="G12352" i="1"/>
  <c r="G12353" i="1"/>
  <c r="G12354" i="1"/>
  <c r="G12355" i="1"/>
  <c r="G12356" i="1"/>
  <c r="G12357" i="1"/>
  <c r="G12358" i="1"/>
  <c r="G12359" i="1"/>
  <c r="G12360" i="1"/>
  <c r="G12361" i="1"/>
  <c r="G12362" i="1"/>
  <c r="G12363" i="1"/>
  <c r="G12364" i="1"/>
  <c r="G12365" i="1"/>
  <c r="G12366" i="1"/>
  <c r="G12367" i="1"/>
  <c r="G12368" i="1"/>
  <c r="G12369" i="1"/>
  <c r="G12370" i="1"/>
  <c r="G12371" i="1"/>
  <c r="G12372" i="1"/>
  <c r="G12373" i="1"/>
  <c r="G12374" i="1"/>
  <c r="G12375" i="1"/>
  <c r="G12376" i="1"/>
  <c r="G12377" i="1"/>
  <c r="G12378" i="1"/>
  <c r="G12379" i="1"/>
  <c r="G12380" i="1"/>
  <c r="G12381" i="1"/>
  <c r="G12382" i="1"/>
  <c r="G12383" i="1"/>
  <c r="G12384" i="1"/>
  <c r="G12385" i="1"/>
  <c r="G12386" i="1"/>
  <c r="G12387" i="1"/>
  <c r="G12388" i="1"/>
  <c r="G12389" i="1"/>
  <c r="G12390" i="1"/>
  <c r="G12391" i="1"/>
  <c r="G12392" i="1"/>
  <c r="G12393" i="1"/>
  <c r="G12394" i="1"/>
  <c r="G12395" i="1"/>
  <c r="G12396" i="1"/>
  <c r="G12397" i="1"/>
  <c r="G12398" i="1"/>
  <c r="G12399" i="1"/>
  <c r="G12400" i="1"/>
  <c r="G12401" i="1"/>
  <c r="G12402" i="1"/>
  <c r="G12403" i="1"/>
  <c r="G12404" i="1"/>
  <c r="G12405" i="1"/>
  <c r="G12406" i="1"/>
  <c r="G12407" i="1"/>
  <c r="G12408" i="1"/>
  <c r="G12409" i="1"/>
  <c r="G12410" i="1"/>
  <c r="G12411" i="1"/>
  <c r="G12412" i="1"/>
  <c r="G12413" i="1"/>
  <c r="G12414" i="1"/>
  <c r="G12415" i="1"/>
  <c r="G12416" i="1"/>
  <c r="G12417" i="1"/>
  <c r="G12418" i="1"/>
  <c r="G12419" i="1"/>
  <c r="G12420" i="1"/>
  <c r="G12421" i="1"/>
  <c r="G12422" i="1"/>
  <c r="G12423" i="1"/>
  <c r="G12424" i="1"/>
  <c r="G12425" i="1"/>
  <c r="G12426" i="1"/>
  <c r="G12427" i="1"/>
  <c r="G12428" i="1"/>
  <c r="G12429" i="1"/>
  <c r="G12430" i="1"/>
  <c r="G12431" i="1"/>
  <c r="G12432" i="1"/>
  <c r="G12433" i="1"/>
  <c r="G12434" i="1"/>
  <c r="G12435" i="1"/>
  <c r="G12436" i="1"/>
  <c r="G12437" i="1"/>
  <c r="G12438" i="1"/>
  <c r="G12439" i="1"/>
  <c r="G12440" i="1"/>
  <c r="G12441" i="1"/>
  <c r="G12442" i="1"/>
  <c r="G12443" i="1"/>
  <c r="G12444" i="1"/>
  <c r="G12445" i="1"/>
  <c r="G12446" i="1"/>
  <c r="G12447" i="1"/>
  <c r="G12448" i="1"/>
  <c r="G12449" i="1"/>
  <c r="G12450" i="1"/>
  <c r="G12451" i="1"/>
  <c r="G12452" i="1"/>
  <c r="G12453" i="1"/>
  <c r="G12454" i="1"/>
  <c r="G12455" i="1"/>
  <c r="G12456" i="1"/>
  <c r="G12457" i="1"/>
  <c r="G12458" i="1"/>
  <c r="G12459" i="1"/>
  <c r="G12460" i="1"/>
  <c r="G12461" i="1"/>
  <c r="G12462" i="1"/>
  <c r="G12463" i="1"/>
  <c r="G12464" i="1"/>
  <c r="G12465" i="1"/>
  <c r="G12466" i="1"/>
  <c r="G12467" i="1"/>
  <c r="G12468" i="1"/>
  <c r="G12469" i="1"/>
  <c r="G12470" i="1"/>
  <c r="G12471" i="1"/>
  <c r="G12472" i="1"/>
  <c r="G12473" i="1"/>
  <c r="G12474" i="1"/>
  <c r="G12475" i="1"/>
  <c r="G12476" i="1"/>
  <c r="G12477" i="1"/>
  <c r="G12478" i="1"/>
  <c r="G12479" i="1"/>
  <c r="G12480" i="1"/>
  <c r="G12481" i="1"/>
  <c r="G12482" i="1"/>
  <c r="G12483" i="1"/>
  <c r="G12484" i="1"/>
  <c r="G12485" i="1"/>
  <c r="G12486" i="1"/>
  <c r="G12487" i="1"/>
  <c r="G12488" i="1"/>
  <c r="G12489" i="1"/>
  <c r="G12490" i="1"/>
  <c r="G12491" i="1"/>
  <c r="G12492" i="1"/>
  <c r="G12493" i="1"/>
  <c r="G12494" i="1"/>
  <c r="G12495" i="1"/>
  <c r="G12496" i="1"/>
  <c r="G12497" i="1"/>
  <c r="G12498" i="1"/>
  <c r="G12499" i="1"/>
  <c r="G12500" i="1"/>
  <c r="G12501" i="1"/>
  <c r="G12502" i="1"/>
  <c r="G12503" i="1"/>
  <c r="G12504" i="1"/>
  <c r="G12505" i="1"/>
  <c r="G12506" i="1"/>
  <c r="G12507" i="1"/>
  <c r="G12508" i="1"/>
  <c r="G12509" i="1"/>
  <c r="G12510" i="1"/>
  <c r="G12511" i="1"/>
  <c r="G12512" i="1"/>
  <c r="G12513" i="1"/>
  <c r="G12514" i="1"/>
  <c r="G12515" i="1"/>
  <c r="G12516" i="1"/>
  <c r="G12517" i="1"/>
  <c r="G12518" i="1"/>
  <c r="G12519" i="1"/>
  <c r="G12520" i="1"/>
  <c r="G12521" i="1"/>
  <c r="G12522" i="1"/>
  <c r="G12523" i="1"/>
  <c r="G12524" i="1"/>
  <c r="G12525" i="1"/>
  <c r="G12526" i="1"/>
  <c r="G12527" i="1"/>
  <c r="G12528" i="1"/>
  <c r="G12529" i="1"/>
  <c r="G12530" i="1"/>
  <c r="G12531" i="1"/>
  <c r="G12532" i="1"/>
  <c r="G12533" i="1"/>
  <c r="G12534" i="1"/>
  <c r="G12535" i="1"/>
  <c r="G12536" i="1"/>
  <c r="G12537" i="1"/>
  <c r="G12538" i="1"/>
  <c r="G12539" i="1"/>
  <c r="G12540" i="1"/>
  <c r="G12541" i="1"/>
  <c r="G12542" i="1"/>
  <c r="G12543" i="1"/>
  <c r="G12544" i="1"/>
  <c r="G12545" i="1"/>
  <c r="G12546" i="1"/>
  <c r="G12547" i="1"/>
  <c r="G12548" i="1"/>
  <c r="G12549" i="1"/>
  <c r="G12550" i="1"/>
  <c r="G12551" i="1"/>
  <c r="G12552" i="1"/>
  <c r="G12553" i="1"/>
  <c r="G12554" i="1"/>
  <c r="G12555" i="1"/>
  <c r="G12556" i="1"/>
  <c r="G12557" i="1"/>
  <c r="G12558" i="1"/>
  <c r="G12559" i="1"/>
  <c r="G12560" i="1"/>
  <c r="G12561" i="1"/>
  <c r="G12562" i="1"/>
  <c r="G12563" i="1"/>
  <c r="G12564" i="1"/>
  <c r="G12565" i="1"/>
  <c r="G12566" i="1"/>
  <c r="G12567" i="1"/>
  <c r="G12568" i="1"/>
  <c r="G12569" i="1"/>
  <c r="G12570" i="1"/>
  <c r="G12571" i="1"/>
  <c r="G12572" i="1"/>
  <c r="G12573" i="1"/>
  <c r="G12574" i="1"/>
  <c r="G12575" i="1"/>
  <c r="G12576" i="1"/>
  <c r="G12577" i="1"/>
  <c r="G12578" i="1"/>
  <c r="G12579" i="1"/>
  <c r="G12580" i="1"/>
  <c r="G12581" i="1"/>
  <c r="G12582" i="1"/>
  <c r="G12583" i="1"/>
  <c r="G12584" i="1"/>
  <c r="G12585" i="1"/>
  <c r="G12586" i="1"/>
  <c r="G12587" i="1"/>
  <c r="G12588" i="1"/>
  <c r="G12589" i="1"/>
  <c r="G12590" i="1"/>
  <c r="G12591" i="1"/>
  <c r="G12592" i="1"/>
  <c r="G12593" i="1"/>
  <c r="G12594" i="1"/>
  <c r="G12595" i="1"/>
  <c r="G12596" i="1"/>
  <c r="G12597" i="1"/>
  <c r="G12598" i="1"/>
  <c r="G12599" i="1"/>
  <c r="G12600" i="1"/>
  <c r="G12601" i="1"/>
  <c r="G12602" i="1"/>
  <c r="G12603" i="1"/>
  <c r="G12604" i="1"/>
  <c r="G12605" i="1"/>
  <c r="G12606" i="1"/>
  <c r="G12607" i="1"/>
  <c r="G12608" i="1"/>
  <c r="G12609" i="1"/>
  <c r="G12610" i="1"/>
  <c r="G12611" i="1"/>
  <c r="G12612" i="1"/>
  <c r="G12613" i="1"/>
  <c r="G12614" i="1"/>
  <c r="G12615" i="1"/>
  <c r="G12616" i="1"/>
  <c r="G12617" i="1"/>
  <c r="G12618" i="1"/>
  <c r="G12619" i="1"/>
  <c r="G12620" i="1"/>
  <c r="G12621" i="1"/>
  <c r="G12622" i="1"/>
  <c r="G12623" i="1"/>
  <c r="G12624" i="1"/>
  <c r="G12625" i="1"/>
  <c r="G12626" i="1"/>
  <c r="G12627" i="1"/>
  <c r="G12628" i="1"/>
  <c r="G12629" i="1"/>
  <c r="G12630" i="1"/>
  <c r="G12631" i="1"/>
  <c r="G12632" i="1"/>
  <c r="G12633" i="1"/>
  <c r="G12634" i="1"/>
  <c r="G12635" i="1"/>
  <c r="G12636" i="1"/>
  <c r="G12637" i="1"/>
  <c r="G12638" i="1"/>
  <c r="G12639" i="1"/>
  <c r="G12640" i="1"/>
  <c r="G12641" i="1"/>
  <c r="G12642" i="1"/>
  <c r="G12643" i="1"/>
  <c r="G12644" i="1"/>
  <c r="G12645" i="1"/>
  <c r="G12646" i="1"/>
  <c r="G12647" i="1"/>
  <c r="G12648" i="1"/>
  <c r="G12649" i="1"/>
  <c r="G12650" i="1"/>
  <c r="G12651" i="1"/>
  <c r="G12652" i="1"/>
  <c r="G12653" i="1"/>
  <c r="G12654" i="1"/>
  <c r="G12655" i="1"/>
  <c r="G12656" i="1"/>
  <c r="G12657" i="1"/>
  <c r="G12658" i="1"/>
  <c r="G12659" i="1"/>
  <c r="G12660" i="1"/>
  <c r="G12661" i="1"/>
  <c r="G12662" i="1"/>
  <c r="G12663" i="1"/>
  <c r="G12664" i="1"/>
  <c r="G12665" i="1"/>
  <c r="G12666" i="1"/>
  <c r="G12667" i="1"/>
  <c r="G12668" i="1"/>
  <c r="G12669" i="1"/>
  <c r="G12670" i="1"/>
  <c r="G12671" i="1"/>
  <c r="G12672" i="1"/>
  <c r="G12673" i="1"/>
  <c r="G12674" i="1"/>
  <c r="G12675" i="1"/>
  <c r="G12676" i="1"/>
  <c r="G12677" i="1"/>
  <c r="G12678" i="1"/>
  <c r="G12679" i="1"/>
  <c r="G12680" i="1"/>
  <c r="G12681" i="1"/>
  <c r="G12682" i="1"/>
  <c r="G12683" i="1"/>
  <c r="G12684" i="1"/>
  <c r="G12685" i="1"/>
  <c r="G12686" i="1"/>
  <c r="G12687" i="1"/>
  <c r="G12688" i="1"/>
  <c r="G12689" i="1"/>
  <c r="G12690" i="1"/>
  <c r="G12691" i="1"/>
  <c r="G12692" i="1"/>
  <c r="G12693" i="1"/>
  <c r="G12694" i="1"/>
  <c r="G12695" i="1"/>
  <c r="G12696" i="1"/>
  <c r="G12697" i="1"/>
  <c r="G12698" i="1"/>
  <c r="G12699" i="1"/>
  <c r="G12700" i="1"/>
  <c r="G12701" i="1"/>
  <c r="G12702" i="1"/>
  <c r="G12703" i="1"/>
  <c r="G12704" i="1"/>
  <c r="G12705" i="1"/>
  <c r="G12706" i="1"/>
  <c r="G12707" i="1"/>
  <c r="G12708" i="1"/>
  <c r="G12709" i="1"/>
  <c r="G12710" i="1"/>
  <c r="G12711" i="1"/>
  <c r="G12712" i="1"/>
  <c r="G12713" i="1"/>
  <c r="G12714" i="1"/>
  <c r="G12715" i="1"/>
  <c r="G12716" i="1"/>
  <c r="G12717" i="1"/>
  <c r="G12718" i="1"/>
  <c r="G12719" i="1"/>
  <c r="G12720" i="1"/>
  <c r="G12721" i="1"/>
  <c r="G12722" i="1"/>
  <c r="G12723" i="1"/>
  <c r="G12724" i="1"/>
  <c r="G12725" i="1"/>
  <c r="G12726" i="1"/>
  <c r="G12727" i="1"/>
  <c r="G12728" i="1"/>
  <c r="G12729" i="1"/>
  <c r="G12730" i="1"/>
  <c r="G12731" i="1"/>
  <c r="G12732" i="1"/>
  <c r="G12733" i="1"/>
  <c r="G12734" i="1"/>
  <c r="G12735" i="1"/>
  <c r="G12736" i="1"/>
  <c r="G12737" i="1"/>
  <c r="G12738" i="1"/>
  <c r="G12739" i="1"/>
  <c r="G12740" i="1"/>
  <c r="G12741" i="1"/>
  <c r="G12742" i="1"/>
  <c r="G12743" i="1"/>
  <c r="G12744" i="1"/>
  <c r="G12745" i="1"/>
  <c r="G12746" i="1"/>
  <c r="G12747" i="1"/>
  <c r="G12748" i="1"/>
  <c r="G12749" i="1"/>
  <c r="G12750" i="1"/>
  <c r="G12751" i="1"/>
  <c r="G12752" i="1"/>
  <c r="G12753" i="1"/>
  <c r="G12754" i="1"/>
  <c r="G12755" i="1"/>
  <c r="G12756" i="1"/>
  <c r="G12757" i="1"/>
  <c r="G12758" i="1"/>
  <c r="G12759" i="1"/>
  <c r="G12760" i="1"/>
  <c r="G12761" i="1"/>
  <c r="G12762" i="1"/>
  <c r="G12763" i="1"/>
  <c r="G12764" i="1"/>
  <c r="G12765" i="1"/>
  <c r="G12766" i="1"/>
  <c r="G12767" i="1"/>
  <c r="G12768" i="1"/>
  <c r="G12769" i="1"/>
  <c r="G12770" i="1"/>
  <c r="G12771" i="1"/>
  <c r="G12772" i="1"/>
  <c r="G12773" i="1"/>
  <c r="G12774" i="1"/>
  <c r="G12775" i="1"/>
  <c r="G12776" i="1"/>
  <c r="G12777" i="1"/>
  <c r="G12778" i="1"/>
  <c r="G12779" i="1"/>
  <c r="G12780" i="1"/>
  <c r="G12781" i="1"/>
  <c r="G12782" i="1"/>
  <c r="G12783" i="1"/>
  <c r="G12784" i="1"/>
  <c r="G12785" i="1"/>
  <c r="G12786" i="1"/>
  <c r="G12787" i="1"/>
  <c r="G12788" i="1"/>
  <c r="G12789" i="1"/>
  <c r="G12790" i="1"/>
  <c r="G12791" i="1"/>
  <c r="G12792" i="1"/>
  <c r="G12793" i="1"/>
  <c r="G12794" i="1"/>
  <c r="G12795" i="1"/>
  <c r="G12796" i="1"/>
  <c r="G12797" i="1"/>
  <c r="G12798" i="1"/>
  <c r="G12799" i="1"/>
  <c r="G12800" i="1"/>
  <c r="G12801" i="1"/>
  <c r="G12802" i="1"/>
  <c r="G12803" i="1"/>
  <c r="G12804" i="1"/>
  <c r="G12805" i="1"/>
  <c r="G12806" i="1"/>
  <c r="G12807" i="1"/>
  <c r="G12808" i="1"/>
  <c r="G12809" i="1"/>
  <c r="G12810" i="1"/>
  <c r="G12811" i="1"/>
  <c r="G12812" i="1"/>
  <c r="G12813" i="1"/>
  <c r="G12814" i="1"/>
  <c r="G12815" i="1"/>
  <c r="G12816" i="1"/>
  <c r="G12817" i="1"/>
  <c r="G12818" i="1"/>
  <c r="G12819" i="1"/>
  <c r="G12820" i="1"/>
  <c r="G12821" i="1"/>
  <c r="G12822" i="1"/>
  <c r="G12823" i="1"/>
  <c r="G12824" i="1"/>
  <c r="G12825" i="1"/>
  <c r="G12826" i="1"/>
  <c r="G12827" i="1"/>
  <c r="G12828" i="1"/>
  <c r="G12829" i="1"/>
  <c r="G12830" i="1"/>
  <c r="G12831" i="1"/>
  <c r="G12832" i="1"/>
  <c r="G12833" i="1"/>
  <c r="G12834" i="1"/>
  <c r="G12835" i="1"/>
  <c r="G12836" i="1"/>
  <c r="G12837" i="1"/>
  <c r="G12838" i="1"/>
  <c r="G12839" i="1"/>
  <c r="G12840" i="1"/>
  <c r="G12841" i="1"/>
  <c r="G12842" i="1"/>
  <c r="G12843" i="1"/>
  <c r="G12844" i="1"/>
  <c r="G12845" i="1"/>
  <c r="G12846" i="1"/>
  <c r="G12847" i="1"/>
  <c r="G12848" i="1"/>
  <c r="G12849" i="1"/>
  <c r="G12850" i="1"/>
  <c r="G12851" i="1"/>
  <c r="G12852" i="1"/>
  <c r="G12853" i="1"/>
  <c r="G12854" i="1"/>
  <c r="G12855" i="1"/>
  <c r="G12856" i="1"/>
  <c r="G12857" i="1"/>
  <c r="G12858" i="1"/>
  <c r="G12859" i="1"/>
  <c r="G12860" i="1"/>
  <c r="G12861" i="1"/>
  <c r="G12862" i="1"/>
  <c r="G12863" i="1"/>
  <c r="G12864" i="1"/>
  <c r="G12865" i="1"/>
  <c r="G12866" i="1"/>
  <c r="G12867" i="1"/>
  <c r="G12868" i="1"/>
  <c r="G12869" i="1"/>
  <c r="G12870" i="1"/>
  <c r="G12871" i="1"/>
  <c r="G12872" i="1"/>
  <c r="G12873" i="1"/>
  <c r="G12874" i="1"/>
  <c r="G12875" i="1"/>
  <c r="G12876" i="1"/>
  <c r="G12877" i="1"/>
  <c r="G12878" i="1"/>
  <c r="G12879" i="1"/>
  <c r="G12880" i="1"/>
  <c r="G12881" i="1"/>
  <c r="G12882" i="1"/>
  <c r="G12883" i="1"/>
  <c r="G12884" i="1"/>
  <c r="G12885" i="1"/>
  <c r="G12886" i="1"/>
  <c r="G12887" i="1"/>
  <c r="G12888" i="1"/>
  <c r="G12889" i="1"/>
  <c r="G12890" i="1"/>
  <c r="G12891" i="1"/>
  <c r="G12892" i="1"/>
  <c r="G12893" i="1"/>
  <c r="G12894" i="1"/>
  <c r="G12895" i="1"/>
  <c r="G12896" i="1"/>
  <c r="G12897" i="1"/>
  <c r="G12898" i="1"/>
  <c r="G12899" i="1"/>
  <c r="G12900" i="1"/>
  <c r="G12901" i="1"/>
  <c r="G12902" i="1"/>
  <c r="G12903" i="1"/>
  <c r="G12904" i="1"/>
  <c r="G12905" i="1"/>
  <c r="G12906" i="1"/>
  <c r="G12907" i="1"/>
  <c r="G12908" i="1"/>
  <c r="G12909" i="1"/>
  <c r="G12910" i="1"/>
  <c r="G12911" i="1"/>
  <c r="G12912" i="1"/>
  <c r="G12913" i="1"/>
  <c r="G12914" i="1"/>
  <c r="G12915" i="1"/>
  <c r="G12916" i="1"/>
  <c r="G12917" i="1"/>
  <c r="G12918" i="1"/>
  <c r="G12919" i="1"/>
  <c r="G12920" i="1"/>
  <c r="G12921" i="1"/>
  <c r="G12922" i="1"/>
  <c r="G12923" i="1"/>
  <c r="G12924" i="1"/>
  <c r="G12925" i="1"/>
  <c r="G12926" i="1"/>
  <c r="G12927" i="1"/>
  <c r="G12928" i="1"/>
  <c r="G12929" i="1"/>
  <c r="G12930" i="1"/>
  <c r="G12931" i="1"/>
  <c r="G12932" i="1"/>
  <c r="G12933" i="1"/>
  <c r="G12934" i="1"/>
  <c r="G12935" i="1"/>
  <c r="G12936" i="1"/>
  <c r="G12937" i="1"/>
  <c r="G12938" i="1"/>
  <c r="G12939" i="1"/>
  <c r="G12940" i="1"/>
  <c r="G12941" i="1"/>
  <c r="G12942" i="1"/>
  <c r="G12943" i="1"/>
  <c r="G12944" i="1"/>
  <c r="G12945" i="1"/>
  <c r="G12946" i="1"/>
  <c r="G12947" i="1"/>
  <c r="G12948" i="1"/>
  <c r="G12949" i="1"/>
  <c r="G12950" i="1"/>
  <c r="G12951" i="1"/>
  <c r="G12952" i="1"/>
  <c r="G12953" i="1"/>
  <c r="G12954" i="1"/>
  <c r="G12955" i="1"/>
  <c r="G12956" i="1"/>
  <c r="G12957" i="1"/>
  <c r="G12958" i="1"/>
  <c r="G12959" i="1"/>
  <c r="G12960" i="1"/>
  <c r="G12961" i="1"/>
  <c r="G12962" i="1"/>
  <c r="G12963" i="1"/>
  <c r="G12964" i="1"/>
  <c r="G12965" i="1"/>
  <c r="G12966" i="1"/>
  <c r="G12967" i="1"/>
  <c r="G12968" i="1"/>
  <c r="G12969" i="1"/>
  <c r="G12970" i="1"/>
  <c r="G12971" i="1"/>
  <c r="G12972" i="1"/>
  <c r="G12973" i="1"/>
  <c r="G12974" i="1"/>
  <c r="G12975" i="1"/>
  <c r="G12976" i="1"/>
  <c r="G12977" i="1"/>
  <c r="G12978" i="1"/>
  <c r="G12979" i="1"/>
  <c r="G12980" i="1"/>
  <c r="G12981" i="1"/>
  <c r="G12982" i="1"/>
  <c r="G12983" i="1"/>
  <c r="G12984" i="1"/>
  <c r="G12985" i="1"/>
  <c r="G12986" i="1"/>
  <c r="G12987" i="1"/>
  <c r="G12988" i="1"/>
  <c r="G12989" i="1"/>
  <c r="G12990" i="1"/>
  <c r="G12991" i="1"/>
  <c r="G12992" i="1"/>
  <c r="G12993" i="1"/>
  <c r="G12994" i="1"/>
  <c r="G12995" i="1"/>
  <c r="G12996" i="1"/>
  <c r="G12997" i="1"/>
  <c r="G12998" i="1"/>
  <c r="G12999" i="1"/>
  <c r="G13000" i="1"/>
  <c r="G13001" i="1"/>
  <c r="G13002" i="1"/>
  <c r="G13003" i="1"/>
  <c r="G13004" i="1"/>
  <c r="G13005" i="1"/>
  <c r="G13006" i="1"/>
  <c r="G13007" i="1"/>
  <c r="G13008" i="1"/>
  <c r="G13009" i="1"/>
  <c r="G13010" i="1"/>
  <c r="G13011" i="1"/>
  <c r="G13012" i="1"/>
  <c r="G13013" i="1"/>
  <c r="G13014" i="1"/>
  <c r="G13015" i="1"/>
  <c r="G13016" i="1"/>
  <c r="G13017" i="1"/>
  <c r="G13018" i="1"/>
  <c r="G13019" i="1"/>
  <c r="G13020" i="1"/>
  <c r="G13021" i="1"/>
  <c r="G13022" i="1"/>
  <c r="G13023" i="1"/>
  <c r="G13024" i="1"/>
  <c r="G13025" i="1"/>
  <c r="G13026" i="1"/>
  <c r="G13027" i="1"/>
  <c r="G13028" i="1"/>
  <c r="G13029" i="1"/>
  <c r="G13030" i="1"/>
  <c r="G13031" i="1"/>
  <c r="G13032" i="1"/>
  <c r="G13033" i="1"/>
  <c r="G13034" i="1"/>
  <c r="G13035" i="1"/>
  <c r="G13036" i="1"/>
  <c r="G13037" i="1"/>
  <c r="G13038" i="1"/>
  <c r="G13039" i="1"/>
  <c r="G13040" i="1"/>
  <c r="G13041" i="1"/>
  <c r="G13042" i="1"/>
  <c r="G13043" i="1"/>
  <c r="G13044" i="1"/>
  <c r="G13045" i="1"/>
  <c r="G13046" i="1"/>
  <c r="G13047" i="1"/>
  <c r="G13048" i="1"/>
  <c r="G13049" i="1"/>
  <c r="G13050" i="1"/>
  <c r="G13051" i="1"/>
  <c r="G13052" i="1"/>
  <c r="G13053" i="1"/>
  <c r="G13054" i="1"/>
  <c r="G13055" i="1"/>
  <c r="G13056" i="1"/>
  <c r="G13057" i="1"/>
  <c r="G13058" i="1"/>
  <c r="G13059" i="1"/>
  <c r="G13060" i="1"/>
  <c r="G13061" i="1"/>
  <c r="G13062" i="1"/>
  <c r="G13063" i="1"/>
  <c r="G13064" i="1"/>
  <c r="G13065" i="1"/>
  <c r="G13066" i="1"/>
  <c r="G13067" i="1"/>
  <c r="G13068" i="1"/>
  <c r="G13069" i="1"/>
  <c r="G13070" i="1"/>
  <c r="G13071" i="1"/>
  <c r="G13072" i="1"/>
  <c r="G13073" i="1"/>
  <c r="G13074" i="1"/>
  <c r="G13075" i="1"/>
  <c r="G13076" i="1"/>
  <c r="G13077" i="1"/>
  <c r="G13078" i="1"/>
  <c r="G13079" i="1"/>
  <c r="G13080" i="1"/>
  <c r="G13081" i="1"/>
  <c r="G13082" i="1"/>
  <c r="G13083" i="1"/>
  <c r="G13084" i="1"/>
  <c r="G13085" i="1"/>
  <c r="G13086" i="1"/>
  <c r="G13087" i="1"/>
  <c r="G13088" i="1"/>
  <c r="G13089" i="1"/>
  <c r="G13090" i="1"/>
  <c r="G13091" i="1"/>
  <c r="G13092" i="1"/>
  <c r="G13093" i="1"/>
  <c r="G13094" i="1"/>
  <c r="G13095" i="1"/>
  <c r="G13096" i="1"/>
  <c r="G13097" i="1"/>
  <c r="G13098" i="1"/>
  <c r="G13099" i="1"/>
  <c r="G13100" i="1"/>
  <c r="G13101" i="1"/>
  <c r="G13102" i="1"/>
  <c r="G13103" i="1"/>
  <c r="G13104" i="1"/>
  <c r="G13105" i="1"/>
  <c r="G13106" i="1"/>
  <c r="G13107" i="1"/>
  <c r="G13108" i="1"/>
  <c r="G13109" i="1"/>
  <c r="G13110" i="1"/>
  <c r="G13111" i="1"/>
  <c r="G13112" i="1"/>
  <c r="G13113" i="1"/>
  <c r="G13114" i="1"/>
  <c r="G13115" i="1"/>
  <c r="G13116" i="1"/>
  <c r="G13117" i="1"/>
  <c r="G13118" i="1"/>
  <c r="G13119" i="1"/>
  <c r="G13120" i="1"/>
  <c r="G13121" i="1"/>
  <c r="G13122" i="1"/>
  <c r="G13123" i="1"/>
  <c r="G13124" i="1"/>
  <c r="G13125" i="1"/>
  <c r="G13126" i="1"/>
  <c r="G13127" i="1"/>
  <c r="G13128" i="1"/>
  <c r="G13129" i="1"/>
  <c r="G13130" i="1"/>
  <c r="G13131" i="1"/>
  <c r="G13132" i="1"/>
  <c r="G13133" i="1"/>
  <c r="G13134" i="1"/>
  <c r="G13135" i="1"/>
  <c r="G13136" i="1"/>
  <c r="G13137" i="1"/>
  <c r="G13138" i="1"/>
  <c r="G13139" i="1"/>
  <c r="G13140" i="1"/>
  <c r="G13141" i="1"/>
  <c r="G13142" i="1"/>
  <c r="G13143" i="1"/>
  <c r="G13144" i="1"/>
  <c r="G13145" i="1"/>
  <c r="G13146" i="1"/>
  <c r="G13147" i="1"/>
  <c r="G13148" i="1"/>
  <c r="G13149" i="1"/>
  <c r="G13150" i="1"/>
  <c r="G13151" i="1"/>
  <c r="G13152" i="1"/>
  <c r="G13153" i="1"/>
  <c r="G13154" i="1"/>
  <c r="G13155" i="1"/>
  <c r="G13156" i="1"/>
  <c r="G13157" i="1"/>
  <c r="G13158" i="1"/>
  <c r="G13159" i="1"/>
  <c r="G13160" i="1"/>
  <c r="G13161" i="1"/>
  <c r="G13162" i="1"/>
  <c r="G13163" i="1"/>
  <c r="G13164" i="1"/>
  <c r="G13165" i="1"/>
  <c r="G13166" i="1"/>
  <c r="G13167" i="1"/>
  <c r="G13168" i="1"/>
  <c r="G13169" i="1"/>
  <c r="G13170" i="1"/>
  <c r="G13171" i="1"/>
  <c r="G13172" i="1"/>
  <c r="G13173" i="1"/>
  <c r="G13174" i="1"/>
  <c r="G13175" i="1"/>
  <c r="G13176" i="1"/>
  <c r="G13177" i="1"/>
  <c r="G13178" i="1"/>
  <c r="G13179" i="1"/>
  <c r="G13180" i="1"/>
  <c r="G13181" i="1"/>
  <c r="G13182" i="1"/>
  <c r="G13183" i="1"/>
  <c r="G13184" i="1"/>
  <c r="G13185" i="1"/>
  <c r="G13186" i="1"/>
  <c r="G13187" i="1"/>
  <c r="G13188" i="1"/>
  <c r="G13189" i="1"/>
  <c r="G13190" i="1"/>
  <c r="G13191" i="1"/>
  <c r="G13192" i="1"/>
  <c r="G13193" i="1"/>
  <c r="G13194" i="1"/>
  <c r="G13195" i="1"/>
  <c r="G13196" i="1"/>
  <c r="G13197" i="1"/>
  <c r="G13198" i="1"/>
  <c r="G13199" i="1"/>
  <c r="G13200" i="1"/>
  <c r="G13201" i="1"/>
  <c r="G13202" i="1"/>
  <c r="G13203" i="1"/>
  <c r="G13204" i="1"/>
  <c r="G13205" i="1"/>
  <c r="G13206" i="1"/>
  <c r="G13207" i="1"/>
  <c r="G13208" i="1"/>
  <c r="G13209" i="1"/>
  <c r="G13210" i="1"/>
  <c r="G13211" i="1"/>
  <c r="G13212" i="1"/>
  <c r="G13213" i="1"/>
  <c r="G13214" i="1"/>
  <c r="G13215" i="1"/>
  <c r="G13216" i="1"/>
  <c r="G13217" i="1"/>
  <c r="G13218" i="1"/>
  <c r="G13219" i="1"/>
  <c r="G13220" i="1"/>
  <c r="G13221" i="1"/>
  <c r="G13222" i="1"/>
  <c r="G13223" i="1"/>
  <c r="G13224" i="1"/>
  <c r="G13225" i="1"/>
  <c r="G13226" i="1"/>
  <c r="G13227" i="1"/>
  <c r="G13228" i="1"/>
  <c r="G13229" i="1"/>
  <c r="G13230" i="1"/>
  <c r="G13231" i="1"/>
  <c r="G13232" i="1"/>
  <c r="G13233" i="1"/>
  <c r="G13234" i="1"/>
  <c r="G13235" i="1"/>
  <c r="G13236" i="1"/>
  <c r="G13237" i="1"/>
  <c r="G13238" i="1"/>
  <c r="G13239" i="1"/>
  <c r="G13240" i="1"/>
  <c r="G13241" i="1"/>
  <c r="G13242" i="1"/>
  <c r="G13243" i="1"/>
  <c r="G13244" i="1"/>
  <c r="G13245" i="1"/>
  <c r="G13246" i="1"/>
  <c r="G13247" i="1"/>
  <c r="G13248" i="1"/>
  <c r="G13249" i="1"/>
  <c r="G13250" i="1"/>
  <c r="G13251" i="1"/>
  <c r="G13252" i="1"/>
  <c r="G13253" i="1"/>
  <c r="G13254" i="1"/>
  <c r="G13255" i="1"/>
  <c r="G13256" i="1"/>
  <c r="G13257" i="1"/>
  <c r="G13258" i="1"/>
  <c r="G13259" i="1"/>
  <c r="G13260" i="1"/>
  <c r="G13261" i="1"/>
  <c r="G13262" i="1"/>
  <c r="G13263" i="1"/>
  <c r="G13264" i="1"/>
  <c r="G13265" i="1"/>
  <c r="G13266" i="1"/>
  <c r="G13267" i="1"/>
  <c r="G13268" i="1"/>
  <c r="G13269" i="1"/>
  <c r="G13270" i="1"/>
  <c r="G13271" i="1"/>
  <c r="G13272" i="1"/>
  <c r="G13273" i="1"/>
  <c r="G13274" i="1"/>
  <c r="G13275" i="1"/>
  <c r="G13276" i="1"/>
  <c r="G13277" i="1"/>
  <c r="G13278" i="1"/>
  <c r="G13279" i="1"/>
  <c r="G13280" i="1"/>
  <c r="G13281" i="1"/>
  <c r="G13282" i="1"/>
  <c r="G13283" i="1"/>
  <c r="G13284" i="1"/>
  <c r="G13285" i="1"/>
  <c r="G13286" i="1"/>
  <c r="G13287" i="1"/>
  <c r="G13288" i="1"/>
  <c r="G13289" i="1"/>
  <c r="G13290" i="1"/>
  <c r="G13291" i="1"/>
  <c r="G13292" i="1"/>
  <c r="G13293" i="1"/>
  <c r="G13294" i="1"/>
  <c r="G13295" i="1"/>
  <c r="G13296" i="1"/>
  <c r="G13297" i="1"/>
  <c r="G13298" i="1"/>
  <c r="G13299" i="1"/>
  <c r="G13300" i="1"/>
  <c r="G13301" i="1"/>
  <c r="G13302" i="1"/>
  <c r="G13303" i="1"/>
  <c r="G13304" i="1"/>
  <c r="G13305" i="1"/>
  <c r="G13306" i="1"/>
  <c r="G13307" i="1"/>
  <c r="G13308" i="1"/>
  <c r="G13309" i="1"/>
  <c r="G13310" i="1"/>
  <c r="G13311" i="1"/>
  <c r="G13312" i="1"/>
  <c r="G13313" i="1"/>
  <c r="G13314" i="1"/>
  <c r="G13315" i="1"/>
  <c r="G13316" i="1"/>
  <c r="G13317" i="1"/>
  <c r="G13318" i="1"/>
  <c r="G13319" i="1"/>
  <c r="G13320" i="1"/>
  <c r="G13321" i="1"/>
  <c r="G13322" i="1"/>
  <c r="G13323" i="1"/>
  <c r="G13324" i="1"/>
  <c r="G13325" i="1"/>
  <c r="G13326" i="1"/>
  <c r="G13327" i="1"/>
  <c r="G13328" i="1"/>
  <c r="G13329" i="1"/>
  <c r="G13330" i="1"/>
  <c r="G13331" i="1"/>
  <c r="G13332" i="1"/>
  <c r="G13333" i="1"/>
  <c r="G13334" i="1"/>
  <c r="G13335" i="1"/>
  <c r="G13336" i="1"/>
  <c r="G13337" i="1"/>
  <c r="G13338" i="1"/>
  <c r="G13339" i="1"/>
  <c r="G13340" i="1"/>
  <c r="G13341" i="1"/>
  <c r="G13342" i="1"/>
  <c r="G13343" i="1"/>
  <c r="G13344" i="1"/>
  <c r="G13345" i="1"/>
  <c r="G13346" i="1"/>
  <c r="G13347" i="1"/>
  <c r="G13348" i="1"/>
  <c r="G13349" i="1"/>
  <c r="G13350" i="1"/>
  <c r="G13351" i="1"/>
  <c r="G13352" i="1"/>
  <c r="G13353" i="1"/>
  <c r="G13354" i="1"/>
  <c r="G13355" i="1"/>
  <c r="G13356" i="1"/>
  <c r="G13357" i="1"/>
  <c r="G13358" i="1"/>
  <c r="G13359" i="1"/>
  <c r="G13360" i="1"/>
  <c r="G13361" i="1"/>
  <c r="G13362" i="1"/>
  <c r="G13363" i="1"/>
  <c r="G13364" i="1"/>
  <c r="G13365" i="1"/>
  <c r="G13366" i="1"/>
  <c r="G13367" i="1"/>
  <c r="G13368" i="1"/>
  <c r="G13369" i="1"/>
  <c r="G13370" i="1"/>
  <c r="G13371" i="1"/>
  <c r="G13372" i="1"/>
  <c r="G13373" i="1"/>
  <c r="G13374" i="1"/>
  <c r="G13375" i="1"/>
  <c r="G13376" i="1"/>
  <c r="G13377" i="1"/>
  <c r="G13378" i="1"/>
  <c r="G13379" i="1"/>
  <c r="G13380" i="1"/>
  <c r="G13381" i="1"/>
  <c r="G13382" i="1"/>
  <c r="G13383" i="1"/>
  <c r="G13384" i="1"/>
  <c r="G13385" i="1"/>
  <c r="G13386" i="1"/>
  <c r="G13387" i="1"/>
  <c r="G13388" i="1"/>
  <c r="G13389" i="1"/>
  <c r="G13390" i="1"/>
  <c r="G13391" i="1"/>
  <c r="G13392" i="1"/>
  <c r="G13393" i="1"/>
  <c r="G13394" i="1"/>
  <c r="G13395" i="1"/>
  <c r="G13396" i="1"/>
  <c r="G13397" i="1"/>
  <c r="G13398" i="1"/>
  <c r="G13399" i="1"/>
  <c r="G13400" i="1"/>
  <c r="G13401" i="1"/>
  <c r="G13402" i="1"/>
  <c r="G13403" i="1"/>
  <c r="G13404" i="1"/>
  <c r="G13405" i="1"/>
  <c r="G13406" i="1"/>
  <c r="G13407" i="1"/>
  <c r="G13408" i="1"/>
  <c r="G13409" i="1"/>
  <c r="G13410" i="1"/>
  <c r="G13411" i="1"/>
  <c r="G13412" i="1"/>
  <c r="G13413" i="1"/>
  <c r="G13414" i="1"/>
  <c r="G13415" i="1"/>
  <c r="G13416" i="1"/>
  <c r="G13417" i="1"/>
  <c r="G13418" i="1"/>
  <c r="G13419" i="1"/>
  <c r="G13420" i="1"/>
  <c r="G13421" i="1"/>
  <c r="G13422" i="1"/>
  <c r="G13423" i="1"/>
  <c r="G13424" i="1"/>
  <c r="G13425" i="1"/>
  <c r="G13426" i="1"/>
  <c r="G13427" i="1"/>
  <c r="G13428" i="1"/>
  <c r="G13429" i="1"/>
  <c r="G13430" i="1"/>
  <c r="G13431" i="1"/>
  <c r="G13432" i="1"/>
  <c r="G13433" i="1"/>
  <c r="G13434" i="1"/>
  <c r="G13435" i="1"/>
  <c r="G13436" i="1"/>
  <c r="G13437" i="1"/>
  <c r="G13438" i="1"/>
  <c r="G13439" i="1"/>
  <c r="G13440" i="1"/>
  <c r="G13441" i="1"/>
  <c r="G13442" i="1"/>
  <c r="G13443" i="1"/>
  <c r="G13444" i="1"/>
  <c r="G13445" i="1"/>
  <c r="G13446" i="1"/>
  <c r="G13447" i="1"/>
  <c r="G13448" i="1"/>
  <c r="G13449" i="1"/>
  <c r="G13450" i="1"/>
  <c r="G13451" i="1"/>
  <c r="G13452" i="1"/>
  <c r="G13453" i="1"/>
  <c r="G13454" i="1"/>
  <c r="G13455" i="1"/>
  <c r="G13456" i="1"/>
  <c r="G13457" i="1"/>
  <c r="G13458" i="1"/>
  <c r="G13459" i="1"/>
  <c r="G13460" i="1"/>
  <c r="G13461" i="1"/>
  <c r="G13462" i="1"/>
  <c r="G13463" i="1"/>
  <c r="G13464" i="1"/>
  <c r="G13465" i="1"/>
  <c r="G13466" i="1"/>
  <c r="G13467" i="1"/>
  <c r="G13468" i="1"/>
  <c r="G13469" i="1"/>
  <c r="G13470" i="1"/>
  <c r="G13471" i="1"/>
  <c r="G13472" i="1"/>
  <c r="G13473" i="1"/>
  <c r="G13474" i="1"/>
  <c r="G13475" i="1"/>
  <c r="G13476" i="1"/>
  <c r="G13477" i="1"/>
  <c r="G13478" i="1"/>
  <c r="G13479" i="1"/>
  <c r="G13480" i="1"/>
  <c r="G13481" i="1"/>
  <c r="G13482" i="1"/>
  <c r="G13483" i="1"/>
  <c r="G13484" i="1"/>
  <c r="G13485" i="1"/>
  <c r="G13486" i="1"/>
  <c r="G13487" i="1"/>
  <c r="G13488" i="1"/>
  <c r="G13489" i="1"/>
  <c r="G13490" i="1"/>
  <c r="G13491" i="1"/>
  <c r="G13492" i="1"/>
  <c r="G13493" i="1"/>
  <c r="G13494" i="1"/>
  <c r="G13495" i="1"/>
  <c r="G13496" i="1"/>
  <c r="G13497" i="1"/>
  <c r="G13498" i="1"/>
  <c r="G13499" i="1"/>
  <c r="G13500" i="1"/>
  <c r="G13501" i="1"/>
  <c r="G13502" i="1"/>
  <c r="G13503" i="1"/>
  <c r="G13504" i="1"/>
  <c r="G13505" i="1"/>
  <c r="G13506" i="1"/>
  <c r="G13507" i="1"/>
  <c r="G13508" i="1"/>
  <c r="G13509" i="1"/>
  <c r="G13510" i="1"/>
  <c r="G13511" i="1"/>
  <c r="G13512" i="1"/>
  <c r="G13513" i="1"/>
  <c r="G13514" i="1"/>
  <c r="G13515" i="1"/>
  <c r="G13516" i="1"/>
  <c r="G13517" i="1"/>
  <c r="G13518" i="1"/>
  <c r="G13519" i="1"/>
  <c r="G13520" i="1"/>
  <c r="G13521" i="1"/>
  <c r="G13522" i="1"/>
  <c r="G13523" i="1"/>
  <c r="G13524" i="1"/>
  <c r="G13525" i="1"/>
  <c r="G13526" i="1"/>
  <c r="G13527" i="1"/>
  <c r="G13528" i="1"/>
  <c r="G13529" i="1"/>
  <c r="G13530" i="1"/>
  <c r="G13531" i="1"/>
  <c r="G13532" i="1"/>
  <c r="G13533" i="1"/>
  <c r="G13534" i="1"/>
  <c r="G13535" i="1"/>
  <c r="G13536" i="1"/>
  <c r="G13537" i="1"/>
  <c r="G13538" i="1"/>
  <c r="G13539" i="1"/>
  <c r="G13540" i="1"/>
  <c r="G13541" i="1"/>
  <c r="G13542" i="1"/>
  <c r="G13543" i="1"/>
  <c r="G13544" i="1"/>
  <c r="G13545" i="1"/>
  <c r="G13546" i="1"/>
  <c r="G13547" i="1"/>
  <c r="G13548" i="1"/>
  <c r="G13549" i="1"/>
  <c r="G13550" i="1"/>
  <c r="G13551" i="1"/>
  <c r="G13552" i="1"/>
  <c r="G13553" i="1"/>
  <c r="G13554" i="1"/>
  <c r="G13555" i="1"/>
  <c r="G13556" i="1"/>
  <c r="G13557" i="1"/>
  <c r="G13558" i="1"/>
  <c r="G13559" i="1"/>
  <c r="G13560" i="1"/>
  <c r="G13561" i="1"/>
  <c r="G13562" i="1"/>
  <c r="G13563" i="1"/>
  <c r="G13564" i="1"/>
  <c r="G13565" i="1"/>
  <c r="G13566" i="1"/>
  <c r="G13567" i="1"/>
  <c r="G13568" i="1"/>
  <c r="G13569" i="1"/>
  <c r="G13570" i="1"/>
  <c r="G13571" i="1"/>
  <c r="G13572" i="1"/>
  <c r="G13573" i="1"/>
  <c r="G13574" i="1"/>
  <c r="G13575" i="1"/>
  <c r="G13576" i="1"/>
  <c r="G13577" i="1"/>
  <c r="G13578" i="1"/>
  <c r="G13579" i="1"/>
  <c r="G13580" i="1"/>
  <c r="G13581" i="1"/>
  <c r="G13582" i="1"/>
  <c r="G13583" i="1"/>
  <c r="G13584" i="1"/>
  <c r="G13585" i="1"/>
  <c r="G13586" i="1"/>
  <c r="G13587" i="1"/>
  <c r="G13588" i="1"/>
  <c r="G13589" i="1"/>
  <c r="G13590" i="1"/>
  <c r="G13591" i="1"/>
  <c r="G13592" i="1"/>
  <c r="G13593" i="1"/>
  <c r="G13594" i="1"/>
  <c r="G13595" i="1"/>
  <c r="G13596" i="1"/>
  <c r="G13597" i="1"/>
  <c r="G13598" i="1"/>
  <c r="G13599" i="1"/>
  <c r="G13600" i="1"/>
  <c r="G13601" i="1"/>
  <c r="G13602" i="1"/>
  <c r="G13603" i="1"/>
  <c r="G13604" i="1"/>
  <c r="G13605" i="1"/>
  <c r="G13606" i="1"/>
  <c r="G13607" i="1"/>
  <c r="G13608" i="1"/>
  <c r="G13609" i="1"/>
  <c r="G13610" i="1"/>
  <c r="G13611" i="1"/>
  <c r="G13612" i="1"/>
  <c r="G13613" i="1"/>
  <c r="G13614" i="1"/>
  <c r="G13615" i="1"/>
  <c r="G13616" i="1"/>
  <c r="G13617" i="1"/>
  <c r="G13618" i="1"/>
  <c r="G13619" i="1"/>
  <c r="G13620" i="1"/>
  <c r="G13621" i="1"/>
  <c r="G13622" i="1"/>
  <c r="G13623" i="1"/>
  <c r="G13624" i="1"/>
  <c r="G13625" i="1"/>
  <c r="G13626" i="1"/>
  <c r="G13627" i="1"/>
  <c r="G13628" i="1"/>
  <c r="G13629" i="1"/>
  <c r="G13630" i="1"/>
  <c r="G13631" i="1"/>
  <c r="G13632" i="1"/>
  <c r="G13633" i="1"/>
  <c r="G13634" i="1"/>
  <c r="G13635" i="1"/>
  <c r="G13636" i="1"/>
  <c r="G13637" i="1"/>
  <c r="G13638" i="1"/>
  <c r="G13639" i="1"/>
  <c r="G13640" i="1"/>
  <c r="G13641" i="1"/>
  <c r="G13642" i="1"/>
  <c r="G13643" i="1"/>
  <c r="G13644" i="1"/>
  <c r="G13645" i="1"/>
  <c r="G13646" i="1"/>
  <c r="G13647" i="1"/>
  <c r="G13648" i="1"/>
  <c r="G13649" i="1"/>
  <c r="G13650" i="1"/>
  <c r="G13651" i="1"/>
  <c r="G13652" i="1"/>
  <c r="G13653" i="1"/>
  <c r="G13654" i="1"/>
  <c r="G13655" i="1"/>
  <c r="G13656" i="1"/>
  <c r="G13657" i="1"/>
  <c r="G13658" i="1"/>
  <c r="G13659" i="1"/>
  <c r="G13660" i="1"/>
  <c r="G13661" i="1"/>
  <c r="G13662" i="1"/>
  <c r="G13663" i="1"/>
  <c r="G13664" i="1"/>
  <c r="G13665" i="1"/>
  <c r="G13666" i="1"/>
  <c r="G13667" i="1"/>
  <c r="G13668" i="1"/>
  <c r="G13669" i="1"/>
  <c r="G13670" i="1"/>
  <c r="G13671" i="1"/>
  <c r="G13672" i="1"/>
  <c r="G13673" i="1"/>
  <c r="G13674" i="1"/>
  <c r="G13675" i="1"/>
  <c r="G13676" i="1"/>
  <c r="G13677" i="1"/>
  <c r="G13678" i="1"/>
  <c r="G13679" i="1"/>
  <c r="G13680" i="1"/>
  <c r="G13681" i="1"/>
  <c r="G13682" i="1"/>
  <c r="G13683" i="1"/>
  <c r="G13684" i="1"/>
  <c r="G13685" i="1"/>
  <c r="G13686" i="1"/>
  <c r="G13687" i="1"/>
  <c r="G13688" i="1"/>
  <c r="G13689" i="1"/>
  <c r="G13690" i="1"/>
  <c r="G13691" i="1"/>
  <c r="G13692" i="1"/>
  <c r="G13693" i="1"/>
  <c r="G13694" i="1"/>
  <c r="G13695" i="1"/>
  <c r="G13696" i="1"/>
  <c r="G13697" i="1"/>
  <c r="G13698" i="1"/>
  <c r="G13699" i="1"/>
  <c r="G13700" i="1"/>
  <c r="G13701" i="1"/>
  <c r="G13702" i="1"/>
  <c r="G13703" i="1"/>
  <c r="G13704" i="1"/>
  <c r="G13705" i="1"/>
  <c r="G13706" i="1"/>
  <c r="G13707" i="1"/>
  <c r="G13708" i="1"/>
  <c r="G13709" i="1"/>
  <c r="G13710" i="1"/>
  <c r="G13711" i="1"/>
  <c r="G13712" i="1"/>
  <c r="G13713" i="1"/>
  <c r="G13714" i="1"/>
  <c r="G13715" i="1"/>
  <c r="G13716" i="1"/>
  <c r="G13717" i="1"/>
  <c r="G13718" i="1"/>
  <c r="G13719" i="1"/>
  <c r="G13720" i="1"/>
  <c r="G13721" i="1"/>
  <c r="G13722" i="1"/>
  <c r="G13723" i="1"/>
  <c r="G13724" i="1"/>
  <c r="G13725" i="1"/>
  <c r="G13726" i="1"/>
  <c r="G13727" i="1"/>
  <c r="G13728" i="1"/>
  <c r="G13729" i="1"/>
  <c r="G13730" i="1"/>
  <c r="G13731" i="1"/>
  <c r="G13732" i="1"/>
  <c r="G13733" i="1"/>
  <c r="G13734" i="1"/>
  <c r="G13735" i="1"/>
  <c r="G13736" i="1"/>
  <c r="G13737" i="1"/>
  <c r="G13738" i="1"/>
  <c r="G13739" i="1"/>
  <c r="G13740" i="1"/>
  <c r="G13741" i="1"/>
  <c r="G13742" i="1"/>
  <c r="G13743" i="1"/>
  <c r="G13744" i="1"/>
  <c r="G13745" i="1"/>
  <c r="G13746" i="1"/>
  <c r="G13747" i="1"/>
  <c r="G13748" i="1"/>
  <c r="G13749" i="1"/>
  <c r="G13750" i="1"/>
  <c r="G13751" i="1"/>
  <c r="G13752" i="1"/>
  <c r="G13753" i="1"/>
  <c r="G13754" i="1"/>
  <c r="G13755" i="1"/>
  <c r="G13756" i="1"/>
  <c r="G13757" i="1"/>
  <c r="G13758" i="1"/>
  <c r="G13759" i="1"/>
  <c r="G13760" i="1"/>
  <c r="G13761" i="1"/>
  <c r="G13762" i="1"/>
  <c r="G13763" i="1"/>
  <c r="G13764" i="1"/>
  <c r="G13765" i="1"/>
  <c r="G13766" i="1"/>
  <c r="G13767" i="1"/>
  <c r="G13768" i="1"/>
  <c r="G13769" i="1"/>
  <c r="G13770" i="1"/>
  <c r="G13771" i="1"/>
  <c r="G13772" i="1"/>
  <c r="G13773" i="1"/>
  <c r="G13774" i="1"/>
  <c r="G13775" i="1"/>
  <c r="G13776" i="1"/>
  <c r="G13777" i="1"/>
  <c r="G13778" i="1"/>
  <c r="G13779" i="1"/>
  <c r="G13780" i="1"/>
  <c r="G13781" i="1"/>
  <c r="G13782" i="1"/>
  <c r="G13783" i="1"/>
  <c r="G13784" i="1"/>
  <c r="G13785" i="1"/>
  <c r="G13786" i="1"/>
  <c r="G13787" i="1"/>
  <c r="G13788" i="1"/>
  <c r="G13789" i="1"/>
  <c r="G13790" i="1"/>
  <c r="G13791" i="1"/>
  <c r="G13792" i="1"/>
  <c r="G13793" i="1"/>
  <c r="G13794" i="1"/>
  <c r="G13795" i="1"/>
  <c r="G13796" i="1"/>
  <c r="G13797" i="1"/>
  <c r="G13798" i="1"/>
  <c r="G13799" i="1"/>
  <c r="G13800" i="1"/>
  <c r="G13801" i="1"/>
  <c r="G13802" i="1"/>
  <c r="G13803" i="1"/>
  <c r="G13804" i="1"/>
  <c r="G13805" i="1"/>
  <c r="G13806" i="1"/>
  <c r="G13807" i="1"/>
  <c r="G13808" i="1"/>
  <c r="G13809" i="1"/>
  <c r="G13810" i="1"/>
  <c r="G13811" i="1"/>
  <c r="G13812" i="1"/>
  <c r="G13813" i="1"/>
  <c r="G13814" i="1"/>
  <c r="G13815" i="1"/>
  <c r="G13816" i="1"/>
  <c r="G13817" i="1"/>
  <c r="G13818" i="1"/>
  <c r="G13819" i="1"/>
  <c r="G13820" i="1"/>
  <c r="G13821" i="1"/>
  <c r="G13822" i="1"/>
  <c r="G13823" i="1"/>
  <c r="G13824" i="1"/>
  <c r="G13825" i="1"/>
  <c r="G13826" i="1"/>
  <c r="G13827" i="1"/>
  <c r="G13828" i="1"/>
  <c r="G13829" i="1"/>
  <c r="G13830" i="1"/>
  <c r="G13831" i="1"/>
  <c r="G13832" i="1"/>
  <c r="G13833" i="1"/>
  <c r="G13834" i="1"/>
  <c r="G13835" i="1"/>
  <c r="G13836" i="1"/>
  <c r="G13837" i="1"/>
  <c r="G13838" i="1"/>
  <c r="G13839" i="1"/>
  <c r="G13840" i="1"/>
  <c r="G13841" i="1"/>
  <c r="G13842" i="1"/>
  <c r="G13843" i="1"/>
  <c r="G13844" i="1"/>
  <c r="G13845" i="1"/>
  <c r="G13846" i="1"/>
  <c r="G13847" i="1"/>
  <c r="G13848" i="1"/>
  <c r="G13849" i="1"/>
  <c r="G13850" i="1"/>
  <c r="G13851" i="1"/>
  <c r="G13852" i="1"/>
  <c r="G13853" i="1"/>
  <c r="G13854" i="1"/>
  <c r="G13855" i="1"/>
  <c r="G13856" i="1"/>
  <c r="G13857" i="1"/>
  <c r="G13858" i="1"/>
  <c r="G13859" i="1"/>
  <c r="G13860" i="1"/>
  <c r="G13861" i="1"/>
  <c r="G13862" i="1"/>
  <c r="G13863" i="1"/>
  <c r="G13864" i="1"/>
  <c r="G13865" i="1"/>
  <c r="G13866" i="1"/>
  <c r="G13867" i="1"/>
  <c r="G13868" i="1"/>
  <c r="G13869" i="1"/>
  <c r="G13870" i="1"/>
  <c r="G13871" i="1"/>
  <c r="G13872" i="1"/>
  <c r="G13873" i="1"/>
  <c r="G13874" i="1"/>
  <c r="G13875" i="1"/>
  <c r="G13876" i="1"/>
  <c r="G13877" i="1"/>
  <c r="G13878" i="1"/>
  <c r="G13879" i="1"/>
  <c r="G13880" i="1"/>
  <c r="G13881" i="1"/>
  <c r="G13882" i="1"/>
  <c r="G13883" i="1"/>
  <c r="G13884" i="1"/>
  <c r="G13885" i="1"/>
  <c r="G13886" i="1"/>
  <c r="G13887" i="1"/>
  <c r="G13888" i="1"/>
  <c r="G13889" i="1"/>
  <c r="G13890" i="1"/>
  <c r="G13891" i="1"/>
  <c r="G13892" i="1"/>
  <c r="G13893" i="1"/>
  <c r="G13894" i="1"/>
  <c r="G13895" i="1"/>
  <c r="G13896" i="1"/>
  <c r="G13897" i="1"/>
  <c r="G13898" i="1"/>
  <c r="G13899" i="1"/>
  <c r="G13900" i="1"/>
  <c r="G13901" i="1"/>
  <c r="G13902" i="1"/>
  <c r="G13903" i="1"/>
  <c r="G13904" i="1"/>
  <c r="G13905" i="1"/>
  <c r="G13906" i="1"/>
  <c r="G13907" i="1"/>
  <c r="G13908" i="1"/>
  <c r="G13909" i="1"/>
  <c r="G13910" i="1"/>
  <c r="G13911" i="1"/>
  <c r="G13912" i="1"/>
  <c r="G13913" i="1"/>
  <c r="G13914" i="1"/>
  <c r="G13915" i="1"/>
  <c r="G13916" i="1"/>
  <c r="G13917" i="1"/>
  <c r="G13918" i="1"/>
  <c r="G13919" i="1"/>
  <c r="G13920" i="1"/>
  <c r="G13921" i="1"/>
  <c r="G13922" i="1"/>
  <c r="G13923" i="1"/>
  <c r="G13924" i="1"/>
  <c r="G13925" i="1"/>
  <c r="G13926" i="1"/>
  <c r="G13927" i="1"/>
  <c r="G13928" i="1"/>
  <c r="G13929" i="1"/>
  <c r="G13930" i="1"/>
  <c r="G13931" i="1"/>
  <c r="G13932" i="1"/>
  <c r="G13933" i="1"/>
  <c r="G13934" i="1"/>
  <c r="G13935" i="1"/>
  <c r="G13936" i="1"/>
  <c r="G13937" i="1"/>
  <c r="G13938" i="1"/>
  <c r="G13939" i="1"/>
  <c r="G13940" i="1"/>
  <c r="G13941" i="1"/>
  <c r="G13942" i="1"/>
  <c r="G13943" i="1"/>
  <c r="G13944" i="1"/>
  <c r="G13945" i="1"/>
  <c r="G13946" i="1"/>
  <c r="G13947" i="1"/>
  <c r="G13948" i="1"/>
  <c r="G13949" i="1"/>
  <c r="G13950" i="1"/>
  <c r="G13951" i="1"/>
  <c r="G13952" i="1"/>
  <c r="G13953" i="1"/>
  <c r="G13954" i="1"/>
  <c r="G13955" i="1"/>
  <c r="G13956" i="1"/>
  <c r="G13957" i="1"/>
  <c r="G13958" i="1"/>
  <c r="G13959" i="1"/>
  <c r="G13960" i="1"/>
  <c r="G13961" i="1"/>
  <c r="G13962" i="1"/>
  <c r="G13963" i="1"/>
  <c r="G13964" i="1"/>
  <c r="G13965" i="1"/>
  <c r="G13966" i="1"/>
  <c r="G13967" i="1"/>
  <c r="G13968" i="1"/>
  <c r="G13969" i="1"/>
  <c r="G13970" i="1"/>
  <c r="G13971" i="1"/>
  <c r="G13972" i="1"/>
  <c r="G13973" i="1"/>
  <c r="G13974" i="1"/>
  <c r="G13975" i="1"/>
  <c r="G13976" i="1"/>
  <c r="G13977" i="1"/>
  <c r="G13978" i="1"/>
  <c r="G13979" i="1"/>
  <c r="G13980" i="1"/>
  <c r="G13981" i="1"/>
  <c r="G13982" i="1"/>
  <c r="G13983" i="1"/>
  <c r="G13984" i="1"/>
  <c r="G13985" i="1"/>
  <c r="G13986" i="1"/>
  <c r="G13987" i="1"/>
  <c r="G13988" i="1"/>
  <c r="G13989" i="1"/>
  <c r="G13990" i="1"/>
  <c r="G13991" i="1"/>
  <c r="G13992" i="1"/>
  <c r="G13993" i="1"/>
  <c r="G13994" i="1"/>
  <c r="G13995" i="1"/>
  <c r="G13996" i="1"/>
  <c r="G13997" i="1"/>
  <c r="G13998" i="1"/>
  <c r="G13999" i="1"/>
  <c r="G14000" i="1"/>
  <c r="G14001" i="1"/>
  <c r="G14002" i="1"/>
  <c r="G14003" i="1"/>
  <c r="G14004" i="1"/>
  <c r="G14005" i="1"/>
  <c r="G14006" i="1"/>
  <c r="G14007" i="1"/>
  <c r="G14008" i="1"/>
  <c r="G14009" i="1"/>
  <c r="G14010" i="1"/>
  <c r="G14011" i="1"/>
  <c r="G14012" i="1"/>
  <c r="G14013" i="1"/>
  <c r="G14014" i="1"/>
  <c r="G14015" i="1"/>
  <c r="G14016" i="1"/>
  <c r="G14017" i="1"/>
  <c r="G14018" i="1"/>
  <c r="G14019" i="1"/>
  <c r="G14020" i="1"/>
  <c r="G14021" i="1"/>
  <c r="G14022" i="1"/>
  <c r="G14023" i="1"/>
  <c r="G14024" i="1"/>
  <c r="G14025" i="1"/>
  <c r="G14026" i="1"/>
  <c r="G14027" i="1"/>
  <c r="G14028" i="1"/>
  <c r="G14029" i="1"/>
  <c r="G14030" i="1"/>
  <c r="G14031" i="1"/>
  <c r="G14032" i="1"/>
  <c r="G14033" i="1"/>
  <c r="G14034" i="1"/>
  <c r="G14035" i="1"/>
  <c r="G14036" i="1"/>
  <c r="G14037" i="1"/>
  <c r="G14038" i="1"/>
  <c r="G14039" i="1"/>
  <c r="G14040" i="1"/>
  <c r="G14041" i="1"/>
  <c r="G14042" i="1"/>
  <c r="G14043" i="1"/>
  <c r="G14044" i="1"/>
  <c r="G14045" i="1"/>
  <c r="G14046" i="1"/>
  <c r="G14047" i="1"/>
  <c r="G14048" i="1"/>
  <c r="G14049" i="1"/>
  <c r="G14050" i="1"/>
  <c r="G14051" i="1"/>
  <c r="G14052" i="1"/>
  <c r="G14053" i="1"/>
  <c r="G14054" i="1"/>
  <c r="G14055" i="1"/>
  <c r="G14056" i="1"/>
  <c r="G14057" i="1"/>
  <c r="G14058" i="1"/>
  <c r="G14059" i="1"/>
  <c r="G14060" i="1"/>
  <c r="G14061" i="1"/>
  <c r="G14062" i="1"/>
  <c r="G14063" i="1"/>
  <c r="G14064" i="1"/>
  <c r="G14065" i="1"/>
  <c r="G14066" i="1"/>
  <c r="G14067" i="1"/>
  <c r="G14068" i="1"/>
  <c r="G14069" i="1"/>
  <c r="G14070" i="1"/>
  <c r="G14071" i="1"/>
  <c r="G14072" i="1"/>
  <c r="G14073" i="1"/>
  <c r="G14074" i="1"/>
  <c r="G14075" i="1"/>
  <c r="G14076" i="1"/>
  <c r="G14077" i="1"/>
  <c r="G14078" i="1"/>
  <c r="G14079" i="1"/>
  <c r="G14080" i="1"/>
  <c r="G14081" i="1"/>
  <c r="G14082" i="1"/>
  <c r="G14083" i="1"/>
  <c r="G14084" i="1"/>
  <c r="G14085" i="1"/>
  <c r="G14086" i="1"/>
  <c r="G14087" i="1"/>
  <c r="G14088" i="1"/>
  <c r="G14089" i="1"/>
  <c r="G14090" i="1"/>
  <c r="G14091" i="1"/>
  <c r="G14092" i="1"/>
  <c r="G14093" i="1"/>
  <c r="G14094" i="1"/>
  <c r="G14095" i="1"/>
  <c r="G14096" i="1"/>
  <c r="G14097" i="1"/>
  <c r="G14098" i="1"/>
  <c r="G14099" i="1"/>
  <c r="G14100" i="1"/>
  <c r="G14101" i="1"/>
  <c r="G14102" i="1"/>
  <c r="G14103" i="1"/>
  <c r="G14104" i="1"/>
  <c r="G14105" i="1"/>
  <c r="G14106" i="1"/>
  <c r="G14107" i="1"/>
  <c r="G14108" i="1"/>
  <c r="G14109" i="1"/>
  <c r="G14110" i="1"/>
  <c r="G14111" i="1"/>
  <c r="G14112" i="1"/>
  <c r="G14113" i="1"/>
  <c r="G14114" i="1"/>
  <c r="G14115" i="1"/>
  <c r="G14116" i="1"/>
  <c r="G14117" i="1"/>
  <c r="G14118" i="1"/>
  <c r="G14119" i="1"/>
  <c r="G14120" i="1"/>
  <c r="G14121" i="1"/>
  <c r="G14122" i="1"/>
  <c r="G14123" i="1"/>
  <c r="G14124" i="1"/>
  <c r="G14125" i="1"/>
  <c r="G14126" i="1"/>
  <c r="G14127" i="1"/>
  <c r="G14128" i="1"/>
  <c r="G14129" i="1"/>
  <c r="G14130" i="1"/>
  <c r="G14131" i="1"/>
  <c r="G14132" i="1"/>
  <c r="G14133" i="1"/>
  <c r="G14134" i="1"/>
  <c r="G14135" i="1"/>
  <c r="G14136" i="1"/>
  <c r="G14137" i="1"/>
  <c r="G14138" i="1"/>
  <c r="G14139" i="1"/>
  <c r="G14140" i="1"/>
  <c r="G14141" i="1"/>
  <c r="G14142" i="1"/>
  <c r="G14143" i="1"/>
  <c r="G14144" i="1"/>
  <c r="G14145" i="1"/>
  <c r="G14146" i="1"/>
  <c r="G14147" i="1"/>
  <c r="G14148" i="1"/>
  <c r="G14149" i="1"/>
  <c r="G14150" i="1"/>
  <c r="G14151" i="1"/>
  <c r="G14152" i="1"/>
  <c r="G14153" i="1"/>
  <c r="G14154" i="1"/>
  <c r="G14155" i="1"/>
  <c r="G14156" i="1"/>
  <c r="G14157" i="1"/>
  <c r="G14158" i="1"/>
  <c r="G14159" i="1"/>
  <c r="G14160" i="1"/>
  <c r="G14161" i="1"/>
  <c r="G14162" i="1"/>
  <c r="G14163" i="1"/>
  <c r="G14164" i="1"/>
  <c r="G14165" i="1"/>
  <c r="G14166" i="1"/>
  <c r="G14167" i="1"/>
  <c r="G14168" i="1"/>
  <c r="G14169" i="1"/>
  <c r="G14170" i="1"/>
  <c r="G14171" i="1"/>
  <c r="G14172" i="1"/>
  <c r="G14173" i="1"/>
  <c r="G14174" i="1"/>
  <c r="G14175" i="1"/>
  <c r="G14176" i="1"/>
  <c r="G14177" i="1"/>
  <c r="G14178" i="1"/>
  <c r="G14179" i="1"/>
  <c r="G14180" i="1"/>
  <c r="G14181" i="1"/>
  <c r="G14182" i="1"/>
  <c r="G14183" i="1"/>
  <c r="G14184" i="1"/>
  <c r="G14185" i="1"/>
  <c r="G14186" i="1"/>
  <c r="G14187" i="1"/>
  <c r="G14188" i="1"/>
  <c r="G14189" i="1"/>
  <c r="G14190" i="1"/>
  <c r="G14191" i="1"/>
  <c r="G14192" i="1"/>
  <c r="G14193" i="1"/>
  <c r="G14194" i="1"/>
  <c r="G14195" i="1"/>
  <c r="G14196" i="1"/>
  <c r="G14197" i="1"/>
  <c r="G14198" i="1"/>
  <c r="G14199" i="1"/>
  <c r="G14200" i="1"/>
  <c r="G14201" i="1"/>
  <c r="G14202" i="1"/>
  <c r="G14203" i="1"/>
  <c r="G14204" i="1"/>
  <c r="G14205" i="1"/>
  <c r="G14206" i="1"/>
  <c r="G14207" i="1"/>
  <c r="G14208" i="1"/>
  <c r="G14209" i="1"/>
  <c r="G14210" i="1"/>
  <c r="G14211" i="1"/>
  <c r="G14212" i="1"/>
  <c r="G14213" i="1"/>
  <c r="G14214" i="1"/>
  <c r="G14215" i="1"/>
  <c r="G14216" i="1"/>
  <c r="G14217" i="1"/>
  <c r="G14218" i="1"/>
  <c r="G14219" i="1"/>
  <c r="G14220" i="1"/>
  <c r="G14221" i="1"/>
  <c r="G14222" i="1"/>
  <c r="G14223" i="1"/>
  <c r="G14224" i="1"/>
  <c r="G14225" i="1"/>
  <c r="G14226" i="1"/>
  <c r="G14227" i="1"/>
  <c r="G14228" i="1"/>
  <c r="G14229" i="1"/>
  <c r="G14230" i="1"/>
  <c r="G14231" i="1"/>
  <c r="G14232" i="1"/>
  <c r="G14233" i="1"/>
  <c r="G14234" i="1"/>
  <c r="G14235" i="1"/>
  <c r="G14236" i="1"/>
  <c r="G14237" i="1"/>
  <c r="G14238" i="1"/>
  <c r="G14239" i="1"/>
  <c r="G14240" i="1"/>
  <c r="G14241" i="1"/>
  <c r="G14242" i="1"/>
  <c r="G14243" i="1"/>
  <c r="G14244" i="1"/>
  <c r="G14245" i="1"/>
  <c r="G14246" i="1"/>
  <c r="G14247" i="1"/>
  <c r="G14248" i="1"/>
  <c r="G14249" i="1"/>
  <c r="G14250" i="1"/>
  <c r="G14251" i="1"/>
  <c r="G14252" i="1"/>
  <c r="G14253" i="1"/>
  <c r="G14254" i="1"/>
  <c r="G14255" i="1"/>
  <c r="G14256" i="1"/>
  <c r="G14257" i="1"/>
  <c r="G14258" i="1"/>
  <c r="G14259" i="1"/>
  <c r="G14260" i="1"/>
  <c r="G14261" i="1"/>
  <c r="G14262" i="1"/>
  <c r="G14263" i="1"/>
  <c r="G14264" i="1"/>
  <c r="G14265" i="1"/>
  <c r="G14266" i="1"/>
  <c r="G14267" i="1"/>
  <c r="G14268" i="1"/>
  <c r="G14269" i="1"/>
  <c r="G14270" i="1"/>
  <c r="G14271" i="1"/>
  <c r="G14272" i="1"/>
  <c r="G14273" i="1"/>
  <c r="G14274" i="1"/>
  <c r="G14275" i="1"/>
  <c r="G14276" i="1"/>
  <c r="G14277" i="1"/>
  <c r="G14278" i="1"/>
  <c r="G14279" i="1"/>
  <c r="G14280" i="1"/>
  <c r="G14281" i="1"/>
  <c r="G14282" i="1"/>
  <c r="G14283" i="1"/>
  <c r="G14284" i="1"/>
  <c r="G14285" i="1"/>
  <c r="G14286" i="1"/>
  <c r="G14287" i="1"/>
  <c r="G14288" i="1"/>
  <c r="G14289" i="1"/>
  <c r="G14290" i="1"/>
  <c r="G14291" i="1"/>
  <c r="G14292" i="1"/>
  <c r="G14293" i="1"/>
  <c r="G14294" i="1"/>
  <c r="G14295" i="1"/>
  <c r="G14296" i="1"/>
  <c r="G14297" i="1"/>
  <c r="G14298" i="1"/>
  <c r="G14299" i="1"/>
  <c r="G14300" i="1"/>
  <c r="G14301" i="1"/>
  <c r="G14302" i="1"/>
  <c r="G14303" i="1"/>
  <c r="G14304" i="1"/>
  <c r="G14305" i="1"/>
  <c r="G14306" i="1"/>
  <c r="G14307" i="1"/>
  <c r="G14308" i="1"/>
  <c r="G14309" i="1"/>
  <c r="G14310" i="1"/>
  <c r="G14311" i="1"/>
  <c r="G14312" i="1"/>
  <c r="G14313" i="1"/>
  <c r="G14314" i="1"/>
  <c r="G14315" i="1"/>
  <c r="G14316" i="1"/>
  <c r="G14317" i="1"/>
  <c r="G14318" i="1"/>
  <c r="G14319" i="1"/>
  <c r="G14320" i="1"/>
  <c r="G14321" i="1"/>
  <c r="G14322" i="1"/>
  <c r="G14323" i="1"/>
  <c r="G14324" i="1"/>
  <c r="G14325" i="1"/>
  <c r="G14326" i="1"/>
  <c r="G14327" i="1"/>
  <c r="G14328" i="1"/>
  <c r="G14329" i="1"/>
  <c r="G14330" i="1"/>
  <c r="G14331" i="1"/>
  <c r="G14332" i="1"/>
  <c r="G14333" i="1"/>
  <c r="G14334" i="1"/>
  <c r="G14335" i="1"/>
  <c r="G14336" i="1"/>
  <c r="G14337" i="1"/>
  <c r="G14338" i="1"/>
  <c r="G14339" i="1"/>
  <c r="G14340" i="1"/>
  <c r="G14341" i="1"/>
  <c r="G14342" i="1"/>
  <c r="G14343" i="1"/>
  <c r="G14344" i="1"/>
  <c r="G14345" i="1"/>
  <c r="G14346" i="1"/>
  <c r="G14347" i="1"/>
  <c r="G14348" i="1"/>
  <c r="G14349" i="1"/>
  <c r="G14350" i="1"/>
  <c r="G14351" i="1"/>
  <c r="G14352" i="1"/>
  <c r="G14353" i="1"/>
  <c r="G14354" i="1"/>
  <c r="G14355" i="1"/>
  <c r="G14356" i="1"/>
  <c r="G14357" i="1"/>
  <c r="G14358" i="1"/>
  <c r="G14359" i="1"/>
  <c r="G14360" i="1"/>
  <c r="G14361" i="1"/>
  <c r="G14362" i="1"/>
  <c r="G14363" i="1"/>
  <c r="G14364" i="1"/>
  <c r="G14365" i="1"/>
  <c r="G14366" i="1"/>
  <c r="G14367" i="1"/>
  <c r="G14368" i="1"/>
  <c r="G14369" i="1"/>
  <c r="G14370" i="1"/>
  <c r="G14371" i="1"/>
  <c r="G14372" i="1"/>
  <c r="G14373" i="1"/>
  <c r="G14374" i="1"/>
  <c r="G14375" i="1"/>
  <c r="G14376" i="1"/>
  <c r="G14377" i="1"/>
  <c r="G14378" i="1"/>
  <c r="G14379" i="1"/>
  <c r="G14380" i="1"/>
  <c r="G14381" i="1"/>
  <c r="G14382" i="1"/>
  <c r="G14383" i="1"/>
  <c r="G14384" i="1"/>
  <c r="G14385" i="1"/>
  <c r="G14386" i="1"/>
  <c r="G14387" i="1"/>
  <c r="G14388" i="1"/>
  <c r="G14389" i="1"/>
  <c r="G14390" i="1"/>
  <c r="G14391" i="1"/>
  <c r="G14392" i="1"/>
  <c r="G14393" i="1"/>
  <c r="G14394" i="1"/>
  <c r="G14395" i="1"/>
  <c r="G14396" i="1"/>
  <c r="G14397" i="1"/>
  <c r="G14398" i="1"/>
  <c r="G14399" i="1"/>
  <c r="G14400" i="1"/>
  <c r="G14401" i="1"/>
  <c r="G14402" i="1"/>
  <c r="G14403" i="1"/>
  <c r="G14404" i="1"/>
  <c r="G14405" i="1"/>
  <c r="G14406" i="1"/>
  <c r="G14407" i="1"/>
  <c r="G14408" i="1"/>
  <c r="G14409" i="1"/>
  <c r="G14410" i="1"/>
  <c r="G14411" i="1"/>
  <c r="G14412" i="1"/>
  <c r="G14413" i="1"/>
  <c r="G14414" i="1"/>
  <c r="G14415" i="1"/>
  <c r="G14416" i="1"/>
  <c r="G14417" i="1"/>
  <c r="G14418" i="1"/>
  <c r="G14419" i="1"/>
  <c r="G14420" i="1"/>
  <c r="G14421" i="1"/>
  <c r="G14422" i="1"/>
  <c r="G14423" i="1"/>
  <c r="G14424" i="1"/>
  <c r="G14425" i="1"/>
  <c r="G14426" i="1"/>
  <c r="G14427" i="1"/>
  <c r="G14428" i="1"/>
  <c r="G14429" i="1"/>
  <c r="G14430" i="1"/>
  <c r="G14431" i="1"/>
  <c r="G14432" i="1"/>
  <c r="G14433" i="1"/>
  <c r="G14434" i="1"/>
  <c r="G14435" i="1"/>
  <c r="G14436" i="1"/>
  <c r="G14437" i="1"/>
  <c r="G14438" i="1"/>
  <c r="G14439" i="1"/>
  <c r="G14440" i="1"/>
  <c r="G14441" i="1"/>
  <c r="G14442" i="1"/>
  <c r="G14443" i="1"/>
  <c r="G14444" i="1"/>
  <c r="G14445" i="1"/>
  <c r="G14446" i="1"/>
  <c r="G14447" i="1"/>
  <c r="G14448" i="1"/>
  <c r="G14449" i="1"/>
  <c r="G14450" i="1"/>
  <c r="G14451" i="1"/>
  <c r="G14452" i="1"/>
  <c r="G14453" i="1"/>
  <c r="G14454" i="1"/>
  <c r="G14455" i="1"/>
  <c r="G14456" i="1"/>
  <c r="G14457" i="1"/>
  <c r="G14458" i="1"/>
  <c r="G14459" i="1"/>
  <c r="G14460" i="1"/>
  <c r="G14461" i="1"/>
  <c r="G14462" i="1"/>
  <c r="G14463" i="1"/>
  <c r="G14464" i="1"/>
  <c r="G14465" i="1"/>
  <c r="G14466" i="1"/>
  <c r="G14467" i="1"/>
  <c r="G14468" i="1"/>
  <c r="G14469" i="1"/>
  <c r="G14470" i="1"/>
  <c r="G14471" i="1"/>
  <c r="G14472" i="1"/>
  <c r="G14473" i="1"/>
  <c r="G14474" i="1"/>
  <c r="G14475" i="1"/>
  <c r="G14476" i="1"/>
  <c r="G14477" i="1"/>
  <c r="G14478" i="1"/>
  <c r="G14479" i="1"/>
  <c r="G14480" i="1"/>
  <c r="G14481" i="1"/>
  <c r="G14482" i="1"/>
  <c r="G14483" i="1"/>
  <c r="G14484" i="1"/>
  <c r="G14485" i="1"/>
  <c r="G14486" i="1"/>
  <c r="G14487" i="1"/>
  <c r="G14488" i="1"/>
  <c r="G14489" i="1"/>
  <c r="G14490" i="1"/>
  <c r="G14491" i="1"/>
  <c r="G14492" i="1"/>
  <c r="G14493" i="1"/>
  <c r="G14494" i="1"/>
  <c r="G14495" i="1"/>
  <c r="G14496" i="1"/>
  <c r="G14497" i="1"/>
  <c r="G14498" i="1"/>
  <c r="G14499" i="1"/>
  <c r="G14500" i="1"/>
  <c r="G14501" i="1"/>
  <c r="G14502" i="1"/>
  <c r="G14503" i="1"/>
  <c r="G14504" i="1"/>
  <c r="G14505" i="1"/>
  <c r="G14506" i="1"/>
  <c r="G14507" i="1"/>
  <c r="G14508" i="1"/>
  <c r="G14509" i="1"/>
  <c r="G14510" i="1"/>
  <c r="G14511" i="1"/>
  <c r="G14512" i="1"/>
  <c r="G14513" i="1"/>
  <c r="G14514" i="1"/>
  <c r="G14515" i="1"/>
  <c r="G14516" i="1"/>
  <c r="G14517" i="1"/>
  <c r="G14518" i="1"/>
  <c r="G14519" i="1"/>
  <c r="G14520" i="1"/>
  <c r="G14521" i="1"/>
  <c r="G14522" i="1"/>
  <c r="G14523" i="1"/>
  <c r="G14524" i="1"/>
  <c r="G14525" i="1"/>
  <c r="G14526" i="1"/>
  <c r="G14527" i="1"/>
  <c r="G14528" i="1"/>
  <c r="G14529" i="1"/>
  <c r="G14530" i="1"/>
  <c r="G14531" i="1"/>
  <c r="G14532" i="1"/>
  <c r="G14533" i="1"/>
  <c r="G14534" i="1"/>
  <c r="G14535" i="1"/>
  <c r="G14536" i="1"/>
  <c r="G14537" i="1"/>
  <c r="G14538" i="1"/>
  <c r="G14539" i="1"/>
  <c r="G14540" i="1"/>
  <c r="G14541" i="1"/>
  <c r="G14542" i="1"/>
  <c r="G14543" i="1"/>
  <c r="G14544" i="1"/>
  <c r="G14545" i="1"/>
  <c r="G14546" i="1"/>
  <c r="G14547" i="1"/>
  <c r="G14548" i="1"/>
  <c r="G14549" i="1"/>
  <c r="G14550" i="1"/>
  <c r="G14551" i="1"/>
  <c r="G14552" i="1"/>
  <c r="G14553" i="1"/>
  <c r="G14554" i="1"/>
  <c r="G14555" i="1"/>
  <c r="G14556" i="1"/>
  <c r="G14557" i="1"/>
  <c r="G14558" i="1"/>
  <c r="G14559" i="1"/>
  <c r="G14560" i="1"/>
  <c r="G14561" i="1"/>
  <c r="G14562" i="1"/>
  <c r="G14563" i="1"/>
  <c r="G14564" i="1"/>
  <c r="G14565" i="1"/>
  <c r="G14566" i="1"/>
  <c r="G14567" i="1"/>
  <c r="G14568" i="1"/>
  <c r="G14569" i="1"/>
  <c r="G14570" i="1"/>
  <c r="G14571" i="1"/>
  <c r="G14572" i="1"/>
  <c r="G14573" i="1"/>
  <c r="G14574" i="1"/>
  <c r="G14575" i="1"/>
  <c r="G14576" i="1"/>
  <c r="G14577" i="1"/>
  <c r="G14578" i="1"/>
  <c r="G14579" i="1"/>
  <c r="G14580" i="1"/>
  <c r="G14581" i="1"/>
  <c r="G14582" i="1"/>
  <c r="G14583" i="1"/>
  <c r="G14584" i="1"/>
  <c r="G14585" i="1"/>
  <c r="G14586" i="1"/>
  <c r="G14587" i="1"/>
  <c r="G14588" i="1"/>
  <c r="G14589" i="1"/>
  <c r="G14590" i="1"/>
  <c r="G14591" i="1"/>
  <c r="G14592" i="1"/>
  <c r="G14593" i="1"/>
  <c r="G14594" i="1"/>
  <c r="G14595" i="1"/>
  <c r="G14596" i="1"/>
  <c r="G14597" i="1"/>
  <c r="G14598" i="1"/>
  <c r="G14599" i="1"/>
  <c r="G14600" i="1"/>
  <c r="G14601" i="1"/>
  <c r="G14602" i="1"/>
  <c r="G14603" i="1"/>
  <c r="G14604" i="1"/>
  <c r="G14605" i="1"/>
  <c r="G14606" i="1"/>
  <c r="G14607" i="1"/>
  <c r="G14608" i="1"/>
  <c r="G14609" i="1"/>
  <c r="G14610" i="1"/>
  <c r="G14611" i="1"/>
  <c r="G14612" i="1"/>
  <c r="G14613" i="1"/>
  <c r="G14614" i="1"/>
  <c r="G14615" i="1"/>
  <c r="G14616" i="1"/>
  <c r="G14617" i="1"/>
  <c r="G14618" i="1"/>
  <c r="G14619" i="1"/>
  <c r="G14620" i="1"/>
  <c r="G14621" i="1"/>
  <c r="G14622" i="1"/>
  <c r="G14623" i="1"/>
  <c r="G14624" i="1"/>
  <c r="G14625" i="1"/>
  <c r="G14626" i="1"/>
  <c r="G14627" i="1"/>
  <c r="G14628" i="1"/>
  <c r="G14629" i="1"/>
  <c r="G14630" i="1"/>
  <c r="G14631" i="1"/>
  <c r="G14632" i="1"/>
  <c r="G14633" i="1"/>
  <c r="G14634" i="1"/>
  <c r="G14635" i="1"/>
  <c r="G14636" i="1"/>
  <c r="G14637" i="1"/>
  <c r="G14638" i="1"/>
  <c r="G14639" i="1"/>
  <c r="G14640" i="1"/>
  <c r="G14641" i="1"/>
  <c r="G14642" i="1"/>
  <c r="G14643" i="1"/>
  <c r="G14644" i="1"/>
  <c r="G14645" i="1"/>
  <c r="G14646" i="1"/>
  <c r="G14647" i="1"/>
  <c r="G14648" i="1"/>
  <c r="G14649" i="1"/>
  <c r="G14650" i="1"/>
  <c r="G14651" i="1"/>
  <c r="G14652" i="1"/>
  <c r="G14653" i="1"/>
  <c r="G14654" i="1"/>
  <c r="G14655" i="1"/>
  <c r="G14656" i="1"/>
  <c r="G14657" i="1"/>
  <c r="G14658" i="1"/>
  <c r="G14659" i="1"/>
  <c r="G14660" i="1"/>
  <c r="G14661" i="1"/>
  <c r="G14662" i="1"/>
  <c r="G14663" i="1"/>
  <c r="G14664" i="1"/>
  <c r="G14665" i="1"/>
  <c r="G14666" i="1"/>
  <c r="G14667" i="1"/>
  <c r="G14668" i="1"/>
  <c r="G14669" i="1"/>
  <c r="G14670" i="1"/>
  <c r="G14671" i="1"/>
  <c r="G14672" i="1"/>
  <c r="G14673" i="1"/>
  <c r="G14674" i="1"/>
  <c r="G14675" i="1"/>
  <c r="G14676" i="1"/>
  <c r="G14677" i="1"/>
  <c r="G14678" i="1"/>
  <c r="G14679" i="1"/>
  <c r="G14680" i="1"/>
  <c r="G14681" i="1"/>
  <c r="G14682" i="1"/>
  <c r="G14683" i="1"/>
  <c r="G14684" i="1"/>
  <c r="G14685" i="1"/>
  <c r="G14686" i="1"/>
  <c r="G14687" i="1"/>
  <c r="G14688" i="1"/>
  <c r="G14689" i="1"/>
  <c r="G14690" i="1"/>
  <c r="G14691" i="1"/>
  <c r="G14692" i="1"/>
  <c r="G14693" i="1"/>
  <c r="G14694" i="1"/>
  <c r="G14695" i="1"/>
  <c r="G14696" i="1"/>
  <c r="G14697" i="1"/>
  <c r="G14698" i="1"/>
  <c r="G14699" i="1"/>
  <c r="G14700" i="1"/>
  <c r="G14701" i="1"/>
  <c r="G14702" i="1"/>
  <c r="G14703" i="1"/>
  <c r="G14704" i="1"/>
  <c r="G14705" i="1"/>
  <c r="G14706" i="1"/>
  <c r="G14707" i="1"/>
  <c r="G14708" i="1"/>
  <c r="G14709" i="1"/>
  <c r="G14710" i="1"/>
  <c r="G14711" i="1"/>
  <c r="G14712" i="1"/>
  <c r="G14713" i="1"/>
  <c r="G14714" i="1"/>
  <c r="G14715" i="1"/>
  <c r="G14716" i="1"/>
  <c r="G14717" i="1"/>
  <c r="G14718" i="1"/>
  <c r="G14719" i="1"/>
  <c r="G14720" i="1"/>
  <c r="G14721" i="1"/>
  <c r="G14722" i="1"/>
  <c r="G14723" i="1"/>
  <c r="G14724" i="1"/>
  <c r="G14725" i="1"/>
  <c r="G14726" i="1"/>
  <c r="G14727" i="1"/>
  <c r="G14728" i="1"/>
  <c r="G14729" i="1"/>
  <c r="G14730" i="1"/>
  <c r="G14731" i="1"/>
  <c r="G14732" i="1"/>
  <c r="G14733" i="1"/>
  <c r="G14734" i="1"/>
  <c r="G14735" i="1"/>
  <c r="G14736" i="1"/>
  <c r="G14737" i="1"/>
  <c r="G14738" i="1"/>
  <c r="G14739" i="1"/>
  <c r="G14740" i="1"/>
  <c r="G14741" i="1"/>
  <c r="G14742" i="1"/>
  <c r="G14743" i="1"/>
  <c r="G14744" i="1"/>
  <c r="G14745" i="1"/>
  <c r="G14746" i="1"/>
  <c r="G14747" i="1"/>
  <c r="G14748" i="1"/>
  <c r="G14749" i="1"/>
  <c r="G14750" i="1"/>
  <c r="G14751" i="1"/>
  <c r="G14752" i="1"/>
  <c r="G14753" i="1"/>
  <c r="G14754" i="1"/>
  <c r="G14755" i="1"/>
  <c r="G14756" i="1"/>
  <c r="G14757" i="1"/>
  <c r="G14758" i="1"/>
  <c r="G14759" i="1"/>
  <c r="G14760" i="1"/>
  <c r="G14761" i="1"/>
  <c r="G14762" i="1"/>
  <c r="G14763" i="1"/>
  <c r="G14764" i="1"/>
  <c r="G14765" i="1"/>
  <c r="G14766" i="1"/>
  <c r="G14767" i="1"/>
  <c r="G14768" i="1"/>
  <c r="G14769" i="1"/>
  <c r="G14770" i="1"/>
  <c r="G14771" i="1"/>
  <c r="G14772" i="1"/>
  <c r="G14773" i="1"/>
  <c r="G14774" i="1"/>
  <c r="G14775" i="1"/>
  <c r="G14776" i="1"/>
  <c r="G14777" i="1"/>
  <c r="G14778" i="1"/>
  <c r="G14779" i="1"/>
  <c r="G14780" i="1"/>
  <c r="G14781" i="1"/>
  <c r="G14782" i="1"/>
  <c r="G14783" i="1"/>
  <c r="G14784" i="1"/>
  <c r="G14785" i="1"/>
  <c r="G14786" i="1"/>
  <c r="G14787" i="1"/>
  <c r="G14788" i="1"/>
  <c r="G14789" i="1"/>
  <c r="G14790" i="1"/>
  <c r="G14791" i="1"/>
  <c r="G14792" i="1"/>
  <c r="G14793" i="1"/>
  <c r="G14794" i="1"/>
  <c r="G14795" i="1"/>
  <c r="G14796" i="1"/>
  <c r="G14797" i="1"/>
  <c r="G14798" i="1"/>
  <c r="G14799" i="1"/>
  <c r="G14800" i="1"/>
  <c r="G14801" i="1"/>
  <c r="G14802" i="1"/>
  <c r="G14803" i="1"/>
  <c r="G14804" i="1"/>
  <c r="G14805" i="1"/>
  <c r="G14806" i="1"/>
  <c r="G14807" i="1"/>
  <c r="G14808" i="1"/>
  <c r="G14809" i="1"/>
  <c r="G14810" i="1"/>
  <c r="G14811" i="1"/>
  <c r="G14812" i="1"/>
  <c r="G14813" i="1"/>
  <c r="G14814" i="1"/>
  <c r="G14815" i="1"/>
  <c r="G14816" i="1"/>
  <c r="G14817" i="1"/>
  <c r="G14818" i="1"/>
  <c r="G14819" i="1"/>
  <c r="G14820" i="1"/>
  <c r="G14821" i="1"/>
  <c r="G14822" i="1"/>
  <c r="G14823" i="1"/>
  <c r="G14824" i="1"/>
  <c r="G14825" i="1"/>
  <c r="G14826" i="1"/>
  <c r="G14827" i="1"/>
  <c r="G14828" i="1"/>
  <c r="G14829" i="1"/>
  <c r="G14830" i="1"/>
  <c r="G14831" i="1"/>
  <c r="G14832" i="1"/>
  <c r="G14833" i="1"/>
  <c r="G14834" i="1"/>
  <c r="G14835" i="1"/>
  <c r="G14836" i="1"/>
  <c r="G14837" i="1"/>
  <c r="G14838" i="1"/>
  <c r="G14839" i="1"/>
  <c r="G14840" i="1"/>
  <c r="G14841" i="1"/>
  <c r="G14842" i="1"/>
  <c r="G14843" i="1"/>
  <c r="G14844" i="1"/>
  <c r="G14845" i="1"/>
  <c r="G14846" i="1"/>
  <c r="G14847" i="1"/>
  <c r="G14848" i="1"/>
  <c r="G14849" i="1"/>
  <c r="G14850" i="1"/>
  <c r="G14851" i="1"/>
  <c r="G14852" i="1"/>
  <c r="G14853" i="1"/>
  <c r="G14854" i="1"/>
  <c r="G14855" i="1"/>
  <c r="G14856" i="1"/>
  <c r="G14857" i="1"/>
  <c r="G14858" i="1"/>
  <c r="G14859" i="1"/>
  <c r="G14860" i="1"/>
  <c r="G14861" i="1"/>
  <c r="G14862" i="1"/>
  <c r="G14863" i="1"/>
  <c r="G14864" i="1"/>
  <c r="G14865" i="1"/>
  <c r="G14866" i="1"/>
  <c r="G14867" i="1"/>
  <c r="G14868" i="1"/>
  <c r="G14869" i="1"/>
  <c r="G14870" i="1"/>
  <c r="G14871" i="1"/>
  <c r="G14872" i="1"/>
  <c r="G14873" i="1"/>
  <c r="G14874" i="1"/>
  <c r="G14875" i="1"/>
  <c r="G14876" i="1"/>
  <c r="G14877" i="1"/>
  <c r="G14878" i="1"/>
  <c r="G14879" i="1"/>
  <c r="G14880" i="1"/>
  <c r="G14881" i="1"/>
  <c r="G14882" i="1"/>
  <c r="G14883" i="1"/>
  <c r="G14884" i="1"/>
  <c r="G14885" i="1"/>
  <c r="G14886" i="1"/>
  <c r="G14887" i="1"/>
  <c r="G14888" i="1"/>
  <c r="G14889" i="1"/>
  <c r="G14890" i="1"/>
  <c r="G14891" i="1"/>
  <c r="G14892" i="1"/>
  <c r="G14893" i="1"/>
  <c r="G14894" i="1"/>
  <c r="G14895" i="1"/>
  <c r="G14896" i="1"/>
  <c r="G14897" i="1"/>
  <c r="G14898" i="1"/>
  <c r="G14899" i="1"/>
  <c r="G14900" i="1"/>
  <c r="G14901" i="1"/>
  <c r="G14902" i="1"/>
  <c r="G14903" i="1"/>
  <c r="G14904" i="1"/>
  <c r="G14905" i="1"/>
  <c r="G14906" i="1"/>
  <c r="G14907" i="1"/>
  <c r="G14908" i="1"/>
  <c r="G14909" i="1"/>
  <c r="G14910" i="1"/>
  <c r="G14911" i="1"/>
  <c r="G14912" i="1"/>
  <c r="G14913" i="1"/>
  <c r="G14914" i="1"/>
  <c r="G14915" i="1"/>
  <c r="G14916" i="1"/>
  <c r="G14917" i="1"/>
  <c r="G14918" i="1"/>
  <c r="G14919" i="1"/>
  <c r="G14920" i="1"/>
  <c r="G14921" i="1"/>
  <c r="G14922" i="1"/>
  <c r="G14923" i="1"/>
  <c r="G14924" i="1"/>
  <c r="G14925" i="1"/>
  <c r="G14926" i="1"/>
  <c r="G14927" i="1"/>
  <c r="G14928" i="1"/>
  <c r="G14929" i="1"/>
  <c r="G14930" i="1"/>
  <c r="G14931" i="1"/>
  <c r="G14932" i="1"/>
  <c r="G14933" i="1"/>
  <c r="G14934" i="1"/>
  <c r="G14935" i="1"/>
  <c r="G14936" i="1"/>
  <c r="G14937" i="1"/>
  <c r="G14938" i="1"/>
  <c r="G14939" i="1"/>
  <c r="G14940" i="1"/>
  <c r="G14941" i="1"/>
  <c r="G14942" i="1"/>
  <c r="G14943" i="1"/>
  <c r="G14944" i="1"/>
  <c r="G14945" i="1"/>
  <c r="G14946" i="1"/>
  <c r="G14947" i="1"/>
  <c r="G14948" i="1"/>
  <c r="G14949" i="1"/>
  <c r="G14950" i="1"/>
  <c r="G14951" i="1"/>
  <c r="G14952" i="1"/>
  <c r="G14953" i="1"/>
  <c r="G14954" i="1"/>
  <c r="G14955" i="1"/>
  <c r="G14956" i="1"/>
  <c r="G14957" i="1"/>
  <c r="G14958" i="1"/>
  <c r="G14959" i="1"/>
  <c r="G14960" i="1"/>
  <c r="G14961" i="1"/>
  <c r="G14962" i="1"/>
  <c r="G14963" i="1"/>
  <c r="G14964" i="1"/>
  <c r="G14965" i="1"/>
  <c r="G14966" i="1"/>
  <c r="G14967" i="1"/>
  <c r="G14968" i="1"/>
  <c r="G14969" i="1"/>
  <c r="G14970" i="1"/>
  <c r="G14971" i="1"/>
  <c r="G14972" i="1"/>
  <c r="G14973" i="1"/>
  <c r="G14974" i="1"/>
  <c r="G14975" i="1"/>
  <c r="G14976" i="1"/>
  <c r="G14977" i="1"/>
  <c r="G14978" i="1"/>
  <c r="G14979" i="1"/>
  <c r="G14980" i="1"/>
  <c r="G14981" i="1"/>
  <c r="G14982" i="1"/>
  <c r="G14983" i="1"/>
  <c r="G14984" i="1"/>
  <c r="G14985" i="1"/>
  <c r="G14986" i="1"/>
  <c r="G14987" i="1"/>
  <c r="G14988" i="1"/>
  <c r="G14989" i="1"/>
  <c r="G14990" i="1"/>
  <c r="G14991" i="1"/>
  <c r="G14992" i="1"/>
  <c r="G14993" i="1"/>
  <c r="G14994" i="1"/>
  <c r="G14995" i="1"/>
  <c r="G14996" i="1"/>
  <c r="G14997" i="1"/>
  <c r="G14998" i="1"/>
  <c r="G14999" i="1"/>
  <c r="G15000" i="1"/>
  <c r="G15001" i="1"/>
  <c r="G15002" i="1"/>
  <c r="G15003" i="1"/>
  <c r="G15004" i="1"/>
  <c r="G15005" i="1"/>
  <c r="G15006" i="1"/>
  <c r="G15007" i="1"/>
  <c r="G15008" i="1"/>
  <c r="G15009" i="1"/>
  <c r="G15010" i="1"/>
  <c r="G15011" i="1"/>
  <c r="G15012" i="1"/>
  <c r="G15013" i="1"/>
  <c r="G15014" i="1"/>
  <c r="G15015" i="1"/>
  <c r="G15016" i="1"/>
  <c r="G15017" i="1"/>
  <c r="G15018" i="1"/>
  <c r="G15019" i="1"/>
  <c r="G15020" i="1"/>
  <c r="G15021" i="1"/>
  <c r="G15022" i="1"/>
  <c r="G15023" i="1"/>
  <c r="G15024" i="1"/>
  <c r="G15025" i="1"/>
  <c r="G15026" i="1"/>
  <c r="G15027" i="1"/>
  <c r="G15028" i="1"/>
  <c r="G15029" i="1"/>
  <c r="G15030" i="1"/>
  <c r="G15031" i="1"/>
  <c r="G15032" i="1"/>
  <c r="G15033" i="1"/>
  <c r="G15034" i="1"/>
  <c r="G15035" i="1"/>
  <c r="G15036" i="1"/>
  <c r="G15037" i="1"/>
  <c r="G15038" i="1"/>
  <c r="G15039" i="1"/>
  <c r="G15040" i="1"/>
  <c r="G15041" i="1"/>
  <c r="G15042" i="1"/>
  <c r="G15043" i="1"/>
  <c r="G15044" i="1"/>
  <c r="G15045" i="1"/>
  <c r="G15046" i="1"/>
  <c r="G15047" i="1"/>
  <c r="G15048" i="1"/>
  <c r="G15049" i="1"/>
  <c r="G15050" i="1"/>
  <c r="G15051" i="1"/>
  <c r="G15052" i="1"/>
  <c r="G15053" i="1"/>
  <c r="G15054" i="1"/>
  <c r="G15055" i="1"/>
  <c r="G15056" i="1"/>
  <c r="G15057" i="1"/>
  <c r="G15058" i="1"/>
  <c r="G15059" i="1"/>
  <c r="G15060" i="1"/>
  <c r="G15061" i="1"/>
  <c r="G15062" i="1"/>
  <c r="G15063" i="1"/>
  <c r="G15064" i="1"/>
  <c r="G15065" i="1"/>
  <c r="G15066" i="1"/>
  <c r="G15067" i="1"/>
  <c r="G15068" i="1"/>
  <c r="G15069" i="1"/>
  <c r="G15070" i="1"/>
  <c r="G15071" i="1"/>
  <c r="G15072" i="1"/>
  <c r="G15073" i="1"/>
  <c r="G15074" i="1"/>
  <c r="G15075" i="1"/>
  <c r="G15076" i="1"/>
  <c r="G15077" i="1"/>
  <c r="G15078" i="1"/>
  <c r="G15079" i="1"/>
  <c r="G15080" i="1"/>
  <c r="G15081" i="1"/>
  <c r="G15082" i="1"/>
  <c r="G15083" i="1"/>
  <c r="G15084" i="1"/>
  <c r="G15085" i="1"/>
  <c r="G15086" i="1"/>
  <c r="G15087" i="1"/>
  <c r="G15088" i="1"/>
  <c r="G15089" i="1"/>
  <c r="G15090" i="1"/>
  <c r="G15091" i="1"/>
  <c r="G15092" i="1"/>
  <c r="G15093" i="1"/>
  <c r="G15094" i="1"/>
  <c r="G15095" i="1"/>
  <c r="G15096" i="1"/>
  <c r="G15097" i="1"/>
  <c r="G15098" i="1"/>
  <c r="G15099" i="1"/>
  <c r="G15100" i="1"/>
  <c r="G15101" i="1"/>
  <c r="G15102" i="1"/>
  <c r="G15103" i="1"/>
  <c r="G15104" i="1"/>
  <c r="G15105" i="1"/>
  <c r="G15106" i="1"/>
  <c r="G15107" i="1"/>
  <c r="G15108" i="1"/>
  <c r="G15109" i="1"/>
  <c r="G15110" i="1"/>
  <c r="G15111" i="1"/>
  <c r="G15112" i="1"/>
  <c r="G15113" i="1"/>
  <c r="G15114" i="1"/>
  <c r="G15115" i="1"/>
  <c r="G15116" i="1"/>
  <c r="G15117" i="1"/>
  <c r="G15118" i="1"/>
  <c r="G15119" i="1"/>
  <c r="G15120" i="1"/>
  <c r="G15121" i="1"/>
  <c r="G15122" i="1"/>
  <c r="G15123" i="1"/>
  <c r="G15124" i="1"/>
  <c r="G15125" i="1"/>
  <c r="G15126" i="1"/>
  <c r="G15127" i="1"/>
  <c r="G15128" i="1"/>
  <c r="G15129" i="1"/>
  <c r="G15130" i="1"/>
  <c r="G15131" i="1"/>
  <c r="G15132" i="1"/>
  <c r="G15133" i="1"/>
  <c r="G15134" i="1"/>
  <c r="G15135" i="1"/>
  <c r="G15136" i="1"/>
  <c r="G15137" i="1"/>
  <c r="G15138" i="1"/>
  <c r="G15139" i="1"/>
  <c r="G15140" i="1"/>
  <c r="G15141" i="1"/>
  <c r="G15142" i="1"/>
  <c r="G15143" i="1"/>
  <c r="G15144" i="1"/>
  <c r="G15145" i="1"/>
  <c r="G15146" i="1"/>
  <c r="G15147" i="1"/>
  <c r="G15148" i="1"/>
  <c r="G15149" i="1"/>
  <c r="G15150" i="1"/>
  <c r="G15151" i="1"/>
  <c r="G15152" i="1"/>
  <c r="G15153" i="1"/>
  <c r="G15154" i="1"/>
  <c r="G15155" i="1"/>
  <c r="G15156" i="1"/>
  <c r="G15157" i="1"/>
  <c r="G15158" i="1"/>
  <c r="G15159" i="1"/>
  <c r="G15160" i="1"/>
  <c r="G15161" i="1"/>
  <c r="G15162" i="1"/>
  <c r="G15163" i="1"/>
  <c r="G15164" i="1"/>
  <c r="G15165" i="1"/>
  <c r="G15166" i="1"/>
  <c r="G15167" i="1"/>
  <c r="G15168" i="1"/>
  <c r="G15169" i="1"/>
  <c r="G15170" i="1"/>
  <c r="G15171" i="1"/>
  <c r="G15172" i="1"/>
  <c r="G15173" i="1"/>
  <c r="G15174" i="1"/>
  <c r="G15175" i="1"/>
  <c r="G15176" i="1"/>
  <c r="G15177" i="1"/>
  <c r="G15178" i="1"/>
  <c r="G15179" i="1"/>
  <c r="G15180" i="1"/>
  <c r="G15181" i="1"/>
  <c r="G15182" i="1"/>
  <c r="G15183" i="1"/>
  <c r="G15184" i="1"/>
  <c r="G15185" i="1"/>
  <c r="G15186" i="1"/>
  <c r="G15187" i="1"/>
  <c r="G15188" i="1"/>
  <c r="G15189" i="1"/>
  <c r="G15190" i="1"/>
  <c r="G15191" i="1"/>
  <c r="G15192" i="1"/>
  <c r="G15193" i="1"/>
  <c r="G15194" i="1"/>
  <c r="G15195" i="1"/>
  <c r="G15196" i="1"/>
  <c r="G15197" i="1"/>
  <c r="G15198" i="1"/>
  <c r="G15199" i="1"/>
  <c r="G15200" i="1"/>
  <c r="G15201" i="1"/>
  <c r="G15202" i="1"/>
  <c r="G15203" i="1"/>
  <c r="G15204" i="1"/>
  <c r="G15205" i="1"/>
  <c r="G15206" i="1"/>
  <c r="G15207" i="1"/>
  <c r="G15208" i="1"/>
  <c r="G15209" i="1"/>
  <c r="G15210" i="1"/>
  <c r="G15211" i="1"/>
  <c r="G15212" i="1"/>
  <c r="G15213" i="1"/>
  <c r="G15214" i="1"/>
  <c r="G15215" i="1"/>
  <c r="G15216" i="1"/>
  <c r="G15217" i="1"/>
  <c r="G15218" i="1"/>
  <c r="G15219" i="1"/>
  <c r="G15220" i="1"/>
  <c r="G15221" i="1"/>
  <c r="G15222" i="1"/>
  <c r="G15223" i="1"/>
  <c r="G15224" i="1"/>
  <c r="G15225" i="1"/>
  <c r="G15226" i="1"/>
  <c r="G15227" i="1"/>
  <c r="G15228" i="1"/>
  <c r="G15229" i="1"/>
  <c r="G15230" i="1"/>
  <c r="G15231" i="1"/>
  <c r="G15232" i="1"/>
  <c r="G15233" i="1"/>
  <c r="G15234" i="1"/>
  <c r="G15235" i="1"/>
  <c r="G15236" i="1"/>
  <c r="G15237" i="1"/>
  <c r="G15238" i="1"/>
  <c r="G15239" i="1"/>
  <c r="G15240" i="1"/>
  <c r="G15241" i="1"/>
  <c r="G15242" i="1"/>
  <c r="G15243" i="1"/>
  <c r="G15244" i="1"/>
  <c r="G15245" i="1"/>
  <c r="G15246" i="1"/>
  <c r="G15247" i="1"/>
  <c r="G15248" i="1"/>
  <c r="G15249" i="1"/>
  <c r="G15250" i="1"/>
  <c r="G15251" i="1"/>
  <c r="G15252" i="1"/>
  <c r="G15253" i="1"/>
  <c r="G15254" i="1"/>
  <c r="G15255" i="1"/>
  <c r="G15256" i="1"/>
  <c r="G15257" i="1"/>
  <c r="G15258" i="1"/>
  <c r="G15259" i="1"/>
  <c r="G15260" i="1"/>
  <c r="G15261" i="1"/>
  <c r="G15262" i="1"/>
  <c r="G15263" i="1"/>
  <c r="G15264" i="1"/>
  <c r="G15265" i="1"/>
  <c r="G15266" i="1"/>
  <c r="G15267" i="1"/>
  <c r="G15268" i="1"/>
  <c r="G15269" i="1"/>
  <c r="G15270" i="1"/>
  <c r="G15271" i="1"/>
  <c r="G15272" i="1"/>
  <c r="G15273" i="1"/>
  <c r="G15274" i="1"/>
  <c r="G15275" i="1"/>
  <c r="G15276" i="1"/>
  <c r="G15277" i="1"/>
  <c r="G15278" i="1"/>
  <c r="G15279" i="1"/>
  <c r="G15280" i="1"/>
  <c r="G15281" i="1"/>
  <c r="G15282" i="1"/>
  <c r="G15283" i="1"/>
  <c r="G15284" i="1"/>
  <c r="G15285" i="1"/>
  <c r="G15286" i="1"/>
  <c r="G15287" i="1"/>
  <c r="G15288" i="1"/>
  <c r="G15289" i="1"/>
  <c r="G15290" i="1"/>
  <c r="G15291" i="1"/>
  <c r="G15292" i="1"/>
  <c r="G15293" i="1"/>
  <c r="G15294" i="1"/>
  <c r="G15295" i="1"/>
  <c r="G15296" i="1"/>
  <c r="G15297" i="1"/>
  <c r="G15298" i="1"/>
  <c r="G15299" i="1"/>
  <c r="G15300" i="1"/>
  <c r="G15301" i="1"/>
  <c r="G15302" i="1"/>
  <c r="G15303" i="1"/>
  <c r="G15304" i="1"/>
  <c r="G15305" i="1"/>
  <c r="G15306" i="1"/>
  <c r="G15307" i="1"/>
  <c r="G15308" i="1"/>
  <c r="G15309" i="1"/>
  <c r="G15310" i="1"/>
  <c r="G15311" i="1"/>
  <c r="G15312" i="1"/>
  <c r="G15313" i="1"/>
  <c r="G15314" i="1"/>
  <c r="G15315" i="1"/>
  <c r="G15316" i="1"/>
  <c r="G15317" i="1"/>
  <c r="G15318" i="1"/>
  <c r="G15319" i="1"/>
  <c r="G15320" i="1"/>
  <c r="G15321" i="1"/>
  <c r="G15322" i="1"/>
  <c r="G15323" i="1"/>
  <c r="G15324" i="1"/>
  <c r="G15325" i="1"/>
  <c r="G15326" i="1"/>
  <c r="G15327" i="1"/>
  <c r="G15328" i="1"/>
  <c r="G15329" i="1"/>
  <c r="G15330" i="1"/>
  <c r="G15331" i="1"/>
  <c r="G15332" i="1"/>
  <c r="G15333" i="1"/>
  <c r="G15334" i="1"/>
  <c r="G15335" i="1"/>
  <c r="G15336" i="1"/>
  <c r="G15337" i="1"/>
  <c r="G15338" i="1"/>
  <c r="G15339" i="1"/>
  <c r="G15340" i="1"/>
  <c r="G15341" i="1"/>
  <c r="G15342" i="1"/>
  <c r="G15343" i="1"/>
  <c r="G15344" i="1"/>
  <c r="G15345" i="1"/>
  <c r="G15346" i="1"/>
  <c r="G15347" i="1"/>
  <c r="G15348" i="1"/>
  <c r="G15349" i="1"/>
  <c r="G15350" i="1"/>
  <c r="G15351" i="1"/>
  <c r="G15352" i="1"/>
  <c r="G15353" i="1"/>
  <c r="G15354" i="1"/>
  <c r="G15355" i="1"/>
  <c r="G15356" i="1"/>
  <c r="G15357" i="1"/>
  <c r="G15358" i="1"/>
  <c r="G15359" i="1"/>
  <c r="G15360" i="1"/>
  <c r="G15361" i="1"/>
  <c r="G15362" i="1"/>
  <c r="G15363" i="1"/>
  <c r="G15364" i="1"/>
  <c r="G15365" i="1"/>
  <c r="G15366" i="1"/>
  <c r="G15367" i="1"/>
  <c r="G15368" i="1"/>
  <c r="G15369" i="1"/>
  <c r="G15370" i="1"/>
  <c r="G15371" i="1"/>
  <c r="G15372" i="1"/>
  <c r="G15373" i="1"/>
  <c r="G15374" i="1"/>
  <c r="G15375" i="1"/>
  <c r="G15376" i="1"/>
  <c r="G15377" i="1"/>
  <c r="G15378" i="1"/>
  <c r="G15379" i="1"/>
  <c r="G15380" i="1"/>
  <c r="G15381" i="1"/>
  <c r="G15382" i="1"/>
  <c r="G15383" i="1"/>
  <c r="G15384" i="1"/>
  <c r="G15385" i="1"/>
  <c r="G15386" i="1"/>
  <c r="G15387" i="1"/>
  <c r="G15388" i="1"/>
  <c r="G15389" i="1"/>
  <c r="G15390" i="1"/>
  <c r="G15391" i="1"/>
  <c r="G15392" i="1"/>
  <c r="G15393" i="1"/>
  <c r="G15394" i="1"/>
  <c r="G15395" i="1"/>
  <c r="G15396" i="1"/>
  <c r="G15397" i="1"/>
  <c r="G15398" i="1"/>
  <c r="G15399" i="1"/>
  <c r="G15400" i="1"/>
  <c r="G15401" i="1"/>
  <c r="G15402" i="1"/>
  <c r="G15403" i="1"/>
  <c r="G15404" i="1"/>
  <c r="G15405" i="1"/>
  <c r="G15406" i="1"/>
  <c r="G15407" i="1"/>
  <c r="G15408" i="1"/>
  <c r="G15409" i="1"/>
  <c r="G15410" i="1"/>
  <c r="G15411" i="1"/>
  <c r="G15412" i="1"/>
  <c r="G15413" i="1"/>
  <c r="G15414" i="1"/>
  <c r="G15415" i="1"/>
  <c r="G15416" i="1"/>
  <c r="G15417" i="1"/>
  <c r="G15418" i="1"/>
  <c r="G15419" i="1"/>
  <c r="G15420" i="1"/>
  <c r="G15421" i="1"/>
  <c r="G15422" i="1"/>
  <c r="G15423" i="1"/>
  <c r="G15424" i="1"/>
  <c r="G15425" i="1"/>
  <c r="G15426" i="1"/>
  <c r="G15427" i="1"/>
  <c r="G15428" i="1"/>
  <c r="G15429" i="1"/>
  <c r="G15430" i="1"/>
  <c r="G15431" i="1"/>
  <c r="G15432" i="1"/>
  <c r="G15433" i="1"/>
  <c r="G15434" i="1"/>
  <c r="G15435" i="1"/>
  <c r="G15436" i="1"/>
  <c r="G15437" i="1"/>
  <c r="G15438" i="1"/>
  <c r="G15439" i="1"/>
  <c r="G15440" i="1"/>
  <c r="G15441" i="1"/>
  <c r="G15442" i="1"/>
  <c r="G15443" i="1"/>
  <c r="G15444" i="1"/>
  <c r="G15445" i="1"/>
  <c r="G15446" i="1"/>
  <c r="G15447" i="1"/>
  <c r="G15448" i="1"/>
  <c r="G15449" i="1"/>
  <c r="G15450" i="1"/>
  <c r="G15451" i="1"/>
  <c r="G15452" i="1"/>
  <c r="G15453" i="1"/>
  <c r="G15454" i="1"/>
  <c r="G15455" i="1"/>
  <c r="G15456" i="1"/>
  <c r="G15457" i="1"/>
  <c r="G15458" i="1"/>
  <c r="G15459" i="1"/>
  <c r="G15460" i="1"/>
  <c r="G15461" i="1"/>
  <c r="G15462" i="1"/>
  <c r="G15463" i="1"/>
  <c r="G15464" i="1"/>
  <c r="G15465" i="1"/>
  <c r="G15466" i="1"/>
  <c r="G15467" i="1"/>
  <c r="G15468" i="1"/>
  <c r="G15469" i="1"/>
  <c r="G15470" i="1"/>
  <c r="G15471" i="1"/>
  <c r="G15472" i="1"/>
  <c r="G15473" i="1"/>
  <c r="G15474" i="1"/>
  <c r="G15475" i="1"/>
  <c r="G15476" i="1"/>
  <c r="G15477" i="1"/>
  <c r="G15478" i="1"/>
  <c r="G15479" i="1"/>
  <c r="G15480" i="1"/>
  <c r="G15481" i="1"/>
  <c r="G15482" i="1"/>
  <c r="G15483" i="1"/>
  <c r="G15484" i="1"/>
  <c r="G15485" i="1"/>
  <c r="G15486" i="1"/>
  <c r="G15487" i="1"/>
  <c r="G15488" i="1"/>
  <c r="G15489" i="1"/>
  <c r="G15490" i="1"/>
  <c r="G15491" i="1"/>
  <c r="G15492" i="1"/>
  <c r="G15493" i="1"/>
  <c r="G15494" i="1"/>
  <c r="G15495" i="1"/>
  <c r="G15496" i="1"/>
  <c r="G15497" i="1"/>
  <c r="G15498" i="1"/>
  <c r="G15499" i="1"/>
  <c r="G15500" i="1"/>
  <c r="G15501" i="1"/>
  <c r="G15502" i="1"/>
  <c r="G15503" i="1"/>
  <c r="G15504" i="1"/>
  <c r="G15505" i="1"/>
  <c r="G15506" i="1"/>
  <c r="G15507" i="1"/>
  <c r="G15508" i="1"/>
  <c r="G15509" i="1"/>
  <c r="G15510" i="1"/>
  <c r="G15511" i="1"/>
  <c r="G15512" i="1"/>
  <c r="G15513" i="1"/>
  <c r="G15514" i="1"/>
  <c r="G15515" i="1"/>
  <c r="G15516" i="1"/>
  <c r="G15517" i="1"/>
  <c r="G15518" i="1"/>
  <c r="G15519" i="1"/>
  <c r="G15520" i="1"/>
  <c r="G15521" i="1"/>
  <c r="G15522" i="1"/>
  <c r="G15523" i="1"/>
  <c r="G15524" i="1"/>
  <c r="G15525" i="1"/>
  <c r="G15526" i="1"/>
  <c r="G15527" i="1"/>
  <c r="G15528" i="1"/>
  <c r="G15529" i="1"/>
  <c r="G15530" i="1"/>
  <c r="G15531" i="1"/>
  <c r="G15532" i="1"/>
  <c r="G15533" i="1"/>
  <c r="G15534" i="1"/>
  <c r="G15535" i="1"/>
  <c r="G15536" i="1"/>
  <c r="G15537" i="1"/>
  <c r="G15538" i="1"/>
  <c r="G15539" i="1"/>
  <c r="G15540" i="1"/>
  <c r="G15541" i="1"/>
  <c r="G15542" i="1"/>
  <c r="G15543" i="1"/>
  <c r="G15544" i="1"/>
  <c r="G15545" i="1"/>
  <c r="G15546" i="1"/>
  <c r="G15547" i="1"/>
  <c r="G15548" i="1"/>
  <c r="G15549" i="1"/>
  <c r="G15550" i="1"/>
  <c r="G15551" i="1"/>
  <c r="G15552" i="1"/>
  <c r="G15553" i="1"/>
  <c r="G15554" i="1"/>
  <c r="G15555" i="1"/>
  <c r="G15556" i="1"/>
  <c r="G15557" i="1"/>
  <c r="G15558" i="1"/>
  <c r="G15559" i="1"/>
  <c r="G15560" i="1"/>
  <c r="G15561" i="1"/>
  <c r="G15562" i="1"/>
  <c r="G15563" i="1"/>
  <c r="G15564" i="1"/>
  <c r="G15565" i="1"/>
  <c r="G15566" i="1"/>
  <c r="G15567" i="1"/>
  <c r="G15568" i="1"/>
  <c r="G15569" i="1"/>
  <c r="G15570" i="1"/>
  <c r="G15571" i="1"/>
  <c r="G15572" i="1"/>
  <c r="G15573" i="1"/>
  <c r="G15574" i="1"/>
  <c r="G15575" i="1"/>
  <c r="G15576" i="1"/>
  <c r="G15577" i="1"/>
  <c r="G15578" i="1"/>
  <c r="G15579" i="1"/>
  <c r="G15580" i="1"/>
  <c r="G15581" i="1"/>
  <c r="G15582" i="1"/>
  <c r="G15583" i="1"/>
  <c r="G15584" i="1"/>
  <c r="G15585" i="1"/>
  <c r="G15586" i="1"/>
  <c r="G15587" i="1"/>
  <c r="G15588" i="1"/>
  <c r="G15589" i="1"/>
  <c r="G15590" i="1"/>
  <c r="G15591" i="1"/>
  <c r="G15592" i="1"/>
  <c r="G15593" i="1"/>
  <c r="G15594" i="1"/>
  <c r="G15595" i="1"/>
  <c r="G15596" i="1"/>
  <c r="G15597" i="1"/>
  <c r="G15598" i="1"/>
  <c r="G15599" i="1"/>
  <c r="G15600" i="1"/>
  <c r="G15601" i="1"/>
  <c r="G15602" i="1"/>
  <c r="G15603" i="1"/>
  <c r="G15604" i="1"/>
  <c r="G15605" i="1"/>
  <c r="G15606" i="1"/>
  <c r="G15607" i="1"/>
  <c r="G15608" i="1"/>
  <c r="G15609" i="1"/>
  <c r="G15610" i="1"/>
  <c r="G15611" i="1"/>
  <c r="G15612" i="1"/>
  <c r="G15613" i="1"/>
  <c r="G15614" i="1"/>
  <c r="G15615" i="1"/>
  <c r="G15616" i="1"/>
  <c r="G15617" i="1"/>
  <c r="G15618" i="1"/>
  <c r="G15619" i="1"/>
  <c r="G15620" i="1"/>
  <c r="G15621" i="1"/>
  <c r="G15622" i="1"/>
  <c r="G15623" i="1"/>
  <c r="G15624" i="1"/>
  <c r="G15625" i="1"/>
  <c r="G15626" i="1"/>
  <c r="G15627" i="1"/>
  <c r="G15628" i="1"/>
  <c r="G15629" i="1"/>
  <c r="G15630" i="1"/>
  <c r="G15631" i="1"/>
  <c r="G15632" i="1"/>
  <c r="G15633" i="1"/>
  <c r="G15634" i="1"/>
  <c r="G15635" i="1"/>
  <c r="G15636" i="1"/>
  <c r="G15637" i="1"/>
  <c r="G15638" i="1"/>
  <c r="G15639" i="1"/>
  <c r="G15640" i="1"/>
  <c r="G15641" i="1"/>
  <c r="G15642" i="1"/>
  <c r="G15643" i="1"/>
  <c r="G15644" i="1"/>
  <c r="G15645" i="1"/>
  <c r="G15646" i="1"/>
  <c r="G15647" i="1"/>
  <c r="G15648" i="1"/>
  <c r="G15649" i="1"/>
  <c r="G15650" i="1"/>
  <c r="G15651" i="1"/>
  <c r="G15652" i="1"/>
  <c r="G15653" i="1"/>
  <c r="G15654" i="1"/>
  <c r="G15655" i="1"/>
  <c r="G15656" i="1"/>
  <c r="G15657" i="1"/>
  <c r="G15658" i="1"/>
  <c r="G15659" i="1"/>
  <c r="G15660" i="1"/>
  <c r="G15661" i="1"/>
  <c r="G15662" i="1"/>
  <c r="G15663" i="1"/>
  <c r="G15664" i="1"/>
  <c r="G15665" i="1"/>
  <c r="G15666" i="1"/>
  <c r="G15667" i="1"/>
  <c r="G15668" i="1"/>
  <c r="G15669" i="1"/>
  <c r="G15670" i="1"/>
  <c r="G15671" i="1"/>
  <c r="G15672" i="1"/>
  <c r="G15673" i="1"/>
  <c r="G15674" i="1"/>
  <c r="G15675" i="1"/>
  <c r="G15676" i="1"/>
  <c r="G15677" i="1"/>
  <c r="G15678" i="1"/>
  <c r="G15679" i="1"/>
  <c r="G15680" i="1"/>
  <c r="G15681" i="1"/>
  <c r="G15682" i="1"/>
  <c r="G15683" i="1"/>
  <c r="G15684" i="1"/>
  <c r="G15685" i="1"/>
  <c r="G15686" i="1"/>
  <c r="G15687" i="1"/>
  <c r="G15688" i="1"/>
  <c r="G15689" i="1"/>
  <c r="G15690" i="1"/>
  <c r="G15691" i="1"/>
  <c r="G15692" i="1"/>
  <c r="G15693" i="1"/>
  <c r="G15694" i="1"/>
  <c r="G15695" i="1"/>
  <c r="G15696" i="1"/>
  <c r="G15697" i="1"/>
  <c r="G15698" i="1"/>
  <c r="G15699" i="1"/>
  <c r="G15700" i="1"/>
  <c r="G15701" i="1"/>
  <c r="G15702" i="1"/>
  <c r="G15703" i="1"/>
  <c r="G15704" i="1"/>
  <c r="G15705" i="1"/>
  <c r="G15706" i="1"/>
  <c r="G15707" i="1"/>
  <c r="G15708" i="1"/>
  <c r="G15709" i="1"/>
  <c r="G15710" i="1"/>
  <c r="G15711" i="1"/>
  <c r="G15712" i="1"/>
  <c r="G15713" i="1"/>
  <c r="G15714" i="1"/>
  <c r="G15715" i="1"/>
  <c r="G15716" i="1"/>
  <c r="G15717" i="1"/>
  <c r="G15718" i="1"/>
  <c r="G15719" i="1"/>
  <c r="G15720" i="1"/>
  <c r="G15721" i="1"/>
  <c r="G15722" i="1"/>
  <c r="G15723" i="1"/>
  <c r="G15724" i="1"/>
  <c r="G15725" i="1"/>
  <c r="G15726" i="1"/>
  <c r="G15727" i="1"/>
  <c r="G15728" i="1"/>
  <c r="G15729" i="1"/>
  <c r="G15730" i="1"/>
  <c r="G15731" i="1"/>
  <c r="G15732" i="1"/>
  <c r="G15733" i="1"/>
  <c r="G15734" i="1"/>
  <c r="G15735" i="1"/>
  <c r="G15736" i="1"/>
  <c r="G15737" i="1"/>
  <c r="G15738" i="1"/>
  <c r="G15739" i="1"/>
  <c r="G15740" i="1"/>
  <c r="G15741" i="1"/>
  <c r="G15742" i="1"/>
  <c r="G15743" i="1"/>
  <c r="G15744" i="1"/>
  <c r="G15745" i="1"/>
  <c r="G15746" i="1"/>
  <c r="G15747" i="1"/>
  <c r="G15748" i="1"/>
  <c r="G15749" i="1"/>
  <c r="G15750" i="1"/>
  <c r="G15751" i="1"/>
  <c r="G15752" i="1"/>
  <c r="G15753" i="1"/>
  <c r="G15754" i="1"/>
  <c r="G15755" i="1"/>
  <c r="G15756" i="1"/>
  <c r="G15757" i="1"/>
  <c r="G15758" i="1"/>
  <c r="G15759" i="1"/>
  <c r="G15760" i="1"/>
  <c r="G15761" i="1"/>
  <c r="G15762" i="1"/>
  <c r="G15763" i="1"/>
  <c r="G15764" i="1"/>
  <c r="G15765" i="1"/>
  <c r="G15766" i="1"/>
  <c r="G15767" i="1"/>
  <c r="G15768" i="1"/>
  <c r="G15769" i="1"/>
  <c r="G15770" i="1"/>
  <c r="G15771" i="1"/>
  <c r="G15772" i="1"/>
  <c r="G15773" i="1"/>
  <c r="G15774" i="1"/>
  <c r="G15775" i="1"/>
  <c r="G15776" i="1"/>
  <c r="G15777" i="1"/>
  <c r="G15778" i="1"/>
  <c r="G15779" i="1"/>
  <c r="G15780" i="1"/>
  <c r="G15781" i="1"/>
  <c r="G15782" i="1"/>
  <c r="G15783" i="1"/>
  <c r="G15784" i="1"/>
  <c r="G15785" i="1"/>
  <c r="G15786" i="1"/>
  <c r="G15787" i="1"/>
  <c r="G15788" i="1"/>
  <c r="G15789" i="1"/>
  <c r="G15790" i="1"/>
  <c r="G15791" i="1"/>
  <c r="G15792" i="1"/>
  <c r="G15793" i="1"/>
  <c r="G15794" i="1"/>
  <c r="G15795" i="1"/>
  <c r="G15796" i="1"/>
  <c r="G15797" i="1"/>
  <c r="G15798" i="1"/>
  <c r="G15799" i="1"/>
  <c r="G15800" i="1"/>
  <c r="G15801" i="1"/>
  <c r="G15802" i="1"/>
  <c r="G15803" i="1"/>
  <c r="G15804" i="1"/>
  <c r="G15805" i="1"/>
  <c r="G15806" i="1"/>
  <c r="G15807" i="1"/>
  <c r="G15808" i="1"/>
  <c r="G15809" i="1"/>
  <c r="G15810" i="1"/>
  <c r="G15811" i="1"/>
  <c r="G15812" i="1"/>
  <c r="G15813" i="1"/>
  <c r="G15814" i="1"/>
  <c r="G15815" i="1"/>
  <c r="G15816" i="1"/>
  <c r="G15817" i="1"/>
  <c r="G15818" i="1"/>
  <c r="G15819" i="1"/>
  <c r="G15820" i="1"/>
  <c r="G15821" i="1"/>
  <c r="G15822" i="1"/>
  <c r="G15823" i="1"/>
  <c r="G15824" i="1"/>
  <c r="G15825" i="1"/>
  <c r="G15826" i="1"/>
  <c r="G15827" i="1"/>
  <c r="G15828" i="1"/>
  <c r="G15829" i="1"/>
  <c r="G15830" i="1"/>
  <c r="G15831" i="1"/>
  <c r="G15832" i="1"/>
  <c r="G15833" i="1"/>
  <c r="G15834" i="1"/>
  <c r="G15835" i="1"/>
  <c r="G15836" i="1"/>
  <c r="G15837" i="1"/>
  <c r="G15838" i="1"/>
  <c r="G15839" i="1"/>
  <c r="G15840" i="1"/>
  <c r="G15841" i="1"/>
  <c r="G15842" i="1"/>
  <c r="G15843" i="1"/>
  <c r="G15844" i="1"/>
  <c r="G15845" i="1"/>
  <c r="G15846" i="1"/>
  <c r="G15847" i="1"/>
  <c r="G15848" i="1"/>
  <c r="G15849" i="1"/>
  <c r="G15850" i="1"/>
  <c r="G15851" i="1"/>
  <c r="G15852" i="1"/>
  <c r="G15853" i="1"/>
  <c r="G15854" i="1"/>
  <c r="G15855" i="1"/>
  <c r="G15856" i="1"/>
  <c r="G15857" i="1"/>
  <c r="G15858" i="1"/>
  <c r="G15859" i="1"/>
  <c r="G15860" i="1"/>
  <c r="G15861" i="1"/>
  <c r="G15862" i="1"/>
  <c r="G15863" i="1"/>
  <c r="G15864" i="1"/>
  <c r="G15865" i="1"/>
  <c r="G15866" i="1"/>
  <c r="G15867" i="1"/>
  <c r="G15868" i="1"/>
  <c r="G15869" i="1"/>
  <c r="G15870" i="1"/>
  <c r="G15871" i="1"/>
  <c r="G15872" i="1"/>
  <c r="G15873" i="1"/>
  <c r="G15874" i="1"/>
  <c r="G15875" i="1"/>
  <c r="G15876" i="1"/>
  <c r="G15877" i="1"/>
  <c r="G15878" i="1"/>
  <c r="G15879" i="1"/>
  <c r="G15880" i="1"/>
  <c r="G15881" i="1"/>
  <c r="G15882" i="1"/>
  <c r="G15883" i="1"/>
  <c r="G15884" i="1"/>
  <c r="G15885" i="1"/>
  <c r="G15886" i="1"/>
  <c r="G15887" i="1"/>
  <c r="G15888" i="1"/>
  <c r="G15889" i="1"/>
  <c r="G15890" i="1"/>
  <c r="G15891" i="1"/>
  <c r="G15892" i="1"/>
  <c r="G15893" i="1"/>
  <c r="G15894" i="1"/>
  <c r="G15895" i="1"/>
  <c r="G15896" i="1"/>
  <c r="G15897" i="1"/>
  <c r="G15898" i="1"/>
  <c r="G15899" i="1"/>
  <c r="G15900" i="1"/>
  <c r="G15901" i="1"/>
  <c r="G15902" i="1"/>
  <c r="G15903" i="1"/>
  <c r="G15904" i="1"/>
  <c r="G15905" i="1"/>
  <c r="G15906" i="1"/>
  <c r="G15907" i="1"/>
  <c r="G15908" i="1"/>
  <c r="G15909" i="1"/>
  <c r="G15910" i="1"/>
  <c r="G15911" i="1"/>
  <c r="G15912" i="1"/>
  <c r="G15913" i="1"/>
  <c r="G15914" i="1"/>
  <c r="G15915" i="1"/>
  <c r="G15916" i="1"/>
  <c r="G15917" i="1"/>
  <c r="G15918" i="1"/>
  <c r="G15919" i="1"/>
  <c r="G15920" i="1"/>
  <c r="G15921" i="1"/>
  <c r="G15922" i="1"/>
  <c r="G15923" i="1"/>
  <c r="G15924" i="1"/>
  <c r="G15925" i="1"/>
  <c r="G15926" i="1"/>
  <c r="G15927" i="1"/>
  <c r="G15928" i="1"/>
  <c r="G15929" i="1"/>
  <c r="G15930" i="1"/>
  <c r="G15931" i="1"/>
  <c r="G15932" i="1"/>
  <c r="G15933" i="1"/>
  <c r="G15934" i="1"/>
  <c r="G15935" i="1"/>
  <c r="G15936" i="1"/>
  <c r="G15937" i="1"/>
  <c r="G15938" i="1"/>
  <c r="G15939" i="1"/>
  <c r="G15940" i="1"/>
  <c r="G15941" i="1"/>
  <c r="G15942" i="1"/>
  <c r="G15943" i="1"/>
  <c r="G15944" i="1"/>
  <c r="G15945" i="1"/>
  <c r="G15946" i="1"/>
  <c r="G15947" i="1"/>
  <c r="G15948" i="1"/>
  <c r="G15949" i="1"/>
  <c r="G15950" i="1"/>
  <c r="G15951" i="1"/>
  <c r="G15952" i="1"/>
  <c r="G15953" i="1"/>
  <c r="G15954" i="1"/>
  <c r="G15955" i="1"/>
  <c r="G15956" i="1"/>
  <c r="G15957" i="1"/>
  <c r="G15958" i="1"/>
  <c r="G15959" i="1"/>
  <c r="G15960" i="1"/>
  <c r="G15961" i="1"/>
  <c r="G15962" i="1"/>
  <c r="G15963" i="1"/>
  <c r="G15964" i="1"/>
  <c r="G15965" i="1"/>
  <c r="G15966" i="1"/>
  <c r="G15967" i="1"/>
  <c r="G15968" i="1"/>
  <c r="G15969" i="1"/>
  <c r="G15970" i="1"/>
  <c r="G15971" i="1"/>
  <c r="G15972" i="1"/>
  <c r="G15973" i="1"/>
  <c r="G15974" i="1"/>
  <c r="G15975" i="1"/>
  <c r="G15976" i="1"/>
  <c r="G15977" i="1"/>
  <c r="G15978" i="1"/>
  <c r="G15979" i="1"/>
  <c r="G15980" i="1"/>
  <c r="G15981" i="1"/>
  <c r="G15982" i="1"/>
  <c r="G15983" i="1"/>
  <c r="G15984" i="1"/>
  <c r="G15985" i="1"/>
  <c r="G15986" i="1"/>
  <c r="G15987" i="1"/>
  <c r="G15988" i="1"/>
  <c r="G15989" i="1"/>
  <c r="G15990" i="1"/>
  <c r="G15991" i="1"/>
  <c r="G15992" i="1"/>
  <c r="G15993" i="1"/>
  <c r="G15994" i="1"/>
  <c r="G15995" i="1"/>
  <c r="G15996" i="1"/>
  <c r="G15997" i="1"/>
  <c r="G15998" i="1"/>
  <c r="G15999" i="1"/>
  <c r="G16000" i="1"/>
  <c r="G16001" i="1"/>
  <c r="G16002" i="1"/>
  <c r="G16003" i="1"/>
  <c r="G16004" i="1"/>
  <c r="G16005" i="1"/>
  <c r="G16006" i="1"/>
  <c r="G16007" i="1"/>
  <c r="G16008" i="1"/>
  <c r="G16009" i="1"/>
  <c r="G16010" i="1"/>
  <c r="G16011" i="1"/>
  <c r="G16012" i="1"/>
  <c r="G16013" i="1"/>
  <c r="G16014" i="1"/>
  <c r="G16015" i="1"/>
  <c r="G16016" i="1"/>
  <c r="G16017" i="1"/>
  <c r="G16018" i="1"/>
  <c r="G16019" i="1"/>
  <c r="G16020" i="1"/>
  <c r="G16021" i="1"/>
  <c r="G16022" i="1"/>
  <c r="G16023" i="1"/>
  <c r="G16024" i="1"/>
  <c r="G16025" i="1"/>
  <c r="G16026" i="1"/>
  <c r="G16027" i="1"/>
  <c r="G16028" i="1"/>
  <c r="G16029" i="1"/>
  <c r="G16030" i="1"/>
  <c r="G16031" i="1"/>
  <c r="G16032" i="1"/>
  <c r="G16033" i="1"/>
  <c r="G16034" i="1"/>
  <c r="G16035" i="1"/>
  <c r="G16036" i="1"/>
  <c r="G16037" i="1"/>
  <c r="G16038" i="1"/>
  <c r="G16039" i="1"/>
  <c r="G16040" i="1"/>
  <c r="G16041" i="1"/>
  <c r="G16042" i="1"/>
  <c r="G16043" i="1"/>
  <c r="G16044" i="1"/>
  <c r="G16045" i="1"/>
  <c r="G16046" i="1"/>
  <c r="G16047" i="1"/>
  <c r="G16048" i="1"/>
  <c r="G16049" i="1"/>
  <c r="G16050" i="1"/>
  <c r="G16051" i="1"/>
  <c r="G16052" i="1"/>
  <c r="G16053" i="1"/>
  <c r="G16054" i="1"/>
  <c r="G16055" i="1"/>
  <c r="G16056" i="1"/>
  <c r="G16057" i="1"/>
  <c r="G16058" i="1"/>
  <c r="G16059" i="1"/>
  <c r="G16060" i="1"/>
  <c r="G16061" i="1"/>
  <c r="G16062" i="1"/>
  <c r="G16063" i="1"/>
  <c r="G16064" i="1"/>
  <c r="G16065" i="1"/>
  <c r="G16066" i="1"/>
  <c r="G16067" i="1"/>
  <c r="G16068" i="1"/>
  <c r="G16069" i="1"/>
  <c r="G16070" i="1"/>
  <c r="G16071" i="1"/>
  <c r="G16072" i="1"/>
  <c r="G16073" i="1"/>
  <c r="G16074" i="1"/>
  <c r="G16075" i="1"/>
  <c r="G16076" i="1"/>
  <c r="G16077" i="1"/>
  <c r="G16078" i="1"/>
  <c r="G16079" i="1"/>
  <c r="G16080" i="1"/>
  <c r="G16081" i="1"/>
  <c r="G16082" i="1"/>
  <c r="G16083" i="1"/>
  <c r="G16084" i="1"/>
  <c r="G16085" i="1"/>
  <c r="G16086" i="1"/>
  <c r="G16087" i="1"/>
  <c r="G16088" i="1"/>
  <c r="G16089" i="1"/>
  <c r="G16090" i="1"/>
  <c r="G16091" i="1"/>
  <c r="G16092" i="1"/>
  <c r="G16093" i="1"/>
  <c r="G16094" i="1"/>
  <c r="G16095" i="1"/>
  <c r="G16096" i="1"/>
  <c r="G16097" i="1"/>
  <c r="G16098" i="1"/>
  <c r="G16099" i="1"/>
  <c r="G16100" i="1"/>
  <c r="G16101" i="1"/>
  <c r="G16102" i="1"/>
  <c r="G16103" i="1"/>
  <c r="G16104" i="1"/>
  <c r="G16105" i="1"/>
  <c r="G16106" i="1"/>
  <c r="G16107" i="1"/>
  <c r="G16108" i="1"/>
  <c r="G16109" i="1"/>
  <c r="G16110" i="1"/>
  <c r="G16111" i="1"/>
  <c r="G16112" i="1"/>
  <c r="G16113" i="1"/>
  <c r="G16114" i="1"/>
  <c r="G16115" i="1"/>
  <c r="G16116" i="1"/>
  <c r="G16117" i="1"/>
  <c r="G16118" i="1"/>
  <c r="G16119" i="1"/>
  <c r="G16120" i="1"/>
  <c r="G16121" i="1"/>
  <c r="G16122" i="1"/>
  <c r="G16123" i="1"/>
  <c r="G16124" i="1"/>
  <c r="G16125" i="1"/>
  <c r="G16126" i="1"/>
  <c r="G16127" i="1"/>
  <c r="G16128" i="1"/>
  <c r="G16129" i="1"/>
  <c r="G16130" i="1"/>
  <c r="G16131" i="1"/>
  <c r="G16132" i="1"/>
  <c r="G16133" i="1"/>
  <c r="G16134" i="1"/>
  <c r="G16135" i="1"/>
  <c r="G16136" i="1"/>
  <c r="G16137" i="1"/>
  <c r="G16138" i="1"/>
  <c r="G16139" i="1"/>
  <c r="G16140" i="1"/>
  <c r="G16141" i="1"/>
  <c r="G16142" i="1"/>
  <c r="G16143" i="1"/>
  <c r="G16144" i="1"/>
  <c r="G16145" i="1"/>
  <c r="G16146" i="1"/>
  <c r="G16147" i="1"/>
  <c r="G16148" i="1"/>
  <c r="G16149" i="1"/>
  <c r="G16150" i="1"/>
  <c r="G16151" i="1"/>
  <c r="G16152" i="1"/>
  <c r="G16153" i="1"/>
  <c r="G16154" i="1"/>
  <c r="G16155" i="1"/>
  <c r="G16156" i="1"/>
  <c r="G16157" i="1"/>
  <c r="G16158" i="1"/>
  <c r="G16159" i="1"/>
  <c r="G16160" i="1"/>
  <c r="G16161" i="1"/>
  <c r="G16162" i="1"/>
  <c r="G16163" i="1"/>
  <c r="G16164" i="1"/>
  <c r="G16165" i="1"/>
  <c r="G16166" i="1"/>
  <c r="G16167" i="1"/>
  <c r="G16168" i="1"/>
  <c r="G16169" i="1"/>
  <c r="G16170" i="1"/>
  <c r="G16171" i="1"/>
  <c r="G16172" i="1"/>
  <c r="G16173" i="1"/>
  <c r="G16174" i="1"/>
  <c r="G16175" i="1"/>
  <c r="G16176" i="1"/>
  <c r="G16177" i="1"/>
  <c r="G16178" i="1"/>
  <c r="G16179" i="1"/>
  <c r="G16180" i="1"/>
  <c r="G16181" i="1"/>
  <c r="G16182" i="1"/>
  <c r="G16183" i="1"/>
  <c r="G16184" i="1"/>
  <c r="G16185" i="1"/>
  <c r="G16186" i="1"/>
  <c r="G16187" i="1"/>
  <c r="G16188" i="1"/>
  <c r="G16189" i="1"/>
  <c r="G16190" i="1"/>
  <c r="G16191" i="1"/>
  <c r="G16192" i="1"/>
  <c r="G16193" i="1"/>
  <c r="G16194" i="1"/>
  <c r="G16195" i="1"/>
  <c r="G16196" i="1"/>
  <c r="G16197" i="1"/>
  <c r="G16198" i="1"/>
  <c r="G16199" i="1"/>
  <c r="G16200" i="1"/>
  <c r="G16201" i="1"/>
  <c r="G16202" i="1"/>
  <c r="G16203" i="1"/>
  <c r="G16204" i="1"/>
  <c r="G16205" i="1"/>
  <c r="G16206" i="1"/>
  <c r="G16207" i="1"/>
  <c r="G16208" i="1"/>
  <c r="G16209" i="1"/>
  <c r="G16210" i="1"/>
  <c r="G16211" i="1"/>
  <c r="G16212" i="1"/>
  <c r="G16213" i="1"/>
  <c r="G16214" i="1"/>
  <c r="G16215" i="1"/>
  <c r="G16216" i="1"/>
  <c r="G16217" i="1"/>
  <c r="G16218" i="1"/>
  <c r="G16219" i="1"/>
  <c r="G16220" i="1"/>
  <c r="G16221" i="1"/>
  <c r="G16222" i="1"/>
  <c r="G16223" i="1"/>
  <c r="G16224" i="1"/>
  <c r="G16225" i="1"/>
  <c r="G16226" i="1"/>
  <c r="G16227" i="1"/>
  <c r="G16228" i="1"/>
  <c r="G16229" i="1"/>
  <c r="G16230" i="1"/>
  <c r="G16231" i="1"/>
  <c r="G16232" i="1"/>
  <c r="G16233" i="1"/>
  <c r="G16234" i="1"/>
  <c r="G16235" i="1"/>
  <c r="G16236" i="1"/>
  <c r="G16237" i="1"/>
  <c r="G16238" i="1"/>
  <c r="G16239" i="1"/>
  <c r="G16240" i="1"/>
  <c r="G16241" i="1"/>
  <c r="G16242" i="1"/>
  <c r="G16243" i="1"/>
  <c r="G16244" i="1"/>
  <c r="G16245" i="1"/>
  <c r="G16246" i="1"/>
  <c r="G16247" i="1"/>
  <c r="G16248" i="1"/>
  <c r="G16249" i="1"/>
  <c r="G16250" i="1"/>
  <c r="G16251" i="1"/>
  <c r="G16252" i="1"/>
  <c r="G16253" i="1"/>
  <c r="G16254" i="1"/>
  <c r="G16255" i="1"/>
  <c r="G16256" i="1"/>
  <c r="G16257" i="1"/>
  <c r="G16258" i="1"/>
  <c r="G16259" i="1"/>
  <c r="G16260" i="1"/>
  <c r="G16261" i="1"/>
  <c r="G16262" i="1"/>
  <c r="G16263" i="1"/>
  <c r="G16264" i="1"/>
  <c r="G16265" i="1"/>
  <c r="G16266" i="1"/>
  <c r="G16267" i="1"/>
  <c r="G16268" i="1"/>
  <c r="G16269" i="1"/>
  <c r="G16270" i="1"/>
  <c r="G16271" i="1"/>
  <c r="G16272" i="1"/>
  <c r="G16273" i="1"/>
  <c r="G16274" i="1"/>
  <c r="G16275" i="1"/>
  <c r="G16276" i="1"/>
  <c r="G16277" i="1"/>
  <c r="G16278" i="1"/>
  <c r="G16279" i="1"/>
  <c r="G16280" i="1"/>
  <c r="G16281" i="1"/>
  <c r="G16282" i="1"/>
  <c r="G16283" i="1"/>
  <c r="G16284" i="1"/>
  <c r="G16285" i="1"/>
  <c r="G16286" i="1"/>
  <c r="G16287" i="1"/>
  <c r="G16288" i="1"/>
  <c r="G16289" i="1"/>
  <c r="G16290" i="1"/>
  <c r="G16291" i="1"/>
  <c r="G16292" i="1"/>
  <c r="G16293" i="1"/>
  <c r="G16294" i="1"/>
  <c r="G16295" i="1"/>
  <c r="G16296" i="1"/>
  <c r="G16297" i="1"/>
  <c r="G16298" i="1"/>
  <c r="G16299" i="1"/>
  <c r="G16300" i="1"/>
  <c r="G16301" i="1"/>
  <c r="G16302" i="1"/>
  <c r="G16303" i="1"/>
  <c r="G16304" i="1"/>
  <c r="G16305" i="1"/>
  <c r="G16306" i="1"/>
  <c r="G16307" i="1"/>
  <c r="G16308" i="1"/>
  <c r="G16309" i="1"/>
  <c r="G16310" i="1"/>
  <c r="G16311" i="1"/>
  <c r="G16312" i="1"/>
  <c r="G16313" i="1"/>
  <c r="G16314" i="1"/>
  <c r="G16315" i="1"/>
  <c r="G16316" i="1"/>
  <c r="G16317" i="1"/>
  <c r="G16318" i="1"/>
  <c r="G16319" i="1"/>
  <c r="G16320" i="1"/>
  <c r="G16321" i="1"/>
  <c r="G16322" i="1"/>
  <c r="G16323" i="1"/>
  <c r="G16324" i="1"/>
  <c r="G16325" i="1"/>
  <c r="G16326" i="1"/>
  <c r="G16327" i="1"/>
  <c r="G16328" i="1"/>
  <c r="G16329" i="1"/>
  <c r="G16330" i="1"/>
  <c r="G16331" i="1"/>
  <c r="G16332" i="1"/>
  <c r="G16333" i="1"/>
  <c r="G16334" i="1"/>
  <c r="G16335" i="1"/>
  <c r="G16336" i="1"/>
  <c r="G16337" i="1"/>
  <c r="G16338" i="1"/>
  <c r="G16339" i="1"/>
  <c r="G16340" i="1"/>
  <c r="G16341" i="1"/>
  <c r="G16342" i="1"/>
  <c r="G16343" i="1"/>
  <c r="G16344" i="1"/>
  <c r="G16345" i="1"/>
  <c r="G16346" i="1"/>
  <c r="G16347" i="1"/>
  <c r="G16348" i="1"/>
  <c r="G16349" i="1"/>
  <c r="G16350" i="1"/>
  <c r="G16351" i="1"/>
  <c r="G16352" i="1"/>
  <c r="G16353" i="1"/>
  <c r="G16354" i="1"/>
  <c r="G16355" i="1"/>
  <c r="G16356" i="1"/>
  <c r="G16357" i="1"/>
  <c r="G16358" i="1"/>
  <c r="G16359" i="1"/>
  <c r="G16360" i="1"/>
  <c r="G16361" i="1"/>
  <c r="G16362" i="1"/>
  <c r="G16363" i="1"/>
  <c r="G16364" i="1"/>
  <c r="G16365" i="1"/>
  <c r="G16366" i="1"/>
  <c r="G16367" i="1"/>
  <c r="G16368" i="1"/>
  <c r="G16369" i="1"/>
  <c r="G16370" i="1"/>
  <c r="G16371" i="1"/>
  <c r="G16372" i="1"/>
  <c r="G16373" i="1"/>
  <c r="G16374" i="1"/>
  <c r="G16375" i="1"/>
  <c r="G16376" i="1"/>
  <c r="G16377" i="1"/>
  <c r="G16378" i="1"/>
  <c r="G16379" i="1"/>
  <c r="G16380" i="1"/>
  <c r="G16381" i="1"/>
  <c r="G16382" i="1"/>
  <c r="G16383" i="1"/>
  <c r="G16384" i="1"/>
  <c r="G16385" i="1"/>
  <c r="G16386" i="1"/>
  <c r="G16387" i="1"/>
  <c r="G16388" i="1"/>
  <c r="G16389" i="1"/>
  <c r="G16390" i="1"/>
  <c r="G16391" i="1"/>
  <c r="G16392" i="1"/>
  <c r="G16393" i="1"/>
  <c r="G16394" i="1"/>
  <c r="G16395" i="1"/>
  <c r="G16396" i="1"/>
  <c r="G16397" i="1"/>
  <c r="G16398" i="1"/>
  <c r="G16399" i="1"/>
  <c r="G16400" i="1"/>
  <c r="G16401" i="1"/>
  <c r="G16402" i="1"/>
  <c r="G16403" i="1"/>
  <c r="G16404" i="1"/>
  <c r="G16405" i="1"/>
  <c r="G16406" i="1"/>
  <c r="G16407" i="1"/>
  <c r="G16408" i="1"/>
  <c r="G16409" i="1"/>
  <c r="G16410" i="1"/>
  <c r="G16411" i="1"/>
  <c r="G16412" i="1"/>
  <c r="G16413" i="1"/>
  <c r="G16414" i="1"/>
  <c r="G16415" i="1"/>
  <c r="G16416" i="1"/>
  <c r="G16417" i="1"/>
  <c r="G16418" i="1"/>
  <c r="G16419" i="1"/>
  <c r="G16420" i="1"/>
  <c r="G16421" i="1"/>
  <c r="G16422" i="1"/>
  <c r="G16423" i="1"/>
  <c r="G16424" i="1"/>
  <c r="G16425" i="1"/>
  <c r="G16426" i="1"/>
  <c r="G16427" i="1"/>
  <c r="G16428" i="1"/>
  <c r="G16429" i="1"/>
  <c r="G16430" i="1"/>
  <c r="G16431" i="1"/>
  <c r="G16432" i="1"/>
  <c r="G16433" i="1"/>
  <c r="G16434" i="1"/>
  <c r="G16435" i="1"/>
  <c r="G16436" i="1"/>
  <c r="G16437" i="1"/>
  <c r="G16438" i="1"/>
  <c r="G16439" i="1"/>
  <c r="G16440" i="1"/>
  <c r="G16441" i="1"/>
  <c r="G16442" i="1"/>
  <c r="G16443" i="1"/>
  <c r="G16444" i="1"/>
  <c r="G16445" i="1"/>
  <c r="G16446" i="1"/>
  <c r="G16447" i="1"/>
  <c r="G16448" i="1"/>
  <c r="G16449" i="1"/>
  <c r="G16450" i="1"/>
  <c r="G16451" i="1"/>
  <c r="G16452" i="1"/>
  <c r="G16453" i="1"/>
  <c r="G16454" i="1"/>
  <c r="G16455" i="1"/>
  <c r="G16456" i="1"/>
  <c r="G16457" i="1"/>
  <c r="G16458" i="1"/>
  <c r="G16459" i="1"/>
  <c r="G16460" i="1"/>
  <c r="G16461" i="1"/>
  <c r="G16462" i="1"/>
  <c r="G16463" i="1"/>
  <c r="G16464" i="1"/>
  <c r="G16465" i="1"/>
  <c r="G16466" i="1"/>
  <c r="G16467" i="1"/>
  <c r="G16468" i="1"/>
  <c r="G16469" i="1"/>
  <c r="G16470" i="1"/>
  <c r="G16471" i="1"/>
  <c r="G16472" i="1"/>
  <c r="G16473" i="1"/>
  <c r="G16474" i="1"/>
  <c r="G16475" i="1"/>
  <c r="G16476" i="1"/>
  <c r="G16477" i="1"/>
  <c r="G16478" i="1"/>
  <c r="G16479" i="1"/>
  <c r="G16480" i="1"/>
  <c r="G16481" i="1"/>
  <c r="G16482" i="1"/>
  <c r="G16483" i="1"/>
  <c r="G16484" i="1"/>
  <c r="G16485" i="1"/>
  <c r="G16486" i="1"/>
  <c r="G16487" i="1"/>
  <c r="G16488" i="1"/>
  <c r="G16489" i="1"/>
  <c r="G16490" i="1"/>
  <c r="G16491" i="1"/>
  <c r="G16492" i="1"/>
  <c r="G16493" i="1"/>
  <c r="G16494" i="1"/>
  <c r="G16495" i="1"/>
  <c r="G16496" i="1"/>
  <c r="G16497" i="1"/>
  <c r="G16498" i="1"/>
  <c r="G16499" i="1"/>
  <c r="G16500" i="1"/>
  <c r="G16501" i="1"/>
  <c r="G16502" i="1"/>
  <c r="G16503" i="1"/>
  <c r="G16504" i="1"/>
  <c r="G16505" i="1"/>
  <c r="G16506" i="1"/>
  <c r="G16507" i="1"/>
  <c r="G16508" i="1"/>
  <c r="G16509" i="1"/>
  <c r="G16510" i="1"/>
  <c r="G16511" i="1"/>
  <c r="G16512" i="1"/>
  <c r="G16513" i="1"/>
  <c r="G16514" i="1"/>
  <c r="G16515" i="1"/>
  <c r="G16516" i="1"/>
  <c r="G16517" i="1"/>
  <c r="G16518" i="1"/>
  <c r="G16519" i="1"/>
  <c r="G16520" i="1"/>
  <c r="G16521" i="1"/>
  <c r="G16522" i="1"/>
  <c r="G16523" i="1"/>
  <c r="G16524" i="1"/>
  <c r="G16525" i="1"/>
  <c r="G16526" i="1"/>
  <c r="G16527" i="1"/>
  <c r="G16528" i="1"/>
  <c r="G16529" i="1"/>
  <c r="G16530" i="1"/>
  <c r="G16531" i="1"/>
  <c r="G16532" i="1"/>
  <c r="G16533" i="1"/>
  <c r="G16534" i="1"/>
  <c r="G16535" i="1"/>
  <c r="G16536" i="1"/>
  <c r="G16537" i="1"/>
  <c r="G16538" i="1"/>
  <c r="G16539" i="1"/>
  <c r="G16540" i="1"/>
  <c r="G16541" i="1"/>
  <c r="G16542" i="1"/>
  <c r="G16543" i="1"/>
  <c r="G16544" i="1"/>
  <c r="G16545" i="1"/>
  <c r="G16546" i="1"/>
  <c r="G16547" i="1"/>
  <c r="G16548" i="1"/>
  <c r="G16549" i="1"/>
  <c r="G16550" i="1"/>
  <c r="G16551" i="1"/>
  <c r="G16552" i="1"/>
  <c r="G16553" i="1"/>
  <c r="G16554" i="1"/>
  <c r="G16555" i="1"/>
  <c r="G16556" i="1"/>
  <c r="G16557" i="1"/>
  <c r="G16558" i="1"/>
  <c r="G16559" i="1"/>
  <c r="G16560" i="1"/>
  <c r="G16561" i="1"/>
  <c r="G16562" i="1"/>
  <c r="G16563" i="1"/>
  <c r="G16564" i="1"/>
  <c r="G16565" i="1"/>
  <c r="G16566" i="1"/>
  <c r="G16567" i="1"/>
  <c r="G16568" i="1"/>
  <c r="G16569" i="1"/>
  <c r="G16570" i="1"/>
  <c r="G16571" i="1"/>
  <c r="G16572" i="1"/>
  <c r="G16573" i="1"/>
  <c r="G16574" i="1"/>
  <c r="G16575" i="1"/>
  <c r="G16576" i="1"/>
  <c r="G16577" i="1"/>
  <c r="G16578" i="1"/>
  <c r="G16579" i="1"/>
  <c r="G16580" i="1"/>
  <c r="G16581" i="1"/>
  <c r="G16582" i="1"/>
  <c r="G16583" i="1"/>
  <c r="G16584" i="1"/>
  <c r="G16585" i="1"/>
  <c r="G16586" i="1"/>
  <c r="G16587" i="1"/>
  <c r="G16588" i="1"/>
  <c r="G16589" i="1"/>
  <c r="G16590" i="1"/>
  <c r="G16591" i="1"/>
  <c r="G16592" i="1"/>
  <c r="G16593" i="1"/>
  <c r="G16594" i="1"/>
  <c r="G16595" i="1"/>
  <c r="G16596" i="1"/>
  <c r="G16597" i="1"/>
  <c r="G16598" i="1"/>
  <c r="G16599" i="1"/>
  <c r="G16600" i="1"/>
  <c r="G16601" i="1"/>
  <c r="G16602" i="1"/>
  <c r="G16603" i="1"/>
  <c r="G16604" i="1"/>
  <c r="G16605" i="1"/>
  <c r="G16606" i="1"/>
  <c r="G16607" i="1"/>
  <c r="G16608" i="1"/>
  <c r="G16609" i="1"/>
  <c r="G16610" i="1"/>
  <c r="G16611" i="1"/>
  <c r="G16612" i="1"/>
  <c r="G16613" i="1"/>
  <c r="G16614" i="1"/>
  <c r="G16615" i="1"/>
  <c r="G16616" i="1"/>
  <c r="G16617" i="1"/>
  <c r="G16618" i="1"/>
  <c r="G16619" i="1"/>
  <c r="G16620" i="1"/>
  <c r="G16621" i="1"/>
  <c r="G16622" i="1"/>
  <c r="G16623" i="1"/>
  <c r="G16624" i="1"/>
  <c r="G16625" i="1"/>
  <c r="G16626" i="1"/>
  <c r="G16627" i="1"/>
  <c r="G16628" i="1"/>
  <c r="G16629" i="1"/>
  <c r="G16630" i="1"/>
  <c r="G16631" i="1"/>
  <c r="G16632" i="1"/>
  <c r="G16633" i="1"/>
  <c r="G16634" i="1"/>
  <c r="G16635" i="1"/>
  <c r="G16636" i="1"/>
  <c r="G16637" i="1"/>
  <c r="G16638" i="1"/>
  <c r="G16639" i="1"/>
  <c r="G16640" i="1"/>
  <c r="G16641" i="1"/>
  <c r="G16642" i="1"/>
  <c r="G16643" i="1"/>
  <c r="G16644" i="1"/>
  <c r="G16645" i="1"/>
  <c r="G16646" i="1"/>
  <c r="G16647" i="1"/>
  <c r="G16648" i="1"/>
  <c r="G16649" i="1"/>
  <c r="G16650" i="1"/>
  <c r="G16651" i="1"/>
  <c r="G16652" i="1"/>
  <c r="G16653" i="1"/>
  <c r="G16654" i="1"/>
  <c r="G16655" i="1"/>
  <c r="G16656" i="1"/>
  <c r="G16657" i="1"/>
  <c r="G16658" i="1"/>
  <c r="G16659" i="1"/>
  <c r="G16660" i="1"/>
  <c r="G16661" i="1"/>
  <c r="G16662" i="1"/>
  <c r="G16663" i="1"/>
  <c r="G16664" i="1"/>
  <c r="G16665" i="1"/>
  <c r="G16666" i="1"/>
  <c r="G16667" i="1"/>
  <c r="G16668" i="1"/>
  <c r="G16669" i="1"/>
  <c r="G16670" i="1"/>
  <c r="G16671" i="1"/>
  <c r="G16672" i="1"/>
  <c r="G16673" i="1"/>
  <c r="G16674" i="1"/>
  <c r="G16675" i="1"/>
  <c r="G16676" i="1"/>
  <c r="G16677" i="1"/>
  <c r="G16678" i="1"/>
  <c r="G16679" i="1"/>
  <c r="G16680" i="1"/>
  <c r="G16681" i="1"/>
  <c r="G16682" i="1"/>
  <c r="G16683" i="1"/>
  <c r="G16684" i="1"/>
  <c r="G16685" i="1"/>
  <c r="G16686" i="1"/>
  <c r="G16687" i="1"/>
  <c r="G16688" i="1"/>
  <c r="G16689" i="1"/>
  <c r="G16690" i="1"/>
  <c r="G16691" i="1"/>
  <c r="G16692" i="1"/>
  <c r="G16693" i="1"/>
  <c r="G16694" i="1"/>
  <c r="G16695" i="1"/>
  <c r="G16696" i="1"/>
  <c r="G16697" i="1"/>
  <c r="G16698" i="1"/>
  <c r="G16699" i="1"/>
  <c r="G16700" i="1"/>
  <c r="G16701" i="1"/>
  <c r="G16702" i="1"/>
  <c r="G16703" i="1"/>
  <c r="G16704" i="1"/>
  <c r="G16705" i="1"/>
  <c r="G16706" i="1"/>
  <c r="G16707" i="1"/>
  <c r="G16708" i="1"/>
  <c r="G16709" i="1"/>
  <c r="G16710" i="1"/>
  <c r="G16711" i="1"/>
  <c r="G16712" i="1"/>
  <c r="G16713" i="1"/>
  <c r="G16714" i="1"/>
  <c r="G16715" i="1"/>
  <c r="G16716" i="1"/>
  <c r="G16717" i="1"/>
  <c r="G16718" i="1"/>
  <c r="G16719" i="1"/>
  <c r="G16720" i="1"/>
  <c r="G16721" i="1"/>
  <c r="G16722" i="1"/>
  <c r="G16723" i="1"/>
  <c r="G16724" i="1"/>
  <c r="G16725" i="1"/>
  <c r="G16726" i="1"/>
  <c r="G16727" i="1"/>
  <c r="G16728" i="1"/>
  <c r="G16729" i="1"/>
  <c r="G16730" i="1"/>
  <c r="G16731" i="1"/>
  <c r="G16732" i="1"/>
  <c r="G16733" i="1"/>
  <c r="G16734" i="1"/>
  <c r="G16735" i="1"/>
  <c r="G16736" i="1"/>
  <c r="G16737" i="1"/>
  <c r="G16738" i="1"/>
  <c r="G16739" i="1"/>
  <c r="G16740" i="1"/>
  <c r="G16741" i="1"/>
  <c r="G16742" i="1"/>
  <c r="G16743" i="1"/>
  <c r="G16744" i="1"/>
  <c r="G16745" i="1"/>
  <c r="G16746" i="1"/>
  <c r="G16747" i="1"/>
  <c r="G16748" i="1"/>
  <c r="G16749" i="1"/>
  <c r="G16750" i="1"/>
  <c r="G16751" i="1"/>
  <c r="G16752" i="1"/>
  <c r="G16753" i="1"/>
  <c r="G16754" i="1"/>
  <c r="G16755" i="1"/>
  <c r="G16756" i="1"/>
  <c r="G16757" i="1"/>
  <c r="G16758" i="1"/>
  <c r="G16759" i="1"/>
  <c r="G16760" i="1"/>
  <c r="G16761" i="1"/>
  <c r="G16762" i="1"/>
  <c r="G16763" i="1"/>
  <c r="G16764" i="1"/>
  <c r="G16765" i="1"/>
  <c r="G16766" i="1"/>
  <c r="G16767" i="1"/>
  <c r="G16768" i="1"/>
  <c r="G16769" i="1"/>
  <c r="G16770" i="1"/>
  <c r="G16771" i="1"/>
  <c r="G16772" i="1"/>
  <c r="G16773" i="1"/>
  <c r="G16774" i="1"/>
  <c r="G16775" i="1"/>
  <c r="G16776" i="1"/>
  <c r="G16777" i="1"/>
  <c r="G16778" i="1"/>
  <c r="G16779" i="1"/>
  <c r="G16780" i="1"/>
  <c r="G16781" i="1"/>
  <c r="G16782" i="1"/>
  <c r="G16783" i="1"/>
  <c r="G16784" i="1"/>
  <c r="G16785" i="1"/>
  <c r="G16786" i="1"/>
  <c r="G16787" i="1"/>
  <c r="G16788" i="1"/>
  <c r="G16789" i="1"/>
  <c r="G16790" i="1"/>
  <c r="G16791" i="1"/>
  <c r="G16792" i="1"/>
  <c r="G16793" i="1"/>
  <c r="G16794" i="1"/>
  <c r="G16795" i="1"/>
  <c r="G16796" i="1"/>
  <c r="G16797" i="1"/>
  <c r="G16798" i="1"/>
  <c r="G16799" i="1"/>
  <c r="G16800" i="1"/>
  <c r="G16801" i="1"/>
  <c r="G16802" i="1"/>
  <c r="G16803" i="1"/>
  <c r="G16804" i="1"/>
  <c r="G16805" i="1"/>
  <c r="G16806" i="1"/>
  <c r="G16807" i="1"/>
  <c r="G16808" i="1"/>
  <c r="G16809" i="1"/>
  <c r="G16810" i="1"/>
  <c r="G16811" i="1"/>
  <c r="G16812" i="1"/>
  <c r="G16813" i="1"/>
  <c r="G16814" i="1"/>
  <c r="G16815" i="1"/>
  <c r="G16816" i="1"/>
  <c r="G16817" i="1"/>
  <c r="G16818" i="1"/>
  <c r="G16819" i="1"/>
  <c r="G16820" i="1"/>
  <c r="G16821" i="1"/>
  <c r="G16822" i="1"/>
  <c r="G16823" i="1"/>
  <c r="G16824" i="1"/>
  <c r="G16825" i="1"/>
  <c r="G16826" i="1"/>
  <c r="G16827" i="1"/>
  <c r="G16828" i="1"/>
  <c r="G16829" i="1"/>
  <c r="G16830" i="1"/>
  <c r="G16831" i="1"/>
  <c r="G16832" i="1"/>
  <c r="G16833" i="1"/>
  <c r="G16834" i="1"/>
  <c r="G16835" i="1"/>
  <c r="G16836" i="1"/>
  <c r="G16837" i="1"/>
  <c r="G16838" i="1"/>
  <c r="G16839" i="1"/>
  <c r="G16840" i="1"/>
  <c r="G16841" i="1"/>
  <c r="G16842" i="1"/>
  <c r="G16843" i="1"/>
  <c r="G16844" i="1"/>
  <c r="G16845" i="1"/>
  <c r="G16846" i="1"/>
  <c r="G16847" i="1"/>
  <c r="G16848" i="1"/>
  <c r="G16849" i="1"/>
  <c r="G16850" i="1"/>
  <c r="G16851" i="1"/>
  <c r="G16852" i="1"/>
  <c r="G16853" i="1"/>
  <c r="G16854" i="1"/>
  <c r="G16855" i="1"/>
  <c r="G16856" i="1"/>
  <c r="G16857" i="1"/>
  <c r="G16858" i="1"/>
  <c r="G16859" i="1"/>
  <c r="G16860" i="1"/>
  <c r="G16861" i="1"/>
  <c r="G16862" i="1"/>
  <c r="G16863" i="1"/>
  <c r="G16864" i="1"/>
  <c r="G16865" i="1"/>
  <c r="G16866" i="1"/>
  <c r="G16867" i="1"/>
  <c r="G16868" i="1"/>
  <c r="G16869" i="1"/>
  <c r="G16870" i="1"/>
  <c r="G16871" i="1"/>
  <c r="G16872" i="1"/>
  <c r="G16873" i="1"/>
  <c r="G16874" i="1"/>
  <c r="G16875" i="1"/>
  <c r="G16876" i="1"/>
  <c r="G16877" i="1"/>
  <c r="G16878" i="1"/>
  <c r="G16879" i="1"/>
  <c r="G16880" i="1"/>
  <c r="G16881" i="1"/>
  <c r="G16882" i="1"/>
  <c r="G16883" i="1"/>
  <c r="G16884" i="1"/>
  <c r="G16885" i="1"/>
  <c r="G16886" i="1"/>
  <c r="G16887" i="1"/>
  <c r="G16888" i="1"/>
  <c r="G16889" i="1"/>
  <c r="G16890" i="1"/>
  <c r="G16891" i="1"/>
  <c r="G16892" i="1"/>
  <c r="G16893" i="1"/>
  <c r="G16894" i="1"/>
  <c r="G16895" i="1"/>
  <c r="G16896" i="1"/>
  <c r="G16897" i="1"/>
  <c r="G16898" i="1"/>
  <c r="G16899" i="1"/>
  <c r="G16900" i="1"/>
  <c r="G16901" i="1"/>
  <c r="G16902" i="1"/>
  <c r="G16903" i="1"/>
  <c r="G16904" i="1"/>
  <c r="G16905" i="1"/>
  <c r="G16906" i="1"/>
  <c r="G16907" i="1"/>
  <c r="G16908" i="1"/>
  <c r="G16909" i="1"/>
  <c r="G16910" i="1"/>
  <c r="G16911" i="1"/>
  <c r="G16912" i="1"/>
  <c r="G16913" i="1"/>
  <c r="G16914" i="1"/>
  <c r="G16915" i="1"/>
  <c r="G16916" i="1"/>
  <c r="G16917" i="1"/>
  <c r="G16918" i="1"/>
  <c r="G16919" i="1"/>
  <c r="G16920" i="1"/>
  <c r="G16921" i="1"/>
  <c r="G16922" i="1"/>
  <c r="G16923" i="1"/>
  <c r="G16924" i="1"/>
  <c r="G16925" i="1"/>
  <c r="G16926" i="1"/>
  <c r="G16927" i="1"/>
  <c r="G16928" i="1"/>
  <c r="G16929" i="1"/>
  <c r="G16930" i="1"/>
  <c r="G16931" i="1"/>
  <c r="G16932" i="1"/>
  <c r="G16933" i="1"/>
  <c r="G16934" i="1"/>
  <c r="G16935" i="1"/>
  <c r="G16936" i="1"/>
  <c r="G16937" i="1"/>
  <c r="G16938" i="1"/>
  <c r="G16939" i="1"/>
  <c r="G16940" i="1"/>
  <c r="G16941" i="1"/>
  <c r="G16942" i="1"/>
  <c r="G16943" i="1"/>
  <c r="G16944" i="1"/>
  <c r="G16945" i="1"/>
  <c r="G16946" i="1"/>
  <c r="G16947" i="1"/>
  <c r="G16948" i="1"/>
  <c r="G16949" i="1"/>
  <c r="G16950" i="1"/>
  <c r="G16951" i="1"/>
  <c r="G16952" i="1"/>
  <c r="G16953" i="1"/>
  <c r="G16954" i="1"/>
  <c r="G16955" i="1"/>
  <c r="G16956" i="1"/>
  <c r="G16957" i="1"/>
  <c r="G16958" i="1"/>
  <c r="G16959" i="1"/>
  <c r="G16960" i="1"/>
  <c r="G16961" i="1"/>
  <c r="G16962" i="1"/>
  <c r="G16963" i="1"/>
  <c r="G16964" i="1"/>
  <c r="G16965" i="1"/>
  <c r="G16966" i="1"/>
  <c r="G16967" i="1"/>
  <c r="G16968" i="1"/>
  <c r="G16969" i="1"/>
  <c r="G16970" i="1"/>
  <c r="G16971" i="1"/>
  <c r="G16972" i="1"/>
  <c r="G16973" i="1"/>
  <c r="G16974" i="1"/>
  <c r="G16975" i="1"/>
  <c r="G16976" i="1"/>
  <c r="G16977" i="1"/>
  <c r="G16978" i="1"/>
  <c r="G16979" i="1"/>
  <c r="G16980" i="1"/>
  <c r="G16981" i="1"/>
  <c r="G16982" i="1"/>
  <c r="G16983" i="1"/>
  <c r="G16984" i="1"/>
  <c r="G16985" i="1"/>
  <c r="G16986" i="1"/>
  <c r="G16987" i="1"/>
  <c r="G16988" i="1"/>
  <c r="G16989" i="1"/>
  <c r="G16990" i="1"/>
  <c r="G16991" i="1"/>
  <c r="G16992" i="1"/>
  <c r="G16993" i="1"/>
  <c r="G16994" i="1"/>
  <c r="G16995" i="1"/>
  <c r="G16996" i="1"/>
  <c r="G16997" i="1"/>
  <c r="G16998" i="1"/>
  <c r="G16999" i="1"/>
  <c r="G17000" i="1"/>
  <c r="G17001" i="1"/>
  <c r="G17002" i="1"/>
  <c r="G17003" i="1"/>
  <c r="G17004" i="1"/>
  <c r="G17005" i="1"/>
  <c r="G17006" i="1"/>
  <c r="G17007" i="1"/>
  <c r="G17008" i="1"/>
  <c r="G17009" i="1"/>
  <c r="G17010" i="1"/>
  <c r="G17011" i="1"/>
  <c r="G17012" i="1"/>
  <c r="G17013" i="1"/>
  <c r="G17014" i="1"/>
  <c r="G17015" i="1"/>
  <c r="G17016" i="1"/>
  <c r="G17017" i="1"/>
  <c r="G17018" i="1"/>
  <c r="G17019" i="1"/>
  <c r="G17020" i="1"/>
  <c r="G17021" i="1"/>
  <c r="G17022" i="1"/>
  <c r="G17023" i="1"/>
  <c r="G17024" i="1"/>
  <c r="G17025" i="1"/>
  <c r="G17026" i="1"/>
  <c r="G17027" i="1"/>
  <c r="G17028" i="1"/>
  <c r="G17029" i="1"/>
  <c r="G17030" i="1"/>
  <c r="G17031" i="1"/>
  <c r="G17032" i="1"/>
  <c r="G17033" i="1"/>
  <c r="G17034" i="1"/>
  <c r="G17035" i="1"/>
  <c r="G17036" i="1"/>
  <c r="G17037" i="1"/>
  <c r="G17038" i="1"/>
  <c r="G17039" i="1"/>
  <c r="G17040" i="1"/>
  <c r="G17041" i="1"/>
  <c r="G17042" i="1"/>
  <c r="G17043" i="1"/>
  <c r="G17044" i="1"/>
  <c r="G17045" i="1"/>
  <c r="G17046" i="1"/>
  <c r="G17047" i="1"/>
  <c r="G17048" i="1"/>
  <c r="G17049" i="1"/>
  <c r="G17050" i="1"/>
  <c r="G17051" i="1"/>
  <c r="G17052" i="1"/>
  <c r="G17053" i="1"/>
  <c r="G17054" i="1"/>
  <c r="G17055" i="1"/>
  <c r="G17056" i="1"/>
  <c r="G17057" i="1"/>
  <c r="G17058" i="1"/>
  <c r="G17059" i="1"/>
  <c r="G17060" i="1"/>
  <c r="G17061" i="1"/>
  <c r="G17062" i="1"/>
  <c r="G17063" i="1"/>
  <c r="G17064" i="1"/>
  <c r="G17065" i="1"/>
  <c r="G17066" i="1"/>
  <c r="G17067" i="1"/>
  <c r="G17068" i="1"/>
  <c r="G17069" i="1"/>
  <c r="G17070" i="1"/>
  <c r="G17071" i="1"/>
  <c r="G17072" i="1"/>
  <c r="G17073" i="1"/>
  <c r="G17074" i="1"/>
  <c r="G17075" i="1"/>
  <c r="G17076" i="1"/>
  <c r="G17077" i="1"/>
  <c r="G17078" i="1"/>
  <c r="G17079" i="1"/>
  <c r="G17080" i="1"/>
  <c r="G17081" i="1"/>
  <c r="G17082" i="1"/>
  <c r="G17083" i="1"/>
  <c r="G17084" i="1"/>
  <c r="G17085" i="1"/>
  <c r="G17086" i="1"/>
  <c r="G17087" i="1"/>
  <c r="G17088" i="1"/>
  <c r="G17089" i="1"/>
  <c r="G17090" i="1"/>
  <c r="G17091" i="1"/>
  <c r="G17092" i="1"/>
  <c r="G17093" i="1"/>
  <c r="G17094" i="1"/>
  <c r="G17095" i="1"/>
  <c r="G17096" i="1"/>
  <c r="G17097" i="1"/>
  <c r="G17098" i="1"/>
  <c r="G17099" i="1"/>
  <c r="G17100" i="1"/>
  <c r="G17101" i="1"/>
  <c r="G17102" i="1"/>
  <c r="G17103" i="1"/>
  <c r="G17104" i="1"/>
  <c r="G17105" i="1"/>
  <c r="G17106" i="1"/>
  <c r="G17107" i="1"/>
  <c r="G17108" i="1"/>
  <c r="G17109" i="1"/>
  <c r="G17110" i="1"/>
  <c r="G17111" i="1"/>
  <c r="G17112" i="1"/>
  <c r="G17113" i="1"/>
  <c r="G17114" i="1"/>
  <c r="G17115" i="1"/>
  <c r="G17116" i="1"/>
  <c r="G17117" i="1"/>
  <c r="G17118" i="1"/>
  <c r="G17119" i="1"/>
  <c r="G17120" i="1"/>
  <c r="G17121" i="1"/>
  <c r="G17122" i="1"/>
  <c r="G17123" i="1"/>
  <c r="G17124" i="1"/>
  <c r="G17125" i="1"/>
  <c r="G17126" i="1"/>
  <c r="G17127" i="1"/>
  <c r="G17128" i="1"/>
  <c r="G17129" i="1"/>
  <c r="G17130" i="1"/>
  <c r="G17131" i="1"/>
  <c r="G17132" i="1"/>
  <c r="G17133" i="1"/>
  <c r="G17134" i="1"/>
  <c r="G17135" i="1"/>
  <c r="G17136" i="1"/>
  <c r="G17137" i="1"/>
  <c r="G17138" i="1"/>
  <c r="G17139" i="1"/>
  <c r="G17140" i="1"/>
  <c r="G17141" i="1"/>
  <c r="G17142" i="1"/>
  <c r="G17143" i="1"/>
  <c r="G17144" i="1"/>
  <c r="G17145" i="1"/>
  <c r="G17146" i="1"/>
  <c r="G17147" i="1"/>
  <c r="G17148" i="1"/>
  <c r="G17149" i="1"/>
  <c r="G17150" i="1"/>
  <c r="G17151" i="1"/>
  <c r="G17152" i="1"/>
  <c r="G17153" i="1"/>
  <c r="G17154" i="1"/>
  <c r="G17155" i="1"/>
  <c r="G17156" i="1"/>
  <c r="G17157" i="1"/>
  <c r="G17158" i="1"/>
  <c r="G17159" i="1"/>
  <c r="G17160" i="1"/>
  <c r="G17161" i="1"/>
  <c r="G17162" i="1"/>
  <c r="G17163" i="1"/>
  <c r="G17164" i="1"/>
  <c r="G17165" i="1"/>
  <c r="G17166" i="1"/>
  <c r="G17167" i="1"/>
  <c r="G17168" i="1"/>
  <c r="G17169" i="1"/>
  <c r="G17170" i="1"/>
  <c r="G17171" i="1"/>
  <c r="G17172" i="1"/>
  <c r="G17173" i="1"/>
  <c r="G17174" i="1"/>
  <c r="G17175" i="1"/>
  <c r="G17176" i="1"/>
  <c r="G17177" i="1"/>
  <c r="G17178" i="1"/>
  <c r="G17179" i="1"/>
  <c r="G17180" i="1"/>
  <c r="G17181" i="1"/>
  <c r="G17182" i="1"/>
  <c r="G17183" i="1"/>
  <c r="G17184" i="1"/>
  <c r="G17185" i="1"/>
  <c r="G17186" i="1"/>
  <c r="G17187" i="1"/>
  <c r="G17188" i="1"/>
  <c r="G17189" i="1"/>
  <c r="G17190" i="1"/>
  <c r="G17191" i="1"/>
  <c r="G17192" i="1"/>
  <c r="G17193" i="1"/>
  <c r="G17194" i="1"/>
  <c r="G17195" i="1"/>
  <c r="G17196" i="1"/>
  <c r="G17197" i="1"/>
  <c r="G17198" i="1"/>
  <c r="G17199" i="1"/>
  <c r="G17200" i="1"/>
  <c r="G17201" i="1"/>
  <c r="G17202" i="1"/>
  <c r="G17203" i="1"/>
  <c r="G17204" i="1"/>
  <c r="G17205" i="1"/>
  <c r="G17206" i="1"/>
  <c r="G17207" i="1"/>
  <c r="G17208" i="1"/>
  <c r="G17209" i="1"/>
  <c r="G17210" i="1"/>
  <c r="G17211" i="1"/>
  <c r="G17212" i="1"/>
  <c r="G17213" i="1"/>
  <c r="G17214" i="1"/>
  <c r="G17215" i="1"/>
  <c r="G17216" i="1"/>
  <c r="G17217" i="1"/>
  <c r="G17218" i="1"/>
  <c r="G17219" i="1"/>
  <c r="G17220" i="1"/>
  <c r="G17221" i="1"/>
  <c r="G17222" i="1"/>
  <c r="G17223" i="1"/>
  <c r="G17224" i="1"/>
  <c r="G17225" i="1"/>
  <c r="G17226" i="1"/>
  <c r="G17227" i="1"/>
  <c r="G17228" i="1"/>
  <c r="G17229" i="1"/>
  <c r="G17230" i="1"/>
  <c r="G17231" i="1"/>
  <c r="G17232" i="1"/>
  <c r="G17233" i="1"/>
  <c r="G17234" i="1"/>
  <c r="G17235" i="1"/>
  <c r="G17236" i="1"/>
  <c r="G17237" i="1"/>
  <c r="G17238" i="1"/>
  <c r="G17239" i="1"/>
  <c r="G17240" i="1"/>
  <c r="G17241" i="1"/>
  <c r="G17242" i="1"/>
  <c r="G17243" i="1"/>
  <c r="G17244" i="1"/>
  <c r="G17245" i="1"/>
  <c r="G17246" i="1"/>
  <c r="G17247" i="1"/>
  <c r="G17248" i="1"/>
  <c r="G17249" i="1"/>
  <c r="G17250" i="1"/>
  <c r="G17251" i="1"/>
  <c r="G17252" i="1"/>
  <c r="G17253" i="1"/>
  <c r="G17254" i="1"/>
  <c r="G17255" i="1"/>
  <c r="G17256" i="1"/>
  <c r="G17257" i="1"/>
  <c r="G17258" i="1"/>
  <c r="G17259" i="1"/>
  <c r="G17260" i="1"/>
  <c r="G17261" i="1"/>
  <c r="G17262" i="1"/>
  <c r="G17263" i="1"/>
  <c r="G17264" i="1"/>
  <c r="G17265" i="1"/>
  <c r="G17266" i="1"/>
  <c r="G17267" i="1"/>
  <c r="G17268" i="1"/>
  <c r="G17269" i="1"/>
  <c r="G17270" i="1"/>
  <c r="G17271" i="1"/>
  <c r="G17272" i="1"/>
  <c r="G17273" i="1"/>
  <c r="G17274" i="1"/>
  <c r="G17275" i="1"/>
  <c r="G17276" i="1"/>
  <c r="G17277" i="1"/>
  <c r="G17278" i="1"/>
  <c r="G17279" i="1"/>
  <c r="G17280" i="1"/>
  <c r="G17281" i="1"/>
  <c r="G17282" i="1"/>
  <c r="G17283" i="1"/>
  <c r="G17284" i="1"/>
  <c r="G17285" i="1"/>
  <c r="G17286" i="1"/>
  <c r="G17287" i="1"/>
  <c r="G17288" i="1"/>
  <c r="G17289" i="1"/>
  <c r="G17290" i="1"/>
  <c r="G17291" i="1"/>
  <c r="G17292" i="1"/>
  <c r="G17293" i="1"/>
  <c r="G17294" i="1"/>
  <c r="G17295" i="1"/>
  <c r="G17296" i="1"/>
  <c r="G17297" i="1"/>
  <c r="G17298" i="1"/>
  <c r="G17299" i="1"/>
  <c r="G17300" i="1"/>
  <c r="G17301" i="1"/>
  <c r="G17302" i="1"/>
  <c r="G17303" i="1"/>
  <c r="G17304" i="1"/>
  <c r="G17305" i="1"/>
  <c r="G17306" i="1"/>
  <c r="G17307" i="1"/>
  <c r="G17308" i="1"/>
  <c r="G17309" i="1"/>
  <c r="G17310" i="1"/>
  <c r="G17311" i="1"/>
  <c r="G17312" i="1"/>
  <c r="G17313" i="1"/>
  <c r="G17314" i="1"/>
  <c r="G17315" i="1"/>
  <c r="G17316" i="1"/>
  <c r="G17317" i="1"/>
  <c r="G17318" i="1"/>
  <c r="G17319" i="1"/>
  <c r="G17320" i="1"/>
  <c r="G17321" i="1"/>
  <c r="G17322" i="1"/>
  <c r="G17323" i="1"/>
  <c r="G17324" i="1"/>
  <c r="G17325" i="1"/>
  <c r="G17326" i="1"/>
  <c r="G17327" i="1"/>
  <c r="G17328" i="1"/>
  <c r="G17329" i="1"/>
  <c r="G17330" i="1"/>
  <c r="G17331" i="1"/>
  <c r="G17332" i="1"/>
  <c r="G17333" i="1"/>
  <c r="G17334" i="1"/>
  <c r="G17335" i="1"/>
  <c r="G17336" i="1"/>
  <c r="G17337" i="1"/>
  <c r="G17338" i="1"/>
  <c r="G17339" i="1"/>
  <c r="G17340" i="1"/>
  <c r="G17341" i="1"/>
  <c r="G17342" i="1"/>
  <c r="G17343" i="1"/>
  <c r="G17344" i="1"/>
  <c r="G17345" i="1"/>
  <c r="G17346" i="1"/>
  <c r="G17347" i="1"/>
  <c r="G17348" i="1"/>
  <c r="G17349" i="1"/>
  <c r="G17350" i="1"/>
  <c r="G17351" i="1"/>
  <c r="G17352" i="1"/>
  <c r="G17353" i="1"/>
  <c r="G17354" i="1"/>
  <c r="G17355" i="1"/>
  <c r="G17356" i="1"/>
  <c r="G17357" i="1"/>
  <c r="G17358" i="1"/>
  <c r="G17359" i="1"/>
  <c r="G17360" i="1"/>
  <c r="G17361" i="1"/>
  <c r="G17362" i="1"/>
  <c r="G17363" i="1"/>
  <c r="G17364" i="1"/>
  <c r="G17365" i="1"/>
  <c r="G17366" i="1"/>
  <c r="G17367" i="1"/>
  <c r="G17368" i="1"/>
  <c r="G17369" i="1"/>
  <c r="G17370" i="1"/>
  <c r="G17371" i="1"/>
  <c r="G17372" i="1"/>
  <c r="G17373" i="1"/>
  <c r="G17374" i="1"/>
  <c r="G17375" i="1"/>
  <c r="G17376" i="1"/>
  <c r="G17377" i="1"/>
  <c r="G17378" i="1"/>
  <c r="G17379" i="1"/>
  <c r="G17380" i="1"/>
  <c r="G17381" i="1"/>
  <c r="G17382" i="1"/>
  <c r="G17383" i="1"/>
  <c r="G17384" i="1"/>
  <c r="G17385" i="1"/>
  <c r="G17386" i="1"/>
  <c r="G17387" i="1"/>
  <c r="G17388" i="1"/>
  <c r="G17389" i="1"/>
  <c r="G17390" i="1"/>
  <c r="G17391" i="1"/>
  <c r="G17392" i="1"/>
  <c r="G17393" i="1"/>
  <c r="G17394" i="1"/>
  <c r="G17395" i="1"/>
  <c r="G17396" i="1"/>
  <c r="G17397" i="1"/>
  <c r="G17398" i="1"/>
  <c r="G17399" i="1"/>
  <c r="G17400" i="1"/>
  <c r="G17401" i="1"/>
  <c r="G17402" i="1"/>
  <c r="G17403" i="1"/>
  <c r="G17404" i="1"/>
  <c r="G17405" i="1"/>
  <c r="G17406" i="1"/>
  <c r="G17407" i="1"/>
  <c r="G17408" i="1"/>
  <c r="G17409" i="1"/>
  <c r="G17410" i="1"/>
  <c r="G17411" i="1"/>
  <c r="G17412" i="1"/>
  <c r="G17413" i="1"/>
  <c r="G17414" i="1"/>
  <c r="G17415" i="1"/>
  <c r="G17416" i="1"/>
  <c r="G17417" i="1"/>
  <c r="G17418" i="1"/>
  <c r="G17419" i="1"/>
  <c r="G17420" i="1"/>
  <c r="G17421" i="1"/>
  <c r="G17422" i="1"/>
  <c r="G17423" i="1"/>
  <c r="G17424" i="1"/>
  <c r="G17425" i="1"/>
  <c r="G17426" i="1"/>
  <c r="G17427" i="1"/>
  <c r="G17428" i="1"/>
  <c r="G17429" i="1"/>
  <c r="G17430" i="1"/>
  <c r="G17431" i="1"/>
  <c r="G17432" i="1"/>
  <c r="G17433" i="1"/>
  <c r="G17434" i="1"/>
  <c r="G17435" i="1"/>
  <c r="G17436" i="1"/>
  <c r="G17437" i="1"/>
  <c r="G17438" i="1"/>
  <c r="G17439" i="1"/>
  <c r="G17440" i="1"/>
  <c r="G17441" i="1"/>
  <c r="G17442" i="1"/>
  <c r="G17443" i="1"/>
  <c r="G17444" i="1"/>
  <c r="G17445" i="1"/>
  <c r="G17446" i="1"/>
  <c r="G17447" i="1"/>
  <c r="G17448" i="1"/>
  <c r="G17449" i="1"/>
  <c r="G17450" i="1"/>
  <c r="G17451" i="1"/>
  <c r="G17452" i="1"/>
  <c r="G17453" i="1"/>
  <c r="G17454" i="1"/>
  <c r="G17455" i="1"/>
  <c r="G17456" i="1"/>
  <c r="G17457" i="1"/>
  <c r="G17458" i="1"/>
  <c r="G17459" i="1"/>
  <c r="G17460" i="1"/>
  <c r="G17461" i="1"/>
  <c r="G17462" i="1"/>
  <c r="G17463" i="1"/>
  <c r="G17464" i="1"/>
  <c r="G17465" i="1"/>
  <c r="G17466" i="1"/>
  <c r="G17467" i="1"/>
  <c r="G17468" i="1"/>
  <c r="G17469" i="1"/>
  <c r="G17470" i="1"/>
  <c r="G17471" i="1"/>
  <c r="G17472" i="1"/>
  <c r="G17473" i="1"/>
  <c r="G17474" i="1"/>
  <c r="G17475" i="1"/>
  <c r="G17476" i="1"/>
  <c r="G17477" i="1"/>
  <c r="G17478" i="1"/>
  <c r="G17479" i="1"/>
  <c r="G17480" i="1"/>
  <c r="G17481" i="1"/>
  <c r="G17482" i="1"/>
  <c r="G17483" i="1"/>
  <c r="G17484" i="1"/>
  <c r="G17485" i="1"/>
  <c r="G17486" i="1"/>
  <c r="G17487" i="1"/>
  <c r="G17488" i="1"/>
  <c r="G17489" i="1"/>
  <c r="G17490" i="1"/>
  <c r="G17491" i="1"/>
  <c r="G17492" i="1"/>
  <c r="G17493" i="1"/>
  <c r="G17494" i="1"/>
  <c r="G17495" i="1"/>
  <c r="G17496" i="1"/>
  <c r="G17497" i="1"/>
  <c r="G17498" i="1"/>
  <c r="G17499" i="1"/>
  <c r="G17500" i="1"/>
  <c r="G17501" i="1"/>
  <c r="G17502" i="1"/>
  <c r="G17503" i="1"/>
  <c r="G17504" i="1"/>
  <c r="G17505" i="1"/>
  <c r="G17506" i="1"/>
  <c r="G17507" i="1"/>
  <c r="G17508" i="1"/>
  <c r="G17509" i="1"/>
  <c r="G17510" i="1"/>
  <c r="G17511" i="1"/>
  <c r="G17512" i="1"/>
  <c r="G17513" i="1"/>
  <c r="G17514" i="1"/>
  <c r="G17515" i="1"/>
  <c r="G17516" i="1"/>
  <c r="G17517" i="1"/>
  <c r="G17518" i="1"/>
  <c r="G17519" i="1"/>
  <c r="G17520" i="1"/>
  <c r="G17521" i="1"/>
  <c r="G17522" i="1"/>
  <c r="G17523" i="1"/>
  <c r="G17524" i="1"/>
  <c r="G17525" i="1"/>
  <c r="G17526" i="1"/>
  <c r="G17527" i="1"/>
  <c r="G17528" i="1"/>
  <c r="G17529" i="1"/>
  <c r="G17530" i="1"/>
  <c r="G17531" i="1"/>
  <c r="G17532" i="1"/>
  <c r="G17533" i="1"/>
  <c r="G17534" i="1"/>
  <c r="G17535" i="1"/>
  <c r="G17536" i="1"/>
  <c r="G17537" i="1"/>
  <c r="G17538" i="1"/>
  <c r="G17539" i="1"/>
  <c r="G17540" i="1"/>
  <c r="G17541" i="1"/>
  <c r="G17542" i="1"/>
  <c r="G17543" i="1"/>
  <c r="G17544" i="1"/>
  <c r="G17545" i="1"/>
  <c r="G17546" i="1"/>
  <c r="G17547" i="1"/>
  <c r="G17548" i="1"/>
  <c r="G17549" i="1"/>
  <c r="G17550" i="1"/>
  <c r="G17551" i="1"/>
  <c r="G17552" i="1"/>
  <c r="G17553" i="1"/>
  <c r="G17554" i="1"/>
  <c r="G17555" i="1"/>
  <c r="G17556" i="1"/>
  <c r="G17557" i="1"/>
  <c r="G17558" i="1"/>
  <c r="G17559" i="1"/>
  <c r="G17560" i="1"/>
  <c r="G17561" i="1"/>
  <c r="G17562" i="1"/>
  <c r="G17563" i="1"/>
  <c r="G17564" i="1"/>
  <c r="G17565" i="1"/>
  <c r="G17566" i="1"/>
  <c r="G17567" i="1"/>
  <c r="G17568" i="1"/>
  <c r="G17569" i="1"/>
  <c r="G17570" i="1"/>
  <c r="G17571" i="1"/>
  <c r="G17572" i="1"/>
  <c r="G17573" i="1"/>
  <c r="G17574" i="1"/>
  <c r="G17575" i="1"/>
  <c r="G17576" i="1"/>
  <c r="G17577" i="1"/>
  <c r="G17578" i="1"/>
  <c r="G17579" i="1"/>
  <c r="G17580" i="1"/>
  <c r="G17581" i="1"/>
  <c r="G17582" i="1"/>
  <c r="G17583" i="1"/>
  <c r="G17584" i="1"/>
  <c r="G17585" i="1"/>
  <c r="G17586" i="1"/>
  <c r="G17587" i="1"/>
  <c r="G17588" i="1"/>
  <c r="G17589" i="1"/>
  <c r="G17590" i="1"/>
  <c r="G17591" i="1"/>
  <c r="G17592" i="1"/>
  <c r="G17593" i="1"/>
  <c r="G17594" i="1"/>
  <c r="G17595" i="1"/>
  <c r="G17596" i="1"/>
  <c r="G17597" i="1"/>
  <c r="G17598" i="1"/>
  <c r="G17599" i="1"/>
  <c r="G17600" i="1"/>
  <c r="G17601" i="1"/>
  <c r="G17602" i="1"/>
  <c r="G17603" i="1"/>
  <c r="G17604" i="1"/>
  <c r="G17605" i="1"/>
  <c r="G17606" i="1"/>
  <c r="G17607" i="1"/>
  <c r="G17608" i="1"/>
  <c r="G17609" i="1"/>
  <c r="G17610" i="1"/>
  <c r="G17611" i="1"/>
  <c r="G17612" i="1"/>
  <c r="G17613" i="1"/>
  <c r="G17614" i="1"/>
  <c r="G17615" i="1"/>
  <c r="G17616" i="1"/>
  <c r="G17617" i="1"/>
  <c r="G17618" i="1"/>
  <c r="G17619" i="1"/>
  <c r="G17620" i="1"/>
  <c r="G17621" i="1"/>
  <c r="G17622" i="1"/>
  <c r="G17623" i="1"/>
  <c r="G17624" i="1"/>
  <c r="G17625" i="1"/>
  <c r="G17626" i="1"/>
  <c r="G17627" i="1"/>
  <c r="G17628" i="1"/>
  <c r="G17629" i="1"/>
  <c r="G17630" i="1"/>
  <c r="G17631" i="1"/>
  <c r="G17632" i="1"/>
  <c r="G17633" i="1"/>
  <c r="G17634" i="1"/>
  <c r="G17635" i="1"/>
  <c r="G17636" i="1"/>
  <c r="G17637" i="1"/>
  <c r="G17638" i="1"/>
  <c r="G17639" i="1"/>
  <c r="G17640" i="1"/>
  <c r="G17641" i="1"/>
  <c r="G17642" i="1"/>
  <c r="G17643" i="1"/>
  <c r="G17644" i="1"/>
  <c r="G17645" i="1"/>
  <c r="G17646" i="1"/>
  <c r="G17647" i="1"/>
  <c r="G17648" i="1"/>
  <c r="G17649" i="1"/>
  <c r="G17650" i="1"/>
  <c r="G17651" i="1"/>
  <c r="G17652" i="1"/>
  <c r="G17653" i="1"/>
  <c r="G17654" i="1"/>
  <c r="G17655" i="1"/>
  <c r="G17656" i="1"/>
  <c r="G17657" i="1"/>
  <c r="G17658" i="1"/>
  <c r="G17659" i="1"/>
  <c r="G17660" i="1"/>
  <c r="G17661" i="1"/>
  <c r="G17662" i="1"/>
  <c r="G17663" i="1"/>
  <c r="G17664" i="1"/>
  <c r="G17665" i="1"/>
  <c r="G17666" i="1"/>
  <c r="G17667" i="1"/>
  <c r="G17668" i="1"/>
  <c r="G17669" i="1"/>
  <c r="G17670" i="1"/>
  <c r="G17671" i="1"/>
  <c r="G17672" i="1"/>
  <c r="G17673" i="1"/>
  <c r="G17674" i="1"/>
  <c r="G17675" i="1"/>
  <c r="G17676" i="1"/>
  <c r="G17677" i="1"/>
  <c r="G17678" i="1"/>
  <c r="G17679" i="1"/>
  <c r="G17680" i="1"/>
  <c r="G17681" i="1"/>
  <c r="G17682" i="1"/>
  <c r="G17683" i="1"/>
  <c r="G17684" i="1"/>
  <c r="G17685" i="1"/>
  <c r="G17686" i="1"/>
  <c r="G17687" i="1"/>
  <c r="G17688" i="1"/>
  <c r="G17689" i="1"/>
  <c r="G17690" i="1"/>
  <c r="G17691" i="1"/>
  <c r="G17692" i="1"/>
  <c r="G17693" i="1"/>
  <c r="G17694" i="1"/>
  <c r="G17695" i="1"/>
  <c r="G17696" i="1"/>
  <c r="G17697" i="1"/>
  <c r="G17698" i="1"/>
  <c r="G17699" i="1"/>
  <c r="G17700" i="1"/>
  <c r="G17701" i="1"/>
  <c r="G17702" i="1"/>
  <c r="G17703" i="1"/>
  <c r="G17704" i="1"/>
  <c r="G17705" i="1"/>
  <c r="G17706" i="1"/>
  <c r="G17707" i="1"/>
  <c r="G17708" i="1"/>
  <c r="G17709" i="1"/>
  <c r="G17710" i="1"/>
  <c r="G17711" i="1"/>
  <c r="G17712" i="1"/>
  <c r="G17713" i="1"/>
  <c r="G17714" i="1"/>
  <c r="G17715" i="1"/>
  <c r="G17716" i="1"/>
  <c r="G17717" i="1"/>
  <c r="G17718" i="1"/>
  <c r="G17719" i="1"/>
  <c r="G17720" i="1"/>
  <c r="G17721" i="1"/>
  <c r="G17722" i="1"/>
  <c r="G17723" i="1"/>
  <c r="G17724" i="1"/>
  <c r="G17725" i="1"/>
  <c r="G17726" i="1"/>
  <c r="G17727" i="1"/>
  <c r="G17728" i="1"/>
  <c r="G17729" i="1"/>
  <c r="G17730" i="1"/>
  <c r="G17731" i="1"/>
  <c r="G17732" i="1"/>
  <c r="G17733" i="1"/>
  <c r="G17734" i="1"/>
  <c r="G17735" i="1"/>
  <c r="G17736" i="1"/>
  <c r="G17737" i="1"/>
  <c r="G17738" i="1"/>
  <c r="G17739" i="1"/>
  <c r="G17740" i="1"/>
  <c r="G17741" i="1"/>
  <c r="G17742" i="1"/>
  <c r="G17743" i="1"/>
  <c r="G17744" i="1"/>
  <c r="G17745" i="1"/>
  <c r="G17746" i="1"/>
  <c r="G17747" i="1"/>
  <c r="G17748" i="1"/>
  <c r="G17749" i="1"/>
  <c r="G17750" i="1"/>
  <c r="G17751" i="1"/>
  <c r="G17752" i="1"/>
  <c r="G17753" i="1"/>
  <c r="G17754" i="1"/>
  <c r="G17755" i="1"/>
  <c r="G17756" i="1"/>
  <c r="G17757" i="1"/>
  <c r="G17758" i="1"/>
  <c r="G17759" i="1"/>
  <c r="G17760" i="1"/>
  <c r="G17761" i="1"/>
  <c r="G17762" i="1"/>
  <c r="G17763" i="1"/>
  <c r="G17764" i="1"/>
  <c r="G17765" i="1"/>
  <c r="G17766" i="1"/>
  <c r="G17767" i="1"/>
  <c r="G17768" i="1"/>
  <c r="G17769" i="1"/>
  <c r="G17770" i="1"/>
  <c r="G17771" i="1"/>
  <c r="G17772" i="1"/>
  <c r="G17773" i="1"/>
  <c r="G17774" i="1"/>
  <c r="G17775" i="1"/>
  <c r="G17776" i="1"/>
  <c r="G17777" i="1"/>
  <c r="G17778" i="1"/>
  <c r="G17779" i="1"/>
  <c r="G17780" i="1"/>
  <c r="G17781" i="1"/>
  <c r="G17782" i="1"/>
  <c r="G17783" i="1"/>
  <c r="G17784" i="1"/>
  <c r="G17785" i="1"/>
  <c r="G17786" i="1"/>
  <c r="G17787" i="1"/>
  <c r="G17788" i="1"/>
  <c r="G17789" i="1"/>
  <c r="G17790" i="1"/>
  <c r="G17791" i="1"/>
  <c r="G17792" i="1"/>
  <c r="G17793" i="1"/>
  <c r="G17794" i="1"/>
  <c r="G17795" i="1"/>
  <c r="G17796" i="1"/>
  <c r="G17797" i="1"/>
  <c r="G17798" i="1"/>
  <c r="G17799" i="1"/>
  <c r="G17800" i="1"/>
  <c r="G17801" i="1"/>
  <c r="G17802" i="1"/>
  <c r="G17803" i="1"/>
  <c r="G17804" i="1"/>
  <c r="G17805" i="1"/>
  <c r="G17806" i="1"/>
  <c r="G17807" i="1"/>
  <c r="G17808" i="1"/>
  <c r="G17809" i="1"/>
  <c r="G17810" i="1"/>
  <c r="G17811" i="1"/>
  <c r="G17812" i="1"/>
  <c r="G17813" i="1"/>
  <c r="G17814" i="1"/>
  <c r="G17815" i="1"/>
  <c r="G17816" i="1"/>
  <c r="G17817" i="1"/>
  <c r="G17818" i="1"/>
  <c r="G17819" i="1"/>
  <c r="G17820" i="1"/>
  <c r="G17821" i="1"/>
  <c r="G17822" i="1"/>
  <c r="G17823" i="1"/>
  <c r="G17824" i="1"/>
  <c r="G17825" i="1"/>
  <c r="G17826" i="1"/>
  <c r="G17827" i="1"/>
  <c r="G17828" i="1"/>
  <c r="G17829" i="1"/>
  <c r="G17830" i="1"/>
  <c r="G17831" i="1"/>
  <c r="G17832" i="1"/>
  <c r="G17833" i="1"/>
  <c r="G17834" i="1"/>
  <c r="G17835" i="1"/>
  <c r="G17836" i="1"/>
  <c r="G17837" i="1"/>
  <c r="G17838" i="1"/>
  <c r="G17839" i="1"/>
  <c r="G17840" i="1"/>
  <c r="G17841" i="1"/>
  <c r="G17842" i="1"/>
  <c r="G17843" i="1"/>
  <c r="G17844" i="1"/>
  <c r="G17845" i="1"/>
  <c r="G17846" i="1"/>
  <c r="G17847" i="1"/>
  <c r="G17848" i="1"/>
  <c r="G17849" i="1"/>
  <c r="G17850" i="1"/>
  <c r="G17851" i="1"/>
  <c r="G17852" i="1"/>
  <c r="G17853" i="1"/>
  <c r="G17854" i="1"/>
  <c r="G17855" i="1"/>
  <c r="G17856" i="1"/>
  <c r="G17857" i="1"/>
  <c r="G17858" i="1"/>
  <c r="G17859" i="1"/>
  <c r="G17860" i="1"/>
  <c r="G17861" i="1"/>
  <c r="G17862" i="1"/>
  <c r="G17863" i="1"/>
  <c r="G17864" i="1"/>
  <c r="G17865" i="1"/>
  <c r="G17866" i="1"/>
  <c r="G17867" i="1"/>
  <c r="G17868" i="1"/>
  <c r="G17869" i="1"/>
  <c r="G17870" i="1"/>
  <c r="G17871" i="1"/>
  <c r="G17872" i="1"/>
  <c r="G17873" i="1"/>
  <c r="G17874" i="1"/>
  <c r="G17875" i="1"/>
  <c r="G17876" i="1"/>
  <c r="G17877" i="1"/>
  <c r="G17878" i="1"/>
  <c r="G17879" i="1"/>
  <c r="G17880" i="1"/>
  <c r="G17881" i="1"/>
  <c r="G17882" i="1"/>
  <c r="G17883" i="1"/>
  <c r="G17884" i="1"/>
  <c r="G17885" i="1"/>
  <c r="G17886" i="1"/>
  <c r="G17887" i="1"/>
  <c r="G17888" i="1"/>
  <c r="G17889" i="1"/>
  <c r="G17890" i="1"/>
  <c r="G17891" i="1"/>
  <c r="G17892" i="1"/>
  <c r="G17893" i="1"/>
  <c r="G17894" i="1"/>
  <c r="G17895" i="1"/>
  <c r="G17896" i="1"/>
  <c r="G17897" i="1"/>
  <c r="G17898" i="1"/>
  <c r="G17899" i="1"/>
  <c r="G17900" i="1"/>
  <c r="G17901" i="1"/>
  <c r="G17902" i="1"/>
  <c r="G17903" i="1"/>
  <c r="G17904" i="1"/>
  <c r="G17905" i="1"/>
  <c r="G17906" i="1"/>
  <c r="G17907" i="1"/>
  <c r="G17908" i="1"/>
  <c r="G17909" i="1"/>
  <c r="G17910" i="1"/>
  <c r="G17911" i="1"/>
  <c r="G17912" i="1"/>
  <c r="G17913" i="1"/>
  <c r="G17914" i="1"/>
  <c r="G17915" i="1"/>
  <c r="G17916" i="1"/>
  <c r="G17917" i="1"/>
  <c r="G17918" i="1"/>
  <c r="G17919" i="1"/>
  <c r="G17920" i="1"/>
  <c r="G17921" i="1"/>
  <c r="G17922" i="1"/>
  <c r="G17923" i="1"/>
  <c r="G17924" i="1"/>
  <c r="G17925" i="1"/>
  <c r="G17926" i="1"/>
  <c r="G17927" i="1"/>
  <c r="G17928" i="1"/>
  <c r="G17929" i="1"/>
  <c r="G17930" i="1"/>
  <c r="G17931" i="1"/>
  <c r="G17932" i="1"/>
  <c r="G17933" i="1"/>
  <c r="G17934" i="1"/>
  <c r="G17935" i="1"/>
  <c r="G17936" i="1"/>
  <c r="G17937" i="1"/>
  <c r="G17938" i="1"/>
  <c r="G17939" i="1"/>
  <c r="G17940" i="1"/>
  <c r="G17941" i="1"/>
  <c r="G17942" i="1"/>
  <c r="G17943" i="1"/>
  <c r="G17944" i="1"/>
  <c r="G17945" i="1"/>
  <c r="G17946" i="1"/>
  <c r="G17947" i="1"/>
  <c r="G17948" i="1"/>
  <c r="G17949" i="1"/>
  <c r="G17950" i="1"/>
  <c r="G17951" i="1"/>
  <c r="G17952" i="1"/>
  <c r="G17953" i="1"/>
  <c r="G17954" i="1"/>
  <c r="G17955" i="1"/>
  <c r="G17956" i="1"/>
  <c r="G17957" i="1"/>
  <c r="G17958" i="1"/>
  <c r="G17959" i="1"/>
  <c r="G17960" i="1"/>
  <c r="G17961" i="1"/>
  <c r="G17962" i="1"/>
  <c r="G17963" i="1"/>
  <c r="G17964" i="1"/>
  <c r="G17965" i="1"/>
  <c r="G17966" i="1"/>
  <c r="G17967" i="1"/>
  <c r="G17968" i="1"/>
  <c r="G17969" i="1"/>
  <c r="G17970" i="1"/>
  <c r="G17971" i="1"/>
  <c r="G17972" i="1"/>
  <c r="G17973" i="1"/>
  <c r="G17974" i="1"/>
  <c r="G17975" i="1"/>
  <c r="G17976" i="1"/>
  <c r="G17977" i="1"/>
  <c r="G17978" i="1"/>
  <c r="G17979" i="1"/>
  <c r="G17980" i="1"/>
  <c r="G17981" i="1"/>
  <c r="G17982" i="1"/>
  <c r="G17983" i="1"/>
  <c r="G17984" i="1"/>
  <c r="G17985" i="1"/>
  <c r="G17986" i="1"/>
  <c r="G17987" i="1"/>
  <c r="G17988" i="1"/>
  <c r="G17989" i="1"/>
  <c r="G17990" i="1"/>
  <c r="G17991" i="1"/>
  <c r="G17992" i="1"/>
  <c r="G17993" i="1"/>
  <c r="G17994" i="1"/>
  <c r="G17995" i="1"/>
  <c r="G17996" i="1"/>
  <c r="G17997" i="1"/>
  <c r="G17998" i="1"/>
  <c r="G17999" i="1"/>
  <c r="G18000" i="1"/>
  <c r="G18001" i="1"/>
  <c r="G18002" i="1"/>
  <c r="G18003" i="1"/>
  <c r="G18004" i="1"/>
  <c r="G18005" i="1"/>
  <c r="G18006" i="1"/>
  <c r="G18007" i="1"/>
  <c r="G18008" i="1"/>
  <c r="G18009" i="1"/>
  <c r="G18010" i="1"/>
  <c r="G18011" i="1"/>
  <c r="G18012" i="1"/>
  <c r="G18013" i="1"/>
  <c r="G18014" i="1"/>
  <c r="G18015" i="1"/>
  <c r="G18016" i="1"/>
  <c r="G18017" i="1"/>
  <c r="G18018" i="1"/>
  <c r="G18019" i="1"/>
  <c r="G18020" i="1"/>
  <c r="G18021" i="1"/>
  <c r="G18022" i="1"/>
  <c r="G18023" i="1"/>
  <c r="G18024" i="1"/>
  <c r="G18025" i="1"/>
  <c r="G18026" i="1"/>
  <c r="G18027" i="1"/>
  <c r="G18028" i="1"/>
  <c r="G18029" i="1"/>
  <c r="G18030" i="1"/>
  <c r="G18031" i="1"/>
  <c r="G18032" i="1"/>
  <c r="G18033" i="1"/>
  <c r="G18034" i="1"/>
  <c r="G18035" i="1"/>
  <c r="G18036" i="1"/>
  <c r="G18037" i="1"/>
  <c r="G18038" i="1"/>
  <c r="G18039" i="1"/>
  <c r="G18040" i="1"/>
  <c r="G18041" i="1"/>
  <c r="G18042" i="1"/>
  <c r="G18043" i="1"/>
  <c r="G18044" i="1"/>
  <c r="G18045" i="1"/>
  <c r="G18046" i="1"/>
  <c r="G18047" i="1"/>
  <c r="G18048" i="1"/>
  <c r="G18049" i="1"/>
  <c r="G18050" i="1"/>
  <c r="G18051" i="1"/>
  <c r="G18052" i="1"/>
  <c r="G18053" i="1"/>
  <c r="G18054" i="1"/>
  <c r="G18055" i="1"/>
  <c r="G18056" i="1"/>
  <c r="G18057" i="1"/>
  <c r="G18058" i="1"/>
  <c r="G18059" i="1"/>
  <c r="G18060" i="1"/>
  <c r="G18061" i="1"/>
  <c r="G18062" i="1"/>
  <c r="G18063" i="1"/>
  <c r="G18064" i="1"/>
  <c r="G18065" i="1"/>
  <c r="G18066" i="1"/>
  <c r="G18067" i="1"/>
  <c r="G18068" i="1"/>
  <c r="G18069" i="1"/>
  <c r="G18070" i="1"/>
  <c r="G18071" i="1"/>
  <c r="G18072" i="1"/>
  <c r="G18073" i="1"/>
  <c r="G18074" i="1"/>
  <c r="G18075" i="1"/>
  <c r="G18076" i="1"/>
  <c r="G18077" i="1"/>
  <c r="G18078" i="1"/>
  <c r="G18079" i="1"/>
  <c r="G18080" i="1"/>
  <c r="G18081" i="1"/>
  <c r="G18082" i="1"/>
  <c r="G18083" i="1"/>
  <c r="G18084" i="1"/>
  <c r="G18085" i="1"/>
  <c r="G18086" i="1"/>
  <c r="G18087" i="1"/>
  <c r="G18088" i="1"/>
  <c r="G18089" i="1"/>
  <c r="G18090" i="1"/>
  <c r="G18091" i="1"/>
  <c r="G18092" i="1"/>
  <c r="G18093" i="1"/>
  <c r="G18094" i="1"/>
  <c r="G18095" i="1"/>
  <c r="G18096" i="1"/>
  <c r="G18097" i="1"/>
  <c r="G18098" i="1"/>
  <c r="G18099" i="1"/>
  <c r="G18100" i="1"/>
  <c r="G18101" i="1"/>
  <c r="G18102" i="1"/>
  <c r="G18103" i="1"/>
  <c r="G18104" i="1"/>
  <c r="G18105" i="1"/>
  <c r="G18106" i="1"/>
  <c r="G18107" i="1"/>
  <c r="G18108" i="1"/>
  <c r="G18109" i="1"/>
  <c r="G18110" i="1"/>
  <c r="G18111" i="1"/>
  <c r="G18112" i="1"/>
  <c r="G18113" i="1"/>
  <c r="G18114" i="1"/>
  <c r="G18115" i="1"/>
  <c r="G18116" i="1"/>
  <c r="G18117" i="1"/>
  <c r="G18118" i="1"/>
  <c r="G18119" i="1"/>
  <c r="G18120" i="1"/>
  <c r="G18121" i="1"/>
  <c r="G18122" i="1"/>
  <c r="G18123" i="1"/>
  <c r="G18124" i="1"/>
  <c r="G18125" i="1"/>
  <c r="G18126" i="1"/>
  <c r="G18127" i="1"/>
  <c r="G18128" i="1"/>
  <c r="G18129" i="1"/>
  <c r="G18130" i="1"/>
  <c r="G18131" i="1"/>
  <c r="G18132" i="1"/>
  <c r="G18133" i="1"/>
  <c r="G18134" i="1"/>
  <c r="G18135" i="1"/>
  <c r="G18136" i="1"/>
  <c r="G18137" i="1"/>
  <c r="G18138" i="1"/>
  <c r="G18139" i="1"/>
  <c r="G18140" i="1"/>
  <c r="G18141" i="1"/>
  <c r="G18142" i="1"/>
  <c r="G18143" i="1"/>
  <c r="G18144" i="1"/>
  <c r="G18145" i="1"/>
  <c r="G18146" i="1"/>
  <c r="G18147" i="1"/>
  <c r="G18148" i="1"/>
  <c r="G18149" i="1"/>
  <c r="G18150" i="1"/>
  <c r="G18151" i="1"/>
  <c r="G18152" i="1"/>
  <c r="G18153" i="1"/>
  <c r="G18154" i="1"/>
  <c r="G18155" i="1"/>
  <c r="G18156" i="1"/>
  <c r="G18157" i="1"/>
  <c r="G18158" i="1"/>
  <c r="G18159" i="1"/>
  <c r="G18160" i="1"/>
  <c r="G18161" i="1"/>
  <c r="G18162" i="1"/>
  <c r="G18163" i="1"/>
  <c r="G18164" i="1"/>
  <c r="G18165" i="1"/>
  <c r="G18166" i="1"/>
  <c r="G18167" i="1"/>
  <c r="G18168" i="1"/>
  <c r="G18169" i="1"/>
  <c r="G18170" i="1"/>
  <c r="G18171" i="1"/>
  <c r="G18172" i="1"/>
  <c r="G18173" i="1"/>
  <c r="G18174" i="1"/>
  <c r="G18175" i="1"/>
  <c r="G18176" i="1"/>
  <c r="G18177" i="1"/>
  <c r="G18178" i="1"/>
  <c r="G18179" i="1"/>
  <c r="G18180" i="1"/>
  <c r="G18181" i="1"/>
  <c r="G18182" i="1"/>
  <c r="G18183" i="1"/>
  <c r="G18184" i="1"/>
  <c r="G18185" i="1"/>
  <c r="G18186" i="1"/>
  <c r="G18187" i="1"/>
  <c r="G18188" i="1"/>
  <c r="G18189" i="1"/>
  <c r="G18190" i="1"/>
  <c r="G18191" i="1"/>
  <c r="G18192" i="1"/>
  <c r="G18193" i="1"/>
  <c r="G18194" i="1"/>
  <c r="G18195" i="1"/>
  <c r="G18196" i="1"/>
  <c r="G18197" i="1"/>
  <c r="G18198" i="1"/>
  <c r="G18199" i="1"/>
  <c r="G18200" i="1"/>
  <c r="G18201" i="1"/>
  <c r="G18202" i="1"/>
  <c r="G18203" i="1"/>
  <c r="G18204" i="1"/>
  <c r="G18205" i="1"/>
  <c r="G18206" i="1"/>
  <c r="G18207" i="1"/>
  <c r="G18208" i="1"/>
  <c r="G18209" i="1"/>
  <c r="G18210" i="1"/>
  <c r="G18211" i="1"/>
  <c r="G18212" i="1"/>
  <c r="G18213" i="1"/>
  <c r="G18214" i="1"/>
  <c r="G18215" i="1"/>
  <c r="G18216" i="1"/>
  <c r="G18217" i="1"/>
  <c r="G18218" i="1"/>
  <c r="G18219" i="1"/>
  <c r="G18220" i="1"/>
  <c r="G18221" i="1"/>
  <c r="G18222" i="1"/>
  <c r="G18223" i="1"/>
  <c r="G18224" i="1"/>
  <c r="G18225" i="1"/>
  <c r="G18226" i="1"/>
  <c r="G18227" i="1"/>
  <c r="G18228" i="1"/>
  <c r="G18229" i="1"/>
  <c r="G18230" i="1"/>
  <c r="G18231" i="1"/>
  <c r="G18232" i="1"/>
  <c r="G18233" i="1"/>
  <c r="G18234" i="1"/>
  <c r="G18235" i="1"/>
  <c r="G18236" i="1"/>
  <c r="G18237" i="1"/>
  <c r="G18238" i="1"/>
  <c r="G18239" i="1"/>
  <c r="G18240" i="1"/>
  <c r="G18241" i="1"/>
  <c r="G18242" i="1"/>
  <c r="G18243" i="1"/>
  <c r="G18244" i="1"/>
  <c r="G18245" i="1"/>
  <c r="G18246" i="1"/>
  <c r="G18247" i="1"/>
  <c r="G18248" i="1"/>
  <c r="G18249" i="1"/>
  <c r="G18250" i="1"/>
  <c r="G18251" i="1"/>
  <c r="G18252" i="1"/>
  <c r="G18253" i="1"/>
  <c r="G18254" i="1"/>
  <c r="G18255" i="1"/>
  <c r="G18256" i="1"/>
  <c r="G18257" i="1"/>
  <c r="G18258" i="1"/>
  <c r="G18259" i="1"/>
  <c r="G18260" i="1"/>
  <c r="G18261" i="1"/>
  <c r="G18262" i="1"/>
  <c r="G18263" i="1"/>
  <c r="G18264" i="1"/>
  <c r="G18265" i="1"/>
  <c r="G18266" i="1"/>
  <c r="G18267" i="1"/>
  <c r="G18268" i="1"/>
  <c r="G18269" i="1"/>
  <c r="G18270" i="1"/>
  <c r="G18271" i="1"/>
  <c r="G18272" i="1"/>
  <c r="G18273" i="1"/>
  <c r="G18274" i="1"/>
  <c r="G18275" i="1"/>
  <c r="G18276" i="1"/>
  <c r="G18277" i="1"/>
  <c r="G18278" i="1"/>
  <c r="G18279" i="1"/>
  <c r="G18280" i="1"/>
  <c r="G18281" i="1"/>
  <c r="G18282" i="1"/>
  <c r="G18283" i="1"/>
  <c r="G18284" i="1"/>
  <c r="G18285" i="1"/>
  <c r="G18286" i="1"/>
  <c r="G18287" i="1"/>
  <c r="G18288" i="1"/>
  <c r="G18289" i="1"/>
  <c r="G18290" i="1"/>
  <c r="G18291" i="1"/>
  <c r="G18292" i="1"/>
  <c r="G18293" i="1"/>
  <c r="G18294" i="1"/>
  <c r="G18295" i="1"/>
  <c r="G18296" i="1"/>
  <c r="G18297" i="1"/>
  <c r="G18298" i="1"/>
  <c r="G18299" i="1"/>
  <c r="G18300" i="1"/>
  <c r="G18301" i="1"/>
  <c r="G18302" i="1"/>
  <c r="G18303" i="1"/>
  <c r="G18304" i="1"/>
  <c r="G18305" i="1"/>
  <c r="G18306" i="1"/>
  <c r="G18307" i="1"/>
  <c r="G18308" i="1"/>
  <c r="G18309" i="1"/>
  <c r="G18310" i="1"/>
  <c r="G18311" i="1"/>
  <c r="G18312" i="1"/>
  <c r="G18313" i="1"/>
  <c r="G18314" i="1"/>
  <c r="G18315" i="1"/>
  <c r="G18316" i="1"/>
  <c r="G18317" i="1"/>
  <c r="G18318" i="1"/>
  <c r="G18319" i="1"/>
  <c r="G18320" i="1"/>
  <c r="G18321" i="1"/>
  <c r="G18322" i="1"/>
  <c r="G18323" i="1"/>
  <c r="G18324" i="1"/>
  <c r="G18325" i="1"/>
  <c r="G18326" i="1"/>
  <c r="G18327" i="1"/>
  <c r="G18328" i="1"/>
  <c r="G18329" i="1"/>
  <c r="G18330" i="1"/>
  <c r="G18331" i="1"/>
  <c r="G18332" i="1"/>
  <c r="G18333" i="1"/>
  <c r="G18334" i="1"/>
  <c r="G18335" i="1"/>
  <c r="G18336" i="1"/>
  <c r="G18337" i="1"/>
  <c r="G18338" i="1"/>
  <c r="G18339" i="1"/>
  <c r="G18340" i="1"/>
  <c r="G18341" i="1"/>
  <c r="G18342" i="1"/>
  <c r="G18343" i="1"/>
  <c r="G18344" i="1"/>
  <c r="G18345" i="1"/>
  <c r="G18346" i="1"/>
  <c r="G18347" i="1"/>
  <c r="G18348" i="1"/>
  <c r="G18349" i="1"/>
  <c r="G18350" i="1"/>
  <c r="G18351" i="1"/>
  <c r="G18352" i="1"/>
  <c r="G18353" i="1"/>
  <c r="G18354" i="1"/>
  <c r="G18355" i="1"/>
  <c r="G18356" i="1"/>
  <c r="G18357" i="1"/>
  <c r="G18358" i="1"/>
  <c r="G18359" i="1"/>
  <c r="G18360" i="1"/>
  <c r="G18361" i="1"/>
  <c r="G18362" i="1"/>
  <c r="G18363" i="1"/>
  <c r="G18364" i="1"/>
  <c r="G18365" i="1"/>
  <c r="G18366" i="1"/>
  <c r="G18367" i="1"/>
  <c r="G18368" i="1"/>
  <c r="G18369" i="1"/>
  <c r="G18370" i="1"/>
  <c r="G18371" i="1"/>
  <c r="G18372" i="1"/>
  <c r="G18373" i="1"/>
  <c r="G18374" i="1"/>
  <c r="G18375" i="1"/>
  <c r="G18376" i="1"/>
  <c r="G18377" i="1"/>
  <c r="G18378" i="1"/>
  <c r="G18379" i="1"/>
  <c r="G18380" i="1"/>
  <c r="G18381" i="1"/>
  <c r="G18382" i="1"/>
  <c r="G18383" i="1"/>
  <c r="G18384" i="1"/>
  <c r="G18385" i="1"/>
  <c r="G18386" i="1"/>
  <c r="G18387" i="1"/>
  <c r="G18388" i="1"/>
  <c r="G18389" i="1"/>
  <c r="G18390" i="1"/>
  <c r="G18391" i="1"/>
  <c r="G18392" i="1"/>
  <c r="G18393" i="1"/>
  <c r="G18394" i="1"/>
  <c r="G18395" i="1"/>
  <c r="G18396" i="1"/>
  <c r="G18397" i="1"/>
  <c r="G18398" i="1"/>
  <c r="G18399" i="1"/>
  <c r="G18400" i="1"/>
  <c r="G18401" i="1"/>
  <c r="G18402" i="1"/>
  <c r="G18403" i="1"/>
  <c r="G18404" i="1"/>
  <c r="G18405" i="1"/>
  <c r="G18406" i="1"/>
  <c r="G18407" i="1"/>
  <c r="G18408" i="1"/>
  <c r="G18409" i="1"/>
  <c r="G18410" i="1"/>
  <c r="G18411" i="1"/>
  <c r="G18412" i="1"/>
  <c r="G18413" i="1"/>
  <c r="G18414" i="1"/>
  <c r="G18415" i="1"/>
  <c r="G18416" i="1"/>
  <c r="G18417" i="1"/>
  <c r="G18418" i="1"/>
  <c r="G18419" i="1"/>
  <c r="G18420" i="1"/>
  <c r="G18421" i="1"/>
  <c r="G18422" i="1"/>
  <c r="G18423" i="1"/>
  <c r="G18424" i="1"/>
  <c r="G18425" i="1"/>
  <c r="G18426" i="1"/>
  <c r="G18427" i="1"/>
  <c r="G18428" i="1"/>
  <c r="G18429" i="1"/>
  <c r="G18430" i="1"/>
  <c r="G18431" i="1"/>
  <c r="G18432" i="1"/>
  <c r="G18433" i="1"/>
  <c r="G18434" i="1"/>
  <c r="G18435" i="1"/>
  <c r="G18436" i="1"/>
  <c r="G18437" i="1"/>
  <c r="G18438" i="1"/>
  <c r="G18439" i="1"/>
  <c r="G18440" i="1"/>
  <c r="G18441" i="1"/>
  <c r="G18442" i="1"/>
  <c r="G18443" i="1"/>
  <c r="G18444" i="1"/>
  <c r="G18445" i="1"/>
  <c r="G18446" i="1"/>
  <c r="G18447" i="1"/>
  <c r="G18448" i="1"/>
  <c r="G18449" i="1"/>
  <c r="G18450" i="1"/>
  <c r="G18451" i="1"/>
  <c r="G18452" i="1"/>
  <c r="G18453" i="1"/>
  <c r="G18454" i="1"/>
  <c r="G18455" i="1"/>
  <c r="G18456" i="1"/>
  <c r="G18457" i="1"/>
  <c r="G18458" i="1"/>
  <c r="G18459" i="1"/>
  <c r="G18460" i="1"/>
  <c r="G18461" i="1"/>
  <c r="G18462" i="1"/>
  <c r="G18463" i="1"/>
  <c r="G18464" i="1"/>
  <c r="G18465" i="1"/>
  <c r="G18466" i="1"/>
  <c r="G18467" i="1"/>
  <c r="G18468" i="1"/>
  <c r="G18469" i="1"/>
  <c r="G18470" i="1"/>
  <c r="G18471" i="1"/>
  <c r="G18472" i="1"/>
  <c r="G18473" i="1"/>
  <c r="G18474" i="1"/>
  <c r="G18475" i="1"/>
  <c r="G18476" i="1"/>
  <c r="G18477" i="1"/>
  <c r="G18478" i="1"/>
  <c r="G18479" i="1"/>
  <c r="G18480" i="1"/>
  <c r="G18481" i="1"/>
  <c r="G18482" i="1"/>
  <c r="G18483" i="1"/>
  <c r="G18484" i="1"/>
  <c r="G18485" i="1"/>
  <c r="G18486" i="1"/>
  <c r="G18487" i="1"/>
  <c r="G18488" i="1"/>
  <c r="G18489" i="1"/>
  <c r="G18490" i="1"/>
  <c r="G18491" i="1"/>
  <c r="G18492" i="1"/>
  <c r="G18493" i="1"/>
  <c r="G18494" i="1"/>
  <c r="G18495" i="1"/>
  <c r="G18496" i="1"/>
  <c r="G18497" i="1"/>
  <c r="G18498" i="1"/>
  <c r="G18499" i="1"/>
  <c r="G18500" i="1"/>
  <c r="G18501" i="1"/>
  <c r="G18502" i="1"/>
  <c r="G18503" i="1"/>
  <c r="G18504" i="1"/>
  <c r="G18505" i="1"/>
  <c r="G18506" i="1"/>
  <c r="G18507" i="1"/>
  <c r="G18508" i="1"/>
  <c r="G18509" i="1"/>
  <c r="G18510" i="1"/>
  <c r="G18511" i="1"/>
  <c r="G18512" i="1"/>
  <c r="G18513" i="1"/>
  <c r="G18514" i="1"/>
  <c r="G18515" i="1"/>
  <c r="G18516" i="1"/>
  <c r="G18517" i="1"/>
  <c r="G18518" i="1"/>
  <c r="G18519" i="1"/>
  <c r="G18520" i="1"/>
  <c r="G18521" i="1"/>
  <c r="G18522" i="1"/>
  <c r="G18523" i="1"/>
  <c r="G18524" i="1"/>
  <c r="G18525" i="1"/>
  <c r="G18526" i="1"/>
  <c r="G18527" i="1"/>
  <c r="G18528" i="1"/>
  <c r="G18529" i="1"/>
  <c r="G18530" i="1"/>
  <c r="G18531" i="1"/>
  <c r="G18532" i="1"/>
  <c r="G18533" i="1"/>
  <c r="G18534" i="1"/>
  <c r="G18535" i="1"/>
  <c r="G18536" i="1"/>
  <c r="G18537" i="1"/>
  <c r="G18538" i="1"/>
  <c r="G18539" i="1"/>
  <c r="G18540" i="1"/>
  <c r="G18541" i="1"/>
  <c r="G18542" i="1"/>
  <c r="G18543" i="1"/>
  <c r="G18544" i="1"/>
  <c r="G18545" i="1"/>
  <c r="G18546" i="1"/>
  <c r="G18547" i="1"/>
  <c r="G18548" i="1"/>
  <c r="G18549" i="1"/>
  <c r="G18550" i="1"/>
  <c r="G18551" i="1"/>
  <c r="G18552" i="1"/>
  <c r="G18553" i="1"/>
  <c r="G18554" i="1"/>
  <c r="G18555" i="1"/>
  <c r="G18556" i="1"/>
  <c r="G18557" i="1"/>
  <c r="G18558" i="1"/>
  <c r="G18559" i="1"/>
  <c r="G18560" i="1"/>
  <c r="G18561" i="1"/>
  <c r="G18562" i="1"/>
  <c r="G18563" i="1"/>
  <c r="G18564" i="1"/>
  <c r="G18565" i="1"/>
  <c r="G18566" i="1"/>
  <c r="G18567" i="1"/>
  <c r="G18568" i="1"/>
  <c r="G18569" i="1"/>
  <c r="G18570" i="1"/>
  <c r="G18571" i="1"/>
  <c r="G18572" i="1"/>
  <c r="G18573" i="1"/>
  <c r="G18574" i="1"/>
  <c r="G18575" i="1"/>
  <c r="G18576" i="1"/>
  <c r="G18577" i="1"/>
  <c r="G18578" i="1"/>
  <c r="G18579" i="1"/>
  <c r="G18580" i="1"/>
  <c r="G18581" i="1"/>
  <c r="G18582" i="1"/>
  <c r="G18583" i="1"/>
  <c r="G18584" i="1"/>
  <c r="G18585" i="1"/>
  <c r="G18586" i="1"/>
  <c r="G18587" i="1"/>
  <c r="G18588" i="1"/>
  <c r="G18589" i="1"/>
  <c r="G18590" i="1"/>
  <c r="G18591" i="1"/>
  <c r="G18592" i="1"/>
  <c r="G18593" i="1"/>
  <c r="G18594" i="1"/>
  <c r="G18595" i="1"/>
  <c r="G18596" i="1"/>
  <c r="G18597" i="1"/>
  <c r="G18598" i="1"/>
  <c r="G18599" i="1"/>
  <c r="G18600" i="1"/>
  <c r="G18601" i="1"/>
  <c r="G18602" i="1"/>
  <c r="G18603" i="1"/>
  <c r="G18604" i="1"/>
  <c r="G18605" i="1"/>
  <c r="G18606" i="1"/>
  <c r="G18607" i="1"/>
  <c r="G18608" i="1"/>
  <c r="G18609" i="1"/>
  <c r="G18610" i="1"/>
  <c r="G18611" i="1"/>
  <c r="G18612" i="1"/>
  <c r="G18613" i="1"/>
  <c r="G18614" i="1"/>
  <c r="G18615" i="1"/>
  <c r="G18616" i="1"/>
  <c r="G18617" i="1"/>
  <c r="G18618" i="1"/>
  <c r="G18619" i="1"/>
  <c r="G18620" i="1"/>
  <c r="G18621" i="1"/>
  <c r="G18622" i="1"/>
  <c r="G18623" i="1"/>
  <c r="G18624" i="1"/>
  <c r="G18625" i="1"/>
  <c r="G18626" i="1"/>
  <c r="G18627" i="1"/>
  <c r="G18628" i="1"/>
  <c r="G18629" i="1"/>
  <c r="G18630" i="1"/>
  <c r="G18631" i="1"/>
  <c r="G18632" i="1"/>
  <c r="G18633" i="1"/>
  <c r="G18634" i="1"/>
  <c r="G18635" i="1"/>
  <c r="G18636" i="1"/>
  <c r="G18637" i="1"/>
  <c r="G18638" i="1"/>
  <c r="G18639" i="1"/>
  <c r="G18640" i="1"/>
  <c r="G18641" i="1"/>
  <c r="G18642" i="1"/>
  <c r="G18643" i="1"/>
  <c r="G18644" i="1"/>
  <c r="G18645" i="1"/>
  <c r="G18646" i="1"/>
  <c r="G18647" i="1"/>
  <c r="G18648" i="1"/>
  <c r="G18649" i="1"/>
  <c r="G18650" i="1"/>
  <c r="G18651" i="1"/>
  <c r="G18652" i="1"/>
  <c r="G18653" i="1"/>
  <c r="G18654" i="1"/>
  <c r="G18655" i="1"/>
  <c r="G18656" i="1"/>
  <c r="G18657" i="1"/>
  <c r="G18658" i="1"/>
  <c r="G18659" i="1"/>
  <c r="G18660" i="1"/>
  <c r="G18661" i="1"/>
  <c r="G18662" i="1"/>
  <c r="G18663" i="1"/>
  <c r="G18664" i="1"/>
  <c r="G18665" i="1"/>
  <c r="G18666" i="1"/>
  <c r="G18667" i="1"/>
  <c r="G18668" i="1"/>
  <c r="G18669" i="1"/>
  <c r="G18670" i="1"/>
  <c r="G18671" i="1"/>
  <c r="G18672" i="1"/>
  <c r="G18673" i="1"/>
  <c r="G18674" i="1"/>
  <c r="G18675" i="1"/>
  <c r="G18676" i="1"/>
  <c r="G18677" i="1"/>
  <c r="G18678" i="1"/>
  <c r="G18679" i="1"/>
  <c r="G18680" i="1"/>
  <c r="G18681" i="1"/>
  <c r="G18682" i="1"/>
  <c r="G18683" i="1"/>
  <c r="G18684" i="1"/>
  <c r="G18685" i="1"/>
  <c r="G18686" i="1"/>
  <c r="G18687" i="1"/>
  <c r="G18688" i="1"/>
  <c r="G18689" i="1"/>
  <c r="G18690" i="1"/>
  <c r="G18691" i="1"/>
  <c r="G18692" i="1"/>
  <c r="G18693" i="1"/>
  <c r="G18694" i="1"/>
  <c r="G18695" i="1"/>
  <c r="G18696" i="1"/>
  <c r="G18697" i="1"/>
  <c r="G18698" i="1"/>
  <c r="G18699" i="1"/>
  <c r="G18700" i="1"/>
  <c r="G18701" i="1"/>
  <c r="G18702" i="1"/>
  <c r="G18703" i="1"/>
  <c r="G18704" i="1"/>
  <c r="G18705" i="1"/>
  <c r="G18706" i="1"/>
  <c r="G18707" i="1"/>
  <c r="G18708" i="1"/>
  <c r="G18709" i="1"/>
  <c r="G18710" i="1"/>
  <c r="G18711" i="1"/>
  <c r="G18712" i="1"/>
  <c r="G18713" i="1"/>
  <c r="G18714" i="1"/>
  <c r="G18715" i="1"/>
  <c r="G18716" i="1"/>
  <c r="G18717" i="1"/>
  <c r="G18718" i="1"/>
  <c r="G18719" i="1"/>
  <c r="G18720" i="1"/>
  <c r="G18721" i="1"/>
  <c r="G18722" i="1"/>
  <c r="G18723" i="1"/>
  <c r="G18724" i="1"/>
  <c r="G18725" i="1"/>
  <c r="G18726" i="1"/>
  <c r="G18727" i="1"/>
  <c r="G18728" i="1"/>
  <c r="G18729" i="1"/>
  <c r="G18730" i="1"/>
  <c r="G18731" i="1"/>
  <c r="G18732" i="1"/>
  <c r="G18733" i="1"/>
  <c r="G18734" i="1"/>
  <c r="G18735" i="1"/>
  <c r="G18736" i="1"/>
  <c r="G18737" i="1"/>
  <c r="G18738" i="1"/>
  <c r="G18739" i="1"/>
  <c r="G18740" i="1"/>
  <c r="G18741" i="1"/>
  <c r="G18742" i="1"/>
  <c r="G18743" i="1"/>
  <c r="G18744" i="1"/>
  <c r="G18745" i="1"/>
  <c r="G18746" i="1"/>
  <c r="G18747" i="1"/>
  <c r="G18748" i="1"/>
  <c r="G18749" i="1"/>
  <c r="G18750" i="1"/>
  <c r="G18751" i="1"/>
  <c r="G18752" i="1"/>
  <c r="G18753" i="1"/>
  <c r="G18754" i="1"/>
  <c r="G18755" i="1"/>
  <c r="G18756" i="1"/>
  <c r="G18757" i="1"/>
  <c r="G18758" i="1"/>
  <c r="G18759" i="1"/>
  <c r="G18760" i="1"/>
  <c r="G18761" i="1"/>
  <c r="G18762" i="1"/>
  <c r="G18763" i="1"/>
  <c r="G18764" i="1"/>
  <c r="G18765" i="1"/>
  <c r="G18766" i="1"/>
  <c r="G18767" i="1"/>
  <c r="G18768" i="1"/>
  <c r="G18769" i="1"/>
  <c r="G18770" i="1"/>
  <c r="G18771" i="1"/>
  <c r="G18772" i="1"/>
  <c r="G18773" i="1"/>
  <c r="G18774" i="1"/>
  <c r="G18775" i="1"/>
  <c r="G18776" i="1"/>
  <c r="G18777" i="1"/>
  <c r="G18778" i="1"/>
  <c r="G18779" i="1"/>
  <c r="G18780" i="1"/>
  <c r="G18781" i="1"/>
  <c r="G18782" i="1"/>
  <c r="G18783" i="1"/>
  <c r="G18784" i="1"/>
  <c r="G18785" i="1"/>
  <c r="G18786" i="1"/>
  <c r="G18787" i="1"/>
  <c r="G18788" i="1"/>
  <c r="G18789" i="1"/>
  <c r="G18790" i="1"/>
  <c r="G18791" i="1"/>
  <c r="G18792" i="1"/>
  <c r="G18793" i="1"/>
  <c r="G18794" i="1"/>
  <c r="G18795" i="1"/>
  <c r="G18796" i="1"/>
  <c r="G18797" i="1"/>
  <c r="G18798" i="1"/>
  <c r="G18799" i="1"/>
  <c r="G18800" i="1"/>
  <c r="G18801" i="1"/>
  <c r="G18802" i="1"/>
  <c r="G18803" i="1"/>
  <c r="G18804" i="1"/>
  <c r="G18805" i="1"/>
  <c r="G18806" i="1"/>
  <c r="G18807" i="1"/>
  <c r="G18808" i="1"/>
  <c r="G18809" i="1"/>
  <c r="G18810" i="1"/>
  <c r="G18811" i="1"/>
  <c r="G18812" i="1"/>
  <c r="G18813" i="1"/>
  <c r="G18814" i="1"/>
  <c r="G18815" i="1"/>
  <c r="G18816" i="1"/>
  <c r="G18817" i="1"/>
  <c r="G18818" i="1"/>
  <c r="G18819" i="1"/>
  <c r="G18820" i="1"/>
  <c r="G18821" i="1"/>
  <c r="G18822" i="1"/>
  <c r="G18823" i="1"/>
  <c r="G18824" i="1"/>
  <c r="G18825" i="1"/>
  <c r="G18826" i="1"/>
  <c r="G18827" i="1"/>
  <c r="G18828" i="1"/>
  <c r="G18829" i="1"/>
  <c r="G18830" i="1"/>
  <c r="G18831" i="1"/>
  <c r="G18832" i="1"/>
  <c r="G18833" i="1"/>
  <c r="G18834" i="1"/>
  <c r="G18835" i="1"/>
  <c r="G18836" i="1"/>
  <c r="G18837" i="1"/>
  <c r="G18838" i="1"/>
  <c r="G18839" i="1"/>
  <c r="G18840" i="1"/>
  <c r="G18841" i="1"/>
  <c r="G18842" i="1"/>
  <c r="G18843" i="1"/>
  <c r="G18844" i="1"/>
  <c r="G18845" i="1"/>
  <c r="G18846" i="1"/>
  <c r="G18847" i="1"/>
  <c r="G18848" i="1"/>
  <c r="G18849" i="1"/>
  <c r="G18850" i="1"/>
  <c r="G18851" i="1"/>
  <c r="G18852" i="1"/>
  <c r="G18853" i="1"/>
  <c r="G18854" i="1"/>
  <c r="G18855" i="1"/>
  <c r="G18856" i="1"/>
  <c r="G18857" i="1"/>
  <c r="G18858" i="1"/>
  <c r="G18859" i="1"/>
  <c r="G18860" i="1"/>
  <c r="G18861" i="1"/>
  <c r="G18862" i="1"/>
  <c r="G18863" i="1"/>
  <c r="G18864" i="1"/>
  <c r="G18865" i="1"/>
  <c r="G18866" i="1"/>
  <c r="G18867" i="1"/>
  <c r="G18868" i="1"/>
  <c r="G18869" i="1"/>
  <c r="G18870" i="1"/>
  <c r="G18871" i="1"/>
  <c r="G18872" i="1"/>
  <c r="G18873" i="1"/>
  <c r="G18874" i="1"/>
  <c r="G18875" i="1"/>
  <c r="G18876" i="1"/>
  <c r="G18877" i="1"/>
  <c r="G18878" i="1"/>
  <c r="G18879" i="1"/>
  <c r="G18880" i="1"/>
  <c r="G18881" i="1"/>
  <c r="G18882" i="1"/>
  <c r="G18883" i="1"/>
  <c r="G18884" i="1"/>
  <c r="G18885" i="1"/>
  <c r="G18886" i="1"/>
  <c r="G18887" i="1"/>
  <c r="G18888" i="1"/>
  <c r="G18889" i="1"/>
  <c r="G18890" i="1"/>
  <c r="G18891" i="1"/>
  <c r="G18892" i="1"/>
  <c r="G18893" i="1"/>
  <c r="G18894" i="1"/>
  <c r="G18895" i="1"/>
  <c r="G18896" i="1"/>
  <c r="G18897" i="1"/>
  <c r="G18898" i="1"/>
  <c r="G18899" i="1"/>
  <c r="G18900" i="1"/>
  <c r="G18901" i="1"/>
  <c r="G18902" i="1"/>
  <c r="G18903" i="1"/>
  <c r="G18904" i="1"/>
  <c r="G18905" i="1"/>
  <c r="G18906" i="1"/>
  <c r="G18907" i="1"/>
  <c r="G18908" i="1"/>
  <c r="G18909" i="1"/>
  <c r="G18910" i="1"/>
  <c r="G18911" i="1"/>
  <c r="G18912" i="1"/>
  <c r="G18913" i="1"/>
  <c r="G18914" i="1"/>
  <c r="G18915" i="1"/>
  <c r="G18916" i="1"/>
  <c r="G18917" i="1"/>
  <c r="G18918" i="1"/>
  <c r="G18919" i="1"/>
  <c r="G18920" i="1"/>
  <c r="G18921" i="1"/>
  <c r="G18922" i="1"/>
  <c r="G18923" i="1"/>
  <c r="G18924" i="1"/>
  <c r="G18925" i="1"/>
  <c r="G18926" i="1"/>
  <c r="G18927" i="1"/>
  <c r="G18928" i="1"/>
  <c r="G18929" i="1"/>
  <c r="G18930" i="1"/>
  <c r="G18931" i="1"/>
  <c r="G18932" i="1"/>
  <c r="G18933" i="1"/>
  <c r="G18934" i="1"/>
  <c r="G18935" i="1"/>
  <c r="G18936" i="1"/>
  <c r="G18937" i="1"/>
  <c r="G18938" i="1"/>
  <c r="G18939" i="1"/>
  <c r="G18940" i="1"/>
  <c r="G18941" i="1"/>
  <c r="G18942" i="1"/>
  <c r="G18943" i="1"/>
  <c r="G18944" i="1"/>
  <c r="G18945" i="1"/>
  <c r="G18946" i="1"/>
  <c r="G18947" i="1"/>
  <c r="G18948" i="1"/>
  <c r="G18949" i="1"/>
  <c r="G18950" i="1"/>
  <c r="G18951" i="1"/>
  <c r="G18952" i="1"/>
  <c r="G18953" i="1"/>
  <c r="G18954" i="1"/>
  <c r="G18955" i="1"/>
  <c r="G18956" i="1"/>
  <c r="G18957" i="1"/>
  <c r="G18958" i="1"/>
  <c r="G18959" i="1"/>
  <c r="G18960" i="1"/>
  <c r="G18961" i="1"/>
  <c r="G18962" i="1"/>
  <c r="G18963" i="1"/>
  <c r="G18964" i="1"/>
  <c r="G18965" i="1"/>
  <c r="G18966" i="1"/>
  <c r="G18967" i="1"/>
  <c r="G18968" i="1"/>
  <c r="G18969" i="1"/>
  <c r="G18970" i="1"/>
  <c r="G18971" i="1"/>
  <c r="G18972" i="1"/>
  <c r="G18973" i="1"/>
  <c r="G18974" i="1"/>
  <c r="G18975" i="1"/>
  <c r="G18976" i="1"/>
  <c r="G18977" i="1"/>
  <c r="G18978" i="1"/>
  <c r="G18979" i="1"/>
  <c r="G18980" i="1"/>
  <c r="G18981" i="1"/>
  <c r="G18982" i="1"/>
  <c r="G18983" i="1"/>
  <c r="G18984" i="1"/>
  <c r="G18985" i="1"/>
  <c r="G18986" i="1"/>
  <c r="G18987" i="1"/>
  <c r="G18988" i="1"/>
  <c r="G18989" i="1"/>
  <c r="G18990" i="1"/>
  <c r="G18991" i="1"/>
  <c r="G18992" i="1"/>
  <c r="G18993" i="1"/>
  <c r="G18994" i="1"/>
  <c r="G18995" i="1"/>
  <c r="G18996" i="1"/>
  <c r="G18997" i="1"/>
  <c r="G18998" i="1"/>
  <c r="G18999" i="1"/>
  <c r="G19000" i="1"/>
  <c r="G19001" i="1"/>
  <c r="G19002" i="1"/>
  <c r="G19003" i="1"/>
  <c r="G19004" i="1"/>
  <c r="G19005" i="1"/>
  <c r="G19006" i="1"/>
  <c r="G19007" i="1"/>
  <c r="G19008" i="1"/>
  <c r="G19009" i="1"/>
  <c r="G19010" i="1"/>
  <c r="G19011" i="1"/>
  <c r="G19012" i="1"/>
  <c r="G19013" i="1"/>
  <c r="G19014" i="1"/>
  <c r="G19015" i="1"/>
  <c r="G19016" i="1"/>
  <c r="G19017" i="1"/>
  <c r="G19018" i="1"/>
  <c r="G19019" i="1"/>
  <c r="G19020" i="1"/>
  <c r="G19021" i="1"/>
  <c r="G19022" i="1"/>
  <c r="G19023" i="1"/>
  <c r="G19024" i="1"/>
  <c r="G19025" i="1"/>
  <c r="G19026" i="1"/>
  <c r="G19027" i="1"/>
  <c r="G19028" i="1"/>
  <c r="G19029" i="1"/>
  <c r="G19030" i="1"/>
  <c r="G19031" i="1"/>
  <c r="G19032" i="1"/>
  <c r="G19033" i="1"/>
  <c r="G19034" i="1"/>
  <c r="G19035" i="1"/>
  <c r="G19036" i="1"/>
  <c r="G19037" i="1"/>
  <c r="G19038" i="1"/>
  <c r="G19039" i="1"/>
  <c r="G19040" i="1"/>
  <c r="G19041" i="1"/>
  <c r="G19042" i="1"/>
  <c r="G19043" i="1"/>
  <c r="G19044" i="1"/>
  <c r="G19045" i="1"/>
  <c r="G19046" i="1"/>
  <c r="G19047" i="1"/>
  <c r="G19048" i="1"/>
  <c r="G19049" i="1"/>
  <c r="G19050" i="1"/>
  <c r="G19051" i="1"/>
  <c r="G19052" i="1"/>
  <c r="G19053" i="1"/>
  <c r="G19054" i="1"/>
  <c r="G19055" i="1"/>
  <c r="G19056" i="1"/>
  <c r="G19057" i="1"/>
  <c r="G19058" i="1"/>
  <c r="G19059" i="1"/>
  <c r="G19060" i="1"/>
  <c r="G19061" i="1"/>
  <c r="G19062" i="1"/>
  <c r="G19063" i="1"/>
  <c r="G19064" i="1"/>
  <c r="G19065" i="1"/>
  <c r="G19066" i="1"/>
  <c r="G19067" i="1"/>
  <c r="G19068" i="1"/>
  <c r="G19069" i="1"/>
  <c r="G19070" i="1"/>
  <c r="G19071" i="1"/>
  <c r="G19072" i="1"/>
  <c r="G19073" i="1"/>
  <c r="G19074" i="1"/>
  <c r="G19075" i="1"/>
  <c r="G19076" i="1"/>
  <c r="G19077" i="1"/>
  <c r="G19078" i="1"/>
  <c r="G19079" i="1"/>
  <c r="G19080" i="1"/>
  <c r="G19081" i="1"/>
  <c r="G19082" i="1"/>
  <c r="G19083" i="1"/>
  <c r="G19084" i="1"/>
  <c r="G19085" i="1"/>
  <c r="G19086" i="1"/>
  <c r="G19087" i="1"/>
  <c r="G19088" i="1"/>
  <c r="G19089" i="1"/>
  <c r="G19090" i="1"/>
  <c r="G19091" i="1"/>
  <c r="G19092" i="1"/>
  <c r="G19093" i="1"/>
  <c r="G19094" i="1"/>
  <c r="G19095" i="1"/>
  <c r="G19096" i="1"/>
  <c r="G19097" i="1"/>
  <c r="G19098" i="1"/>
  <c r="G19099" i="1"/>
  <c r="G19100" i="1"/>
  <c r="G19101" i="1"/>
  <c r="G19102" i="1"/>
  <c r="G19103" i="1"/>
  <c r="G19104" i="1"/>
  <c r="G19105" i="1"/>
  <c r="G19106" i="1"/>
  <c r="G19107" i="1"/>
  <c r="G19108" i="1"/>
  <c r="G19109" i="1"/>
  <c r="G19110" i="1"/>
  <c r="G19111" i="1"/>
  <c r="G19112" i="1"/>
  <c r="G19113" i="1"/>
  <c r="G19114" i="1"/>
  <c r="G19115" i="1"/>
  <c r="G19116" i="1"/>
  <c r="G19117" i="1"/>
  <c r="G19118" i="1"/>
  <c r="G19119" i="1"/>
  <c r="G19120" i="1"/>
  <c r="G19121" i="1"/>
  <c r="G19122" i="1"/>
  <c r="G19123" i="1"/>
  <c r="G19124" i="1"/>
  <c r="G19125" i="1"/>
  <c r="G19126" i="1"/>
  <c r="G19127" i="1"/>
  <c r="G19128" i="1"/>
  <c r="G19129" i="1"/>
  <c r="G19130" i="1"/>
  <c r="G19131" i="1"/>
  <c r="G19132" i="1"/>
  <c r="G19133" i="1"/>
  <c r="G19134" i="1"/>
  <c r="G19135" i="1"/>
  <c r="G19136" i="1"/>
  <c r="G19137" i="1"/>
  <c r="G19138" i="1"/>
  <c r="G19139" i="1"/>
  <c r="G19140" i="1"/>
  <c r="G19141" i="1"/>
  <c r="G19142" i="1"/>
  <c r="G19143" i="1"/>
  <c r="G19144" i="1"/>
  <c r="G19145" i="1"/>
  <c r="G19146" i="1"/>
  <c r="G19147" i="1"/>
  <c r="G19148" i="1"/>
  <c r="G19149" i="1"/>
  <c r="G19150" i="1"/>
  <c r="G19151" i="1"/>
  <c r="G19152" i="1"/>
  <c r="G19153" i="1"/>
  <c r="G19154" i="1"/>
  <c r="G19155" i="1"/>
  <c r="G19156" i="1"/>
  <c r="G19157" i="1"/>
  <c r="G19158" i="1"/>
  <c r="G19159" i="1"/>
  <c r="G19160" i="1"/>
  <c r="G19161" i="1"/>
  <c r="G19162" i="1"/>
  <c r="G19163" i="1"/>
  <c r="G19164" i="1"/>
  <c r="G19165" i="1"/>
  <c r="G19166" i="1"/>
  <c r="G19167" i="1"/>
  <c r="G19168" i="1"/>
  <c r="G19169" i="1"/>
  <c r="G19170" i="1"/>
  <c r="G19171" i="1"/>
  <c r="G19172" i="1"/>
  <c r="G19173" i="1"/>
  <c r="G19174" i="1"/>
  <c r="G19175" i="1"/>
  <c r="G19176" i="1"/>
  <c r="G19177" i="1"/>
  <c r="G19178" i="1"/>
  <c r="G19179" i="1"/>
  <c r="G19180" i="1"/>
  <c r="G19181" i="1"/>
  <c r="G19182" i="1"/>
  <c r="G19183" i="1"/>
  <c r="G19184" i="1"/>
  <c r="G19185" i="1"/>
  <c r="G19186" i="1"/>
  <c r="G19187" i="1"/>
  <c r="G19188" i="1"/>
  <c r="G19189" i="1"/>
  <c r="G19190" i="1"/>
  <c r="G19191" i="1"/>
  <c r="G19192" i="1"/>
  <c r="G19193" i="1"/>
  <c r="G19194" i="1"/>
  <c r="G19195" i="1"/>
  <c r="G19196" i="1"/>
  <c r="G19197" i="1"/>
  <c r="G19198" i="1"/>
  <c r="G19199" i="1"/>
  <c r="G19200" i="1"/>
  <c r="G19201" i="1"/>
  <c r="G19202" i="1"/>
  <c r="G19203" i="1"/>
  <c r="G19204" i="1"/>
  <c r="G19205" i="1"/>
  <c r="G19206" i="1"/>
  <c r="G19207" i="1"/>
  <c r="G19208" i="1"/>
  <c r="G19209" i="1"/>
  <c r="G19210" i="1"/>
  <c r="G19211" i="1"/>
  <c r="G19212" i="1"/>
  <c r="G19213" i="1"/>
  <c r="G19214" i="1"/>
  <c r="G19215" i="1"/>
  <c r="G19216" i="1"/>
  <c r="G19217" i="1"/>
  <c r="G19218" i="1"/>
  <c r="G19219" i="1"/>
  <c r="G19220" i="1"/>
  <c r="G19221" i="1"/>
  <c r="G19222" i="1"/>
  <c r="G19223" i="1"/>
  <c r="G19224" i="1"/>
  <c r="G19225" i="1"/>
  <c r="G19226" i="1"/>
  <c r="G19227" i="1"/>
  <c r="G19228" i="1"/>
  <c r="G19229" i="1"/>
  <c r="G19230" i="1"/>
  <c r="G19231" i="1"/>
  <c r="G19232" i="1"/>
  <c r="G19233" i="1"/>
  <c r="G19234" i="1"/>
  <c r="G19235" i="1"/>
  <c r="G19236" i="1"/>
  <c r="G19237" i="1"/>
  <c r="G19238" i="1"/>
  <c r="G19239" i="1"/>
  <c r="G19240" i="1"/>
  <c r="G19241" i="1"/>
  <c r="G19242" i="1"/>
  <c r="G19243" i="1"/>
  <c r="G19244" i="1"/>
  <c r="G19245" i="1"/>
  <c r="G19246" i="1"/>
  <c r="G19247" i="1"/>
  <c r="G19248" i="1"/>
  <c r="G19249" i="1"/>
  <c r="G19250" i="1"/>
  <c r="G19251" i="1"/>
  <c r="G19252" i="1"/>
  <c r="G19253" i="1"/>
  <c r="G19254" i="1"/>
  <c r="G19255" i="1"/>
  <c r="G19256" i="1"/>
  <c r="G19257" i="1"/>
  <c r="G19258" i="1"/>
  <c r="G19259" i="1"/>
  <c r="G19260" i="1"/>
  <c r="G19261" i="1"/>
  <c r="G19262" i="1"/>
  <c r="G19263" i="1"/>
  <c r="G19264" i="1"/>
  <c r="G19265" i="1"/>
  <c r="G19266" i="1"/>
  <c r="G19267" i="1"/>
  <c r="G19268" i="1"/>
  <c r="G19269" i="1"/>
  <c r="G19270" i="1"/>
  <c r="G19271" i="1"/>
  <c r="G19272" i="1"/>
  <c r="G19273" i="1"/>
  <c r="G19274" i="1"/>
  <c r="G19275" i="1"/>
  <c r="G19276" i="1"/>
  <c r="G19277" i="1"/>
  <c r="G19278" i="1"/>
  <c r="G19279" i="1"/>
  <c r="G19280" i="1"/>
  <c r="G19281" i="1"/>
  <c r="G19282" i="1"/>
  <c r="G19283" i="1"/>
  <c r="G19284" i="1"/>
  <c r="G19285" i="1"/>
  <c r="G19286" i="1"/>
  <c r="G19287" i="1"/>
  <c r="G19288" i="1"/>
  <c r="G19289" i="1"/>
  <c r="G19290" i="1"/>
  <c r="G19291" i="1"/>
  <c r="G19292" i="1"/>
  <c r="G19293" i="1"/>
  <c r="G19294" i="1"/>
  <c r="G19295" i="1"/>
  <c r="G19296" i="1"/>
  <c r="G19297" i="1"/>
  <c r="G19298" i="1"/>
  <c r="G19299" i="1"/>
  <c r="G19300" i="1"/>
  <c r="G19301" i="1"/>
  <c r="G19302" i="1"/>
  <c r="G19303" i="1"/>
  <c r="G19304" i="1"/>
  <c r="G19305" i="1"/>
  <c r="G19306" i="1"/>
  <c r="G19307" i="1"/>
  <c r="G19308" i="1"/>
  <c r="G19309" i="1"/>
  <c r="G19310" i="1"/>
  <c r="G19311" i="1"/>
  <c r="G19312" i="1"/>
  <c r="G19313" i="1"/>
  <c r="G19314" i="1"/>
  <c r="G19315" i="1"/>
  <c r="G19316" i="1"/>
  <c r="G19317" i="1"/>
  <c r="G19318" i="1"/>
  <c r="G19319" i="1"/>
  <c r="G19320" i="1"/>
  <c r="G19321" i="1"/>
  <c r="G19322" i="1"/>
  <c r="G19323" i="1"/>
  <c r="G19324" i="1"/>
  <c r="G19325" i="1"/>
  <c r="G19326" i="1"/>
  <c r="G19327" i="1"/>
  <c r="G19328" i="1"/>
  <c r="G19329" i="1"/>
  <c r="G19330" i="1"/>
  <c r="G19331" i="1"/>
  <c r="G19332" i="1"/>
  <c r="G19333" i="1"/>
  <c r="G19334" i="1"/>
  <c r="G19335" i="1"/>
  <c r="G19336" i="1"/>
  <c r="G19337" i="1"/>
  <c r="G19338" i="1"/>
  <c r="G19339" i="1"/>
  <c r="G19340" i="1"/>
  <c r="G19341" i="1"/>
  <c r="G19342" i="1"/>
  <c r="G19343" i="1"/>
  <c r="G19344" i="1"/>
  <c r="G19345" i="1"/>
  <c r="G19346" i="1"/>
  <c r="G19347" i="1"/>
  <c r="G19348" i="1"/>
  <c r="G19349" i="1"/>
  <c r="G19350" i="1"/>
  <c r="G19351" i="1"/>
  <c r="G19352" i="1"/>
  <c r="G19353" i="1"/>
  <c r="G19354" i="1"/>
  <c r="G19355" i="1"/>
  <c r="G19356" i="1"/>
  <c r="G19357" i="1"/>
  <c r="G19358" i="1"/>
  <c r="G19359" i="1"/>
  <c r="G19360" i="1"/>
  <c r="G19361" i="1"/>
  <c r="G19362" i="1"/>
  <c r="G19363" i="1"/>
  <c r="G19364" i="1"/>
  <c r="G19365" i="1"/>
  <c r="G19366" i="1"/>
  <c r="G19367" i="1"/>
  <c r="G19368" i="1"/>
  <c r="G19369" i="1"/>
  <c r="G19370" i="1"/>
  <c r="G19371" i="1"/>
  <c r="G19372" i="1"/>
  <c r="G19373" i="1"/>
  <c r="G19374" i="1"/>
  <c r="G19375" i="1"/>
  <c r="G19376" i="1"/>
  <c r="G19377" i="1"/>
  <c r="G19378" i="1"/>
  <c r="G19379" i="1"/>
  <c r="G19380" i="1"/>
  <c r="G19381" i="1"/>
  <c r="G19382" i="1"/>
  <c r="G19383" i="1"/>
  <c r="G19384" i="1"/>
  <c r="G19385" i="1"/>
  <c r="G19386" i="1"/>
  <c r="G19387" i="1"/>
  <c r="G19388" i="1"/>
  <c r="G19389" i="1"/>
  <c r="G19390" i="1"/>
  <c r="G19391" i="1"/>
  <c r="G19392" i="1"/>
  <c r="G19393" i="1"/>
  <c r="G19394" i="1"/>
  <c r="G19395" i="1"/>
  <c r="G19396" i="1"/>
  <c r="G19397" i="1"/>
  <c r="G19398" i="1"/>
  <c r="G19399" i="1"/>
  <c r="G19400" i="1"/>
  <c r="G19401" i="1"/>
  <c r="G19402" i="1"/>
  <c r="G19403" i="1"/>
  <c r="G19404" i="1"/>
  <c r="G19405" i="1"/>
  <c r="G19406" i="1"/>
  <c r="G19407" i="1"/>
  <c r="G19408" i="1"/>
  <c r="G19409" i="1"/>
  <c r="G19410" i="1"/>
  <c r="G19411" i="1"/>
  <c r="G19412" i="1"/>
  <c r="G19413" i="1"/>
  <c r="G19414" i="1"/>
  <c r="G19415" i="1"/>
  <c r="G19416" i="1"/>
  <c r="G19417" i="1"/>
  <c r="G19418" i="1"/>
  <c r="G19419" i="1"/>
  <c r="G19420" i="1"/>
  <c r="G19421" i="1"/>
  <c r="G19422" i="1"/>
  <c r="G19423" i="1"/>
  <c r="G19424" i="1"/>
  <c r="G19425" i="1"/>
  <c r="G19426" i="1"/>
  <c r="G19427" i="1"/>
  <c r="G19428" i="1"/>
  <c r="G19429" i="1"/>
  <c r="G19430" i="1"/>
  <c r="G19431" i="1"/>
  <c r="G19432" i="1"/>
  <c r="G19433" i="1"/>
  <c r="G19434" i="1"/>
  <c r="G19435" i="1"/>
  <c r="G19436" i="1"/>
  <c r="G19437" i="1"/>
  <c r="G19438" i="1"/>
  <c r="G19439" i="1"/>
  <c r="G19440" i="1"/>
  <c r="G19441" i="1"/>
  <c r="G19442" i="1"/>
  <c r="G19443" i="1"/>
  <c r="G19444" i="1"/>
  <c r="G19445" i="1"/>
  <c r="G19446" i="1"/>
  <c r="G19447" i="1"/>
  <c r="G19448" i="1"/>
  <c r="G19449" i="1"/>
  <c r="G19450" i="1"/>
  <c r="G19451" i="1"/>
  <c r="G19452" i="1"/>
  <c r="G19453" i="1"/>
  <c r="G19454" i="1"/>
  <c r="G19455" i="1"/>
  <c r="G19456" i="1"/>
  <c r="G19457" i="1"/>
  <c r="G19458" i="1"/>
  <c r="G19459" i="1"/>
  <c r="G19460" i="1"/>
  <c r="G19461" i="1"/>
  <c r="G19462" i="1"/>
  <c r="G19463" i="1"/>
  <c r="G19464" i="1"/>
  <c r="G19465" i="1"/>
  <c r="G19466" i="1"/>
  <c r="G19467" i="1"/>
  <c r="G19468" i="1"/>
  <c r="G19469" i="1"/>
  <c r="G19470" i="1"/>
  <c r="G19471" i="1"/>
  <c r="G19472" i="1"/>
  <c r="G19473" i="1"/>
  <c r="G19474" i="1"/>
  <c r="G19475" i="1"/>
  <c r="G19476" i="1"/>
  <c r="G19477" i="1"/>
  <c r="G19478" i="1"/>
  <c r="G19479" i="1"/>
  <c r="G19480" i="1"/>
  <c r="G19481" i="1"/>
  <c r="G19482" i="1"/>
  <c r="G19483" i="1"/>
  <c r="G19484" i="1"/>
  <c r="G19485" i="1"/>
  <c r="G19486" i="1"/>
  <c r="G19487" i="1"/>
  <c r="G19488" i="1"/>
  <c r="G19489" i="1"/>
  <c r="G19490" i="1"/>
  <c r="G19491" i="1"/>
  <c r="G19492" i="1"/>
  <c r="G19493" i="1"/>
  <c r="G19494" i="1"/>
  <c r="G19495" i="1"/>
  <c r="G19496" i="1"/>
  <c r="G19497" i="1"/>
  <c r="G19498" i="1"/>
  <c r="G19499" i="1"/>
  <c r="G19500" i="1"/>
  <c r="G19501" i="1"/>
  <c r="G19502" i="1"/>
  <c r="G19503" i="1"/>
  <c r="G19504" i="1"/>
  <c r="G19505" i="1"/>
  <c r="G19506" i="1"/>
  <c r="G19507" i="1"/>
  <c r="G19508" i="1"/>
  <c r="G19509" i="1"/>
  <c r="G19510" i="1"/>
  <c r="G19511" i="1"/>
  <c r="G19512" i="1"/>
  <c r="G19513" i="1"/>
  <c r="G19514" i="1"/>
  <c r="G19515" i="1"/>
  <c r="G19516" i="1"/>
  <c r="G19517" i="1"/>
  <c r="G19518" i="1"/>
  <c r="G19519" i="1"/>
  <c r="G19520" i="1"/>
  <c r="G19521" i="1"/>
  <c r="G19522" i="1"/>
  <c r="G19523" i="1"/>
  <c r="G19524" i="1"/>
  <c r="G19525" i="1"/>
  <c r="G19526" i="1"/>
  <c r="G19527" i="1"/>
  <c r="G19528" i="1"/>
  <c r="G19529" i="1"/>
  <c r="G19530" i="1"/>
  <c r="G19531" i="1"/>
  <c r="G19532" i="1"/>
  <c r="G19533" i="1"/>
  <c r="G19534" i="1"/>
  <c r="G19535" i="1"/>
  <c r="G19536" i="1"/>
  <c r="G19537" i="1"/>
  <c r="G19538" i="1"/>
  <c r="G19539" i="1"/>
  <c r="G19540" i="1"/>
  <c r="G19541" i="1"/>
  <c r="G19542" i="1"/>
  <c r="G19543" i="1"/>
  <c r="G19544" i="1"/>
  <c r="G19545" i="1"/>
  <c r="G19546" i="1"/>
  <c r="G19547" i="1"/>
  <c r="G19548" i="1"/>
  <c r="G19549" i="1"/>
  <c r="G19550" i="1"/>
  <c r="G19551" i="1"/>
  <c r="G19552" i="1"/>
  <c r="G19553" i="1"/>
  <c r="G19554" i="1"/>
  <c r="G19555" i="1"/>
  <c r="G19556" i="1"/>
  <c r="G19557" i="1"/>
  <c r="G19558" i="1"/>
  <c r="G19559" i="1"/>
  <c r="G19560" i="1"/>
  <c r="G19561" i="1"/>
  <c r="G19562" i="1"/>
  <c r="G19563" i="1"/>
  <c r="G19564" i="1"/>
  <c r="G19565" i="1"/>
  <c r="G19566" i="1"/>
  <c r="G19567" i="1"/>
  <c r="G19568" i="1"/>
  <c r="G19569" i="1"/>
  <c r="G19570" i="1"/>
  <c r="G19571" i="1"/>
  <c r="G19572" i="1"/>
  <c r="G19573" i="1"/>
  <c r="G19574" i="1"/>
  <c r="G19575" i="1"/>
  <c r="G19576" i="1"/>
  <c r="G19577" i="1"/>
  <c r="G19578" i="1"/>
  <c r="G19579" i="1"/>
  <c r="G19580" i="1"/>
  <c r="G19581" i="1"/>
  <c r="G19582" i="1"/>
  <c r="G19583" i="1"/>
  <c r="G19584" i="1"/>
  <c r="G19585" i="1"/>
  <c r="G19586" i="1"/>
  <c r="G19587" i="1"/>
  <c r="G19588" i="1"/>
  <c r="G19589" i="1"/>
  <c r="G19590" i="1"/>
  <c r="G19591" i="1"/>
  <c r="G19592" i="1"/>
  <c r="G19593" i="1"/>
  <c r="G19594" i="1"/>
  <c r="G19595" i="1"/>
  <c r="G19596" i="1"/>
  <c r="G19597" i="1"/>
  <c r="G19598" i="1"/>
  <c r="G19599" i="1"/>
  <c r="G19600" i="1"/>
  <c r="G19601" i="1"/>
  <c r="G19602" i="1"/>
  <c r="G19603" i="1"/>
  <c r="G19604" i="1"/>
  <c r="G19605" i="1"/>
  <c r="G19606" i="1"/>
  <c r="G19607" i="1"/>
  <c r="G19608" i="1"/>
  <c r="G19609" i="1"/>
  <c r="G19610" i="1"/>
  <c r="G19611" i="1"/>
  <c r="G19612" i="1"/>
  <c r="G19613" i="1"/>
  <c r="G19614" i="1"/>
  <c r="G19615" i="1"/>
  <c r="G19616" i="1"/>
  <c r="G19617" i="1"/>
  <c r="G19618" i="1"/>
  <c r="G19619" i="1"/>
  <c r="G19620" i="1"/>
  <c r="G19621" i="1"/>
  <c r="G19622" i="1"/>
  <c r="G19623" i="1"/>
  <c r="G19624" i="1"/>
  <c r="G19625" i="1"/>
  <c r="G19626" i="1"/>
  <c r="G19627" i="1"/>
  <c r="G19628" i="1"/>
  <c r="G19629" i="1"/>
  <c r="G19630" i="1"/>
  <c r="G19631" i="1"/>
  <c r="G19632" i="1"/>
  <c r="G19633" i="1"/>
  <c r="G19634" i="1"/>
  <c r="G19635" i="1"/>
  <c r="G19636" i="1"/>
  <c r="G19637" i="1"/>
  <c r="G19638" i="1"/>
  <c r="G19639" i="1"/>
  <c r="G19640" i="1"/>
  <c r="G19641" i="1"/>
  <c r="G19642" i="1"/>
  <c r="G19643" i="1"/>
  <c r="G19644" i="1"/>
  <c r="G19645" i="1"/>
  <c r="G19646" i="1"/>
  <c r="G19647" i="1"/>
  <c r="G19648" i="1"/>
  <c r="G19649" i="1"/>
  <c r="G19650" i="1"/>
  <c r="G19651" i="1"/>
  <c r="G19652" i="1"/>
  <c r="G19653" i="1"/>
  <c r="G19654" i="1"/>
  <c r="G19655" i="1"/>
  <c r="G19656" i="1"/>
  <c r="G19657" i="1"/>
  <c r="G19658" i="1"/>
  <c r="G19659" i="1"/>
  <c r="G19660" i="1"/>
  <c r="G19661" i="1"/>
  <c r="G19662" i="1"/>
  <c r="G19663" i="1"/>
  <c r="G19664" i="1"/>
  <c r="G19665" i="1"/>
  <c r="G19666" i="1"/>
  <c r="G19667" i="1"/>
  <c r="G19668" i="1"/>
  <c r="G19669" i="1"/>
  <c r="G19670" i="1"/>
  <c r="G19671" i="1"/>
  <c r="G19672" i="1"/>
  <c r="G19673" i="1"/>
  <c r="G19674" i="1"/>
  <c r="G19675" i="1"/>
  <c r="G19676" i="1"/>
  <c r="G19677" i="1"/>
  <c r="G19678" i="1"/>
  <c r="G19679" i="1"/>
  <c r="G19680" i="1"/>
  <c r="G19681" i="1"/>
  <c r="G19682" i="1"/>
  <c r="G19683" i="1"/>
  <c r="G19684" i="1"/>
  <c r="G19685" i="1"/>
  <c r="G19686" i="1"/>
  <c r="G19687" i="1"/>
  <c r="G19688" i="1"/>
  <c r="G19689" i="1"/>
  <c r="G19690" i="1"/>
  <c r="G19691" i="1"/>
  <c r="G19692" i="1"/>
  <c r="G19693" i="1"/>
  <c r="G19694" i="1"/>
  <c r="G19695" i="1"/>
  <c r="G19696" i="1"/>
  <c r="G19697" i="1"/>
  <c r="G19698" i="1"/>
  <c r="G19699" i="1"/>
  <c r="G19700" i="1"/>
  <c r="G19701" i="1"/>
  <c r="G19702" i="1"/>
  <c r="G19703" i="1"/>
  <c r="G19704" i="1"/>
  <c r="G19705" i="1"/>
  <c r="G19706" i="1"/>
  <c r="G19707" i="1"/>
  <c r="G19708" i="1"/>
  <c r="G19709" i="1"/>
  <c r="G19710" i="1"/>
  <c r="G19711" i="1"/>
  <c r="G19712" i="1"/>
  <c r="G19713" i="1"/>
  <c r="G19714" i="1"/>
  <c r="G19715" i="1"/>
  <c r="G19716" i="1"/>
  <c r="G19717" i="1"/>
  <c r="G19718" i="1"/>
  <c r="G19719" i="1"/>
  <c r="G19720" i="1"/>
  <c r="G19721" i="1"/>
  <c r="G19722" i="1"/>
  <c r="G19723" i="1"/>
  <c r="G19724" i="1"/>
  <c r="G19725" i="1"/>
  <c r="G19726" i="1"/>
  <c r="G19727" i="1"/>
  <c r="G19728" i="1"/>
  <c r="G19729" i="1"/>
  <c r="G19730" i="1"/>
  <c r="G19731" i="1"/>
  <c r="G19732" i="1"/>
  <c r="G19733" i="1"/>
  <c r="G19734" i="1"/>
  <c r="G19735" i="1"/>
  <c r="G19736" i="1"/>
  <c r="G19737" i="1"/>
  <c r="G19738" i="1"/>
  <c r="G19739" i="1"/>
  <c r="G19740" i="1"/>
  <c r="G19741" i="1"/>
  <c r="G19742" i="1"/>
  <c r="G19743" i="1"/>
  <c r="G19744" i="1"/>
  <c r="G19745" i="1"/>
  <c r="G19746" i="1"/>
  <c r="G19747" i="1"/>
  <c r="G19748" i="1"/>
  <c r="G19749" i="1"/>
  <c r="G19750" i="1"/>
  <c r="G19751" i="1"/>
  <c r="G19752" i="1"/>
  <c r="G19753" i="1"/>
  <c r="G19754" i="1"/>
  <c r="G19755" i="1"/>
  <c r="G19756" i="1"/>
  <c r="G19757" i="1"/>
  <c r="G19758" i="1"/>
  <c r="G19759" i="1"/>
  <c r="G19760" i="1"/>
  <c r="G19761" i="1"/>
  <c r="G19762" i="1"/>
  <c r="G19763" i="1"/>
  <c r="G19764" i="1"/>
  <c r="G19765" i="1"/>
  <c r="G19766" i="1"/>
  <c r="G19767" i="1"/>
  <c r="G19768" i="1"/>
  <c r="G19769" i="1"/>
  <c r="G19770" i="1"/>
  <c r="G19771" i="1"/>
  <c r="G19772" i="1"/>
  <c r="G19773" i="1"/>
  <c r="G19774" i="1"/>
  <c r="G19775" i="1"/>
  <c r="G19776" i="1"/>
  <c r="G19777" i="1"/>
  <c r="G19778" i="1"/>
  <c r="G19779" i="1"/>
  <c r="G19780" i="1"/>
  <c r="G19781" i="1"/>
  <c r="G19782" i="1"/>
  <c r="G19783" i="1"/>
  <c r="G19784" i="1"/>
  <c r="G19785" i="1"/>
  <c r="G19786" i="1"/>
  <c r="G19787" i="1"/>
  <c r="G19788" i="1"/>
  <c r="G19789" i="1"/>
  <c r="G19790" i="1"/>
  <c r="G19791" i="1"/>
  <c r="G19792" i="1"/>
  <c r="G19793" i="1"/>
  <c r="G19794" i="1"/>
  <c r="G19795" i="1"/>
  <c r="G19796" i="1"/>
  <c r="G19797" i="1"/>
  <c r="G19798" i="1"/>
  <c r="G19799" i="1"/>
  <c r="G19800" i="1"/>
  <c r="G19801" i="1"/>
  <c r="G19802" i="1"/>
  <c r="G19803" i="1"/>
  <c r="G19804" i="1"/>
  <c r="G19805" i="1"/>
  <c r="G19806" i="1"/>
  <c r="G19807" i="1"/>
  <c r="G19808" i="1"/>
  <c r="G19809" i="1"/>
  <c r="G19810" i="1"/>
  <c r="G19811" i="1"/>
  <c r="G19812" i="1"/>
  <c r="G19813" i="1"/>
  <c r="G19814" i="1"/>
  <c r="G19815" i="1"/>
  <c r="G19816" i="1"/>
  <c r="G19817" i="1"/>
  <c r="G19818" i="1"/>
  <c r="G19819" i="1"/>
  <c r="G19820" i="1"/>
  <c r="G19821" i="1"/>
  <c r="G19822" i="1"/>
  <c r="G19823" i="1"/>
  <c r="G19824" i="1"/>
  <c r="G19825" i="1"/>
  <c r="G19826" i="1"/>
  <c r="G19827" i="1"/>
  <c r="G19828" i="1"/>
  <c r="G19829" i="1"/>
  <c r="G19830" i="1"/>
  <c r="G19831" i="1"/>
  <c r="G19832" i="1"/>
  <c r="G19833" i="1"/>
  <c r="G19834" i="1"/>
  <c r="G19835" i="1"/>
  <c r="G19836" i="1"/>
  <c r="G19837" i="1"/>
  <c r="G19838" i="1"/>
  <c r="G19839" i="1"/>
  <c r="G19840" i="1"/>
  <c r="G19841" i="1"/>
  <c r="G19842" i="1"/>
  <c r="G19843" i="1"/>
  <c r="G19844" i="1"/>
  <c r="G19845" i="1"/>
  <c r="G19846" i="1"/>
  <c r="G19847" i="1"/>
  <c r="G19848" i="1"/>
  <c r="G19849" i="1"/>
  <c r="G19850" i="1"/>
  <c r="G19851" i="1"/>
  <c r="G19852" i="1"/>
  <c r="G19853" i="1"/>
  <c r="G19854" i="1"/>
  <c r="G19855" i="1"/>
  <c r="G19856" i="1"/>
  <c r="G19857" i="1"/>
  <c r="G19858" i="1"/>
  <c r="G19859" i="1"/>
  <c r="G19860" i="1"/>
  <c r="G19861" i="1"/>
  <c r="G19862" i="1"/>
  <c r="G19863" i="1"/>
  <c r="G19864" i="1"/>
  <c r="G19865" i="1"/>
  <c r="G19866" i="1"/>
  <c r="G19867" i="1"/>
  <c r="G19868" i="1"/>
  <c r="G19869" i="1"/>
  <c r="G19870" i="1"/>
  <c r="G19871" i="1"/>
  <c r="G19872" i="1"/>
  <c r="G19873" i="1"/>
  <c r="G19874" i="1"/>
  <c r="G19875" i="1"/>
  <c r="G19876" i="1"/>
  <c r="G19877" i="1"/>
  <c r="G19878" i="1"/>
  <c r="G19879" i="1"/>
  <c r="G19880" i="1"/>
  <c r="G19881" i="1"/>
  <c r="G19882" i="1"/>
  <c r="G19883" i="1"/>
  <c r="G19884" i="1"/>
  <c r="G19885" i="1"/>
  <c r="G19886" i="1"/>
  <c r="G19887" i="1"/>
  <c r="G19888" i="1"/>
  <c r="G19889" i="1"/>
  <c r="G19890" i="1"/>
  <c r="G19891" i="1"/>
  <c r="G19892" i="1"/>
  <c r="G19893" i="1"/>
  <c r="G19894" i="1"/>
  <c r="G19895" i="1"/>
  <c r="G19896" i="1"/>
  <c r="G19897" i="1"/>
  <c r="G19898" i="1"/>
  <c r="G19899" i="1"/>
  <c r="G19900" i="1"/>
  <c r="G19901" i="1"/>
  <c r="G19902" i="1"/>
  <c r="G19903" i="1"/>
  <c r="G19904" i="1"/>
  <c r="G19905" i="1"/>
  <c r="G19906" i="1"/>
  <c r="G19907" i="1"/>
  <c r="G19908" i="1"/>
  <c r="G19909" i="1"/>
  <c r="G19910" i="1"/>
  <c r="G19911" i="1"/>
  <c r="G19912" i="1"/>
  <c r="G19913" i="1"/>
  <c r="G19914" i="1"/>
  <c r="G19915" i="1"/>
  <c r="G19916" i="1"/>
  <c r="G19917" i="1"/>
  <c r="G19918" i="1"/>
  <c r="G19919" i="1"/>
  <c r="G19920" i="1"/>
  <c r="G19921" i="1"/>
  <c r="G19922" i="1"/>
  <c r="G19923" i="1"/>
  <c r="G19924" i="1"/>
  <c r="G19925" i="1"/>
  <c r="G19926" i="1"/>
  <c r="G19927" i="1"/>
  <c r="G19928" i="1"/>
  <c r="G19929" i="1"/>
  <c r="G19930" i="1"/>
  <c r="G19931" i="1"/>
  <c r="G19932" i="1"/>
  <c r="G19933" i="1"/>
  <c r="G19934" i="1"/>
  <c r="G19935" i="1"/>
  <c r="G19936" i="1"/>
  <c r="G19937" i="1"/>
  <c r="G19938" i="1"/>
  <c r="G19939" i="1"/>
  <c r="G19940" i="1"/>
  <c r="G19941" i="1"/>
  <c r="G19942" i="1"/>
  <c r="G19943" i="1"/>
  <c r="G19944" i="1"/>
  <c r="G19945" i="1"/>
  <c r="G19946" i="1"/>
  <c r="G19947" i="1"/>
  <c r="G19948" i="1"/>
  <c r="G19949" i="1"/>
  <c r="G19950" i="1"/>
  <c r="G19951" i="1"/>
  <c r="G19952" i="1"/>
  <c r="G19953" i="1"/>
  <c r="G19954" i="1"/>
  <c r="G19955" i="1"/>
  <c r="G19956" i="1"/>
  <c r="G19957" i="1"/>
  <c r="G19958" i="1"/>
  <c r="G19959" i="1"/>
  <c r="G19960" i="1"/>
  <c r="G19961" i="1"/>
  <c r="G19962" i="1"/>
  <c r="G19963" i="1"/>
  <c r="G19964" i="1"/>
  <c r="G19965" i="1"/>
  <c r="G19966" i="1"/>
  <c r="G19967" i="1"/>
  <c r="G19968" i="1"/>
  <c r="G19969" i="1"/>
  <c r="G19970" i="1"/>
  <c r="G19971" i="1"/>
  <c r="G19972" i="1"/>
  <c r="G19973" i="1"/>
  <c r="G19974" i="1"/>
  <c r="G19975" i="1"/>
  <c r="G19976" i="1"/>
  <c r="G19977" i="1"/>
  <c r="G19978" i="1"/>
  <c r="G19979" i="1"/>
  <c r="G19980" i="1"/>
  <c r="G19981" i="1"/>
  <c r="G19982" i="1"/>
  <c r="G19983" i="1"/>
  <c r="G19984" i="1"/>
  <c r="G19985" i="1"/>
  <c r="G19986" i="1"/>
  <c r="G19987" i="1"/>
  <c r="G19988" i="1"/>
  <c r="G19989" i="1"/>
  <c r="G19990" i="1"/>
  <c r="G19991" i="1"/>
  <c r="G19992" i="1"/>
  <c r="G19993" i="1"/>
  <c r="G19994" i="1"/>
  <c r="G19995" i="1"/>
  <c r="G19996" i="1"/>
  <c r="G19997" i="1"/>
  <c r="G19998" i="1"/>
  <c r="G19999" i="1"/>
  <c r="G20000" i="1"/>
  <c r="G20001" i="1"/>
  <c r="G20002" i="1"/>
  <c r="G20003" i="1"/>
  <c r="G20004" i="1"/>
  <c r="G20005" i="1"/>
  <c r="G20006" i="1"/>
  <c r="G20007" i="1"/>
  <c r="G20008" i="1"/>
  <c r="G20009" i="1"/>
  <c r="G20010" i="1"/>
  <c r="G20011" i="1"/>
  <c r="G20012" i="1"/>
  <c r="G20013" i="1"/>
  <c r="G20014" i="1"/>
  <c r="G20015" i="1"/>
  <c r="G20016" i="1"/>
  <c r="G20017" i="1"/>
  <c r="G20018" i="1"/>
  <c r="G20019" i="1"/>
  <c r="G20020" i="1"/>
  <c r="G20021" i="1"/>
  <c r="G20022" i="1"/>
  <c r="G20023" i="1"/>
  <c r="G20024" i="1"/>
  <c r="G20025" i="1"/>
  <c r="G20026" i="1"/>
  <c r="G20027" i="1"/>
  <c r="G20028" i="1"/>
  <c r="G20029" i="1"/>
  <c r="G20030" i="1"/>
  <c r="G20031" i="1"/>
  <c r="G20032" i="1"/>
  <c r="G20033" i="1"/>
  <c r="G20034" i="1"/>
  <c r="G20035" i="1"/>
  <c r="G20036" i="1"/>
  <c r="G20037" i="1"/>
  <c r="G20038" i="1"/>
  <c r="G20039" i="1"/>
  <c r="G20040" i="1"/>
  <c r="G20041" i="1"/>
  <c r="G20042" i="1"/>
  <c r="G20043" i="1"/>
  <c r="G20044" i="1"/>
  <c r="G20045" i="1"/>
  <c r="G20046" i="1"/>
  <c r="G20047" i="1"/>
  <c r="G20048" i="1"/>
  <c r="G20049" i="1"/>
  <c r="G20050" i="1"/>
  <c r="G20051" i="1"/>
  <c r="G20052" i="1"/>
  <c r="G20053" i="1"/>
  <c r="G20054" i="1"/>
  <c r="G20055" i="1"/>
  <c r="G20056" i="1"/>
  <c r="G20057" i="1"/>
  <c r="G20058" i="1"/>
  <c r="G20059" i="1"/>
  <c r="G20060" i="1"/>
  <c r="G20061" i="1"/>
  <c r="G20062" i="1"/>
  <c r="G20063" i="1"/>
  <c r="G20064" i="1"/>
  <c r="G20065" i="1"/>
  <c r="G20066" i="1"/>
  <c r="G20067" i="1"/>
  <c r="G20068" i="1"/>
  <c r="G20069" i="1"/>
  <c r="G20070" i="1"/>
  <c r="G20071" i="1"/>
  <c r="G20072" i="1"/>
  <c r="G20073" i="1"/>
  <c r="G20074" i="1"/>
  <c r="G20075" i="1"/>
  <c r="G20076" i="1"/>
  <c r="G20077" i="1"/>
  <c r="G20078" i="1"/>
  <c r="G20079" i="1"/>
  <c r="G20080" i="1"/>
  <c r="G20081" i="1"/>
  <c r="G20082" i="1"/>
  <c r="G20083" i="1"/>
  <c r="G20084" i="1"/>
  <c r="G20085" i="1"/>
  <c r="G20086" i="1"/>
  <c r="G20087" i="1"/>
  <c r="G20088" i="1"/>
  <c r="G20089" i="1"/>
  <c r="G20090" i="1"/>
  <c r="G20091" i="1"/>
  <c r="G20092" i="1"/>
  <c r="G20093" i="1"/>
  <c r="G20094" i="1"/>
  <c r="G20095" i="1"/>
  <c r="G20096" i="1"/>
  <c r="G20097" i="1"/>
  <c r="G20098" i="1"/>
  <c r="G20099" i="1"/>
  <c r="G20100" i="1"/>
  <c r="G20101" i="1"/>
  <c r="G20102" i="1"/>
  <c r="G20103" i="1"/>
  <c r="G20104" i="1"/>
  <c r="G20105" i="1"/>
  <c r="G20106" i="1"/>
  <c r="G20107" i="1"/>
  <c r="G20108" i="1"/>
  <c r="G20109" i="1"/>
  <c r="G20110" i="1"/>
  <c r="G20111" i="1"/>
  <c r="G20112" i="1"/>
  <c r="G20113" i="1"/>
  <c r="G20114" i="1"/>
  <c r="G20115" i="1"/>
  <c r="G20116" i="1"/>
  <c r="G20117" i="1"/>
  <c r="G20118" i="1"/>
  <c r="G20119" i="1"/>
  <c r="G20120" i="1"/>
  <c r="G20121" i="1"/>
  <c r="G20122" i="1"/>
  <c r="G20123" i="1"/>
  <c r="G20124" i="1"/>
  <c r="G20125" i="1"/>
  <c r="G20126" i="1"/>
  <c r="G20127" i="1"/>
  <c r="G20128" i="1"/>
  <c r="G20129" i="1"/>
  <c r="G20130" i="1"/>
  <c r="G20131" i="1"/>
  <c r="G20132" i="1"/>
  <c r="G20133" i="1"/>
  <c r="G20134" i="1"/>
  <c r="G20135" i="1"/>
  <c r="G20136" i="1"/>
  <c r="G20137" i="1"/>
  <c r="G20138" i="1"/>
  <c r="G20139" i="1"/>
  <c r="G20140" i="1"/>
  <c r="G20141" i="1"/>
  <c r="G20142" i="1"/>
  <c r="G20143" i="1"/>
  <c r="G20144" i="1"/>
  <c r="G20145" i="1"/>
  <c r="G20146" i="1"/>
  <c r="G20147" i="1"/>
  <c r="G20148" i="1"/>
  <c r="G20149" i="1"/>
  <c r="G20150" i="1"/>
  <c r="G20151" i="1"/>
  <c r="G20152" i="1"/>
  <c r="G20153" i="1"/>
  <c r="G20154" i="1"/>
  <c r="G20155" i="1"/>
  <c r="G20156" i="1"/>
  <c r="G20157" i="1"/>
  <c r="G20158" i="1"/>
  <c r="G20159" i="1"/>
  <c r="G20160" i="1"/>
  <c r="G20161" i="1"/>
  <c r="G20162" i="1"/>
  <c r="G20163" i="1"/>
  <c r="G20164" i="1"/>
  <c r="G20165" i="1"/>
  <c r="G20166" i="1"/>
  <c r="G20167" i="1"/>
  <c r="G20168" i="1"/>
  <c r="G20169" i="1"/>
  <c r="G20170" i="1"/>
  <c r="G20171" i="1"/>
  <c r="G20172" i="1"/>
  <c r="G20173" i="1"/>
  <c r="G20174" i="1"/>
  <c r="G20175" i="1"/>
  <c r="G20176" i="1"/>
  <c r="G20177" i="1"/>
  <c r="G20178" i="1"/>
  <c r="G20179" i="1"/>
  <c r="G20180" i="1"/>
  <c r="G20181" i="1"/>
  <c r="G20182" i="1"/>
  <c r="G20183" i="1"/>
  <c r="G20184" i="1"/>
  <c r="G20185" i="1"/>
  <c r="G20186" i="1"/>
  <c r="G20187" i="1"/>
  <c r="G20188" i="1"/>
  <c r="G20189" i="1"/>
  <c r="G20190" i="1"/>
  <c r="G20191" i="1"/>
  <c r="G20192" i="1"/>
  <c r="G20193" i="1"/>
  <c r="G20194" i="1"/>
  <c r="G20195" i="1"/>
  <c r="G20196" i="1"/>
  <c r="G20197" i="1"/>
  <c r="G20198" i="1"/>
  <c r="G20199" i="1"/>
  <c r="G20200" i="1"/>
  <c r="G20201" i="1"/>
  <c r="G20202" i="1"/>
  <c r="G20203" i="1"/>
  <c r="G20204" i="1"/>
  <c r="G20205" i="1"/>
  <c r="G20206" i="1"/>
  <c r="G20207" i="1"/>
  <c r="G20208" i="1"/>
  <c r="G20209" i="1"/>
  <c r="G20210" i="1"/>
  <c r="G20211" i="1"/>
  <c r="G20212" i="1"/>
  <c r="G20213" i="1"/>
  <c r="G20214" i="1"/>
  <c r="G20215" i="1"/>
  <c r="G20216" i="1"/>
  <c r="G20217" i="1"/>
  <c r="G20218" i="1"/>
  <c r="G20219" i="1"/>
  <c r="G20220" i="1"/>
  <c r="G20221" i="1"/>
  <c r="G20222" i="1"/>
  <c r="G20223" i="1"/>
  <c r="G20224" i="1"/>
  <c r="G20225" i="1"/>
  <c r="G20226" i="1"/>
  <c r="G20227" i="1"/>
  <c r="G20228" i="1"/>
  <c r="G20229" i="1"/>
  <c r="G20230" i="1"/>
  <c r="G20231" i="1"/>
  <c r="G20232" i="1"/>
  <c r="G20233" i="1"/>
  <c r="G20234" i="1"/>
  <c r="G20235" i="1"/>
  <c r="G20236" i="1"/>
  <c r="G20237" i="1"/>
  <c r="G20238" i="1"/>
  <c r="G20239" i="1"/>
  <c r="G20240" i="1"/>
  <c r="G20241" i="1"/>
  <c r="G20242" i="1"/>
  <c r="G20243" i="1"/>
  <c r="G20244" i="1"/>
  <c r="G20245" i="1"/>
  <c r="G20246" i="1"/>
  <c r="G20247" i="1"/>
  <c r="G20248" i="1"/>
  <c r="G20249" i="1"/>
  <c r="G20250" i="1"/>
  <c r="G20251" i="1"/>
  <c r="G20252" i="1"/>
  <c r="G20253" i="1"/>
  <c r="G20254" i="1"/>
  <c r="G20255" i="1"/>
  <c r="G20256" i="1"/>
  <c r="G20257" i="1"/>
  <c r="G20258" i="1"/>
  <c r="G20259" i="1"/>
  <c r="G20260" i="1"/>
  <c r="G20261" i="1"/>
  <c r="G20262" i="1"/>
  <c r="G20263" i="1"/>
  <c r="G20264" i="1"/>
  <c r="G20265" i="1"/>
  <c r="G20266" i="1"/>
  <c r="G20267" i="1"/>
  <c r="G20268" i="1"/>
  <c r="G20269" i="1"/>
  <c r="G20270" i="1"/>
  <c r="G20271" i="1"/>
  <c r="G20272" i="1"/>
  <c r="G20273" i="1"/>
  <c r="G20274" i="1"/>
  <c r="G20275" i="1"/>
  <c r="G20276" i="1"/>
  <c r="G20277" i="1"/>
  <c r="G20278" i="1"/>
  <c r="G20279" i="1"/>
  <c r="G20280" i="1"/>
  <c r="G20281" i="1"/>
  <c r="G20282" i="1"/>
  <c r="G20283" i="1"/>
  <c r="G20284" i="1"/>
  <c r="G20285" i="1"/>
  <c r="G20286" i="1"/>
  <c r="G20287" i="1"/>
  <c r="G20288" i="1"/>
  <c r="G20289" i="1"/>
  <c r="G20290" i="1"/>
  <c r="G20291" i="1"/>
  <c r="G20292" i="1"/>
  <c r="G20293" i="1"/>
  <c r="G20294" i="1"/>
  <c r="G20295" i="1"/>
  <c r="G20296" i="1"/>
  <c r="G20297" i="1"/>
  <c r="G20298" i="1"/>
  <c r="G20299" i="1"/>
  <c r="G20300" i="1"/>
  <c r="G20301" i="1"/>
  <c r="G20302" i="1"/>
  <c r="G20303" i="1"/>
  <c r="G20304" i="1"/>
  <c r="G20305" i="1"/>
  <c r="G20306" i="1"/>
  <c r="G20307" i="1"/>
  <c r="G20308" i="1"/>
  <c r="G20309" i="1"/>
  <c r="G20310" i="1"/>
  <c r="G20311" i="1"/>
  <c r="G20312" i="1"/>
  <c r="G20313" i="1"/>
  <c r="G20314" i="1"/>
  <c r="G20315" i="1"/>
  <c r="G20316" i="1"/>
  <c r="G20317" i="1"/>
  <c r="G20318" i="1"/>
  <c r="G20319" i="1"/>
  <c r="G20320" i="1"/>
  <c r="G20321" i="1"/>
  <c r="G20322" i="1"/>
  <c r="G20323" i="1"/>
  <c r="G20324" i="1"/>
  <c r="G20325" i="1"/>
  <c r="G20326" i="1"/>
  <c r="G20327" i="1"/>
  <c r="G20328" i="1"/>
  <c r="G20329" i="1"/>
  <c r="G20330" i="1"/>
  <c r="G20331" i="1"/>
  <c r="G20332" i="1"/>
  <c r="G20333" i="1"/>
  <c r="G20334" i="1"/>
  <c r="G20335" i="1"/>
  <c r="G20336" i="1"/>
  <c r="G20337" i="1"/>
  <c r="G20338" i="1"/>
  <c r="G20339" i="1"/>
  <c r="G20340" i="1"/>
  <c r="G20341" i="1"/>
  <c r="G20342" i="1"/>
  <c r="G20343" i="1"/>
  <c r="G20344" i="1"/>
  <c r="G20345" i="1"/>
  <c r="G20346" i="1"/>
  <c r="G20347" i="1"/>
  <c r="G20348" i="1"/>
  <c r="G20349" i="1"/>
  <c r="G20350" i="1"/>
  <c r="G20351" i="1"/>
  <c r="G20352" i="1"/>
  <c r="G20353" i="1"/>
  <c r="G20354" i="1"/>
  <c r="G20355" i="1"/>
  <c r="G20356" i="1"/>
  <c r="G20357" i="1"/>
  <c r="G20358" i="1"/>
  <c r="G20359" i="1"/>
  <c r="G20360" i="1"/>
  <c r="G20361" i="1"/>
  <c r="G20362" i="1"/>
  <c r="G20363" i="1"/>
  <c r="G20364" i="1"/>
  <c r="G20365" i="1"/>
  <c r="G20366" i="1"/>
  <c r="G20367" i="1"/>
  <c r="G20368" i="1"/>
  <c r="G20369" i="1"/>
  <c r="G20370" i="1"/>
  <c r="G20371" i="1"/>
  <c r="G20372" i="1"/>
  <c r="G20373" i="1"/>
  <c r="G20374" i="1"/>
  <c r="G20375" i="1"/>
  <c r="G20376" i="1"/>
  <c r="G20377" i="1"/>
  <c r="G20378" i="1"/>
  <c r="G20379" i="1"/>
  <c r="G20380" i="1"/>
  <c r="G20381" i="1"/>
  <c r="G20382" i="1"/>
  <c r="G20383" i="1"/>
  <c r="G20384" i="1"/>
  <c r="G20385" i="1"/>
  <c r="G20386" i="1"/>
  <c r="G20387" i="1"/>
  <c r="G20388" i="1"/>
  <c r="G20389" i="1"/>
  <c r="G20390" i="1"/>
  <c r="G20391" i="1"/>
  <c r="G20392" i="1"/>
  <c r="G20393" i="1"/>
  <c r="G20394" i="1"/>
  <c r="G20395" i="1"/>
  <c r="G20396" i="1"/>
  <c r="G20397" i="1"/>
  <c r="G20398" i="1"/>
  <c r="G20399" i="1"/>
  <c r="G20400" i="1"/>
  <c r="G20401" i="1"/>
  <c r="G20402" i="1"/>
  <c r="G20403" i="1"/>
  <c r="G20404" i="1"/>
  <c r="G20405" i="1"/>
  <c r="G20406" i="1"/>
  <c r="G20407" i="1"/>
  <c r="G20408" i="1"/>
  <c r="G20409" i="1"/>
  <c r="G20410" i="1"/>
  <c r="G20411" i="1"/>
  <c r="G20412" i="1"/>
  <c r="G20413" i="1"/>
  <c r="G20414" i="1"/>
  <c r="G20415" i="1"/>
  <c r="G20416" i="1"/>
  <c r="G20417" i="1"/>
  <c r="G20418" i="1"/>
  <c r="G20419" i="1"/>
  <c r="G20420" i="1"/>
  <c r="G20421" i="1"/>
  <c r="G20422" i="1"/>
  <c r="G20423" i="1"/>
  <c r="G20424" i="1"/>
  <c r="G20425" i="1"/>
  <c r="G20426" i="1"/>
  <c r="G20427" i="1"/>
  <c r="G20428" i="1"/>
  <c r="G20429" i="1"/>
  <c r="G20430" i="1"/>
  <c r="G20431" i="1"/>
  <c r="G20432" i="1"/>
  <c r="G20433" i="1"/>
  <c r="G20434" i="1"/>
  <c r="G20435" i="1"/>
  <c r="G20436" i="1"/>
  <c r="G20437" i="1"/>
  <c r="G20438" i="1"/>
  <c r="G20439" i="1"/>
  <c r="G20440" i="1"/>
  <c r="G20441" i="1"/>
  <c r="G20442" i="1"/>
  <c r="G20443" i="1"/>
  <c r="G20444" i="1"/>
  <c r="G20445" i="1"/>
  <c r="G20446" i="1"/>
  <c r="G20447" i="1"/>
  <c r="G20448" i="1"/>
  <c r="G20449" i="1"/>
  <c r="G20450" i="1"/>
  <c r="G20451" i="1"/>
  <c r="G20452" i="1"/>
  <c r="G20453" i="1"/>
  <c r="G20454" i="1"/>
  <c r="G20455" i="1"/>
  <c r="G20456" i="1"/>
  <c r="G20457" i="1"/>
  <c r="G20458" i="1"/>
  <c r="G20459" i="1"/>
  <c r="G20460" i="1"/>
  <c r="G20461" i="1"/>
  <c r="G20462" i="1"/>
  <c r="G20463" i="1"/>
  <c r="G20464" i="1"/>
  <c r="G20465" i="1"/>
  <c r="G20466" i="1"/>
  <c r="G20467" i="1"/>
  <c r="G20468" i="1"/>
  <c r="G20469" i="1"/>
  <c r="G20470" i="1"/>
  <c r="G20471" i="1"/>
  <c r="G20472" i="1"/>
  <c r="G20473" i="1"/>
  <c r="G20474" i="1"/>
  <c r="G20475" i="1"/>
  <c r="G20476" i="1"/>
  <c r="G20477" i="1"/>
  <c r="G20478" i="1"/>
  <c r="G20479" i="1"/>
  <c r="G20480" i="1"/>
  <c r="G20481" i="1"/>
  <c r="G20482" i="1"/>
  <c r="G20483" i="1"/>
  <c r="G20484" i="1"/>
  <c r="G20485" i="1"/>
  <c r="G20486" i="1"/>
  <c r="G20487" i="1"/>
  <c r="G20488" i="1"/>
  <c r="G20489" i="1"/>
  <c r="G20490" i="1"/>
  <c r="G20491" i="1"/>
  <c r="G20492" i="1"/>
  <c r="G20493" i="1"/>
  <c r="G20494" i="1"/>
  <c r="G20495" i="1"/>
  <c r="G20496" i="1"/>
  <c r="G20497" i="1"/>
  <c r="G20498" i="1"/>
  <c r="G20499" i="1"/>
  <c r="G20500" i="1"/>
  <c r="G20501" i="1"/>
  <c r="G20502" i="1"/>
  <c r="G20503" i="1"/>
  <c r="G20504" i="1"/>
  <c r="G20505" i="1"/>
  <c r="G20506" i="1"/>
  <c r="G20507" i="1"/>
  <c r="G20508" i="1"/>
  <c r="G20509" i="1"/>
  <c r="G20510" i="1"/>
  <c r="G20511" i="1"/>
  <c r="G20512" i="1"/>
  <c r="G20513" i="1"/>
  <c r="G20514" i="1"/>
  <c r="G20515" i="1"/>
  <c r="G20516" i="1"/>
  <c r="G20517" i="1"/>
  <c r="G20518" i="1"/>
  <c r="G20519" i="1"/>
  <c r="G20520" i="1"/>
  <c r="G20521" i="1"/>
  <c r="G20522" i="1"/>
  <c r="G20523" i="1"/>
  <c r="G20524" i="1"/>
  <c r="G20525" i="1"/>
  <c r="G20526" i="1"/>
  <c r="G20527" i="1"/>
  <c r="G20528" i="1"/>
  <c r="G20529" i="1"/>
  <c r="G20530" i="1"/>
  <c r="G20531" i="1"/>
  <c r="G20532" i="1"/>
  <c r="G20533" i="1"/>
  <c r="G20534" i="1"/>
  <c r="G20535" i="1"/>
  <c r="G20536" i="1"/>
  <c r="G20537" i="1"/>
  <c r="G20538" i="1"/>
  <c r="G20539" i="1"/>
  <c r="G20540" i="1"/>
  <c r="G20541" i="1"/>
  <c r="G20542" i="1"/>
  <c r="G20543" i="1"/>
  <c r="G20544" i="1"/>
  <c r="G20545" i="1"/>
  <c r="G20546" i="1"/>
  <c r="G20547" i="1"/>
  <c r="G20548" i="1"/>
  <c r="G20549" i="1"/>
  <c r="G20550" i="1"/>
  <c r="G20551" i="1"/>
  <c r="G20552" i="1"/>
  <c r="G20553" i="1"/>
  <c r="G20554" i="1"/>
  <c r="G20555" i="1"/>
  <c r="G20556" i="1"/>
  <c r="G20557" i="1"/>
  <c r="G20558" i="1"/>
  <c r="G20559" i="1"/>
  <c r="G20560" i="1"/>
  <c r="G20561" i="1"/>
  <c r="G20562" i="1"/>
  <c r="G20563" i="1"/>
  <c r="G20564" i="1"/>
  <c r="G20565" i="1"/>
  <c r="G20566" i="1"/>
  <c r="G20567" i="1"/>
  <c r="G20568" i="1"/>
  <c r="G20569" i="1"/>
  <c r="G20570" i="1"/>
  <c r="G20571" i="1"/>
  <c r="G20572" i="1"/>
  <c r="G20573" i="1"/>
  <c r="G20574" i="1"/>
  <c r="G20575" i="1"/>
  <c r="G20576" i="1"/>
  <c r="G20577" i="1"/>
  <c r="G20578" i="1"/>
  <c r="G20579" i="1"/>
  <c r="G20580" i="1"/>
  <c r="G20581" i="1"/>
  <c r="G20582" i="1"/>
  <c r="G20583" i="1"/>
  <c r="G20584" i="1"/>
  <c r="G20585" i="1"/>
  <c r="G20586" i="1"/>
  <c r="G20587" i="1"/>
  <c r="G20588" i="1"/>
  <c r="G20589" i="1"/>
  <c r="G20590" i="1"/>
  <c r="G20591" i="1"/>
  <c r="G20592" i="1"/>
  <c r="G20593" i="1"/>
  <c r="G20594" i="1"/>
  <c r="G20595" i="1"/>
  <c r="G20596" i="1"/>
  <c r="G20597" i="1"/>
  <c r="G20598" i="1"/>
  <c r="G20599" i="1"/>
  <c r="G20600" i="1"/>
  <c r="G20601" i="1"/>
  <c r="G20602" i="1"/>
  <c r="G20603" i="1"/>
  <c r="G20604" i="1"/>
  <c r="G20605" i="1"/>
  <c r="G20606" i="1"/>
  <c r="G20607" i="1"/>
  <c r="G20608" i="1"/>
  <c r="G20609" i="1"/>
  <c r="G20610" i="1"/>
  <c r="G20611" i="1"/>
  <c r="G20612" i="1"/>
  <c r="G20613" i="1"/>
  <c r="G20614" i="1"/>
  <c r="G20615" i="1"/>
  <c r="G20616" i="1"/>
  <c r="G20617" i="1"/>
  <c r="G20618" i="1"/>
  <c r="G20619" i="1"/>
  <c r="G20620" i="1"/>
  <c r="G20621" i="1"/>
  <c r="G20622" i="1"/>
  <c r="G20623" i="1"/>
  <c r="G20624" i="1"/>
  <c r="G20625" i="1"/>
  <c r="G20626" i="1"/>
  <c r="G20627" i="1"/>
  <c r="G20628" i="1"/>
  <c r="G20629" i="1"/>
  <c r="G20630" i="1"/>
  <c r="G20631" i="1"/>
  <c r="G20632" i="1"/>
  <c r="G20633" i="1"/>
  <c r="G20634" i="1"/>
  <c r="G20635" i="1"/>
  <c r="G20636" i="1"/>
  <c r="G20637" i="1"/>
  <c r="G20638" i="1"/>
  <c r="G20639" i="1"/>
  <c r="G20640" i="1"/>
  <c r="G20641" i="1"/>
  <c r="G20642" i="1"/>
  <c r="G20643" i="1"/>
  <c r="G20644" i="1"/>
  <c r="G20645" i="1"/>
  <c r="G20646" i="1"/>
  <c r="G20647" i="1"/>
  <c r="G20648" i="1"/>
  <c r="G20649" i="1"/>
  <c r="G20650" i="1"/>
  <c r="G20651" i="1"/>
  <c r="G20652" i="1"/>
  <c r="G20653" i="1"/>
  <c r="G20654" i="1"/>
  <c r="G20655" i="1"/>
  <c r="G20656" i="1"/>
  <c r="G20657" i="1"/>
  <c r="G20658" i="1"/>
  <c r="G20659" i="1"/>
  <c r="G20660" i="1"/>
  <c r="G20661" i="1"/>
  <c r="G20662" i="1"/>
  <c r="G20663" i="1"/>
  <c r="G20664" i="1"/>
  <c r="G20665" i="1"/>
  <c r="G20666" i="1"/>
  <c r="G20667" i="1"/>
  <c r="G20668" i="1"/>
  <c r="G20669" i="1"/>
  <c r="G20670" i="1"/>
  <c r="G20671" i="1"/>
  <c r="G20672" i="1"/>
  <c r="G20673" i="1"/>
  <c r="G20674" i="1"/>
  <c r="G20675" i="1"/>
  <c r="G20676" i="1"/>
  <c r="G20677" i="1"/>
  <c r="G20678" i="1"/>
  <c r="G20679" i="1"/>
  <c r="G20680" i="1"/>
  <c r="G20681" i="1"/>
  <c r="G20682" i="1"/>
  <c r="G20683" i="1"/>
  <c r="G20684" i="1"/>
  <c r="G20685" i="1"/>
  <c r="G20686" i="1"/>
  <c r="G20687" i="1"/>
  <c r="G20688" i="1"/>
  <c r="G20689" i="1"/>
  <c r="G20690" i="1"/>
  <c r="G20691" i="1"/>
  <c r="G20692" i="1"/>
  <c r="G20693" i="1"/>
  <c r="G20694" i="1"/>
  <c r="G20695" i="1"/>
  <c r="G20696" i="1"/>
  <c r="G20697" i="1"/>
  <c r="G20698" i="1"/>
  <c r="G20699" i="1"/>
  <c r="G20700" i="1"/>
  <c r="G20701" i="1"/>
  <c r="G20702" i="1"/>
  <c r="G20703" i="1"/>
  <c r="G20704" i="1"/>
  <c r="G20705" i="1"/>
  <c r="G20706" i="1"/>
  <c r="G20707" i="1"/>
  <c r="G20708" i="1"/>
  <c r="G20709" i="1"/>
  <c r="G20710" i="1"/>
  <c r="G20711" i="1"/>
  <c r="G20712" i="1"/>
  <c r="G20713" i="1"/>
  <c r="G20714" i="1"/>
  <c r="G20715" i="1"/>
  <c r="G20716" i="1"/>
  <c r="G20717" i="1"/>
  <c r="G20718" i="1"/>
  <c r="G20719" i="1"/>
  <c r="G20720" i="1"/>
  <c r="G20721" i="1"/>
  <c r="G20722" i="1"/>
  <c r="G20723" i="1"/>
  <c r="G20724" i="1"/>
  <c r="G20725" i="1"/>
  <c r="G20726" i="1"/>
  <c r="G20727" i="1"/>
  <c r="G20728" i="1"/>
  <c r="G20729" i="1"/>
  <c r="G20730" i="1"/>
  <c r="G20731" i="1"/>
  <c r="G20732" i="1"/>
  <c r="G20733" i="1"/>
  <c r="G20734" i="1"/>
  <c r="G20735" i="1"/>
  <c r="G20736" i="1"/>
  <c r="G20737" i="1"/>
  <c r="G20738" i="1"/>
  <c r="G20739" i="1"/>
  <c r="G20740" i="1"/>
  <c r="G20741" i="1"/>
  <c r="G20742" i="1"/>
  <c r="G20743" i="1"/>
  <c r="G20744" i="1"/>
  <c r="G20745" i="1"/>
  <c r="G20746" i="1"/>
  <c r="G20747" i="1"/>
  <c r="G20748" i="1"/>
  <c r="G20749" i="1"/>
  <c r="G20750" i="1"/>
  <c r="G20751" i="1"/>
  <c r="G20752" i="1"/>
  <c r="G20753" i="1"/>
  <c r="G20754" i="1"/>
  <c r="G20755" i="1"/>
  <c r="G20756" i="1"/>
  <c r="G20757" i="1"/>
  <c r="G20758" i="1"/>
  <c r="G20759" i="1"/>
  <c r="G20760" i="1"/>
  <c r="G20761" i="1"/>
  <c r="G20762" i="1"/>
  <c r="G20763" i="1"/>
  <c r="G20764" i="1"/>
  <c r="G20765" i="1"/>
  <c r="G20766" i="1"/>
  <c r="G20767" i="1"/>
  <c r="G20768" i="1"/>
  <c r="G20769" i="1"/>
  <c r="G20770" i="1"/>
  <c r="G20771" i="1"/>
  <c r="G20772" i="1"/>
  <c r="G20773" i="1"/>
  <c r="G20774" i="1"/>
  <c r="G20775" i="1"/>
  <c r="G20776" i="1"/>
  <c r="G20777" i="1"/>
  <c r="G20778" i="1"/>
  <c r="G20779" i="1"/>
  <c r="G20780" i="1"/>
  <c r="G20781" i="1"/>
  <c r="G20782" i="1"/>
  <c r="G20783" i="1"/>
  <c r="G20784" i="1"/>
  <c r="G20785" i="1"/>
  <c r="G20786" i="1"/>
  <c r="G20787" i="1"/>
  <c r="G20788" i="1"/>
  <c r="G20789" i="1"/>
  <c r="G20790" i="1"/>
  <c r="G20791" i="1"/>
  <c r="G20792" i="1"/>
  <c r="G20793" i="1"/>
  <c r="G20794" i="1"/>
  <c r="G20795" i="1"/>
  <c r="G20796" i="1"/>
  <c r="G20797" i="1"/>
  <c r="G20798" i="1"/>
  <c r="G20799" i="1"/>
  <c r="G20800" i="1"/>
  <c r="G20801" i="1"/>
  <c r="G20802" i="1"/>
  <c r="G20803" i="1"/>
  <c r="G20804" i="1"/>
  <c r="G20805" i="1"/>
  <c r="G20806" i="1"/>
  <c r="G20807" i="1"/>
  <c r="G20808" i="1"/>
  <c r="G20809" i="1"/>
  <c r="G20810" i="1"/>
  <c r="G20811" i="1"/>
  <c r="G20812" i="1"/>
  <c r="G20813" i="1"/>
  <c r="G20814" i="1"/>
  <c r="G20815" i="1"/>
  <c r="G20816" i="1"/>
  <c r="G20817" i="1"/>
  <c r="G20818" i="1"/>
  <c r="G20819" i="1"/>
  <c r="G20820" i="1"/>
  <c r="G20821" i="1"/>
  <c r="G20822" i="1"/>
  <c r="G20823" i="1"/>
  <c r="G20824" i="1"/>
  <c r="G20825" i="1"/>
  <c r="G20826" i="1"/>
  <c r="G20827" i="1"/>
  <c r="G20828" i="1"/>
  <c r="G20829" i="1"/>
  <c r="G20830" i="1"/>
  <c r="G20831" i="1"/>
  <c r="G20832" i="1"/>
  <c r="G20833" i="1"/>
  <c r="G20834" i="1"/>
  <c r="G20835" i="1"/>
  <c r="G20836" i="1"/>
  <c r="G20837" i="1"/>
  <c r="G20838" i="1"/>
  <c r="G20839" i="1"/>
  <c r="G20840" i="1"/>
  <c r="G20841" i="1"/>
  <c r="G20842" i="1"/>
  <c r="G20843" i="1"/>
  <c r="G20844" i="1"/>
  <c r="G20845" i="1"/>
  <c r="G20846" i="1"/>
  <c r="G20847" i="1"/>
  <c r="G20848" i="1"/>
  <c r="G20849" i="1"/>
  <c r="G20850" i="1"/>
  <c r="G20851" i="1"/>
  <c r="G20852" i="1"/>
  <c r="G20853" i="1"/>
  <c r="G20854" i="1"/>
  <c r="G20855" i="1"/>
  <c r="G20856" i="1"/>
  <c r="G20857" i="1"/>
  <c r="G20858" i="1"/>
  <c r="G20859" i="1"/>
  <c r="G20860" i="1"/>
  <c r="G20861" i="1"/>
  <c r="G20862" i="1"/>
  <c r="G20863" i="1"/>
  <c r="G20864" i="1"/>
  <c r="G20865" i="1"/>
  <c r="G20866" i="1"/>
  <c r="G20867" i="1"/>
  <c r="G20868" i="1"/>
  <c r="G20869" i="1"/>
  <c r="G20870" i="1"/>
  <c r="G20871" i="1"/>
  <c r="G20872" i="1"/>
  <c r="G20873" i="1"/>
  <c r="G20874" i="1"/>
  <c r="G20875" i="1"/>
  <c r="G20876" i="1"/>
  <c r="G20877" i="1"/>
  <c r="G20878" i="1"/>
  <c r="G20879" i="1"/>
  <c r="G20880" i="1"/>
  <c r="G20881" i="1"/>
  <c r="G20882" i="1"/>
  <c r="G20883" i="1"/>
  <c r="G20884" i="1"/>
  <c r="G20885" i="1"/>
  <c r="G20886" i="1"/>
  <c r="G20887" i="1"/>
  <c r="G20888" i="1"/>
  <c r="G20889" i="1"/>
  <c r="G20890" i="1"/>
  <c r="G20891" i="1"/>
  <c r="G20892" i="1"/>
  <c r="G20893" i="1"/>
  <c r="G20894" i="1"/>
  <c r="G20895" i="1"/>
  <c r="G20896" i="1"/>
  <c r="G20897" i="1"/>
  <c r="G20898" i="1"/>
  <c r="G20899" i="1"/>
  <c r="G20900" i="1"/>
  <c r="G20901" i="1"/>
  <c r="G20902" i="1"/>
  <c r="G20903" i="1"/>
  <c r="G20904" i="1"/>
  <c r="G20905" i="1"/>
  <c r="G20906" i="1"/>
  <c r="G20907" i="1"/>
  <c r="G20908" i="1"/>
  <c r="G20909" i="1"/>
  <c r="G20910" i="1"/>
  <c r="G20911" i="1"/>
  <c r="G20912" i="1"/>
  <c r="G20913" i="1"/>
  <c r="G20914" i="1"/>
  <c r="G20915" i="1"/>
  <c r="G20916" i="1"/>
  <c r="G20917" i="1"/>
  <c r="G20918" i="1"/>
  <c r="G20919" i="1"/>
  <c r="G20920" i="1"/>
  <c r="G20921" i="1"/>
  <c r="G20922" i="1"/>
  <c r="G20923" i="1"/>
  <c r="G20924" i="1"/>
  <c r="G20925" i="1"/>
  <c r="G20926" i="1"/>
  <c r="G20927" i="1"/>
  <c r="G20928" i="1"/>
  <c r="G20929" i="1"/>
  <c r="G20930" i="1"/>
  <c r="G20931" i="1"/>
  <c r="G20932" i="1"/>
  <c r="G20933" i="1"/>
  <c r="G20934" i="1"/>
  <c r="G20935" i="1"/>
  <c r="G20936" i="1"/>
  <c r="G20937" i="1"/>
  <c r="G20938" i="1"/>
  <c r="G20939" i="1"/>
  <c r="G20940" i="1"/>
  <c r="G20941" i="1"/>
  <c r="G20942" i="1"/>
  <c r="G20943" i="1"/>
  <c r="G20944" i="1"/>
  <c r="G20945" i="1"/>
  <c r="G20946" i="1"/>
  <c r="G20947" i="1"/>
  <c r="G20948" i="1"/>
  <c r="G20949" i="1"/>
  <c r="G20950" i="1"/>
  <c r="G20951" i="1"/>
  <c r="G20952" i="1"/>
  <c r="G20953" i="1"/>
  <c r="G20954" i="1"/>
  <c r="G20955" i="1"/>
  <c r="G20956" i="1"/>
  <c r="G20957" i="1"/>
  <c r="G20958" i="1"/>
  <c r="G20959" i="1"/>
  <c r="G20960" i="1"/>
  <c r="G20961" i="1"/>
  <c r="G20962" i="1"/>
  <c r="G20963" i="1"/>
  <c r="G20964" i="1"/>
  <c r="G20965" i="1"/>
  <c r="G20966" i="1"/>
  <c r="G20967" i="1"/>
  <c r="G20968" i="1"/>
  <c r="G20969" i="1"/>
  <c r="G20970" i="1"/>
  <c r="G20971" i="1"/>
  <c r="G20972" i="1"/>
  <c r="G20973" i="1"/>
  <c r="G20974" i="1"/>
  <c r="G20975" i="1"/>
  <c r="G20976" i="1"/>
  <c r="G20977" i="1"/>
  <c r="G20978" i="1"/>
  <c r="G20979" i="1"/>
  <c r="G20980" i="1"/>
  <c r="G20981" i="1"/>
  <c r="G20982" i="1"/>
  <c r="G20983" i="1"/>
  <c r="G20984" i="1"/>
  <c r="G20985" i="1"/>
  <c r="G20986" i="1"/>
  <c r="G20987" i="1"/>
  <c r="G20988" i="1"/>
  <c r="G20989" i="1"/>
  <c r="G20990" i="1"/>
  <c r="G20991" i="1"/>
  <c r="G20992" i="1"/>
  <c r="G20993" i="1"/>
  <c r="G20994" i="1"/>
  <c r="G20995" i="1"/>
  <c r="G20996" i="1"/>
  <c r="G20997" i="1"/>
  <c r="G20998" i="1"/>
  <c r="G20999" i="1"/>
  <c r="G21000" i="1"/>
  <c r="G21001" i="1"/>
  <c r="G21002" i="1"/>
  <c r="G21003" i="1"/>
  <c r="G21004" i="1"/>
  <c r="G21005" i="1"/>
  <c r="G21006" i="1"/>
  <c r="G21007" i="1"/>
  <c r="G21008" i="1"/>
  <c r="G21009" i="1"/>
  <c r="G21010" i="1"/>
  <c r="G21011" i="1"/>
  <c r="G21012" i="1"/>
  <c r="G21013" i="1"/>
  <c r="G21014" i="1"/>
  <c r="G21015" i="1"/>
  <c r="G21016" i="1"/>
  <c r="G21017" i="1"/>
  <c r="G21018" i="1"/>
  <c r="G21019" i="1"/>
  <c r="G21020" i="1"/>
  <c r="G21021" i="1"/>
  <c r="G21022" i="1"/>
  <c r="G21023" i="1"/>
  <c r="G21024" i="1"/>
  <c r="G21025" i="1"/>
  <c r="G21026" i="1"/>
  <c r="G21027" i="1"/>
  <c r="G21028" i="1"/>
  <c r="G21029" i="1"/>
  <c r="G21030" i="1"/>
  <c r="G21031" i="1"/>
  <c r="G21032" i="1"/>
  <c r="G21033" i="1"/>
  <c r="G21034" i="1"/>
  <c r="G21035" i="1"/>
  <c r="G21036" i="1"/>
  <c r="G21037" i="1"/>
  <c r="G21038" i="1"/>
  <c r="G21039" i="1"/>
  <c r="G21040" i="1"/>
  <c r="G21041" i="1"/>
  <c r="G21042" i="1"/>
  <c r="G21043" i="1"/>
  <c r="G21044" i="1"/>
  <c r="G21045" i="1"/>
  <c r="G21046" i="1"/>
  <c r="G21047" i="1"/>
  <c r="G21048" i="1"/>
  <c r="G21049" i="1"/>
  <c r="G21050" i="1"/>
  <c r="G21051" i="1"/>
  <c r="G21052" i="1"/>
  <c r="G21053" i="1"/>
  <c r="G21054" i="1"/>
  <c r="G21055" i="1"/>
  <c r="G21056" i="1"/>
  <c r="G21057" i="1"/>
  <c r="G21058" i="1"/>
  <c r="G21059" i="1"/>
  <c r="G21060" i="1"/>
  <c r="G21061" i="1"/>
  <c r="G21062" i="1"/>
  <c r="G21063" i="1"/>
  <c r="G21064" i="1"/>
  <c r="G21065" i="1"/>
  <c r="G21066" i="1"/>
  <c r="G21067" i="1"/>
  <c r="G21068" i="1"/>
  <c r="G21069" i="1"/>
  <c r="G21070" i="1"/>
  <c r="G21071" i="1"/>
  <c r="G21072" i="1"/>
  <c r="G21073" i="1"/>
  <c r="G21074" i="1"/>
  <c r="G21075" i="1"/>
  <c r="G21076" i="1"/>
  <c r="G21077" i="1"/>
  <c r="G21078" i="1"/>
  <c r="G21079" i="1"/>
  <c r="G21080" i="1"/>
  <c r="G21081" i="1"/>
  <c r="G21082" i="1"/>
  <c r="G21083" i="1"/>
  <c r="G21084" i="1"/>
  <c r="G21085" i="1"/>
  <c r="G21086" i="1"/>
  <c r="G21087" i="1"/>
  <c r="G21088" i="1"/>
  <c r="G21089" i="1"/>
  <c r="G21090" i="1"/>
  <c r="G21091" i="1"/>
  <c r="G21092" i="1"/>
  <c r="G21093" i="1"/>
  <c r="G21094" i="1"/>
  <c r="G21095" i="1"/>
  <c r="G21096" i="1"/>
  <c r="G21097" i="1"/>
  <c r="G21098" i="1"/>
  <c r="G21099" i="1"/>
  <c r="G21100" i="1"/>
  <c r="G21101" i="1"/>
  <c r="G21102" i="1"/>
  <c r="G21103" i="1"/>
  <c r="G21104" i="1"/>
  <c r="G21105" i="1"/>
  <c r="G21106" i="1"/>
  <c r="G21107" i="1"/>
  <c r="G21108" i="1"/>
  <c r="G21109" i="1"/>
  <c r="G21110" i="1"/>
  <c r="G21111" i="1"/>
  <c r="G21112" i="1"/>
  <c r="G21113" i="1"/>
  <c r="G21114" i="1"/>
  <c r="G21115" i="1"/>
  <c r="G21116" i="1"/>
  <c r="G21117" i="1"/>
  <c r="G21118" i="1"/>
  <c r="G21119" i="1"/>
  <c r="G21120" i="1"/>
  <c r="G21121" i="1"/>
  <c r="G21122" i="1"/>
  <c r="G21123" i="1"/>
  <c r="G21124" i="1"/>
  <c r="G21125" i="1"/>
  <c r="G21126" i="1"/>
  <c r="G21127" i="1"/>
  <c r="G21128" i="1"/>
  <c r="G21129" i="1"/>
  <c r="G21130" i="1"/>
  <c r="G21131" i="1"/>
  <c r="G21132" i="1"/>
  <c r="G21133" i="1"/>
  <c r="G21134" i="1"/>
  <c r="G21135" i="1"/>
  <c r="G21136" i="1"/>
  <c r="G21137" i="1"/>
  <c r="G21138" i="1"/>
  <c r="G21139" i="1"/>
  <c r="G21140" i="1"/>
  <c r="G21141" i="1"/>
  <c r="G21142" i="1"/>
  <c r="G21143" i="1"/>
  <c r="G21144" i="1"/>
  <c r="G21145" i="1"/>
  <c r="G21146" i="1"/>
  <c r="G21147" i="1"/>
  <c r="G21148" i="1"/>
  <c r="G21149" i="1"/>
  <c r="G21150" i="1"/>
  <c r="G21151" i="1"/>
  <c r="G21152" i="1"/>
  <c r="G21153" i="1"/>
  <c r="G21154" i="1"/>
  <c r="G21155" i="1"/>
  <c r="G21156" i="1"/>
  <c r="G21157" i="1"/>
  <c r="G21158" i="1"/>
  <c r="G21159" i="1"/>
  <c r="G21160" i="1"/>
  <c r="G21161" i="1"/>
  <c r="G21162" i="1"/>
  <c r="G21163" i="1"/>
  <c r="G21164" i="1"/>
  <c r="G21165" i="1"/>
  <c r="G21166" i="1"/>
  <c r="G21167" i="1"/>
  <c r="G21168" i="1"/>
  <c r="G21169" i="1"/>
  <c r="G21170" i="1"/>
  <c r="G21171" i="1"/>
  <c r="G21172" i="1"/>
  <c r="G21173" i="1"/>
  <c r="G21174" i="1"/>
  <c r="G21175" i="1"/>
  <c r="G21176" i="1"/>
  <c r="G21177" i="1"/>
  <c r="G21178" i="1"/>
  <c r="G21179" i="1"/>
  <c r="G21180" i="1"/>
  <c r="G21181" i="1"/>
  <c r="G21182" i="1"/>
  <c r="G21183" i="1"/>
  <c r="G21184" i="1"/>
  <c r="G21185" i="1"/>
  <c r="G21186" i="1"/>
  <c r="G21187" i="1"/>
  <c r="G21188" i="1"/>
  <c r="G21189" i="1"/>
  <c r="G21190" i="1"/>
  <c r="G21191" i="1"/>
  <c r="G21192" i="1"/>
  <c r="G21193" i="1"/>
  <c r="G21194" i="1"/>
  <c r="G21195" i="1"/>
  <c r="G21196" i="1"/>
  <c r="G21197" i="1"/>
  <c r="G21198" i="1"/>
  <c r="G21199" i="1"/>
  <c r="G21200" i="1"/>
  <c r="G21201" i="1"/>
  <c r="G21202" i="1"/>
  <c r="G21203" i="1"/>
  <c r="G21204" i="1"/>
  <c r="G21205" i="1"/>
  <c r="G21206" i="1"/>
  <c r="G21207" i="1"/>
  <c r="G21208" i="1"/>
  <c r="G21209" i="1"/>
  <c r="G21210" i="1"/>
  <c r="G21211" i="1"/>
  <c r="G21212" i="1"/>
  <c r="G21213" i="1"/>
  <c r="G21214" i="1"/>
  <c r="G21215" i="1"/>
  <c r="G21216" i="1"/>
  <c r="G21217" i="1"/>
  <c r="G21218" i="1"/>
  <c r="G21219" i="1"/>
  <c r="G21220" i="1"/>
  <c r="G21221" i="1"/>
  <c r="G21222" i="1"/>
  <c r="G21223" i="1"/>
  <c r="G21224" i="1"/>
  <c r="G21225" i="1"/>
  <c r="G21226" i="1"/>
  <c r="G21227" i="1"/>
  <c r="G21228" i="1"/>
  <c r="G21229" i="1"/>
  <c r="G21230" i="1"/>
  <c r="G21231" i="1"/>
  <c r="G21232" i="1"/>
  <c r="G21233" i="1"/>
  <c r="G21234" i="1"/>
  <c r="G21235" i="1"/>
  <c r="G21236" i="1"/>
  <c r="G21237" i="1"/>
  <c r="G21238" i="1"/>
  <c r="G21239" i="1"/>
  <c r="G21240" i="1"/>
  <c r="G21241" i="1"/>
  <c r="G21242" i="1"/>
  <c r="G21243" i="1"/>
  <c r="G21244" i="1"/>
  <c r="G21245" i="1"/>
  <c r="G21246" i="1"/>
  <c r="G21247" i="1"/>
  <c r="G21248" i="1"/>
  <c r="G21249" i="1"/>
  <c r="G21250" i="1"/>
  <c r="G21251" i="1"/>
  <c r="G21252" i="1"/>
  <c r="G21253" i="1"/>
  <c r="G21254" i="1"/>
  <c r="G21255" i="1"/>
  <c r="G21256" i="1"/>
  <c r="G21257" i="1"/>
  <c r="G21258" i="1"/>
  <c r="G21259" i="1"/>
  <c r="G21260" i="1"/>
  <c r="G21261" i="1"/>
  <c r="G21262" i="1"/>
  <c r="G21263" i="1"/>
  <c r="G21264" i="1"/>
  <c r="G21265" i="1"/>
  <c r="G21266" i="1"/>
  <c r="G21267" i="1"/>
  <c r="G21268" i="1"/>
  <c r="G21269" i="1"/>
  <c r="G21270" i="1"/>
  <c r="G21271" i="1"/>
  <c r="G21272" i="1"/>
  <c r="G21273" i="1"/>
  <c r="G21274" i="1"/>
  <c r="G21275" i="1"/>
  <c r="G21276" i="1"/>
  <c r="G21277" i="1"/>
  <c r="G21278" i="1"/>
  <c r="G21279" i="1"/>
  <c r="G21280" i="1"/>
  <c r="G21281" i="1"/>
  <c r="G21282" i="1"/>
  <c r="G21283" i="1"/>
  <c r="G21284" i="1"/>
  <c r="G21285" i="1"/>
  <c r="G21286" i="1"/>
  <c r="G21287" i="1"/>
  <c r="G21288" i="1"/>
  <c r="G21289" i="1"/>
  <c r="G21290" i="1"/>
  <c r="G21291" i="1"/>
  <c r="G21292" i="1"/>
  <c r="G21293" i="1"/>
  <c r="G21294" i="1"/>
  <c r="G21295" i="1"/>
  <c r="G21296" i="1"/>
  <c r="G21297" i="1"/>
  <c r="G21298" i="1"/>
  <c r="G21299" i="1"/>
  <c r="G21300" i="1"/>
  <c r="G21301" i="1"/>
  <c r="G21302" i="1"/>
  <c r="G21303" i="1"/>
  <c r="G21304" i="1"/>
  <c r="G21305" i="1"/>
  <c r="G21306" i="1"/>
  <c r="G21307" i="1"/>
  <c r="G21308" i="1"/>
  <c r="G21309" i="1"/>
  <c r="G21310" i="1"/>
  <c r="G21311" i="1"/>
  <c r="G21312" i="1"/>
  <c r="G21313" i="1"/>
  <c r="G21314" i="1"/>
  <c r="G21315" i="1"/>
  <c r="G21316" i="1"/>
  <c r="G21317" i="1"/>
  <c r="G21318" i="1"/>
  <c r="G21319" i="1"/>
  <c r="G21320" i="1"/>
  <c r="G21321" i="1"/>
  <c r="G21322" i="1"/>
  <c r="G21323" i="1"/>
  <c r="G21324" i="1"/>
  <c r="G21325" i="1"/>
  <c r="G21326" i="1"/>
  <c r="G21327" i="1"/>
  <c r="G21328" i="1"/>
  <c r="G21329" i="1"/>
  <c r="G21330" i="1"/>
  <c r="G21331" i="1"/>
  <c r="G21332" i="1"/>
  <c r="G21333" i="1"/>
  <c r="G21334" i="1"/>
  <c r="G21335" i="1"/>
  <c r="G21336" i="1"/>
  <c r="G21337" i="1"/>
  <c r="G21338" i="1"/>
  <c r="G21339" i="1"/>
  <c r="G21340" i="1"/>
  <c r="G21341" i="1"/>
  <c r="G21342" i="1"/>
  <c r="G21343" i="1"/>
  <c r="G21344" i="1"/>
  <c r="G21345" i="1"/>
  <c r="G21346" i="1"/>
  <c r="G21347" i="1"/>
  <c r="G21348" i="1"/>
  <c r="G21349" i="1"/>
  <c r="G21350" i="1"/>
  <c r="G21351" i="1"/>
  <c r="G21352" i="1"/>
  <c r="G21353" i="1"/>
  <c r="G21354" i="1"/>
  <c r="G21355" i="1"/>
  <c r="G21356" i="1"/>
  <c r="G21357" i="1"/>
  <c r="G21358" i="1"/>
  <c r="G21359" i="1"/>
  <c r="G21360" i="1"/>
  <c r="G21361" i="1"/>
  <c r="G21362" i="1"/>
  <c r="G21363" i="1"/>
  <c r="G21364" i="1"/>
  <c r="G21365" i="1"/>
  <c r="G21366" i="1"/>
  <c r="G21367" i="1"/>
  <c r="G21368" i="1"/>
  <c r="G21369" i="1"/>
  <c r="G21370" i="1"/>
  <c r="G21371" i="1"/>
  <c r="G21372" i="1"/>
  <c r="G21373" i="1"/>
  <c r="G21374" i="1"/>
  <c r="G21375" i="1"/>
  <c r="G21376" i="1"/>
  <c r="G21377" i="1"/>
  <c r="G21378" i="1"/>
  <c r="G21379" i="1"/>
  <c r="G21380" i="1"/>
  <c r="G21381" i="1"/>
  <c r="G21382" i="1"/>
  <c r="G21383" i="1"/>
  <c r="G21384" i="1"/>
  <c r="G21385" i="1"/>
  <c r="G21386" i="1"/>
  <c r="G21387" i="1"/>
  <c r="G21388" i="1"/>
  <c r="G21389" i="1"/>
  <c r="G21390" i="1"/>
  <c r="G21391" i="1"/>
  <c r="G21392" i="1"/>
  <c r="G21393" i="1"/>
  <c r="G21394" i="1"/>
  <c r="G21395" i="1"/>
  <c r="G21396" i="1"/>
  <c r="G21397" i="1"/>
  <c r="G21398" i="1"/>
  <c r="G21399" i="1"/>
  <c r="G21400" i="1"/>
  <c r="G21401" i="1"/>
  <c r="G21402" i="1"/>
  <c r="G21403" i="1"/>
  <c r="G21404" i="1"/>
  <c r="G21405" i="1"/>
  <c r="G21406" i="1"/>
  <c r="G21407" i="1"/>
  <c r="G21408" i="1"/>
  <c r="G21409" i="1"/>
  <c r="G21410" i="1"/>
  <c r="G21411" i="1"/>
  <c r="G21412" i="1"/>
  <c r="G21413" i="1"/>
  <c r="G21414" i="1"/>
  <c r="G21415" i="1"/>
  <c r="G21416" i="1"/>
  <c r="G21417" i="1"/>
  <c r="G21418" i="1"/>
  <c r="G21419" i="1"/>
  <c r="G21420" i="1"/>
  <c r="G21421" i="1"/>
  <c r="G21422" i="1"/>
  <c r="G21423" i="1"/>
  <c r="G21424" i="1"/>
  <c r="G21425" i="1"/>
  <c r="G21426" i="1"/>
  <c r="G21427" i="1"/>
  <c r="G21428" i="1"/>
  <c r="G21429" i="1"/>
  <c r="G21430" i="1"/>
  <c r="G21431" i="1"/>
  <c r="G21432" i="1"/>
  <c r="G21433" i="1"/>
  <c r="G21434" i="1"/>
  <c r="G21435" i="1"/>
  <c r="G21436" i="1"/>
  <c r="G21437" i="1"/>
  <c r="G21438" i="1"/>
  <c r="G21439" i="1"/>
  <c r="G21440" i="1"/>
  <c r="G21441" i="1"/>
  <c r="G21442" i="1"/>
  <c r="G21443" i="1"/>
  <c r="G21444" i="1"/>
  <c r="G21445" i="1"/>
  <c r="G21446" i="1"/>
  <c r="G21447" i="1"/>
  <c r="G21448" i="1"/>
  <c r="G21449" i="1"/>
  <c r="G21450" i="1"/>
  <c r="G21451" i="1"/>
  <c r="G21452" i="1"/>
  <c r="G21453" i="1"/>
  <c r="G21454" i="1"/>
  <c r="G21455" i="1"/>
  <c r="G21456" i="1"/>
  <c r="G21457" i="1"/>
  <c r="G21458" i="1"/>
  <c r="G21459" i="1"/>
  <c r="G21460" i="1"/>
  <c r="G21461" i="1"/>
  <c r="G21462" i="1"/>
  <c r="G21463" i="1"/>
  <c r="G21464" i="1"/>
  <c r="G21465" i="1"/>
  <c r="G21466" i="1"/>
  <c r="G21467" i="1"/>
  <c r="G21468" i="1"/>
  <c r="G21469" i="1"/>
  <c r="G21470" i="1"/>
  <c r="G21471" i="1"/>
  <c r="G21472" i="1"/>
  <c r="G21473" i="1"/>
  <c r="G21474" i="1"/>
  <c r="G21475" i="1"/>
  <c r="G21476" i="1"/>
  <c r="G21477" i="1"/>
  <c r="G21478" i="1"/>
  <c r="G21479" i="1"/>
  <c r="G21480" i="1"/>
  <c r="G21481" i="1"/>
  <c r="G21482" i="1"/>
  <c r="G21483" i="1"/>
  <c r="G21484" i="1"/>
  <c r="G21485" i="1"/>
  <c r="G21486" i="1"/>
  <c r="G21487" i="1"/>
  <c r="G21488" i="1"/>
  <c r="G21489" i="1"/>
  <c r="G21490" i="1"/>
  <c r="G21491" i="1"/>
  <c r="G21492" i="1"/>
  <c r="G21493" i="1"/>
  <c r="G21494" i="1"/>
  <c r="G21495" i="1"/>
  <c r="G21496" i="1"/>
  <c r="G21497" i="1"/>
  <c r="G21498" i="1"/>
  <c r="G21499" i="1"/>
  <c r="G21500" i="1"/>
  <c r="G21501" i="1"/>
  <c r="G21502" i="1"/>
  <c r="G21503" i="1"/>
  <c r="G21504" i="1"/>
  <c r="G21505" i="1"/>
  <c r="G21506" i="1"/>
  <c r="G21507" i="1"/>
  <c r="G21508" i="1"/>
  <c r="G21509" i="1"/>
  <c r="G21510" i="1"/>
  <c r="G21511" i="1"/>
  <c r="G21512" i="1"/>
  <c r="G21513" i="1"/>
  <c r="G21514" i="1"/>
  <c r="G21515" i="1"/>
  <c r="G21516" i="1"/>
  <c r="G21517" i="1"/>
  <c r="G21518" i="1"/>
  <c r="G21519" i="1"/>
  <c r="G21520" i="1"/>
  <c r="G21521" i="1"/>
  <c r="G21522" i="1"/>
  <c r="G21523" i="1"/>
  <c r="G21524" i="1"/>
  <c r="G21525" i="1"/>
  <c r="G21526" i="1"/>
  <c r="G21527" i="1"/>
  <c r="G21528" i="1"/>
  <c r="G21529" i="1"/>
  <c r="G21530" i="1"/>
  <c r="G21531" i="1"/>
  <c r="G21532" i="1"/>
  <c r="G21533" i="1"/>
  <c r="G21534" i="1"/>
  <c r="G21535" i="1"/>
  <c r="G21536" i="1"/>
  <c r="G21537" i="1"/>
  <c r="G21538" i="1"/>
  <c r="G21539" i="1"/>
  <c r="G21540" i="1"/>
  <c r="G21541" i="1"/>
  <c r="G21542" i="1"/>
  <c r="G21543" i="1"/>
  <c r="G21544" i="1"/>
  <c r="G21545" i="1"/>
  <c r="G21546" i="1"/>
  <c r="G21547" i="1"/>
  <c r="G21548" i="1"/>
  <c r="G21549" i="1"/>
  <c r="G21550" i="1"/>
  <c r="G21551" i="1"/>
  <c r="G21552" i="1"/>
  <c r="G21553" i="1"/>
  <c r="G21554" i="1"/>
  <c r="G21555" i="1"/>
  <c r="G21556" i="1"/>
  <c r="G21557" i="1"/>
  <c r="G21558" i="1"/>
  <c r="G21559" i="1"/>
  <c r="G21560" i="1"/>
  <c r="G21561" i="1"/>
  <c r="G21562" i="1"/>
  <c r="G21563" i="1"/>
  <c r="G21564" i="1"/>
  <c r="G21565" i="1"/>
  <c r="G21566" i="1"/>
  <c r="G21567" i="1"/>
  <c r="G21568" i="1"/>
  <c r="G21569" i="1"/>
  <c r="G21570" i="1"/>
  <c r="G21571" i="1"/>
  <c r="G21572" i="1"/>
  <c r="G21573" i="1"/>
  <c r="G21574" i="1"/>
  <c r="G21575" i="1"/>
  <c r="G21576" i="1"/>
  <c r="G21577" i="1"/>
  <c r="G21578" i="1"/>
  <c r="G21579" i="1"/>
  <c r="G21580" i="1"/>
  <c r="G21581" i="1"/>
  <c r="G21582" i="1"/>
  <c r="G21583" i="1"/>
  <c r="G21584" i="1"/>
  <c r="G21585" i="1"/>
  <c r="G21586" i="1"/>
  <c r="G21587" i="1"/>
  <c r="G21588" i="1"/>
  <c r="G21589" i="1"/>
  <c r="G21590" i="1"/>
  <c r="G21591" i="1"/>
  <c r="G21592" i="1"/>
  <c r="G21593" i="1"/>
  <c r="G21594" i="1"/>
  <c r="G21595" i="1"/>
  <c r="G21596" i="1"/>
  <c r="G21597" i="1"/>
  <c r="G21598" i="1"/>
  <c r="G21599" i="1"/>
  <c r="G21600" i="1"/>
  <c r="G21601" i="1"/>
  <c r="G21602" i="1"/>
  <c r="G21603" i="1"/>
  <c r="G21604" i="1"/>
  <c r="G21605" i="1"/>
  <c r="G21606" i="1"/>
  <c r="G21607" i="1"/>
  <c r="G21608" i="1"/>
  <c r="G21609" i="1"/>
  <c r="G21610" i="1"/>
  <c r="G21611" i="1"/>
  <c r="G21612" i="1"/>
  <c r="G21613" i="1"/>
  <c r="G21614" i="1"/>
  <c r="G21615" i="1"/>
  <c r="G21616" i="1"/>
  <c r="G21617" i="1"/>
  <c r="G21618" i="1"/>
  <c r="G21619" i="1"/>
  <c r="G21620" i="1"/>
  <c r="G21621" i="1"/>
  <c r="G21622" i="1"/>
  <c r="G21623" i="1"/>
  <c r="G21624" i="1"/>
  <c r="G21625" i="1"/>
  <c r="G21626" i="1"/>
  <c r="G21627" i="1"/>
  <c r="G21628" i="1"/>
  <c r="G21629" i="1"/>
  <c r="G21630" i="1"/>
  <c r="G21631" i="1"/>
  <c r="G21632" i="1"/>
  <c r="G21633" i="1"/>
  <c r="G21634" i="1"/>
  <c r="G21635" i="1"/>
  <c r="G21636" i="1"/>
  <c r="G21637" i="1"/>
  <c r="G21638" i="1"/>
  <c r="G21639" i="1"/>
  <c r="G21640" i="1"/>
  <c r="G21641" i="1"/>
  <c r="G21642" i="1"/>
  <c r="G21643" i="1"/>
  <c r="G21644" i="1"/>
  <c r="G21645" i="1"/>
  <c r="G21646" i="1"/>
  <c r="G21647" i="1"/>
  <c r="G21648" i="1"/>
  <c r="G21649" i="1"/>
  <c r="G21650" i="1"/>
  <c r="G21651" i="1"/>
  <c r="G21652" i="1"/>
  <c r="G21653" i="1"/>
  <c r="G21654" i="1"/>
  <c r="G21655" i="1"/>
  <c r="G21656" i="1"/>
  <c r="G21657" i="1"/>
  <c r="G21658" i="1"/>
  <c r="G21659" i="1"/>
  <c r="G21660" i="1"/>
  <c r="G21661" i="1"/>
  <c r="G21662" i="1"/>
  <c r="G21663" i="1"/>
  <c r="G21664" i="1"/>
  <c r="G21665" i="1"/>
  <c r="G21666" i="1"/>
  <c r="G21667" i="1"/>
  <c r="G21668" i="1"/>
  <c r="G21669" i="1"/>
  <c r="G21670" i="1"/>
  <c r="G21671" i="1"/>
  <c r="G21672" i="1"/>
  <c r="G21673" i="1"/>
  <c r="G21674" i="1"/>
  <c r="G21675" i="1"/>
  <c r="G21676" i="1"/>
  <c r="G21677" i="1"/>
  <c r="G21678" i="1"/>
  <c r="G21679" i="1"/>
  <c r="G21680" i="1"/>
  <c r="G21681" i="1"/>
  <c r="G21682" i="1"/>
  <c r="G21683" i="1"/>
  <c r="G21684" i="1"/>
  <c r="G21685" i="1"/>
  <c r="G21686" i="1"/>
  <c r="G21687" i="1"/>
  <c r="G21688" i="1"/>
  <c r="G21689" i="1"/>
  <c r="G21690" i="1"/>
  <c r="G21691" i="1"/>
  <c r="G21692" i="1"/>
  <c r="G21693" i="1"/>
  <c r="G21694" i="1"/>
  <c r="G21695" i="1"/>
  <c r="G21696" i="1"/>
  <c r="G21697" i="1"/>
  <c r="G21698" i="1"/>
  <c r="G21699" i="1"/>
  <c r="G21700" i="1"/>
  <c r="G21701" i="1"/>
  <c r="G21702" i="1"/>
  <c r="G21703" i="1"/>
  <c r="G21704" i="1"/>
  <c r="G21705" i="1"/>
  <c r="G21706" i="1"/>
  <c r="G21707" i="1"/>
  <c r="G21708" i="1"/>
  <c r="G21709" i="1"/>
  <c r="G21710" i="1"/>
  <c r="G21711" i="1"/>
  <c r="G21712" i="1"/>
  <c r="G21713" i="1"/>
  <c r="G21714" i="1"/>
  <c r="G21715" i="1"/>
  <c r="G21716" i="1"/>
  <c r="G21717" i="1"/>
  <c r="G21718" i="1"/>
  <c r="G21719" i="1"/>
  <c r="G21720" i="1"/>
  <c r="G21721" i="1"/>
  <c r="G21722" i="1"/>
  <c r="G21723" i="1"/>
  <c r="G21724" i="1"/>
  <c r="G21725" i="1"/>
  <c r="G21726" i="1"/>
  <c r="G21727" i="1"/>
  <c r="G21728" i="1"/>
  <c r="G21729" i="1"/>
  <c r="G21730" i="1"/>
  <c r="G21731" i="1"/>
  <c r="G21732" i="1"/>
  <c r="G21733" i="1"/>
  <c r="G21734" i="1"/>
  <c r="G21735" i="1"/>
  <c r="G21736" i="1"/>
  <c r="G21737" i="1"/>
  <c r="G21738" i="1"/>
  <c r="G21739" i="1"/>
  <c r="G21740" i="1"/>
  <c r="G21741" i="1"/>
  <c r="G21742" i="1"/>
  <c r="G21743" i="1"/>
  <c r="G21744" i="1"/>
  <c r="G21745" i="1"/>
  <c r="G21746" i="1"/>
  <c r="G21747" i="1"/>
  <c r="G21748" i="1"/>
  <c r="G21749" i="1"/>
  <c r="G21750" i="1"/>
  <c r="G21751" i="1"/>
  <c r="G21752" i="1"/>
  <c r="G21753" i="1"/>
  <c r="G21754" i="1"/>
  <c r="G21755" i="1"/>
  <c r="G21756" i="1"/>
  <c r="G21757" i="1"/>
  <c r="G21758" i="1"/>
  <c r="G21759" i="1"/>
  <c r="G21760" i="1"/>
  <c r="G21761" i="1"/>
  <c r="G21762" i="1"/>
  <c r="G21763" i="1"/>
  <c r="G21764" i="1"/>
  <c r="G21765" i="1"/>
  <c r="G21766" i="1"/>
  <c r="G21767" i="1"/>
  <c r="G21768" i="1"/>
  <c r="G21769" i="1"/>
  <c r="G21770" i="1"/>
  <c r="G21771" i="1"/>
  <c r="G21772" i="1"/>
  <c r="G21773" i="1"/>
  <c r="G21774" i="1"/>
  <c r="G21775" i="1"/>
  <c r="G21776" i="1"/>
  <c r="G21777" i="1"/>
  <c r="G21778" i="1"/>
  <c r="G21779" i="1"/>
  <c r="G21780" i="1"/>
  <c r="G21781" i="1"/>
  <c r="G21782" i="1"/>
  <c r="G21783" i="1"/>
  <c r="G21784" i="1"/>
  <c r="G21785" i="1"/>
  <c r="G21786" i="1"/>
  <c r="G21787" i="1"/>
  <c r="G21788" i="1"/>
  <c r="G21789" i="1"/>
  <c r="G21790" i="1"/>
  <c r="G21791" i="1"/>
  <c r="G21792" i="1"/>
  <c r="G21793" i="1"/>
  <c r="G21794" i="1"/>
  <c r="G21795" i="1"/>
  <c r="G21796" i="1"/>
  <c r="G21797" i="1"/>
  <c r="G21798" i="1"/>
  <c r="G21799" i="1"/>
  <c r="G21800" i="1"/>
  <c r="G21801" i="1"/>
  <c r="G21802" i="1"/>
  <c r="G21803" i="1"/>
  <c r="G21804" i="1"/>
  <c r="G21805" i="1"/>
  <c r="G21806" i="1"/>
  <c r="G21807" i="1"/>
  <c r="G21808" i="1"/>
  <c r="G21809" i="1"/>
  <c r="G21810" i="1"/>
  <c r="G21811" i="1"/>
  <c r="G21812" i="1"/>
  <c r="G21813" i="1"/>
  <c r="G21814" i="1"/>
  <c r="G21815" i="1"/>
  <c r="G21816" i="1"/>
  <c r="G21817" i="1"/>
  <c r="G21818" i="1"/>
  <c r="G21819" i="1"/>
  <c r="G21820" i="1"/>
  <c r="G21821" i="1"/>
  <c r="G21822" i="1"/>
  <c r="G21823" i="1"/>
  <c r="G21824" i="1"/>
  <c r="G21825" i="1"/>
  <c r="G21826" i="1"/>
  <c r="G21827" i="1"/>
  <c r="G21828" i="1"/>
  <c r="G21829" i="1"/>
  <c r="G21830" i="1"/>
  <c r="G21831" i="1"/>
  <c r="G21832" i="1"/>
  <c r="G21833" i="1"/>
  <c r="G21834" i="1"/>
  <c r="G21835" i="1"/>
  <c r="G21836" i="1"/>
  <c r="G21837" i="1"/>
  <c r="G21838" i="1"/>
  <c r="G21839" i="1"/>
  <c r="G21840" i="1"/>
  <c r="G21841" i="1"/>
  <c r="G21842" i="1"/>
  <c r="G21843" i="1"/>
  <c r="G21844" i="1"/>
  <c r="G21845" i="1"/>
  <c r="G21846" i="1"/>
  <c r="G21847" i="1"/>
  <c r="G21848" i="1"/>
  <c r="G21849" i="1"/>
  <c r="G21850" i="1"/>
  <c r="G21851" i="1"/>
  <c r="G21852" i="1"/>
  <c r="G21853" i="1"/>
  <c r="G21854" i="1"/>
  <c r="G21855" i="1"/>
  <c r="G21856" i="1"/>
  <c r="G21857" i="1"/>
  <c r="G21858" i="1"/>
  <c r="G21859" i="1"/>
  <c r="G21860" i="1"/>
  <c r="G21861" i="1"/>
  <c r="G21862" i="1"/>
  <c r="G21863" i="1"/>
  <c r="G21864" i="1"/>
  <c r="G21865" i="1"/>
  <c r="G21866" i="1"/>
  <c r="G21867" i="1"/>
  <c r="G21868" i="1"/>
  <c r="G21869" i="1"/>
  <c r="G21870" i="1"/>
  <c r="G21871" i="1"/>
  <c r="G21872" i="1"/>
  <c r="G21873" i="1"/>
  <c r="G21874" i="1"/>
  <c r="G21875" i="1"/>
  <c r="G21876" i="1"/>
  <c r="G21877" i="1"/>
  <c r="G21878" i="1"/>
  <c r="G21879" i="1"/>
  <c r="G21880" i="1"/>
  <c r="G21881" i="1"/>
  <c r="G21882" i="1"/>
  <c r="G21883" i="1"/>
  <c r="G21884" i="1"/>
  <c r="G21885" i="1"/>
  <c r="G21886" i="1"/>
  <c r="G21887" i="1"/>
  <c r="G21888" i="1"/>
  <c r="G21889" i="1"/>
  <c r="G21890" i="1"/>
  <c r="G21891" i="1"/>
  <c r="G21892" i="1"/>
  <c r="G21893" i="1"/>
  <c r="G21894" i="1"/>
  <c r="G21895" i="1"/>
  <c r="G21896" i="1"/>
  <c r="G21897" i="1"/>
  <c r="G21898" i="1"/>
  <c r="G21899" i="1"/>
  <c r="G21900" i="1"/>
  <c r="G21901" i="1"/>
  <c r="G21902" i="1"/>
  <c r="G21903" i="1"/>
  <c r="G21904" i="1"/>
  <c r="G21905" i="1"/>
  <c r="G21906" i="1"/>
  <c r="G21907" i="1"/>
  <c r="G21908" i="1"/>
  <c r="G21909" i="1"/>
  <c r="G21910" i="1"/>
  <c r="G21911" i="1"/>
  <c r="G21912" i="1"/>
  <c r="G21913" i="1"/>
  <c r="G21914" i="1"/>
  <c r="G21915" i="1"/>
  <c r="G21916" i="1"/>
  <c r="G21917" i="1"/>
  <c r="G21918" i="1"/>
  <c r="G21919" i="1"/>
  <c r="G21920" i="1"/>
  <c r="G21921" i="1"/>
  <c r="G21922" i="1"/>
  <c r="G21923" i="1"/>
  <c r="G21924" i="1"/>
  <c r="G21925" i="1"/>
  <c r="G21926" i="1"/>
  <c r="G21927" i="1"/>
  <c r="G21928" i="1"/>
  <c r="G21929" i="1"/>
  <c r="G21930" i="1"/>
  <c r="G21931" i="1"/>
  <c r="G21932" i="1"/>
  <c r="G21933" i="1"/>
  <c r="G21934" i="1"/>
  <c r="G21935" i="1"/>
  <c r="G21936" i="1"/>
  <c r="G21937" i="1"/>
  <c r="G21938" i="1"/>
  <c r="G21939" i="1"/>
  <c r="G21940" i="1"/>
  <c r="G21941" i="1"/>
  <c r="G21942" i="1"/>
  <c r="G21943" i="1"/>
  <c r="G21944" i="1"/>
  <c r="G21945" i="1"/>
  <c r="G21946" i="1"/>
  <c r="G21947" i="1"/>
  <c r="G21948" i="1"/>
  <c r="G21949" i="1"/>
  <c r="G21950" i="1"/>
  <c r="G21951" i="1"/>
  <c r="G21952" i="1"/>
  <c r="G21953" i="1"/>
  <c r="G21954" i="1"/>
  <c r="G21955" i="1"/>
  <c r="G21956" i="1"/>
  <c r="G21957" i="1"/>
  <c r="G21958" i="1"/>
  <c r="G21959" i="1"/>
  <c r="G21960" i="1"/>
  <c r="G21961" i="1"/>
  <c r="G21962" i="1"/>
  <c r="G21963" i="1"/>
  <c r="G21964" i="1"/>
  <c r="G21965" i="1"/>
  <c r="G21966" i="1"/>
  <c r="G21967" i="1"/>
  <c r="G21968" i="1"/>
  <c r="G21969" i="1"/>
  <c r="G21970" i="1"/>
  <c r="G21971" i="1"/>
  <c r="G21972" i="1"/>
  <c r="G21973" i="1"/>
  <c r="G21974" i="1"/>
  <c r="G21975" i="1"/>
  <c r="G21976" i="1"/>
  <c r="G21977" i="1"/>
  <c r="G21978" i="1"/>
  <c r="G21979" i="1"/>
  <c r="G21980" i="1"/>
  <c r="G21981" i="1"/>
  <c r="G21982" i="1"/>
  <c r="G21983" i="1"/>
  <c r="G21984" i="1"/>
  <c r="G21985" i="1"/>
  <c r="G21986" i="1"/>
  <c r="G21987" i="1"/>
  <c r="G21988" i="1"/>
  <c r="G21989" i="1"/>
  <c r="G21990" i="1"/>
  <c r="G21991" i="1"/>
  <c r="G21992" i="1"/>
  <c r="G21993" i="1"/>
  <c r="G21994" i="1"/>
  <c r="G21995" i="1"/>
  <c r="G21996" i="1"/>
  <c r="G21997" i="1"/>
  <c r="G21998" i="1"/>
  <c r="G21999" i="1"/>
  <c r="G22000" i="1"/>
  <c r="G22001" i="1"/>
  <c r="G22002" i="1"/>
  <c r="G22003" i="1"/>
  <c r="G22004" i="1"/>
  <c r="G22005" i="1"/>
  <c r="G22006" i="1"/>
  <c r="G22007" i="1"/>
  <c r="G22008" i="1"/>
  <c r="G22009" i="1"/>
  <c r="G22010" i="1"/>
  <c r="G22011" i="1"/>
  <c r="G22012" i="1"/>
  <c r="G22013" i="1"/>
  <c r="G22014" i="1"/>
  <c r="G22015" i="1"/>
  <c r="G22016" i="1"/>
  <c r="G22017" i="1"/>
  <c r="G22018" i="1"/>
  <c r="G22019" i="1"/>
  <c r="G22020" i="1"/>
  <c r="G22021" i="1"/>
  <c r="G22022" i="1"/>
  <c r="G22023" i="1"/>
  <c r="G22024" i="1"/>
  <c r="G22025" i="1"/>
  <c r="G22026" i="1"/>
  <c r="G22027" i="1"/>
  <c r="G22028" i="1"/>
  <c r="G22029" i="1"/>
  <c r="G22030" i="1"/>
  <c r="G22031" i="1"/>
  <c r="G22032" i="1"/>
  <c r="G22033" i="1"/>
  <c r="G22034" i="1"/>
  <c r="G22035" i="1"/>
  <c r="G22036" i="1"/>
  <c r="G22037" i="1"/>
  <c r="G22038" i="1"/>
  <c r="G22039" i="1"/>
  <c r="G22040" i="1"/>
  <c r="G22041" i="1"/>
  <c r="G22042" i="1"/>
  <c r="G22043" i="1"/>
  <c r="G22044" i="1"/>
  <c r="G22045" i="1"/>
  <c r="G22046" i="1"/>
  <c r="G22047" i="1"/>
  <c r="G22048" i="1"/>
  <c r="G22049" i="1"/>
  <c r="G22050" i="1"/>
  <c r="G22051" i="1"/>
  <c r="G22052" i="1"/>
  <c r="G22053" i="1"/>
  <c r="G22054" i="1"/>
  <c r="G22055" i="1"/>
  <c r="G22056" i="1"/>
  <c r="G22057" i="1"/>
  <c r="G22058" i="1"/>
  <c r="G22059" i="1"/>
  <c r="G22060" i="1"/>
  <c r="G22061" i="1"/>
  <c r="G22062" i="1"/>
  <c r="G22063" i="1"/>
  <c r="G22064" i="1"/>
  <c r="G22065" i="1"/>
  <c r="G22066" i="1"/>
  <c r="G22067" i="1"/>
  <c r="G22068" i="1"/>
  <c r="G22069" i="1"/>
  <c r="G22070" i="1"/>
  <c r="G22071" i="1"/>
  <c r="G22072" i="1"/>
  <c r="G22073" i="1"/>
  <c r="G22074" i="1"/>
  <c r="G22075" i="1"/>
  <c r="G22076" i="1"/>
  <c r="G22077" i="1"/>
  <c r="G22078" i="1"/>
  <c r="G22079" i="1"/>
  <c r="G22080" i="1"/>
  <c r="G22081" i="1"/>
  <c r="G22082" i="1"/>
  <c r="G22083" i="1"/>
  <c r="G22084" i="1"/>
  <c r="G22085" i="1"/>
  <c r="G22086" i="1"/>
  <c r="G22087" i="1"/>
  <c r="G22088" i="1"/>
  <c r="G22089" i="1"/>
  <c r="G22090" i="1"/>
  <c r="G22091" i="1"/>
  <c r="G22092" i="1"/>
  <c r="G22093" i="1"/>
  <c r="G22094" i="1"/>
  <c r="G22095" i="1"/>
  <c r="G22096" i="1"/>
  <c r="G22097" i="1"/>
  <c r="G22098" i="1"/>
  <c r="G22099" i="1"/>
  <c r="G22100" i="1"/>
  <c r="G22101" i="1"/>
  <c r="G22102" i="1"/>
  <c r="G22103" i="1"/>
  <c r="G22104" i="1"/>
  <c r="G22105" i="1"/>
  <c r="G22106" i="1"/>
  <c r="G22107" i="1"/>
  <c r="G22108" i="1"/>
  <c r="G22109" i="1"/>
  <c r="G22110" i="1"/>
  <c r="G22111" i="1"/>
  <c r="G22112" i="1"/>
  <c r="G22113" i="1"/>
  <c r="G22114" i="1"/>
  <c r="G22115" i="1"/>
  <c r="G22116" i="1"/>
  <c r="G22117" i="1"/>
  <c r="G22118" i="1"/>
  <c r="G22119" i="1"/>
  <c r="G22120" i="1"/>
  <c r="G22121" i="1"/>
  <c r="G22122" i="1"/>
  <c r="G22123" i="1"/>
  <c r="G22124" i="1"/>
  <c r="G22125" i="1"/>
  <c r="G22126" i="1"/>
  <c r="G22127" i="1"/>
  <c r="G22128" i="1"/>
  <c r="G22129" i="1"/>
  <c r="G22130" i="1"/>
  <c r="G22131" i="1"/>
  <c r="G22132" i="1"/>
  <c r="G22133" i="1"/>
  <c r="G22134" i="1"/>
  <c r="G22135" i="1"/>
  <c r="G22136" i="1"/>
  <c r="G22137" i="1"/>
  <c r="G22138" i="1"/>
  <c r="G22139" i="1"/>
  <c r="G22140" i="1"/>
  <c r="G22141" i="1"/>
  <c r="G22142" i="1"/>
  <c r="G22143" i="1"/>
  <c r="G22144" i="1"/>
  <c r="G22145" i="1"/>
  <c r="G22146" i="1"/>
  <c r="G22147" i="1"/>
  <c r="G22148" i="1"/>
  <c r="G22149" i="1"/>
  <c r="G22150" i="1"/>
  <c r="G22151" i="1"/>
  <c r="G22152" i="1"/>
  <c r="G22153" i="1"/>
  <c r="G22154" i="1"/>
  <c r="G22155" i="1"/>
  <c r="G22156" i="1"/>
  <c r="G22157" i="1"/>
  <c r="G22158" i="1"/>
  <c r="G22159" i="1"/>
  <c r="G22160" i="1"/>
  <c r="G22161" i="1"/>
  <c r="G22162" i="1"/>
  <c r="G22163" i="1"/>
  <c r="G22164" i="1"/>
  <c r="G22165" i="1"/>
  <c r="G22166" i="1"/>
  <c r="G22167" i="1"/>
  <c r="G22168" i="1"/>
  <c r="G22169" i="1"/>
  <c r="G22170" i="1"/>
  <c r="G22171" i="1"/>
  <c r="G22172" i="1"/>
  <c r="G22173" i="1"/>
  <c r="G22174" i="1"/>
  <c r="G22175" i="1"/>
  <c r="G22176" i="1"/>
  <c r="G22177" i="1"/>
  <c r="G22178" i="1"/>
  <c r="G22179" i="1"/>
  <c r="G22180" i="1"/>
  <c r="G22181" i="1"/>
  <c r="G22182" i="1"/>
  <c r="G22183" i="1"/>
  <c r="G22184" i="1"/>
  <c r="G22185" i="1"/>
  <c r="G22186" i="1"/>
  <c r="G22187" i="1"/>
  <c r="G22188" i="1"/>
  <c r="G22189" i="1"/>
  <c r="G22190" i="1"/>
  <c r="G22191" i="1"/>
  <c r="G22192" i="1"/>
  <c r="G22193" i="1"/>
  <c r="G22194" i="1"/>
  <c r="G22195" i="1"/>
  <c r="G22196" i="1"/>
  <c r="G22197" i="1"/>
  <c r="G22198" i="1"/>
  <c r="G22199" i="1"/>
  <c r="G22200" i="1"/>
  <c r="G22201" i="1"/>
  <c r="G22202" i="1"/>
  <c r="G22203" i="1"/>
  <c r="G22204" i="1"/>
  <c r="G22205" i="1"/>
  <c r="G22206" i="1"/>
  <c r="G22207" i="1"/>
  <c r="G22208" i="1"/>
  <c r="G22209" i="1"/>
  <c r="G22210" i="1"/>
  <c r="G22211" i="1"/>
  <c r="G22212" i="1"/>
  <c r="G22213" i="1"/>
  <c r="G22214" i="1"/>
  <c r="G22215" i="1"/>
  <c r="G22216" i="1"/>
  <c r="G22217" i="1"/>
  <c r="G22218" i="1"/>
  <c r="G22219" i="1"/>
  <c r="G22220" i="1"/>
  <c r="G22221" i="1"/>
  <c r="G22222" i="1"/>
  <c r="G22223" i="1"/>
  <c r="G22224" i="1"/>
  <c r="G22225" i="1"/>
  <c r="G22226" i="1"/>
  <c r="G22227" i="1"/>
  <c r="G22228" i="1"/>
  <c r="G22229" i="1"/>
  <c r="G22230" i="1"/>
  <c r="G22231" i="1"/>
  <c r="G22232" i="1"/>
  <c r="G22233" i="1"/>
  <c r="G22234" i="1"/>
  <c r="G22235" i="1"/>
  <c r="G22236" i="1"/>
  <c r="G22237" i="1"/>
  <c r="G22238" i="1"/>
  <c r="G22239" i="1"/>
  <c r="G22240" i="1"/>
  <c r="G22241" i="1"/>
  <c r="G22242" i="1"/>
  <c r="G22243" i="1"/>
  <c r="G22244" i="1"/>
  <c r="G22245" i="1"/>
  <c r="G22246" i="1"/>
  <c r="G22247" i="1"/>
  <c r="G22248" i="1"/>
  <c r="G22249" i="1"/>
  <c r="G22250" i="1"/>
  <c r="G22251" i="1"/>
  <c r="G22252" i="1"/>
  <c r="G22253" i="1"/>
  <c r="G22254" i="1"/>
  <c r="G22255" i="1"/>
  <c r="G22256" i="1"/>
  <c r="G22257" i="1"/>
  <c r="G22258" i="1"/>
  <c r="G22259" i="1"/>
  <c r="G22260" i="1"/>
  <c r="G22261" i="1"/>
  <c r="G22262" i="1"/>
  <c r="G22263" i="1"/>
  <c r="G22264" i="1"/>
  <c r="G22265" i="1"/>
  <c r="G22266" i="1"/>
  <c r="G22267" i="1"/>
  <c r="G22268" i="1"/>
  <c r="G22269" i="1"/>
  <c r="G22270" i="1"/>
  <c r="G22271" i="1"/>
  <c r="G22272" i="1"/>
  <c r="G22273" i="1"/>
  <c r="G22274" i="1"/>
  <c r="G22275" i="1"/>
  <c r="G22276" i="1"/>
  <c r="G22277" i="1"/>
  <c r="G22278" i="1"/>
  <c r="G22279" i="1"/>
  <c r="G22280" i="1"/>
  <c r="G22281" i="1"/>
  <c r="G22282" i="1"/>
  <c r="G22283" i="1"/>
  <c r="G22284" i="1"/>
  <c r="G22285" i="1"/>
  <c r="G22286" i="1"/>
  <c r="G22287" i="1"/>
  <c r="G22288" i="1"/>
  <c r="G22289" i="1"/>
  <c r="G22290" i="1"/>
  <c r="G22291" i="1"/>
  <c r="G22292" i="1"/>
  <c r="G22293" i="1"/>
  <c r="G22294" i="1"/>
  <c r="G22295" i="1"/>
  <c r="G22296" i="1"/>
  <c r="G22297" i="1"/>
  <c r="G22298" i="1"/>
  <c r="G22299" i="1"/>
  <c r="G22300" i="1"/>
  <c r="G22301" i="1"/>
  <c r="G22302" i="1"/>
  <c r="G22303" i="1"/>
  <c r="G22304" i="1"/>
  <c r="G22305" i="1"/>
  <c r="G22306" i="1"/>
  <c r="G22307" i="1"/>
  <c r="G22308" i="1"/>
  <c r="G22309" i="1"/>
  <c r="G22310" i="1"/>
  <c r="G22311" i="1"/>
  <c r="G22312" i="1"/>
  <c r="G22313" i="1"/>
  <c r="G22314" i="1"/>
  <c r="G22315" i="1"/>
  <c r="G22316" i="1"/>
  <c r="G22317" i="1"/>
  <c r="G22318" i="1"/>
  <c r="G22319" i="1"/>
  <c r="G22320" i="1"/>
  <c r="G22321" i="1"/>
  <c r="G22322" i="1"/>
  <c r="G22323" i="1"/>
  <c r="G22324" i="1"/>
  <c r="G22325" i="1"/>
  <c r="G22326" i="1"/>
  <c r="G22327" i="1"/>
  <c r="G22328" i="1"/>
  <c r="G22329" i="1"/>
  <c r="G22330" i="1"/>
  <c r="G22331" i="1"/>
  <c r="G22332" i="1"/>
  <c r="G22333" i="1"/>
  <c r="G22334" i="1"/>
  <c r="G22335" i="1"/>
  <c r="G22336" i="1"/>
  <c r="G22337" i="1"/>
  <c r="G22338" i="1"/>
  <c r="G22339" i="1"/>
  <c r="G22340" i="1"/>
  <c r="G22341" i="1"/>
  <c r="G22342" i="1"/>
  <c r="G22343" i="1"/>
  <c r="G22344" i="1"/>
  <c r="G22345" i="1"/>
  <c r="G22346" i="1"/>
  <c r="G22347" i="1"/>
  <c r="G22348" i="1"/>
  <c r="G22349" i="1"/>
  <c r="G22350" i="1"/>
  <c r="G22351" i="1"/>
  <c r="G22352" i="1"/>
  <c r="G22353" i="1"/>
  <c r="G22354" i="1"/>
  <c r="G22355" i="1"/>
  <c r="G22356" i="1"/>
  <c r="G22357" i="1"/>
  <c r="G22358" i="1"/>
  <c r="G22359" i="1"/>
  <c r="G22360" i="1"/>
  <c r="G22361" i="1"/>
  <c r="G22362" i="1"/>
  <c r="G22363" i="1"/>
  <c r="G22364" i="1"/>
  <c r="G22365" i="1"/>
  <c r="G22366" i="1"/>
  <c r="G22367" i="1"/>
  <c r="G22368" i="1"/>
  <c r="G22369" i="1"/>
  <c r="G22370" i="1"/>
  <c r="G22371" i="1"/>
  <c r="G22372" i="1"/>
  <c r="G22373" i="1"/>
  <c r="G22374" i="1"/>
  <c r="G22375" i="1"/>
  <c r="G22376" i="1"/>
  <c r="G22377" i="1"/>
  <c r="G22378" i="1"/>
  <c r="G22379" i="1"/>
  <c r="G22380" i="1"/>
  <c r="G22381" i="1"/>
  <c r="G22382" i="1"/>
  <c r="G22383" i="1"/>
  <c r="G22384" i="1"/>
  <c r="G22385" i="1"/>
  <c r="G22386" i="1"/>
  <c r="G22387" i="1"/>
  <c r="G22388" i="1"/>
  <c r="G22389" i="1"/>
  <c r="G22390" i="1"/>
  <c r="G22391" i="1"/>
  <c r="G22392" i="1"/>
  <c r="G22393" i="1"/>
  <c r="G22394" i="1"/>
  <c r="G22395" i="1"/>
  <c r="G22396" i="1"/>
  <c r="G22397" i="1"/>
  <c r="G22398" i="1"/>
  <c r="G22399" i="1"/>
  <c r="G22400" i="1"/>
  <c r="G22401" i="1"/>
  <c r="G22402" i="1"/>
  <c r="G22403" i="1"/>
  <c r="G22404" i="1"/>
  <c r="G22405" i="1"/>
  <c r="G22406" i="1"/>
  <c r="G22407" i="1"/>
  <c r="G22408" i="1"/>
  <c r="G22409" i="1"/>
  <c r="G22410" i="1"/>
  <c r="G22411" i="1"/>
  <c r="G22412" i="1"/>
  <c r="G22413" i="1"/>
  <c r="G22414" i="1"/>
  <c r="G22415" i="1"/>
  <c r="G22416" i="1"/>
  <c r="G22417" i="1"/>
  <c r="G22418" i="1"/>
  <c r="G22419" i="1"/>
  <c r="G22420" i="1"/>
  <c r="G22421" i="1"/>
  <c r="G22422" i="1"/>
  <c r="G22423" i="1"/>
  <c r="G22424" i="1"/>
  <c r="G22425" i="1"/>
  <c r="G22426" i="1"/>
  <c r="G22427" i="1"/>
  <c r="G22428" i="1"/>
  <c r="G22429" i="1"/>
  <c r="G22430" i="1"/>
  <c r="G22431" i="1"/>
  <c r="G22432" i="1"/>
  <c r="G22433" i="1"/>
  <c r="G22434" i="1"/>
  <c r="G22435" i="1"/>
  <c r="G22436" i="1"/>
  <c r="G22437" i="1"/>
  <c r="G22438" i="1"/>
  <c r="G22439" i="1"/>
  <c r="G22440" i="1"/>
  <c r="G22441" i="1"/>
  <c r="G22442" i="1"/>
  <c r="G22443" i="1"/>
  <c r="G22444" i="1"/>
  <c r="G22445" i="1"/>
  <c r="G22446" i="1"/>
  <c r="G22447" i="1"/>
  <c r="G22448" i="1"/>
  <c r="G22449" i="1"/>
  <c r="G22450" i="1"/>
  <c r="G22451" i="1"/>
  <c r="G22452" i="1"/>
  <c r="G22453" i="1"/>
  <c r="G22454" i="1"/>
  <c r="G22455" i="1"/>
  <c r="G22456" i="1"/>
  <c r="G22457" i="1"/>
  <c r="G22458" i="1"/>
  <c r="G22459" i="1"/>
  <c r="G22460" i="1"/>
  <c r="G22461" i="1"/>
  <c r="G22462" i="1"/>
  <c r="G22463" i="1"/>
  <c r="G22464" i="1"/>
  <c r="G22465" i="1"/>
  <c r="G22466" i="1"/>
  <c r="G22467" i="1"/>
  <c r="G22468" i="1"/>
  <c r="G22469" i="1"/>
  <c r="G22470" i="1"/>
  <c r="G22471" i="1"/>
  <c r="G22472" i="1"/>
  <c r="G22473" i="1"/>
  <c r="G22474" i="1"/>
  <c r="G22475" i="1"/>
  <c r="G22476" i="1"/>
  <c r="G22477" i="1"/>
  <c r="G22478" i="1"/>
  <c r="G22479" i="1"/>
  <c r="G22480" i="1"/>
  <c r="G22481" i="1"/>
  <c r="G22482" i="1"/>
  <c r="G22483" i="1"/>
  <c r="G22484" i="1"/>
  <c r="G22485" i="1"/>
  <c r="G22486" i="1"/>
  <c r="G22487" i="1"/>
  <c r="G22488" i="1"/>
  <c r="G22489" i="1"/>
  <c r="G22490" i="1"/>
  <c r="G22491" i="1"/>
  <c r="G22492" i="1"/>
  <c r="G22493" i="1"/>
  <c r="G22494" i="1"/>
  <c r="G22495" i="1"/>
  <c r="G22496" i="1"/>
  <c r="G22497" i="1"/>
  <c r="G22498" i="1"/>
  <c r="G22499" i="1"/>
  <c r="G22500" i="1"/>
  <c r="G22501" i="1"/>
  <c r="G22502" i="1"/>
  <c r="G22503" i="1"/>
  <c r="G22504" i="1"/>
  <c r="G22505" i="1"/>
  <c r="G22506" i="1"/>
  <c r="G22507" i="1"/>
  <c r="G22508" i="1"/>
  <c r="G22509" i="1"/>
  <c r="G22510" i="1"/>
  <c r="G22511" i="1"/>
  <c r="G22512" i="1"/>
  <c r="G22513" i="1"/>
  <c r="G22514" i="1"/>
  <c r="G22515" i="1"/>
  <c r="G22516" i="1"/>
  <c r="G22517" i="1"/>
  <c r="G22518" i="1"/>
  <c r="G22519" i="1"/>
  <c r="G22520" i="1"/>
  <c r="G22521" i="1"/>
  <c r="G22522" i="1"/>
  <c r="G22523" i="1"/>
  <c r="G22524" i="1"/>
  <c r="G22525" i="1"/>
  <c r="G22526" i="1"/>
  <c r="G22527" i="1"/>
  <c r="G22528" i="1"/>
  <c r="G22529" i="1"/>
  <c r="G22530" i="1"/>
  <c r="G22531" i="1"/>
  <c r="G22532" i="1"/>
  <c r="G22533" i="1"/>
  <c r="G22534" i="1"/>
  <c r="G22535" i="1"/>
  <c r="G22536" i="1"/>
  <c r="G22537" i="1"/>
  <c r="G22538" i="1"/>
  <c r="G22539" i="1"/>
  <c r="G22540" i="1"/>
  <c r="G22541" i="1"/>
  <c r="G22542" i="1"/>
  <c r="G22543" i="1"/>
  <c r="G22544" i="1"/>
  <c r="G22545" i="1"/>
  <c r="G22546" i="1"/>
  <c r="G22547" i="1"/>
  <c r="G22548" i="1"/>
  <c r="G22549" i="1"/>
  <c r="G22550" i="1"/>
  <c r="G22551" i="1"/>
  <c r="G22552" i="1"/>
  <c r="G22553" i="1"/>
  <c r="G22554" i="1"/>
  <c r="G22555" i="1"/>
  <c r="G22556" i="1"/>
  <c r="G22557" i="1"/>
  <c r="G22558" i="1"/>
  <c r="G22559" i="1"/>
  <c r="G22560" i="1"/>
  <c r="G22561" i="1"/>
  <c r="G22562" i="1"/>
  <c r="G22563" i="1"/>
  <c r="G22564" i="1"/>
  <c r="G22565" i="1"/>
  <c r="G22566" i="1"/>
  <c r="G22567" i="1"/>
  <c r="G22568" i="1"/>
  <c r="G22569" i="1"/>
  <c r="G22570" i="1"/>
  <c r="G22571" i="1"/>
  <c r="G22572" i="1"/>
  <c r="G22573" i="1"/>
  <c r="G22574" i="1"/>
  <c r="G22575" i="1"/>
  <c r="G22576" i="1"/>
  <c r="G22577" i="1"/>
  <c r="G22578" i="1"/>
  <c r="G22579" i="1"/>
  <c r="G22580" i="1"/>
  <c r="G22581" i="1"/>
  <c r="G22582" i="1"/>
  <c r="G22583" i="1"/>
  <c r="G22584" i="1"/>
  <c r="G22585" i="1"/>
  <c r="G22586" i="1"/>
  <c r="G22587" i="1"/>
  <c r="G22588" i="1"/>
  <c r="G22589" i="1"/>
  <c r="G22590" i="1"/>
  <c r="G22591" i="1"/>
  <c r="G22592" i="1"/>
  <c r="G22593" i="1"/>
  <c r="G22594" i="1"/>
  <c r="G22595" i="1"/>
  <c r="G22596" i="1"/>
  <c r="G22597" i="1"/>
  <c r="G22598" i="1"/>
  <c r="G22599" i="1"/>
  <c r="G22600" i="1"/>
  <c r="G22601" i="1"/>
  <c r="G22602" i="1"/>
  <c r="G22603" i="1"/>
  <c r="G22604" i="1"/>
  <c r="G22605" i="1"/>
  <c r="G22606" i="1"/>
  <c r="G22607" i="1"/>
  <c r="G22608" i="1"/>
  <c r="G22609" i="1"/>
  <c r="G22610" i="1"/>
  <c r="G22611" i="1"/>
  <c r="G22612" i="1"/>
  <c r="G22613" i="1"/>
  <c r="G22614" i="1"/>
  <c r="G22615" i="1"/>
  <c r="G22616" i="1"/>
  <c r="G22617" i="1"/>
  <c r="G22618" i="1"/>
  <c r="G22619" i="1"/>
  <c r="G22620" i="1"/>
  <c r="G22621" i="1"/>
  <c r="G22622" i="1"/>
  <c r="G22623" i="1"/>
  <c r="G22624" i="1"/>
  <c r="G22625" i="1"/>
  <c r="G22626" i="1"/>
  <c r="G22627" i="1"/>
  <c r="G22628" i="1"/>
  <c r="G22629" i="1"/>
  <c r="G22630" i="1"/>
  <c r="G22631" i="1"/>
  <c r="G22632" i="1"/>
  <c r="G22633" i="1"/>
  <c r="G22634" i="1"/>
  <c r="G22635" i="1"/>
  <c r="G22636" i="1"/>
  <c r="G22637" i="1"/>
  <c r="G22638" i="1"/>
  <c r="G22639" i="1"/>
  <c r="G22640" i="1"/>
  <c r="G22641" i="1"/>
  <c r="G22642" i="1"/>
  <c r="G22643" i="1"/>
  <c r="G22644" i="1"/>
  <c r="G22645" i="1"/>
  <c r="G22646" i="1"/>
  <c r="G22647" i="1"/>
  <c r="G22648" i="1"/>
  <c r="G22649" i="1"/>
  <c r="G22650" i="1"/>
  <c r="G22651" i="1"/>
  <c r="G22652" i="1"/>
  <c r="G22653" i="1"/>
  <c r="G22654" i="1"/>
  <c r="G22655" i="1"/>
  <c r="G22656" i="1"/>
  <c r="G22657" i="1"/>
  <c r="G22658" i="1"/>
  <c r="G22659" i="1"/>
  <c r="G22660" i="1"/>
  <c r="G22661" i="1"/>
  <c r="G22662" i="1"/>
  <c r="G22663" i="1"/>
  <c r="G22664" i="1"/>
  <c r="G22665" i="1"/>
  <c r="G22666" i="1"/>
  <c r="G22667" i="1"/>
  <c r="G22668" i="1"/>
  <c r="G22669" i="1"/>
  <c r="G22670" i="1"/>
  <c r="G22671" i="1"/>
  <c r="G22672" i="1"/>
  <c r="G22673" i="1"/>
  <c r="G22674" i="1"/>
  <c r="G22675" i="1"/>
  <c r="G22676" i="1"/>
  <c r="G22677" i="1"/>
  <c r="G22678" i="1"/>
  <c r="G22679" i="1"/>
  <c r="G22680" i="1"/>
  <c r="G22681" i="1"/>
  <c r="G22682" i="1"/>
  <c r="G22683" i="1"/>
  <c r="G22684" i="1"/>
  <c r="G22685" i="1"/>
  <c r="G22686" i="1"/>
  <c r="G22687" i="1"/>
  <c r="G22688" i="1"/>
  <c r="G22689" i="1"/>
  <c r="G22690" i="1"/>
  <c r="G22691" i="1"/>
  <c r="G22692" i="1"/>
  <c r="G22693" i="1"/>
  <c r="G22694" i="1"/>
  <c r="G22695" i="1"/>
  <c r="G22696" i="1"/>
  <c r="G22697" i="1"/>
  <c r="G22698" i="1"/>
  <c r="G22699" i="1"/>
  <c r="G22700" i="1"/>
  <c r="G22701" i="1"/>
  <c r="G22702" i="1"/>
  <c r="G22703" i="1"/>
  <c r="G22704" i="1"/>
  <c r="G22705" i="1"/>
  <c r="G22706" i="1"/>
  <c r="G22707" i="1"/>
  <c r="G22708" i="1"/>
  <c r="G22709" i="1"/>
  <c r="G22710" i="1"/>
  <c r="G22711" i="1"/>
  <c r="G22712" i="1"/>
  <c r="G22713" i="1"/>
  <c r="G22714" i="1"/>
  <c r="G22715" i="1"/>
  <c r="G22716" i="1"/>
  <c r="G22717" i="1"/>
  <c r="G22718" i="1"/>
  <c r="G22719" i="1"/>
  <c r="G22720" i="1"/>
  <c r="G22721" i="1"/>
  <c r="G22722" i="1"/>
  <c r="G22723" i="1"/>
  <c r="G22724" i="1"/>
  <c r="G22725" i="1"/>
  <c r="G22726" i="1"/>
  <c r="G22727" i="1"/>
  <c r="G22728" i="1"/>
  <c r="G22729" i="1"/>
  <c r="G22730" i="1"/>
  <c r="G22731" i="1"/>
  <c r="G22732" i="1"/>
  <c r="G22733" i="1"/>
  <c r="G22734" i="1"/>
  <c r="G22735" i="1"/>
  <c r="G22736" i="1"/>
  <c r="G22737" i="1"/>
  <c r="G22738" i="1"/>
  <c r="G22739" i="1"/>
  <c r="G22740" i="1"/>
  <c r="G22741" i="1"/>
  <c r="G22742" i="1"/>
  <c r="G22743" i="1"/>
  <c r="G22744" i="1"/>
  <c r="G22745" i="1"/>
  <c r="G22746" i="1"/>
  <c r="G22747" i="1"/>
  <c r="G22748" i="1"/>
  <c r="G22749" i="1"/>
  <c r="G22750" i="1"/>
  <c r="G22751" i="1"/>
  <c r="G22752" i="1"/>
  <c r="G22753" i="1"/>
  <c r="G22754" i="1"/>
  <c r="G22755" i="1"/>
  <c r="G22756" i="1"/>
  <c r="G22757" i="1"/>
  <c r="G22758" i="1"/>
  <c r="G22759" i="1"/>
  <c r="G22760" i="1"/>
  <c r="G22761" i="1"/>
  <c r="G22762" i="1"/>
  <c r="G22763" i="1"/>
  <c r="G22764" i="1"/>
  <c r="G22765" i="1"/>
  <c r="G22766" i="1"/>
  <c r="G22767" i="1"/>
  <c r="G22768" i="1"/>
  <c r="G22769" i="1"/>
  <c r="G22770" i="1"/>
  <c r="G22771" i="1"/>
  <c r="G22772" i="1"/>
  <c r="G22773" i="1"/>
  <c r="G22774" i="1"/>
  <c r="G22775" i="1"/>
  <c r="G22776" i="1"/>
  <c r="G22777" i="1"/>
  <c r="G22778" i="1"/>
  <c r="G22779" i="1"/>
  <c r="G22780" i="1"/>
  <c r="G22781" i="1"/>
  <c r="G22782" i="1"/>
  <c r="G22783" i="1"/>
  <c r="G22784" i="1"/>
  <c r="G22785" i="1"/>
  <c r="G22786" i="1"/>
  <c r="G22787" i="1"/>
  <c r="G22788" i="1"/>
  <c r="G22789" i="1"/>
  <c r="G22790" i="1"/>
  <c r="G22791" i="1"/>
  <c r="G22792" i="1"/>
  <c r="G22793" i="1"/>
  <c r="G22794" i="1"/>
  <c r="G22795" i="1"/>
  <c r="G22796" i="1"/>
  <c r="G22797" i="1"/>
  <c r="G22798" i="1"/>
  <c r="G22799" i="1"/>
  <c r="G22800" i="1"/>
  <c r="G22801" i="1"/>
  <c r="G22802" i="1"/>
  <c r="G22803" i="1"/>
  <c r="G22804" i="1"/>
  <c r="G22805" i="1"/>
  <c r="G22806" i="1"/>
  <c r="G22807" i="1"/>
  <c r="G22808" i="1"/>
  <c r="G22809" i="1"/>
  <c r="G22810" i="1"/>
  <c r="G22811" i="1"/>
  <c r="G22812" i="1"/>
  <c r="G22813" i="1"/>
  <c r="G22814" i="1"/>
  <c r="G22815" i="1"/>
  <c r="G22816" i="1"/>
  <c r="G22817" i="1"/>
  <c r="G22818" i="1"/>
  <c r="G22819" i="1"/>
  <c r="G22820" i="1"/>
  <c r="G22821" i="1"/>
  <c r="G22822" i="1"/>
  <c r="G22823" i="1"/>
  <c r="G22824" i="1"/>
  <c r="G22825" i="1"/>
  <c r="G22826" i="1"/>
  <c r="G22827" i="1"/>
  <c r="G22828" i="1"/>
  <c r="G22829" i="1"/>
  <c r="G22830" i="1"/>
  <c r="G22831" i="1"/>
  <c r="G22832" i="1"/>
  <c r="G22833" i="1"/>
  <c r="G22834" i="1"/>
  <c r="G22835" i="1"/>
  <c r="G22836" i="1"/>
  <c r="G22837" i="1"/>
  <c r="G22838" i="1"/>
  <c r="G22839" i="1"/>
  <c r="G22840" i="1"/>
  <c r="G22841" i="1"/>
  <c r="G22842" i="1"/>
  <c r="G22843" i="1"/>
  <c r="G22844" i="1"/>
  <c r="G22845" i="1"/>
  <c r="G22846" i="1"/>
  <c r="G22847" i="1"/>
  <c r="G22848" i="1"/>
  <c r="G22849" i="1"/>
  <c r="G22850" i="1"/>
  <c r="G22851" i="1"/>
  <c r="G22852" i="1"/>
  <c r="G22853" i="1"/>
  <c r="G22854" i="1"/>
  <c r="G22855" i="1"/>
  <c r="G22856" i="1"/>
  <c r="G22857" i="1"/>
  <c r="G22858" i="1"/>
  <c r="G22859" i="1"/>
  <c r="G22860" i="1"/>
  <c r="G22861" i="1"/>
  <c r="G22862" i="1"/>
  <c r="G22863" i="1"/>
  <c r="G22864" i="1"/>
  <c r="G22865" i="1"/>
  <c r="G22866" i="1"/>
  <c r="G22867" i="1"/>
  <c r="G22868" i="1"/>
  <c r="G22869" i="1"/>
  <c r="G22870" i="1"/>
  <c r="G22871" i="1"/>
  <c r="G22872" i="1"/>
  <c r="G22873" i="1"/>
  <c r="G22874" i="1"/>
  <c r="G22875" i="1"/>
  <c r="G22876" i="1"/>
  <c r="G22877" i="1"/>
  <c r="G22878" i="1"/>
  <c r="G22879" i="1"/>
  <c r="G22880" i="1"/>
  <c r="G22881" i="1"/>
  <c r="G22882" i="1"/>
  <c r="G22883" i="1"/>
  <c r="G22884" i="1"/>
  <c r="G22885" i="1"/>
  <c r="G22886" i="1"/>
  <c r="G22887" i="1"/>
  <c r="G22888" i="1"/>
  <c r="G22889" i="1"/>
  <c r="G22890" i="1"/>
  <c r="G22891" i="1"/>
  <c r="G22892" i="1"/>
  <c r="G22893" i="1"/>
  <c r="G22894" i="1"/>
  <c r="G22895" i="1"/>
  <c r="G22896" i="1"/>
  <c r="G22897" i="1"/>
  <c r="G22898" i="1"/>
  <c r="G22899" i="1"/>
  <c r="G22900" i="1"/>
  <c r="G22901" i="1"/>
  <c r="G22902" i="1"/>
  <c r="G22903" i="1"/>
  <c r="G22904" i="1"/>
  <c r="G22905" i="1"/>
  <c r="G22906" i="1"/>
  <c r="G22907" i="1"/>
  <c r="G22908" i="1"/>
  <c r="G22909" i="1"/>
  <c r="G22910" i="1"/>
  <c r="G22911" i="1"/>
  <c r="G22912" i="1"/>
  <c r="G22913" i="1"/>
  <c r="G22914" i="1"/>
  <c r="G22915" i="1"/>
  <c r="G22916" i="1"/>
  <c r="G22917" i="1"/>
  <c r="G22918" i="1"/>
  <c r="G22919" i="1"/>
  <c r="G22920" i="1"/>
  <c r="G22921" i="1"/>
  <c r="G22922" i="1"/>
  <c r="G22923" i="1"/>
  <c r="G22924" i="1"/>
  <c r="G22925" i="1"/>
  <c r="G22926" i="1"/>
  <c r="G22927" i="1"/>
  <c r="G22928" i="1"/>
  <c r="G22929" i="1"/>
  <c r="G22930" i="1"/>
  <c r="G22931" i="1"/>
  <c r="G22932" i="1"/>
  <c r="G22933" i="1"/>
  <c r="G22934" i="1"/>
  <c r="G22935" i="1"/>
  <c r="G22936" i="1"/>
  <c r="G22937" i="1"/>
  <c r="G22938" i="1"/>
  <c r="G22939" i="1"/>
  <c r="G22940" i="1"/>
  <c r="G22941" i="1"/>
  <c r="G22942" i="1"/>
  <c r="G22943" i="1"/>
  <c r="G22944" i="1"/>
  <c r="G22945" i="1"/>
  <c r="G22946" i="1"/>
  <c r="G22947" i="1"/>
  <c r="G22948" i="1"/>
  <c r="G22949" i="1"/>
  <c r="G22950" i="1"/>
  <c r="G22951" i="1"/>
  <c r="G22952" i="1"/>
  <c r="G22953" i="1"/>
  <c r="G22954" i="1"/>
  <c r="G22955" i="1"/>
  <c r="G22956" i="1"/>
  <c r="G22957" i="1"/>
  <c r="G22958" i="1"/>
  <c r="G22959" i="1"/>
  <c r="G22960" i="1"/>
  <c r="G22961" i="1"/>
  <c r="G22962" i="1"/>
  <c r="G22963" i="1"/>
  <c r="G22964" i="1"/>
  <c r="G22965" i="1"/>
  <c r="G22966" i="1"/>
  <c r="G22967" i="1"/>
  <c r="G22968" i="1"/>
  <c r="G22969" i="1"/>
  <c r="G22970" i="1"/>
  <c r="G22971" i="1"/>
  <c r="G22972" i="1"/>
  <c r="G22973" i="1"/>
  <c r="G22974" i="1"/>
  <c r="G22975" i="1"/>
  <c r="G22976" i="1"/>
  <c r="G22977" i="1"/>
  <c r="G22978" i="1"/>
  <c r="G22979" i="1"/>
  <c r="G22980" i="1"/>
  <c r="G22981" i="1"/>
  <c r="G22982" i="1"/>
  <c r="G22983" i="1"/>
  <c r="G22984" i="1"/>
  <c r="G22985" i="1"/>
  <c r="G22986" i="1"/>
  <c r="G22987" i="1"/>
  <c r="G22988" i="1"/>
  <c r="G22989" i="1"/>
  <c r="G22990" i="1"/>
  <c r="G22991" i="1"/>
  <c r="G22992" i="1"/>
  <c r="G22993" i="1"/>
  <c r="G22994" i="1"/>
  <c r="G22995" i="1"/>
  <c r="G22996" i="1"/>
  <c r="G22997" i="1"/>
  <c r="G22998" i="1"/>
  <c r="G22999" i="1"/>
  <c r="G23000" i="1"/>
  <c r="G23001" i="1"/>
  <c r="G23002" i="1"/>
  <c r="G23003" i="1"/>
  <c r="G23004" i="1"/>
  <c r="G23005" i="1"/>
  <c r="G23006" i="1"/>
  <c r="G23007" i="1"/>
  <c r="G23008" i="1"/>
  <c r="G23009" i="1"/>
  <c r="G23010" i="1"/>
  <c r="G23011" i="1"/>
  <c r="G23012" i="1"/>
  <c r="G23013" i="1"/>
  <c r="G23014" i="1"/>
  <c r="G23015" i="1"/>
  <c r="G23016" i="1"/>
  <c r="G23017" i="1"/>
  <c r="G23018" i="1"/>
  <c r="G23019" i="1"/>
  <c r="G23020" i="1"/>
  <c r="G23021" i="1"/>
  <c r="G23022" i="1"/>
  <c r="G23023" i="1"/>
  <c r="G23024" i="1"/>
  <c r="G23025" i="1"/>
  <c r="G23026" i="1"/>
  <c r="G23027" i="1"/>
  <c r="G23028" i="1"/>
  <c r="G23029" i="1"/>
  <c r="G23030" i="1"/>
  <c r="G23031" i="1"/>
  <c r="G23032" i="1"/>
  <c r="G23033" i="1"/>
  <c r="G23034" i="1"/>
  <c r="G23035" i="1"/>
  <c r="G23036" i="1"/>
  <c r="G23037" i="1"/>
  <c r="G23038" i="1"/>
  <c r="G23039" i="1"/>
  <c r="G23040" i="1"/>
  <c r="G23041" i="1"/>
  <c r="G23042" i="1"/>
  <c r="G23043" i="1"/>
  <c r="G23044" i="1"/>
  <c r="G23045" i="1"/>
  <c r="G23046" i="1"/>
  <c r="G23047" i="1"/>
  <c r="G23048" i="1"/>
  <c r="G23049" i="1"/>
  <c r="G23050" i="1"/>
  <c r="G23051" i="1"/>
  <c r="G23052" i="1"/>
  <c r="G23053" i="1"/>
  <c r="G23054" i="1"/>
  <c r="G23055" i="1"/>
  <c r="G23056" i="1"/>
  <c r="G23057" i="1"/>
  <c r="G23058" i="1"/>
  <c r="G23059" i="1"/>
  <c r="G23060" i="1"/>
  <c r="G23061" i="1"/>
  <c r="G23062" i="1"/>
  <c r="G23063" i="1"/>
  <c r="G23064" i="1"/>
  <c r="G23065" i="1"/>
  <c r="G23066" i="1"/>
  <c r="G23067" i="1"/>
  <c r="G23068" i="1"/>
  <c r="G23069" i="1"/>
  <c r="G23070" i="1"/>
  <c r="G23071" i="1"/>
  <c r="G23072" i="1"/>
  <c r="G23073" i="1"/>
  <c r="G23074" i="1"/>
  <c r="G23075" i="1"/>
  <c r="G23076" i="1"/>
  <c r="G23077" i="1"/>
  <c r="G23078" i="1"/>
  <c r="G23079" i="1"/>
  <c r="G23080" i="1"/>
  <c r="G23081" i="1"/>
  <c r="G23082" i="1"/>
  <c r="G23083" i="1"/>
  <c r="G23084" i="1"/>
  <c r="G23085" i="1"/>
  <c r="G23086" i="1"/>
  <c r="G23087" i="1"/>
  <c r="G23088" i="1"/>
  <c r="G23089" i="1"/>
  <c r="G23090" i="1"/>
  <c r="G23091" i="1"/>
  <c r="G23092" i="1"/>
  <c r="G23093" i="1"/>
  <c r="G23094" i="1"/>
  <c r="G23095" i="1"/>
  <c r="G23096" i="1"/>
  <c r="G23097" i="1"/>
  <c r="G23098" i="1"/>
  <c r="G23099" i="1"/>
  <c r="G23100" i="1"/>
  <c r="G23101" i="1"/>
  <c r="G23102" i="1"/>
  <c r="G23103" i="1"/>
  <c r="G23104" i="1"/>
  <c r="G23105" i="1"/>
  <c r="G23106" i="1"/>
  <c r="G23107" i="1"/>
  <c r="G23108" i="1"/>
  <c r="G23109" i="1"/>
  <c r="G23110" i="1"/>
  <c r="G23111" i="1"/>
  <c r="G23112" i="1"/>
  <c r="G23113" i="1"/>
  <c r="G23114" i="1"/>
  <c r="G23115" i="1"/>
  <c r="G23116" i="1"/>
  <c r="G23117" i="1"/>
  <c r="G23118" i="1"/>
  <c r="G23119" i="1"/>
  <c r="G23120" i="1"/>
  <c r="G23121" i="1"/>
  <c r="G23122" i="1"/>
  <c r="G23123" i="1"/>
  <c r="G23124" i="1"/>
  <c r="G23125" i="1"/>
  <c r="G23126" i="1"/>
  <c r="G23127" i="1"/>
  <c r="G23128" i="1"/>
  <c r="G23129" i="1"/>
  <c r="G23130" i="1"/>
  <c r="G23131" i="1"/>
  <c r="G23132" i="1"/>
  <c r="G23133" i="1"/>
  <c r="G23134" i="1"/>
  <c r="G23135" i="1"/>
  <c r="G23136" i="1"/>
  <c r="G23137" i="1"/>
  <c r="G23138" i="1"/>
  <c r="G23139" i="1"/>
  <c r="G23140" i="1"/>
  <c r="G23141" i="1"/>
  <c r="G23142" i="1"/>
  <c r="G23143" i="1"/>
  <c r="G23144" i="1"/>
  <c r="G23145" i="1"/>
  <c r="G23146" i="1"/>
  <c r="G23147" i="1"/>
  <c r="G23148" i="1"/>
  <c r="G23149" i="1"/>
  <c r="G23150" i="1"/>
  <c r="G23151" i="1"/>
  <c r="G23152" i="1"/>
  <c r="G23153" i="1"/>
  <c r="G23154" i="1"/>
  <c r="G23155" i="1"/>
  <c r="G23156" i="1"/>
  <c r="G23157" i="1"/>
  <c r="G23158" i="1"/>
  <c r="G23159" i="1"/>
  <c r="G23160" i="1"/>
  <c r="G23161" i="1"/>
  <c r="G23162" i="1"/>
  <c r="G23163" i="1"/>
  <c r="G23164" i="1"/>
  <c r="G23165" i="1"/>
  <c r="G23166" i="1"/>
  <c r="G23167" i="1"/>
  <c r="G23168" i="1"/>
  <c r="G23169" i="1"/>
  <c r="G23170" i="1"/>
  <c r="G23171" i="1"/>
  <c r="G23172" i="1"/>
  <c r="G23173" i="1"/>
  <c r="G23174" i="1"/>
  <c r="G23175" i="1"/>
  <c r="G23176" i="1"/>
  <c r="G23177" i="1"/>
  <c r="G23178" i="1"/>
  <c r="G23179" i="1"/>
  <c r="G23180" i="1"/>
  <c r="G23181" i="1"/>
  <c r="G23182" i="1"/>
  <c r="G23183" i="1"/>
  <c r="G23184" i="1"/>
  <c r="G23185" i="1"/>
  <c r="G23186" i="1"/>
  <c r="G23187" i="1"/>
  <c r="G23188" i="1"/>
  <c r="G23189" i="1"/>
  <c r="G23190" i="1"/>
  <c r="G23191" i="1"/>
  <c r="G23192" i="1"/>
  <c r="G23193" i="1"/>
  <c r="G23194" i="1"/>
  <c r="G23195" i="1"/>
  <c r="G23196" i="1"/>
  <c r="G23197" i="1"/>
  <c r="G23198" i="1"/>
  <c r="G23199" i="1"/>
  <c r="G23200" i="1"/>
  <c r="G23201" i="1"/>
  <c r="G23202" i="1"/>
  <c r="G23203" i="1"/>
  <c r="G23204" i="1"/>
  <c r="G23205" i="1"/>
  <c r="G23206" i="1"/>
  <c r="G23207" i="1"/>
  <c r="G23208" i="1"/>
  <c r="G23209" i="1"/>
  <c r="G23210" i="1"/>
  <c r="G23211" i="1"/>
  <c r="G23212" i="1"/>
  <c r="G23213" i="1"/>
  <c r="G23214" i="1"/>
  <c r="G23215" i="1"/>
  <c r="G23216" i="1"/>
  <c r="G23217" i="1"/>
  <c r="G23218" i="1"/>
  <c r="G23219" i="1"/>
  <c r="G23220" i="1"/>
  <c r="G23221" i="1"/>
  <c r="G23222" i="1"/>
  <c r="G23223" i="1"/>
  <c r="G23224" i="1"/>
  <c r="G23225" i="1"/>
  <c r="G23226" i="1"/>
  <c r="G23227" i="1"/>
  <c r="G23228" i="1"/>
  <c r="G23229" i="1"/>
  <c r="G23230" i="1"/>
  <c r="G23231" i="1"/>
  <c r="G23232" i="1"/>
  <c r="G23233" i="1"/>
  <c r="G23234" i="1"/>
  <c r="G23235" i="1"/>
  <c r="G23236" i="1"/>
  <c r="G23237" i="1"/>
  <c r="G23238" i="1"/>
  <c r="G23239" i="1"/>
  <c r="G23240" i="1"/>
  <c r="G23241" i="1"/>
  <c r="G23242" i="1"/>
  <c r="G23243" i="1"/>
  <c r="G23244" i="1"/>
  <c r="G23245" i="1"/>
  <c r="G23246" i="1"/>
  <c r="G23247" i="1"/>
  <c r="G23248" i="1"/>
  <c r="G23249" i="1"/>
  <c r="G23250" i="1"/>
  <c r="G23251" i="1"/>
  <c r="G23252" i="1"/>
  <c r="G23253" i="1"/>
  <c r="G23254" i="1"/>
  <c r="G23255" i="1"/>
  <c r="G23256" i="1"/>
  <c r="G23257" i="1"/>
  <c r="G23258" i="1"/>
  <c r="G23259" i="1"/>
  <c r="G23260" i="1"/>
  <c r="G23261" i="1"/>
  <c r="G23262" i="1"/>
  <c r="G23263" i="1"/>
  <c r="G23264" i="1"/>
  <c r="G23265" i="1"/>
  <c r="G23266" i="1"/>
  <c r="G23267" i="1"/>
  <c r="G23268" i="1"/>
  <c r="G23269" i="1"/>
  <c r="G23270" i="1"/>
  <c r="G23271" i="1"/>
  <c r="G23272" i="1"/>
  <c r="G23273" i="1"/>
  <c r="G23274" i="1"/>
  <c r="G23275" i="1"/>
  <c r="G23276" i="1"/>
  <c r="G23277" i="1"/>
  <c r="G23278" i="1"/>
  <c r="G23279" i="1"/>
  <c r="G23280" i="1"/>
  <c r="G23281" i="1"/>
  <c r="G23282" i="1"/>
  <c r="G23283" i="1"/>
  <c r="G23284" i="1"/>
  <c r="G23285" i="1"/>
  <c r="G23286" i="1"/>
  <c r="G23287" i="1"/>
  <c r="G23288" i="1"/>
  <c r="G23289" i="1"/>
  <c r="G23290" i="1"/>
  <c r="G23291" i="1"/>
  <c r="G23292" i="1"/>
  <c r="G23293" i="1"/>
  <c r="G23294" i="1"/>
  <c r="G23295" i="1"/>
  <c r="G23296" i="1"/>
  <c r="G23297" i="1"/>
  <c r="G23298" i="1"/>
  <c r="G23299" i="1"/>
  <c r="G23300" i="1"/>
  <c r="G23301" i="1"/>
  <c r="G23302" i="1"/>
  <c r="G23303" i="1"/>
  <c r="G23304" i="1"/>
  <c r="G23305" i="1"/>
  <c r="G23306" i="1"/>
  <c r="G23307" i="1"/>
  <c r="G23308" i="1"/>
  <c r="G23309" i="1"/>
  <c r="G23310" i="1"/>
  <c r="G23311" i="1"/>
  <c r="G23312" i="1"/>
  <c r="G23313" i="1"/>
  <c r="G23314" i="1"/>
  <c r="G23315" i="1"/>
  <c r="G23316" i="1"/>
  <c r="G23317" i="1"/>
  <c r="G23318" i="1"/>
  <c r="G23319" i="1"/>
  <c r="G23320" i="1"/>
  <c r="G23321" i="1"/>
  <c r="G23322" i="1"/>
  <c r="G23323" i="1"/>
  <c r="G23324" i="1"/>
  <c r="G23325" i="1"/>
  <c r="G23326" i="1"/>
  <c r="G23327" i="1"/>
  <c r="G23328" i="1"/>
  <c r="G23329" i="1"/>
  <c r="G23330" i="1"/>
  <c r="G23331" i="1"/>
  <c r="G23332" i="1"/>
  <c r="G23333" i="1"/>
  <c r="G23334" i="1"/>
  <c r="G23335" i="1"/>
  <c r="G23336" i="1"/>
  <c r="G23337" i="1"/>
  <c r="G23338" i="1"/>
  <c r="G23339" i="1"/>
  <c r="G23340" i="1"/>
  <c r="G23341" i="1"/>
  <c r="G23342" i="1"/>
  <c r="G23343" i="1"/>
  <c r="G23344" i="1"/>
  <c r="G23345" i="1"/>
  <c r="G23346" i="1"/>
  <c r="G23347" i="1"/>
  <c r="G23348" i="1"/>
  <c r="G23349" i="1"/>
  <c r="G23350" i="1"/>
  <c r="G23351" i="1"/>
  <c r="G23352" i="1"/>
  <c r="G23353" i="1"/>
  <c r="G23354" i="1"/>
  <c r="G23355" i="1"/>
  <c r="G23356" i="1"/>
  <c r="G23357" i="1"/>
  <c r="G23358" i="1"/>
  <c r="G23359" i="1"/>
  <c r="G23360" i="1"/>
  <c r="G23361" i="1"/>
  <c r="G23362" i="1"/>
  <c r="G23363" i="1"/>
  <c r="G23364" i="1"/>
  <c r="G23365" i="1"/>
  <c r="G23366" i="1"/>
  <c r="G23367" i="1"/>
  <c r="G23368" i="1"/>
  <c r="G23369" i="1"/>
  <c r="G23370" i="1"/>
  <c r="G23371" i="1"/>
  <c r="G23372" i="1"/>
  <c r="G23373" i="1"/>
  <c r="G23374" i="1"/>
  <c r="G23375" i="1"/>
  <c r="G23376" i="1"/>
  <c r="G23377" i="1"/>
  <c r="G23378" i="1"/>
  <c r="G23379" i="1"/>
  <c r="G23380" i="1"/>
  <c r="G23381" i="1"/>
  <c r="G23382" i="1"/>
  <c r="G23383" i="1"/>
  <c r="G23384" i="1"/>
  <c r="G23385" i="1"/>
  <c r="G23386" i="1"/>
  <c r="G23387" i="1"/>
  <c r="G23388" i="1"/>
  <c r="G23389" i="1"/>
  <c r="G23390" i="1"/>
  <c r="G23391" i="1"/>
  <c r="G23392" i="1"/>
  <c r="G23393" i="1"/>
  <c r="G23394" i="1"/>
  <c r="G23395" i="1"/>
  <c r="G23396" i="1"/>
  <c r="G23397" i="1"/>
  <c r="G23398" i="1"/>
  <c r="G23399" i="1"/>
  <c r="G23400" i="1"/>
  <c r="G23401" i="1"/>
  <c r="G23402" i="1"/>
  <c r="G23403" i="1"/>
  <c r="G23404" i="1"/>
  <c r="G23405" i="1"/>
  <c r="G23406" i="1"/>
  <c r="G23407" i="1"/>
  <c r="G23408" i="1"/>
  <c r="G23409" i="1"/>
  <c r="G23410" i="1"/>
  <c r="G23411" i="1"/>
  <c r="G23412" i="1"/>
  <c r="G23413" i="1"/>
  <c r="G23414" i="1"/>
  <c r="G23415" i="1"/>
  <c r="G23416" i="1"/>
  <c r="G23417" i="1"/>
  <c r="G23418" i="1"/>
  <c r="G23419" i="1"/>
  <c r="G23420" i="1"/>
  <c r="G23421" i="1"/>
  <c r="G23422" i="1"/>
  <c r="G23423" i="1"/>
  <c r="G23424" i="1"/>
  <c r="G23425" i="1"/>
  <c r="G23426" i="1"/>
  <c r="G23427" i="1"/>
  <c r="G23428" i="1"/>
  <c r="G23429" i="1"/>
  <c r="G23430" i="1"/>
  <c r="G23431" i="1"/>
  <c r="G23432" i="1"/>
  <c r="G23433" i="1"/>
  <c r="G23434" i="1"/>
  <c r="G23435" i="1"/>
  <c r="G23436" i="1"/>
  <c r="G23437" i="1"/>
  <c r="G23438" i="1"/>
  <c r="G23439" i="1"/>
  <c r="G23440" i="1"/>
  <c r="G23441" i="1"/>
  <c r="G23442" i="1"/>
  <c r="G23443" i="1"/>
  <c r="G23444" i="1"/>
  <c r="G23445" i="1"/>
  <c r="G23446" i="1"/>
  <c r="G23447" i="1"/>
  <c r="G23448" i="1"/>
  <c r="G23449" i="1"/>
  <c r="G23450" i="1"/>
  <c r="G23451" i="1"/>
  <c r="G23452" i="1"/>
  <c r="G23453" i="1"/>
  <c r="G23454" i="1"/>
  <c r="G23455" i="1"/>
  <c r="G23456" i="1"/>
  <c r="G23457" i="1"/>
  <c r="G23458" i="1"/>
  <c r="G23459" i="1"/>
  <c r="G23460" i="1"/>
  <c r="G23461" i="1"/>
  <c r="G23462" i="1"/>
  <c r="G23463" i="1"/>
  <c r="G23464" i="1"/>
  <c r="G23465" i="1"/>
  <c r="G23466" i="1"/>
  <c r="G23467" i="1"/>
  <c r="G23468" i="1"/>
  <c r="G23469" i="1"/>
  <c r="G23470" i="1"/>
  <c r="G23471" i="1"/>
  <c r="G23472" i="1"/>
  <c r="G23473" i="1"/>
  <c r="G23474" i="1"/>
  <c r="G23475" i="1"/>
  <c r="G23476" i="1"/>
  <c r="G23477" i="1"/>
  <c r="G23478" i="1"/>
  <c r="G23479" i="1"/>
  <c r="G23480" i="1"/>
  <c r="G23481" i="1"/>
  <c r="G23482" i="1"/>
  <c r="G23483" i="1"/>
  <c r="G23484" i="1"/>
  <c r="G23485" i="1"/>
  <c r="G23486" i="1"/>
  <c r="G23487" i="1"/>
  <c r="G23488" i="1"/>
  <c r="G23489" i="1"/>
  <c r="G23490" i="1"/>
  <c r="G23491" i="1"/>
  <c r="G23492" i="1"/>
  <c r="G23493" i="1"/>
  <c r="G23494" i="1"/>
  <c r="G23495" i="1"/>
  <c r="G23496" i="1"/>
  <c r="G23497" i="1"/>
  <c r="G23498" i="1"/>
  <c r="G23499" i="1"/>
  <c r="G23500" i="1"/>
  <c r="G23501" i="1"/>
  <c r="G23502" i="1"/>
  <c r="G23503" i="1"/>
  <c r="G23504" i="1"/>
  <c r="G23505" i="1"/>
  <c r="G23506" i="1"/>
  <c r="G23507" i="1"/>
  <c r="G23508" i="1"/>
  <c r="G23509" i="1"/>
  <c r="G23510" i="1"/>
  <c r="G23511" i="1"/>
  <c r="G23512" i="1"/>
  <c r="G23513" i="1"/>
  <c r="G23514" i="1"/>
  <c r="G23515" i="1"/>
  <c r="G23516" i="1"/>
  <c r="G23517" i="1"/>
  <c r="G23518" i="1"/>
  <c r="G23519" i="1"/>
  <c r="G23520" i="1"/>
  <c r="G23521" i="1"/>
  <c r="G23522" i="1"/>
  <c r="G23523" i="1"/>
  <c r="G23524" i="1"/>
  <c r="G23525" i="1"/>
  <c r="G23526" i="1"/>
  <c r="G23527" i="1"/>
  <c r="G23528" i="1"/>
  <c r="G23529" i="1"/>
  <c r="G23530" i="1"/>
  <c r="G23531" i="1"/>
  <c r="G23532" i="1"/>
  <c r="G23533" i="1"/>
  <c r="G23534" i="1"/>
  <c r="G23535" i="1"/>
  <c r="G23536" i="1"/>
  <c r="G23537" i="1"/>
  <c r="G23538" i="1"/>
  <c r="G23539" i="1"/>
  <c r="G23540" i="1"/>
  <c r="G23541" i="1"/>
  <c r="G23542" i="1"/>
  <c r="G23543" i="1"/>
  <c r="G23544" i="1"/>
  <c r="G23545" i="1"/>
  <c r="G23546" i="1"/>
  <c r="G23547" i="1"/>
  <c r="G23548" i="1"/>
  <c r="G23549" i="1"/>
  <c r="G23550" i="1"/>
  <c r="G23551" i="1"/>
  <c r="G23552" i="1"/>
  <c r="G23553" i="1"/>
  <c r="G23554" i="1"/>
  <c r="G23555" i="1"/>
  <c r="G23556" i="1"/>
  <c r="G23557" i="1"/>
  <c r="G23558" i="1"/>
  <c r="G23559" i="1"/>
  <c r="G23560" i="1"/>
  <c r="G23561" i="1"/>
  <c r="G23562" i="1"/>
  <c r="G23563" i="1"/>
  <c r="G23564" i="1"/>
  <c r="G23565" i="1"/>
  <c r="G23566" i="1"/>
  <c r="G23567" i="1"/>
  <c r="G23568" i="1"/>
  <c r="G23569" i="1"/>
  <c r="G23570" i="1"/>
  <c r="G23571" i="1"/>
  <c r="G23572" i="1"/>
  <c r="G23573" i="1"/>
  <c r="G23574" i="1"/>
  <c r="G23575" i="1"/>
  <c r="G23576" i="1"/>
  <c r="G23577" i="1"/>
  <c r="G23578" i="1"/>
  <c r="G23579" i="1"/>
  <c r="G23580" i="1"/>
  <c r="G23581" i="1"/>
  <c r="G23582" i="1"/>
  <c r="G23583" i="1"/>
  <c r="G23584" i="1"/>
  <c r="G23585" i="1"/>
  <c r="G23586" i="1"/>
  <c r="G23587" i="1"/>
  <c r="G23588" i="1"/>
  <c r="G23589" i="1"/>
  <c r="G23590" i="1"/>
  <c r="G23591" i="1"/>
  <c r="G23592" i="1"/>
  <c r="G23593" i="1"/>
  <c r="G23594" i="1"/>
  <c r="G23595" i="1"/>
  <c r="G23596" i="1"/>
  <c r="G23597" i="1"/>
  <c r="G23598" i="1"/>
  <c r="G23599" i="1"/>
  <c r="G23600" i="1"/>
  <c r="G23601" i="1"/>
  <c r="G23602" i="1"/>
  <c r="G23603" i="1"/>
  <c r="G23604" i="1"/>
  <c r="G23605" i="1"/>
  <c r="G23606" i="1"/>
  <c r="G23607" i="1"/>
  <c r="G23608" i="1"/>
  <c r="G23609" i="1"/>
  <c r="G23610" i="1"/>
  <c r="G23611" i="1"/>
  <c r="G23612" i="1"/>
  <c r="G23613" i="1"/>
  <c r="G23614" i="1"/>
  <c r="G23615" i="1"/>
  <c r="G23616" i="1"/>
  <c r="G23617" i="1"/>
  <c r="G23618" i="1"/>
  <c r="G23619" i="1"/>
  <c r="G23620" i="1"/>
  <c r="G23621" i="1"/>
  <c r="G23622" i="1"/>
  <c r="G23623" i="1"/>
  <c r="G23624" i="1"/>
  <c r="G23625" i="1"/>
  <c r="G23626" i="1"/>
  <c r="G23627" i="1"/>
  <c r="G23628" i="1"/>
  <c r="G23629" i="1"/>
  <c r="G23630" i="1"/>
  <c r="G23631" i="1"/>
  <c r="G23632" i="1"/>
  <c r="G23633" i="1"/>
  <c r="G23634" i="1"/>
  <c r="G23635" i="1"/>
  <c r="G23636" i="1"/>
  <c r="G23637" i="1"/>
  <c r="G23638" i="1"/>
  <c r="G23639" i="1"/>
  <c r="G23640" i="1"/>
  <c r="G23641" i="1"/>
  <c r="G23642" i="1"/>
  <c r="G23643" i="1"/>
  <c r="G23644" i="1"/>
  <c r="G23645" i="1"/>
  <c r="G23646" i="1"/>
  <c r="G23647" i="1"/>
  <c r="G23648" i="1"/>
  <c r="G23649" i="1"/>
  <c r="G23650" i="1"/>
  <c r="G23651" i="1"/>
  <c r="G23652" i="1"/>
  <c r="G23653" i="1"/>
  <c r="G23654" i="1"/>
  <c r="G23655" i="1"/>
  <c r="G23656" i="1"/>
  <c r="G23657" i="1"/>
  <c r="G23658" i="1"/>
  <c r="G23659" i="1"/>
  <c r="G23660" i="1"/>
  <c r="G23661" i="1"/>
  <c r="G23662" i="1"/>
  <c r="G23663" i="1"/>
  <c r="G23664" i="1"/>
  <c r="G23665" i="1"/>
  <c r="G23666" i="1"/>
  <c r="G23667" i="1"/>
  <c r="G23668" i="1"/>
  <c r="G23669" i="1"/>
  <c r="G23670" i="1"/>
  <c r="G23671" i="1"/>
  <c r="G23672" i="1"/>
  <c r="G23673" i="1"/>
  <c r="G23674" i="1"/>
  <c r="G23675" i="1"/>
  <c r="G23676" i="1"/>
  <c r="G23677" i="1"/>
  <c r="G23678" i="1"/>
  <c r="G23679" i="1"/>
  <c r="G23680" i="1"/>
  <c r="G23681" i="1"/>
  <c r="G23682" i="1"/>
  <c r="G23683" i="1"/>
  <c r="G23684" i="1"/>
  <c r="G23685" i="1"/>
  <c r="G23686" i="1"/>
  <c r="G23687" i="1"/>
  <c r="G23688" i="1"/>
  <c r="G23689" i="1"/>
  <c r="G23690" i="1"/>
  <c r="G23691" i="1"/>
  <c r="G23692" i="1"/>
  <c r="G23693" i="1"/>
  <c r="G23694" i="1"/>
  <c r="G23695" i="1"/>
  <c r="G23696" i="1"/>
  <c r="G23697" i="1"/>
  <c r="G23698" i="1"/>
  <c r="G23699" i="1"/>
  <c r="G23700" i="1"/>
  <c r="G23701" i="1"/>
  <c r="G23702" i="1"/>
  <c r="G23703" i="1"/>
  <c r="G23704" i="1"/>
  <c r="G23705" i="1"/>
  <c r="G23706" i="1"/>
  <c r="G23707" i="1"/>
  <c r="G23708" i="1"/>
  <c r="G23709" i="1"/>
  <c r="G23710" i="1"/>
  <c r="G23711" i="1"/>
  <c r="G23712" i="1"/>
  <c r="G23713" i="1"/>
  <c r="G23714" i="1"/>
  <c r="G23715" i="1"/>
  <c r="G23716" i="1"/>
  <c r="G23717" i="1"/>
  <c r="G23718" i="1"/>
  <c r="G23719" i="1"/>
  <c r="G23720" i="1"/>
  <c r="G23721" i="1"/>
  <c r="G23722" i="1"/>
  <c r="G23723" i="1"/>
  <c r="G23724" i="1"/>
  <c r="G23725" i="1"/>
  <c r="G23726" i="1"/>
  <c r="G23727" i="1"/>
  <c r="G23728" i="1"/>
  <c r="G23729" i="1"/>
  <c r="G23730" i="1"/>
  <c r="G23731" i="1"/>
  <c r="G23732" i="1"/>
  <c r="G23733" i="1"/>
  <c r="G23734" i="1"/>
  <c r="G23735" i="1"/>
  <c r="G23736" i="1"/>
  <c r="G23737" i="1"/>
  <c r="G23738" i="1"/>
  <c r="G23739" i="1"/>
  <c r="G23740" i="1"/>
  <c r="G23741" i="1"/>
  <c r="G23742" i="1"/>
  <c r="G23743" i="1"/>
  <c r="G23744" i="1"/>
  <c r="G23745" i="1"/>
  <c r="G23746" i="1"/>
  <c r="G23747" i="1"/>
  <c r="G23748" i="1"/>
  <c r="G23749" i="1"/>
  <c r="G23750" i="1"/>
  <c r="G23751" i="1"/>
  <c r="G23752" i="1"/>
  <c r="G23753" i="1"/>
  <c r="G23754" i="1"/>
  <c r="G23755" i="1"/>
  <c r="G23756" i="1"/>
  <c r="G23757" i="1"/>
  <c r="G23758" i="1"/>
  <c r="G23759" i="1"/>
  <c r="G23760" i="1"/>
  <c r="G23761" i="1"/>
  <c r="G23762" i="1"/>
  <c r="G23763" i="1"/>
  <c r="G23764" i="1"/>
  <c r="G23765" i="1"/>
  <c r="G23766" i="1"/>
  <c r="G23767" i="1"/>
  <c r="G23768" i="1"/>
  <c r="G23769" i="1"/>
  <c r="G23770" i="1"/>
  <c r="G23771" i="1"/>
  <c r="G23772" i="1"/>
  <c r="G23773" i="1"/>
  <c r="G23774" i="1"/>
  <c r="G23775" i="1"/>
  <c r="G23776" i="1"/>
  <c r="G23777" i="1"/>
  <c r="G23778" i="1"/>
  <c r="G23779" i="1"/>
  <c r="G23780" i="1"/>
  <c r="G23781" i="1"/>
  <c r="G23782" i="1"/>
  <c r="G23783" i="1"/>
  <c r="G23784" i="1"/>
  <c r="G23785" i="1"/>
  <c r="G23786" i="1"/>
  <c r="G23787" i="1"/>
  <c r="G23788" i="1"/>
  <c r="G23789" i="1"/>
  <c r="G23790" i="1"/>
  <c r="G23791" i="1"/>
  <c r="G23792" i="1"/>
  <c r="G23793" i="1"/>
  <c r="G23794" i="1"/>
  <c r="G23795" i="1"/>
  <c r="G23796" i="1"/>
  <c r="G23797" i="1"/>
  <c r="G23798" i="1"/>
  <c r="G23799" i="1"/>
  <c r="G23800" i="1"/>
  <c r="G23801" i="1"/>
  <c r="G23802" i="1"/>
  <c r="G23803" i="1"/>
  <c r="G23804" i="1"/>
  <c r="G23805" i="1"/>
  <c r="G23806" i="1"/>
  <c r="G23807" i="1"/>
  <c r="G23808" i="1"/>
  <c r="G23809" i="1"/>
  <c r="G23810" i="1"/>
  <c r="G23811" i="1"/>
  <c r="G23812" i="1"/>
  <c r="G23813" i="1"/>
  <c r="G23814" i="1"/>
  <c r="G23815" i="1"/>
  <c r="G23816" i="1"/>
  <c r="G23817" i="1"/>
  <c r="G23818" i="1"/>
  <c r="G23819" i="1"/>
  <c r="G23820" i="1"/>
  <c r="G23821" i="1"/>
  <c r="G23822" i="1"/>
  <c r="G23823" i="1"/>
  <c r="G23824" i="1"/>
  <c r="G23825" i="1"/>
  <c r="G23826" i="1"/>
  <c r="G23827" i="1"/>
  <c r="G23828" i="1"/>
  <c r="G23829" i="1"/>
  <c r="G23830" i="1"/>
  <c r="G23831" i="1"/>
  <c r="G23832" i="1"/>
  <c r="G23833" i="1"/>
  <c r="G23834" i="1"/>
  <c r="G23835" i="1"/>
  <c r="G23836" i="1"/>
  <c r="G23837" i="1"/>
  <c r="G23838" i="1"/>
  <c r="G23839" i="1"/>
  <c r="G23840" i="1"/>
  <c r="G23841" i="1"/>
  <c r="G23842" i="1"/>
  <c r="G23843" i="1"/>
  <c r="G23844" i="1"/>
  <c r="G23845" i="1"/>
  <c r="G23846" i="1"/>
  <c r="G23847" i="1"/>
  <c r="G23848" i="1"/>
  <c r="G23849" i="1"/>
  <c r="G23850" i="1"/>
  <c r="G23851" i="1"/>
  <c r="G23852" i="1"/>
  <c r="G23853" i="1"/>
  <c r="G23854" i="1"/>
  <c r="G23855" i="1"/>
  <c r="G23856" i="1"/>
  <c r="G23857" i="1"/>
  <c r="G23858" i="1"/>
  <c r="G23859" i="1"/>
  <c r="G23860" i="1"/>
  <c r="G23861" i="1"/>
  <c r="G23862" i="1"/>
  <c r="G23863" i="1"/>
  <c r="G23864" i="1"/>
  <c r="G23865" i="1"/>
  <c r="G23866" i="1"/>
  <c r="G23867" i="1"/>
  <c r="G23868" i="1"/>
  <c r="G23869" i="1"/>
  <c r="G23870" i="1"/>
  <c r="G23871" i="1"/>
  <c r="G23872" i="1"/>
  <c r="G23873" i="1"/>
  <c r="G23874" i="1"/>
  <c r="G23875" i="1"/>
  <c r="G23876" i="1"/>
  <c r="G23877" i="1"/>
  <c r="G23878" i="1"/>
  <c r="G23879" i="1"/>
  <c r="G23880" i="1"/>
  <c r="G23881" i="1"/>
  <c r="G23882" i="1"/>
  <c r="G23883" i="1"/>
  <c r="G23884" i="1"/>
  <c r="G23885" i="1"/>
  <c r="G23886" i="1"/>
  <c r="G23887" i="1"/>
  <c r="G23888" i="1"/>
  <c r="G23889" i="1"/>
  <c r="G23890" i="1"/>
  <c r="G23891" i="1"/>
  <c r="G23892" i="1"/>
  <c r="G23893" i="1"/>
  <c r="G23894" i="1"/>
  <c r="G23895" i="1"/>
  <c r="G23896" i="1"/>
  <c r="G23897" i="1"/>
  <c r="G23898" i="1"/>
  <c r="G23899" i="1"/>
  <c r="G23900" i="1"/>
  <c r="G23901" i="1"/>
  <c r="G23902" i="1"/>
  <c r="G23903" i="1"/>
  <c r="G23904" i="1"/>
  <c r="G23905" i="1"/>
  <c r="G23906" i="1"/>
  <c r="G23907" i="1"/>
  <c r="G23908" i="1"/>
  <c r="G23909" i="1"/>
  <c r="G23910" i="1"/>
  <c r="G23911" i="1"/>
  <c r="G23912" i="1"/>
  <c r="G23913" i="1"/>
  <c r="G23914" i="1"/>
  <c r="G23915" i="1"/>
  <c r="G23916" i="1"/>
  <c r="G23917" i="1"/>
  <c r="G23918" i="1"/>
  <c r="G23919" i="1"/>
  <c r="G23920" i="1"/>
  <c r="G23921" i="1"/>
  <c r="G23922" i="1"/>
  <c r="G23923" i="1"/>
  <c r="G23924" i="1"/>
  <c r="G23925" i="1"/>
  <c r="G23926" i="1"/>
  <c r="G23927" i="1"/>
  <c r="G23928" i="1"/>
  <c r="G23929" i="1"/>
  <c r="G23930" i="1"/>
  <c r="G23931" i="1"/>
  <c r="G23932" i="1"/>
  <c r="G23933" i="1"/>
  <c r="G23934" i="1"/>
  <c r="G23935" i="1"/>
  <c r="G23936" i="1"/>
  <c r="G23937" i="1"/>
  <c r="G23938" i="1"/>
  <c r="G23939" i="1"/>
  <c r="G23940" i="1"/>
  <c r="G23941" i="1"/>
  <c r="G23942" i="1"/>
  <c r="G23943" i="1"/>
  <c r="G23944" i="1"/>
  <c r="G23945" i="1"/>
  <c r="G23946" i="1"/>
  <c r="G23947" i="1"/>
  <c r="G23948" i="1"/>
  <c r="G23949" i="1"/>
  <c r="G23950" i="1"/>
  <c r="G23951" i="1"/>
  <c r="G23952" i="1"/>
  <c r="G23953" i="1"/>
  <c r="G23954" i="1"/>
  <c r="G23955" i="1"/>
  <c r="G23956" i="1"/>
  <c r="G23957" i="1"/>
  <c r="G23958" i="1"/>
  <c r="G23959" i="1"/>
  <c r="G23960" i="1"/>
  <c r="G23961" i="1"/>
  <c r="G23962" i="1"/>
  <c r="G23963" i="1"/>
  <c r="G23964" i="1"/>
  <c r="G23965" i="1"/>
  <c r="G23966" i="1"/>
  <c r="G23967" i="1"/>
  <c r="G23968" i="1"/>
  <c r="G23969" i="1"/>
  <c r="G23970" i="1"/>
  <c r="G23971" i="1"/>
  <c r="G23972" i="1"/>
  <c r="G23973" i="1"/>
  <c r="G23974" i="1"/>
  <c r="G23975" i="1"/>
  <c r="G23976" i="1"/>
  <c r="G23977" i="1"/>
  <c r="G23978" i="1"/>
  <c r="G23979" i="1"/>
  <c r="G23980" i="1"/>
  <c r="G23981" i="1"/>
  <c r="G23982" i="1"/>
  <c r="G23983" i="1"/>
  <c r="G23984" i="1"/>
  <c r="G23985" i="1"/>
  <c r="G23986" i="1"/>
  <c r="G23987" i="1"/>
  <c r="G23988" i="1"/>
  <c r="G23989" i="1"/>
  <c r="G23990" i="1"/>
  <c r="G23991" i="1"/>
  <c r="G23992" i="1"/>
  <c r="G23993" i="1"/>
  <c r="G23994" i="1"/>
  <c r="G23995" i="1"/>
  <c r="G23996" i="1"/>
  <c r="G23997" i="1"/>
  <c r="G23998" i="1"/>
  <c r="G23999" i="1"/>
  <c r="G24000" i="1"/>
  <c r="G24001" i="1"/>
  <c r="G24002" i="1"/>
  <c r="G24003" i="1"/>
  <c r="G24004" i="1"/>
  <c r="G24005" i="1"/>
  <c r="G24006" i="1"/>
  <c r="G24007" i="1"/>
  <c r="G24008" i="1"/>
  <c r="G24009" i="1"/>
  <c r="G24010" i="1"/>
  <c r="G24011" i="1"/>
  <c r="G24012" i="1"/>
  <c r="G24013" i="1"/>
  <c r="G24014" i="1"/>
  <c r="G24015" i="1"/>
  <c r="G24016" i="1"/>
  <c r="G24017" i="1"/>
  <c r="G24018" i="1"/>
  <c r="G24019" i="1"/>
  <c r="G24020" i="1"/>
  <c r="G24021" i="1"/>
  <c r="G24022" i="1"/>
  <c r="G24023" i="1"/>
  <c r="G24024" i="1"/>
  <c r="G24025" i="1"/>
  <c r="G24026" i="1"/>
  <c r="G24027" i="1"/>
  <c r="G24028" i="1"/>
  <c r="G24029" i="1"/>
  <c r="G24030" i="1"/>
  <c r="G24031" i="1"/>
  <c r="G24032" i="1"/>
  <c r="G24033" i="1"/>
  <c r="G24034" i="1"/>
  <c r="G24035" i="1"/>
  <c r="G24036" i="1"/>
  <c r="G24037" i="1"/>
  <c r="G24038" i="1"/>
  <c r="G24039" i="1"/>
  <c r="G24040" i="1"/>
  <c r="G24041" i="1"/>
  <c r="G24042" i="1"/>
  <c r="G24043" i="1"/>
  <c r="G24044" i="1"/>
  <c r="G24045" i="1"/>
  <c r="G24046" i="1"/>
  <c r="G24047" i="1"/>
  <c r="G24048" i="1"/>
  <c r="G24049" i="1"/>
  <c r="G24050" i="1"/>
  <c r="G24051" i="1"/>
  <c r="G24052" i="1"/>
  <c r="G24053" i="1"/>
  <c r="G24054" i="1"/>
  <c r="G24055" i="1"/>
  <c r="G24056" i="1"/>
  <c r="G24057" i="1"/>
  <c r="G24058" i="1"/>
  <c r="G24059" i="1"/>
  <c r="G24060" i="1"/>
  <c r="G24061" i="1"/>
  <c r="G24062" i="1"/>
  <c r="G24063" i="1"/>
  <c r="G24064" i="1"/>
  <c r="G24065" i="1"/>
  <c r="G24066" i="1"/>
  <c r="G24067" i="1"/>
  <c r="G24068" i="1"/>
  <c r="G24069" i="1"/>
  <c r="G24070" i="1"/>
  <c r="G24071" i="1"/>
  <c r="G24072" i="1"/>
  <c r="G24073" i="1"/>
  <c r="G24074" i="1"/>
  <c r="G24075" i="1"/>
  <c r="G24076" i="1"/>
  <c r="G24077" i="1"/>
  <c r="G24078" i="1"/>
  <c r="G24079" i="1"/>
  <c r="G24080" i="1"/>
  <c r="G24081" i="1"/>
  <c r="G24082" i="1"/>
  <c r="G24083" i="1"/>
  <c r="G24084" i="1"/>
  <c r="G24085" i="1"/>
  <c r="G24086" i="1"/>
  <c r="G24087" i="1"/>
  <c r="G24088" i="1"/>
  <c r="G24089" i="1"/>
  <c r="G24090" i="1"/>
  <c r="G24091" i="1"/>
  <c r="G24092" i="1"/>
  <c r="G24093" i="1"/>
  <c r="G24094" i="1"/>
  <c r="G24095" i="1"/>
  <c r="G24096" i="1"/>
  <c r="G24097" i="1"/>
  <c r="G24098" i="1"/>
  <c r="G24099" i="1"/>
  <c r="G24100" i="1"/>
  <c r="G24101" i="1"/>
  <c r="G24102" i="1"/>
  <c r="G24103" i="1"/>
  <c r="G24104" i="1"/>
  <c r="G24105" i="1"/>
  <c r="G24106" i="1"/>
  <c r="G24107" i="1"/>
  <c r="G24108" i="1"/>
  <c r="G24109" i="1"/>
  <c r="G24110" i="1"/>
  <c r="G24111" i="1"/>
  <c r="G24112" i="1"/>
  <c r="G24113" i="1"/>
  <c r="G24114" i="1"/>
  <c r="G24115" i="1"/>
  <c r="G24116" i="1"/>
  <c r="G24117" i="1"/>
  <c r="G24118" i="1"/>
  <c r="G24119" i="1"/>
  <c r="G24120" i="1"/>
  <c r="G24121" i="1"/>
  <c r="G24122" i="1"/>
  <c r="G24123" i="1"/>
  <c r="G24124" i="1"/>
  <c r="G24125" i="1"/>
  <c r="G24126" i="1"/>
  <c r="G24127" i="1"/>
  <c r="G24128" i="1"/>
  <c r="G24129" i="1"/>
  <c r="G24130" i="1"/>
  <c r="G24131" i="1"/>
  <c r="G24132" i="1"/>
  <c r="G24133" i="1"/>
  <c r="G24134" i="1"/>
  <c r="G24135" i="1"/>
  <c r="G24136" i="1"/>
  <c r="G24137" i="1"/>
  <c r="G24138" i="1"/>
  <c r="G24139" i="1"/>
  <c r="G24140" i="1"/>
  <c r="G24141" i="1"/>
  <c r="G24142" i="1"/>
  <c r="G24143" i="1"/>
  <c r="G24144" i="1"/>
  <c r="G24145" i="1"/>
  <c r="G24146" i="1"/>
  <c r="G24147" i="1"/>
  <c r="G24148" i="1"/>
  <c r="G24149" i="1"/>
  <c r="G24150" i="1"/>
  <c r="G24151" i="1"/>
  <c r="G24152" i="1"/>
  <c r="G24153" i="1"/>
  <c r="G24154" i="1"/>
  <c r="G24155" i="1"/>
  <c r="G24156" i="1"/>
  <c r="G24157" i="1"/>
  <c r="G24158" i="1"/>
  <c r="G24159" i="1"/>
  <c r="G24160" i="1"/>
  <c r="G24161" i="1"/>
  <c r="G24162" i="1"/>
  <c r="G24163" i="1"/>
  <c r="G24164" i="1"/>
  <c r="G24165" i="1"/>
  <c r="G24166" i="1"/>
  <c r="G24167" i="1"/>
  <c r="G24168" i="1"/>
  <c r="G24169" i="1"/>
  <c r="G24170" i="1"/>
  <c r="G24171" i="1"/>
  <c r="G24172" i="1"/>
  <c r="G24173" i="1"/>
  <c r="G24174" i="1"/>
  <c r="G24175" i="1"/>
  <c r="G24176" i="1"/>
  <c r="G24177" i="1"/>
  <c r="G24178" i="1"/>
  <c r="G24179" i="1"/>
  <c r="G24180" i="1"/>
  <c r="G24181" i="1"/>
  <c r="G24182" i="1"/>
  <c r="G24183" i="1"/>
  <c r="G24184" i="1"/>
  <c r="G24185" i="1"/>
  <c r="G24186" i="1"/>
  <c r="G24187" i="1"/>
  <c r="G24188" i="1"/>
  <c r="G24189" i="1"/>
  <c r="G24190" i="1"/>
  <c r="G24191" i="1"/>
  <c r="G24192" i="1"/>
  <c r="G24193" i="1"/>
  <c r="G24194" i="1"/>
  <c r="G24195" i="1"/>
  <c r="G24196" i="1"/>
  <c r="G24197" i="1"/>
  <c r="G24198" i="1"/>
  <c r="G24199" i="1"/>
  <c r="G24200" i="1"/>
  <c r="G24201" i="1"/>
  <c r="G24202" i="1"/>
  <c r="G24203" i="1"/>
  <c r="G24204" i="1"/>
  <c r="G24205" i="1"/>
  <c r="G24206" i="1"/>
  <c r="G24207" i="1"/>
  <c r="G24208" i="1"/>
  <c r="G24209" i="1"/>
  <c r="G24210" i="1"/>
  <c r="G24211" i="1"/>
  <c r="G24212" i="1"/>
  <c r="G24213" i="1"/>
  <c r="G24214" i="1"/>
  <c r="G24215" i="1"/>
  <c r="G24216" i="1"/>
  <c r="G24217" i="1"/>
  <c r="G24218" i="1"/>
  <c r="G24219" i="1"/>
  <c r="G24220" i="1"/>
  <c r="G24221" i="1"/>
  <c r="G24222" i="1"/>
  <c r="G24223" i="1"/>
  <c r="G24224" i="1"/>
  <c r="G24225" i="1"/>
  <c r="G24226" i="1"/>
  <c r="G24227" i="1"/>
  <c r="G24228" i="1"/>
  <c r="G24229" i="1"/>
  <c r="G24230" i="1"/>
  <c r="G24231" i="1"/>
  <c r="G24232" i="1"/>
  <c r="G24233" i="1"/>
  <c r="G24234" i="1"/>
  <c r="G24235" i="1"/>
  <c r="G24236" i="1"/>
  <c r="G24237" i="1"/>
  <c r="G24238" i="1"/>
  <c r="G24239" i="1"/>
  <c r="G24240" i="1"/>
  <c r="G24241" i="1"/>
  <c r="G24242" i="1"/>
  <c r="G24243" i="1"/>
  <c r="G24244" i="1"/>
  <c r="G24245" i="1"/>
  <c r="G24246" i="1"/>
  <c r="G24247" i="1"/>
  <c r="G24248" i="1"/>
  <c r="G24249" i="1"/>
  <c r="G24250" i="1"/>
  <c r="G24251" i="1"/>
  <c r="G24252" i="1"/>
  <c r="G24253" i="1"/>
  <c r="G24254" i="1"/>
  <c r="G24255" i="1"/>
  <c r="G24256" i="1"/>
  <c r="G24257" i="1"/>
  <c r="G24258" i="1"/>
  <c r="G24259" i="1"/>
  <c r="G24260" i="1"/>
  <c r="G24261" i="1"/>
  <c r="G24262" i="1"/>
  <c r="G24263" i="1"/>
  <c r="G24264" i="1"/>
  <c r="G24265" i="1"/>
  <c r="G24266" i="1"/>
  <c r="G24267" i="1"/>
  <c r="G24268" i="1"/>
  <c r="G24269" i="1"/>
  <c r="G24270" i="1"/>
  <c r="G24271" i="1"/>
  <c r="G24272" i="1"/>
  <c r="G24273" i="1"/>
  <c r="G24274" i="1"/>
  <c r="G24275" i="1"/>
  <c r="G24276" i="1"/>
  <c r="G24277" i="1"/>
  <c r="G24278" i="1"/>
  <c r="G24279" i="1"/>
  <c r="G24280" i="1"/>
  <c r="G24281" i="1"/>
  <c r="G24282" i="1"/>
  <c r="G24283" i="1"/>
  <c r="G24284" i="1"/>
  <c r="G24285" i="1"/>
  <c r="G24286" i="1"/>
  <c r="G24287" i="1"/>
  <c r="G24288" i="1"/>
  <c r="G24289" i="1"/>
  <c r="G24290" i="1"/>
  <c r="G24291" i="1"/>
  <c r="G24292" i="1"/>
  <c r="G24293" i="1"/>
  <c r="G24294" i="1"/>
  <c r="G24295" i="1"/>
  <c r="G24296" i="1"/>
  <c r="G24297" i="1"/>
  <c r="G24298" i="1"/>
  <c r="G24299" i="1"/>
  <c r="G24300" i="1"/>
  <c r="G24301" i="1"/>
  <c r="G24302" i="1"/>
  <c r="G24303" i="1"/>
  <c r="G24304" i="1"/>
  <c r="G24305" i="1"/>
  <c r="G24306" i="1"/>
  <c r="G24307" i="1"/>
  <c r="G24308" i="1"/>
  <c r="G24309" i="1"/>
  <c r="G24310" i="1"/>
  <c r="G24311" i="1"/>
  <c r="G24312" i="1"/>
  <c r="G24313" i="1"/>
  <c r="G24314" i="1"/>
  <c r="G24315" i="1"/>
  <c r="G24316" i="1"/>
  <c r="G24317" i="1"/>
  <c r="G24318" i="1"/>
  <c r="G24319" i="1"/>
  <c r="G24320" i="1"/>
  <c r="G24321" i="1"/>
  <c r="G24322" i="1"/>
  <c r="G24323" i="1"/>
  <c r="G24324" i="1"/>
  <c r="G24325" i="1"/>
  <c r="G24326" i="1"/>
  <c r="G24327" i="1"/>
  <c r="G24328" i="1"/>
  <c r="G24329" i="1"/>
  <c r="G24330" i="1"/>
  <c r="G24331" i="1"/>
  <c r="G24332" i="1"/>
  <c r="G24333" i="1"/>
  <c r="G24334" i="1"/>
  <c r="G24335" i="1"/>
  <c r="G24336" i="1"/>
  <c r="G24337" i="1"/>
  <c r="G24338" i="1"/>
  <c r="G24339" i="1"/>
  <c r="G24340" i="1"/>
  <c r="G24341" i="1"/>
  <c r="G24342" i="1"/>
  <c r="G24343" i="1"/>
  <c r="G24344" i="1"/>
  <c r="G24345" i="1"/>
  <c r="G24346" i="1"/>
  <c r="G24347" i="1"/>
  <c r="G24348" i="1"/>
  <c r="G24349" i="1"/>
  <c r="G24350" i="1"/>
  <c r="G24351" i="1"/>
  <c r="G24352" i="1"/>
  <c r="G24353" i="1"/>
  <c r="G24354" i="1"/>
  <c r="G24355" i="1"/>
  <c r="G24356" i="1"/>
  <c r="G24357" i="1"/>
  <c r="G24358" i="1"/>
  <c r="G24359" i="1"/>
  <c r="G24360" i="1"/>
  <c r="G24361" i="1"/>
  <c r="G24362" i="1"/>
  <c r="G24363" i="1"/>
  <c r="G24364" i="1"/>
  <c r="G24365" i="1"/>
  <c r="G24366" i="1"/>
  <c r="G24367" i="1"/>
  <c r="G24368" i="1"/>
  <c r="G24369" i="1"/>
  <c r="G24370" i="1"/>
  <c r="G24371" i="1"/>
  <c r="G24372" i="1"/>
  <c r="G24373" i="1"/>
  <c r="G24374" i="1"/>
  <c r="G24375" i="1"/>
  <c r="G24376" i="1"/>
  <c r="G24377" i="1"/>
  <c r="G24378" i="1"/>
  <c r="G24379" i="1"/>
  <c r="G24380" i="1"/>
  <c r="G24381" i="1"/>
  <c r="G24382" i="1"/>
  <c r="G24383" i="1"/>
  <c r="G24384" i="1"/>
  <c r="G24385" i="1"/>
  <c r="G24386" i="1"/>
  <c r="G24387" i="1"/>
  <c r="G24388" i="1"/>
  <c r="G24389" i="1"/>
  <c r="G24390" i="1"/>
  <c r="G24391" i="1"/>
  <c r="G24392" i="1"/>
  <c r="G24393" i="1"/>
  <c r="G24394" i="1"/>
  <c r="G24395" i="1"/>
  <c r="G24396" i="1"/>
  <c r="G24397" i="1"/>
  <c r="G24398" i="1"/>
  <c r="G24399" i="1"/>
  <c r="G24400" i="1"/>
  <c r="G24401" i="1"/>
  <c r="G24402" i="1"/>
  <c r="G24403" i="1"/>
  <c r="G24404" i="1"/>
  <c r="G24405" i="1"/>
  <c r="G24406" i="1"/>
  <c r="G24407" i="1"/>
  <c r="G24408" i="1"/>
  <c r="G24409" i="1"/>
  <c r="G24410" i="1"/>
  <c r="G24411" i="1"/>
  <c r="G24412" i="1"/>
  <c r="G24413" i="1"/>
  <c r="G24414" i="1"/>
  <c r="G24415" i="1"/>
  <c r="G24416" i="1"/>
  <c r="G24417" i="1"/>
  <c r="G24418" i="1"/>
  <c r="G24419" i="1"/>
  <c r="G24420" i="1"/>
  <c r="G24421" i="1"/>
  <c r="G24422" i="1"/>
  <c r="G24423" i="1"/>
  <c r="G24424" i="1"/>
  <c r="G24425" i="1"/>
  <c r="G24426" i="1"/>
  <c r="G24427" i="1"/>
  <c r="G24428" i="1"/>
  <c r="G24429" i="1"/>
  <c r="G24430" i="1"/>
  <c r="G24431" i="1"/>
  <c r="G24432" i="1"/>
  <c r="G24433" i="1"/>
  <c r="G24434" i="1"/>
  <c r="G24435" i="1"/>
  <c r="G24436" i="1"/>
  <c r="G24437" i="1"/>
  <c r="G24438" i="1"/>
  <c r="G24439" i="1"/>
  <c r="G24440" i="1"/>
  <c r="G24441" i="1"/>
  <c r="G24442" i="1"/>
  <c r="G24443" i="1"/>
  <c r="G24444" i="1"/>
  <c r="G24445" i="1"/>
  <c r="G24446" i="1"/>
  <c r="G24447" i="1"/>
  <c r="G24448" i="1"/>
  <c r="G24449" i="1"/>
  <c r="G24450" i="1"/>
  <c r="G24451" i="1"/>
  <c r="G24452" i="1"/>
  <c r="G24453" i="1"/>
  <c r="G24454" i="1"/>
  <c r="G24455" i="1"/>
  <c r="G24456" i="1"/>
  <c r="G24457" i="1"/>
  <c r="G24458" i="1"/>
  <c r="G24459" i="1"/>
  <c r="G24460" i="1"/>
  <c r="G24461" i="1"/>
  <c r="G24462" i="1"/>
  <c r="G24463" i="1"/>
  <c r="G24464" i="1"/>
  <c r="G24465" i="1"/>
  <c r="G24466" i="1"/>
  <c r="G24467" i="1"/>
  <c r="G24468" i="1"/>
  <c r="G24469" i="1"/>
  <c r="G24470" i="1"/>
  <c r="G24471" i="1"/>
  <c r="G24472" i="1"/>
  <c r="G24473" i="1"/>
  <c r="G24474" i="1"/>
  <c r="G24475" i="1"/>
  <c r="G24476" i="1"/>
  <c r="G24477" i="1"/>
  <c r="G24478" i="1"/>
  <c r="G24479" i="1"/>
  <c r="G24480" i="1"/>
  <c r="G24481" i="1"/>
  <c r="G24482" i="1"/>
  <c r="G24483" i="1"/>
  <c r="G24484" i="1"/>
  <c r="G24485" i="1"/>
  <c r="G24486" i="1"/>
  <c r="G24487" i="1"/>
  <c r="G24488" i="1"/>
  <c r="G24489" i="1"/>
  <c r="G24490" i="1"/>
  <c r="G24491" i="1"/>
  <c r="G24492" i="1"/>
  <c r="G24493" i="1"/>
  <c r="G24494" i="1"/>
  <c r="G24495" i="1"/>
  <c r="G24496" i="1"/>
  <c r="G24497" i="1"/>
  <c r="G24498" i="1"/>
  <c r="G24499" i="1"/>
  <c r="G24500" i="1"/>
  <c r="G24501" i="1"/>
  <c r="G24502" i="1"/>
  <c r="G24503" i="1"/>
  <c r="G24504" i="1"/>
  <c r="G24505" i="1"/>
  <c r="G24506" i="1"/>
  <c r="G24507" i="1"/>
  <c r="G24508" i="1"/>
  <c r="G24509" i="1"/>
  <c r="G24510" i="1"/>
  <c r="G24511" i="1"/>
  <c r="G24512" i="1"/>
  <c r="G24513" i="1"/>
  <c r="G24514" i="1"/>
  <c r="G24515" i="1"/>
  <c r="G24516" i="1"/>
  <c r="G24517" i="1"/>
  <c r="G24518" i="1"/>
  <c r="G24519" i="1"/>
  <c r="G24520" i="1"/>
  <c r="G24521" i="1"/>
  <c r="G24522" i="1"/>
  <c r="G24523" i="1"/>
  <c r="G24524" i="1"/>
  <c r="G24525" i="1"/>
  <c r="G24526" i="1"/>
  <c r="G24527" i="1"/>
  <c r="G24528" i="1"/>
  <c r="G24529" i="1"/>
  <c r="G24530" i="1"/>
  <c r="G24531" i="1"/>
  <c r="G24532" i="1"/>
  <c r="G24533" i="1"/>
  <c r="G24534" i="1"/>
  <c r="G24535" i="1"/>
  <c r="G24536" i="1"/>
  <c r="G24537" i="1"/>
  <c r="G24538" i="1"/>
  <c r="G24539" i="1"/>
  <c r="G24540" i="1"/>
  <c r="G24541" i="1"/>
  <c r="G24542" i="1"/>
  <c r="G24543" i="1"/>
  <c r="G24544" i="1"/>
  <c r="G24545" i="1"/>
  <c r="G24546" i="1"/>
  <c r="G24547" i="1"/>
  <c r="G24548" i="1"/>
  <c r="G24549" i="1"/>
  <c r="G24550" i="1"/>
  <c r="G24551" i="1"/>
  <c r="G24552" i="1"/>
  <c r="G24553" i="1"/>
  <c r="G24554" i="1"/>
  <c r="G24555" i="1"/>
  <c r="G24556" i="1"/>
  <c r="G24557" i="1"/>
  <c r="G24558" i="1"/>
  <c r="G24559" i="1"/>
  <c r="G24560" i="1"/>
  <c r="G24561" i="1"/>
  <c r="G24562" i="1"/>
  <c r="G24563" i="1"/>
  <c r="G24564" i="1"/>
  <c r="G24565" i="1"/>
  <c r="G24566" i="1"/>
  <c r="G24567" i="1"/>
  <c r="G24568" i="1"/>
  <c r="G24569" i="1"/>
  <c r="G24570" i="1"/>
  <c r="G24571" i="1"/>
  <c r="G24572" i="1"/>
  <c r="G24573" i="1"/>
  <c r="G24574" i="1"/>
  <c r="G24575" i="1"/>
  <c r="G24576" i="1"/>
  <c r="G24577" i="1"/>
  <c r="G24578" i="1"/>
  <c r="G24579" i="1"/>
  <c r="G24580" i="1"/>
  <c r="G24581" i="1"/>
  <c r="G24582" i="1"/>
  <c r="G24583" i="1"/>
  <c r="G24584" i="1"/>
  <c r="G24585" i="1"/>
  <c r="G24586" i="1"/>
  <c r="G24587" i="1"/>
  <c r="G24588" i="1"/>
  <c r="G24589" i="1"/>
  <c r="G24590" i="1"/>
  <c r="G24591" i="1"/>
  <c r="G24592" i="1"/>
  <c r="G24593" i="1"/>
  <c r="G24594" i="1"/>
  <c r="G24595" i="1"/>
  <c r="G24596" i="1"/>
  <c r="G24597" i="1"/>
  <c r="G24598" i="1"/>
  <c r="G24599" i="1"/>
  <c r="G24600" i="1"/>
  <c r="G24601" i="1"/>
  <c r="G24602" i="1"/>
  <c r="G24603" i="1"/>
  <c r="G24604" i="1"/>
  <c r="G24605" i="1"/>
  <c r="G24606" i="1"/>
  <c r="G24607" i="1"/>
  <c r="G24608" i="1"/>
  <c r="G24609" i="1"/>
  <c r="G24610" i="1"/>
  <c r="G24611" i="1"/>
  <c r="G24612" i="1"/>
  <c r="G24613" i="1"/>
  <c r="G24614" i="1"/>
  <c r="G24615" i="1"/>
  <c r="G24616" i="1"/>
  <c r="G24617" i="1"/>
  <c r="G24618" i="1"/>
  <c r="G24619" i="1"/>
  <c r="G24620" i="1"/>
  <c r="G24621" i="1"/>
  <c r="G24622" i="1"/>
  <c r="G24623" i="1"/>
  <c r="G24624" i="1"/>
  <c r="G24625" i="1"/>
  <c r="G24626" i="1"/>
  <c r="G24627" i="1"/>
  <c r="G24628" i="1"/>
  <c r="G24629" i="1"/>
  <c r="G24630" i="1"/>
  <c r="G24631" i="1"/>
  <c r="G24632" i="1"/>
  <c r="G24633" i="1"/>
  <c r="G24634" i="1"/>
  <c r="G24635" i="1"/>
  <c r="G24636" i="1"/>
  <c r="G24637" i="1"/>
  <c r="G24638" i="1"/>
  <c r="G24639" i="1"/>
  <c r="G24640" i="1"/>
  <c r="G24641" i="1"/>
  <c r="G24642" i="1"/>
  <c r="G24643" i="1"/>
  <c r="G24644" i="1"/>
  <c r="G24645" i="1"/>
  <c r="G24646" i="1"/>
  <c r="G24647" i="1"/>
  <c r="G24648" i="1"/>
  <c r="G24649" i="1"/>
  <c r="G24650" i="1"/>
  <c r="G24651" i="1"/>
  <c r="G24652" i="1"/>
  <c r="G24653" i="1"/>
  <c r="G24654" i="1"/>
  <c r="G24655" i="1"/>
  <c r="G24656" i="1"/>
  <c r="G24657" i="1"/>
  <c r="G24658" i="1"/>
  <c r="G24659" i="1"/>
  <c r="G24660" i="1"/>
  <c r="G24661" i="1"/>
  <c r="G24662" i="1"/>
  <c r="G24663" i="1"/>
  <c r="G24664" i="1"/>
  <c r="G24665" i="1"/>
  <c r="G24666" i="1"/>
  <c r="G24667" i="1"/>
  <c r="G24668" i="1"/>
  <c r="G24669" i="1"/>
  <c r="G24670" i="1"/>
  <c r="G24671" i="1"/>
  <c r="G24672" i="1"/>
  <c r="G24673" i="1"/>
  <c r="G24674" i="1"/>
  <c r="G24675" i="1"/>
  <c r="G24676" i="1"/>
  <c r="G24677" i="1"/>
  <c r="G24678" i="1"/>
  <c r="G24679" i="1"/>
  <c r="G24680" i="1"/>
  <c r="G24681" i="1"/>
  <c r="G24682" i="1"/>
  <c r="G24683" i="1"/>
  <c r="G24684" i="1"/>
  <c r="G24685" i="1"/>
  <c r="G24686" i="1"/>
  <c r="G24687" i="1"/>
  <c r="G24688" i="1"/>
  <c r="G24689" i="1"/>
  <c r="G24690" i="1"/>
  <c r="G24691" i="1"/>
  <c r="G24692" i="1"/>
  <c r="G24693" i="1"/>
  <c r="G24694" i="1"/>
  <c r="G24695" i="1"/>
  <c r="G24696" i="1"/>
  <c r="G24697" i="1"/>
  <c r="G24698" i="1"/>
  <c r="G24699" i="1"/>
  <c r="G24700" i="1"/>
  <c r="G24701" i="1"/>
  <c r="G24702" i="1"/>
  <c r="G24703" i="1"/>
  <c r="G24704" i="1"/>
  <c r="G24705" i="1"/>
  <c r="G24706" i="1"/>
  <c r="G24707" i="1"/>
  <c r="G24708" i="1"/>
  <c r="G24709" i="1"/>
  <c r="G24710" i="1"/>
  <c r="G24711" i="1"/>
  <c r="G24712" i="1"/>
  <c r="G24713" i="1"/>
  <c r="G24714" i="1"/>
  <c r="G24715" i="1"/>
  <c r="G24716" i="1"/>
  <c r="G24717" i="1"/>
  <c r="G24718" i="1"/>
  <c r="G24719" i="1"/>
  <c r="G24720" i="1"/>
  <c r="G24721" i="1"/>
  <c r="G24722" i="1"/>
  <c r="G24723" i="1"/>
  <c r="G24724" i="1"/>
  <c r="G24725" i="1"/>
  <c r="G24726" i="1"/>
  <c r="G24727" i="1"/>
  <c r="G24728" i="1"/>
  <c r="G24729" i="1"/>
  <c r="G24730" i="1"/>
  <c r="G24731" i="1"/>
  <c r="G24732" i="1"/>
  <c r="G24733" i="1"/>
  <c r="G24734" i="1"/>
  <c r="G24735" i="1"/>
  <c r="G24736" i="1"/>
  <c r="G24737" i="1"/>
  <c r="G24738" i="1"/>
  <c r="G24739" i="1"/>
  <c r="G24740" i="1"/>
  <c r="G24741" i="1"/>
  <c r="G24742" i="1"/>
  <c r="G24743" i="1"/>
  <c r="G24744" i="1"/>
  <c r="G24745" i="1"/>
  <c r="G24746" i="1"/>
  <c r="G24747" i="1"/>
  <c r="G24748" i="1"/>
  <c r="G24749" i="1"/>
  <c r="G24750" i="1"/>
  <c r="G24751" i="1"/>
  <c r="G24752" i="1"/>
  <c r="G24753" i="1"/>
  <c r="G24754" i="1"/>
  <c r="G24755" i="1"/>
  <c r="G24756" i="1"/>
  <c r="G24757" i="1"/>
  <c r="G24758" i="1"/>
  <c r="G24759" i="1"/>
  <c r="G24760" i="1"/>
  <c r="G24761" i="1"/>
  <c r="G24762" i="1"/>
  <c r="G24763" i="1"/>
  <c r="G24764" i="1"/>
  <c r="G24765" i="1"/>
  <c r="G24766" i="1"/>
  <c r="G24767" i="1"/>
  <c r="G24768" i="1"/>
  <c r="G24769" i="1"/>
  <c r="G24770" i="1"/>
  <c r="G24771" i="1"/>
  <c r="G24772" i="1"/>
  <c r="G24773" i="1"/>
  <c r="G24774" i="1"/>
  <c r="G24775" i="1"/>
  <c r="G24776" i="1"/>
  <c r="G24777" i="1"/>
  <c r="G24778" i="1"/>
  <c r="G24779" i="1"/>
  <c r="G24780" i="1"/>
  <c r="G24781" i="1"/>
  <c r="G24782" i="1"/>
  <c r="G24783" i="1"/>
  <c r="G24784" i="1"/>
  <c r="G24785" i="1"/>
  <c r="G24786" i="1"/>
  <c r="G24787" i="1"/>
  <c r="G24788" i="1"/>
  <c r="G24789" i="1"/>
  <c r="G24790" i="1"/>
  <c r="G24791" i="1"/>
  <c r="G24792" i="1"/>
  <c r="G24793" i="1"/>
  <c r="G24794" i="1"/>
  <c r="G24795" i="1"/>
  <c r="G24796" i="1"/>
  <c r="G24797" i="1"/>
  <c r="G24798" i="1"/>
  <c r="G24799" i="1"/>
  <c r="G24800" i="1"/>
  <c r="G24801" i="1"/>
  <c r="G24802" i="1"/>
  <c r="G24803" i="1"/>
  <c r="G24804" i="1"/>
  <c r="G24805" i="1"/>
  <c r="G24806" i="1"/>
  <c r="G24807" i="1"/>
  <c r="G24808" i="1"/>
  <c r="G24809" i="1"/>
  <c r="G24810" i="1"/>
  <c r="G24811" i="1"/>
  <c r="G24812" i="1"/>
  <c r="G24813" i="1"/>
  <c r="G24814" i="1"/>
  <c r="G24815" i="1"/>
  <c r="G24816" i="1"/>
  <c r="G24817" i="1"/>
  <c r="G24818" i="1"/>
  <c r="G24819" i="1"/>
  <c r="G24820" i="1"/>
  <c r="G24821" i="1"/>
  <c r="G24822" i="1"/>
  <c r="G24823" i="1"/>
  <c r="G24824" i="1"/>
  <c r="G24825" i="1"/>
  <c r="G24826" i="1"/>
  <c r="G24827" i="1"/>
  <c r="G24828" i="1"/>
  <c r="G24829" i="1"/>
  <c r="G24830" i="1"/>
  <c r="G24831" i="1"/>
  <c r="G24832" i="1"/>
  <c r="G24833" i="1"/>
  <c r="G24834" i="1"/>
  <c r="G24835" i="1"/>
  <c r="G24836" i="1"/>
  <c r="G24837" i="1"/>
  <c r="G24838" i="1"/>
  <c r="G24839" i="1"/>
  <c r="G24840" i="1"/>
  <c r="G24841" i="1"/>
  <c r="G24842" i="1"/>
  <c r="G24843" i="1"/>
  <c r="G24844" i="1"/>
  <c r="G24845" i="1"/>
  <c r="G24846" i="1"/>
  <c r="G24847" i="1"/>
  <c r="G24848" i="1"/>
  <c r="G24849" i="1"/>
  <c r="G24850" i="1"/>
  <c r="G24851" i="1"/>
  <c r="G24852" i="1"/>
  <c r="G24853" i="1"/>
  <c r="G24854" i="1"/>
  <c r="G24855" i="1"/>
  <c r="G24856" i="1"/>
  <c r="G24857" i="1"/>
  <c r="G24858" i="1"/>
  <c r="G24859" i="1"/>
  <c r="G24860" i="1"/>
  <c r="G24861" i="1"/>
  <c r="G24862" i="1"/>
  <c r="G24863" i="1"/>
  <c r="G24864" i="1"/>
  <c r="G24865" i="1"/>
  <c r="G24866" i="1"/>
  <c r="G24867" i="1"/>
  <c r="G24868" i="1"/>
  <c r="G24869" i="1"/>
  <c r="G24870" i="1"/>
  <c r="G24871" i="1"/>
  <c r="G24872" i="1"/>
  <c r="G24873" i="1"/>
  <c r="G24874" i="1"/>
  <c r="G24875" i="1"/>
  <c r="G24876" i="1"/>
  <c r="G24877" i="1"/>
  <c r="G24878" i="1"/>
  <c r="G24879" i="1"/>
  <c r="G24880" i="1"/>
  <c r="G24881" i="1"/>
  <c r="G24882" i="1"/>
  <c r="G24883" i="1"/>
  <c r="G24884" i="1"/>
  <c r="G24885" i="1"/>
  <c r="G24886" i="1"/>
  <c r="G24887" i="1"/>
  <c r="G24888" i="1"/>
  <c r="G24889" i="1"/>
  <c r="G24890" i="1"/>
  <c r="G24891" i="1"/>
  <c r="G24892" i="1"/>
  <c r="G24893" i="1"/>
  <c r="G24894" i="1"/>
  <c r="G24895" i="1"/>
  <c r="G24896" i="1"/>
  <c r="G24897" i="1"/>
  <c r="G24898" i="1"/>
  <c r="G24899" i="1"/>
  <c r="G24900" i="1"/>
  <c r="G24901" i="1"/>
  <c r="G24902" i="1"/>
  <c r="G24903" i="1"/>
  <c r="G24904" i="1"/>
  <c r="G24905" i="1"/>
  <c r="G24906" i="1"/>
  <c r="G24907" i="1"/>
  <c r="G24908" i="1"/>
  <c r="G24909" i="1"/>
  <c r="G24910" i="1"/>
  <c r="G24911" i="1"/>
  <c r="G24912" i="1"/>
  <c r="G24913" i="1"/>
  <c r="G24914" i="1"/>
  <c r="G24915" i="1"/>
  <c r="G24916" i="1"/>
  <c r="G24917" i="1"/>
  <c r="G24918" i="1"/>
  <c r="G24919" i="1"/>
  <c r="G24920" i="1"/>
  <c r="G24921" i="1"/>
  <c r="G24922" i="1"/>
  <c r="G24923" i="1"/>
  <c r="G24924" i="1"/>
  <c r="G24925" i="1"/>
  <c r="G24926" i="1"/>
  <c r="G24927" i="1"/>
  <c r="G24928" i="1"/>
  <c r="G24929" i="1"/>
  <c r="G24930" i="1"/>
  <c r="G24931" i="1"/>
  <c r="G24932" i="1"/>
  <c r="G24933" i="1"/>
  <c r="G24934" i="1"/>
  <c r="G24935" i="1"/>
  <c r="G24936" i="1"/>
  <c r="G24937" i="1"/>
  <c r="G24938" i="1"/>
  <c r="G24939" i="1"/>
  <c r="G24940" i="1"/>
  <c r="G24941" i="1"/>
  <c r="G24942" i="1"/>
  <c r="G24943" i="1"/>
  <c r="G24944" i="1"/>
  <c r="G24945" i="1"/>
  <c r="G24946" i="1"/>
  <c r="G24947" i="1"/>
  <c r="G24948" i="1"/>
  <c r="G24949" i="1"/>
  <c r="G24950" i="1"/>
  <c r="G24951" i="1"/>
  <c r="G24952" i="1"/>
  <c r="G24953" i="1"/>
  <c r="G24954" i="1"/>
  <c r="G24955" i="1"/>
  <c r="G24956" i="1"/>
  <c r="G24957" i="1"/>
  <c r="G24958" i="1"/>
  <c r="G24959" i="1"/>
  <c r="G24960" i="1"/>
  <c r="G24961" i="1"/>
  <c r="G24962" i="1"/>
  <c r="G24963" i="1"/>
  <c r="G24964" i="1"/>
  <c r="G24965" i="1"/>
  <c r="G24966" i="1"/>
  <c r="G24967" i="1"/>
  <c r="G24968" i="1"/>
  <c r="G24969" i="1"/>
  <c r="G24970" i="1"/>
  <c r="G24971" i="1"/>
  <c r="G24972" i="1"/>
  <c r="G24973" i="1"/>
  <c r="G24974" i="1"/>
  <c r="G24975" i="1"/>
  <c r="G24976" i="1"/>
  <c r="G24977" i="1"/>
  <c r="G24978" i="1"/>
  <c r="G24979" i="1"/>
  <c r="G24980" i="1"/>
  <c r="G24981" i="1"/>
  <c r="G24982" i="1"/>
  <c r="G24983" i="1"/>
  <c r="G24984" i="1"/>
  <c r="G24985" i="1"/>
  <c r="G24986" i="1"/>
  <c r="G24987" i="1"/>
  <c r="G24988" i="1"/>
  <c r="G24989" i="1"/>
  <c r="G24990" i="1"/>
  <c r="G24991" i="1"/>
  <c r="G24992" i="1"/>
  <c r="G24993" i="1"/>
  <c r="G24994" i="1"/>
  <c r="G24995" i="1"/>
  <c r="G24996" i="1"/>
  <c r="G24997" i="1"/>
  <c r="G24998" i="1"/>
  <c r="G24999" i="1"/>
  <c r="G25000" i="1"/>
  <c r="G25001" i="1"/>
  <c r="G25002" i="1"/>
  <c r="G25003" i="1"/>
  <c r="G25004" i="1"/>
  <c r="G25005" i="1"/>
  <c r="G25006" i="1"/>
  <c r="G25007" i="1"/>
  <c r="G25008" i="1"/>
  <c r="G25009" i="1"/>
  <c r="G25010" i="1"/>
  <c r="G25011" i="1"/>
  <c r="G25012" i="1"/>
  <c r="G25013" i="1"/>
  <c r="G25014" i="1"/>
  <c r="G25015" i="1"/>
  <c r="G25016" i="1"/>
  <c r="G25017" i="1"/>
  <c r="G25018" i="1"/>
  <c r="G25019" i="1"/>
  <c r="G25020" i="1"/>
  <c r="G25021" i="1"/>
  <c r="G25022" i="1"/>
  <c r="G25023" i="1"/>
  <c r="G25024" i="1"/>
  <c r="G25025" i="1"/>
  <c r="G25026" i="1"/>
  <c r="G25027" i="1"/>
  <c r="G25028" i="1"/>
  <c r="G25029" i="1"/>
  <c r="G25030" i="1"/>
  <c r="G25031" i="1"/>
  <c r="G25032" i="1"/>
  <c r="G25033" i="1"/>
  <c r="G25034" i="1"/>
  <c r="G25035" i="1"/>
  <c r="G25036" i="1"/>
  <c r="G25037" i="1"/>
  <c r="G25038" i="1"/>
  <c r="G25039" i="1"/>
  <c r="G25040" i="1"/>
  <c r="G25041" i="1"/>
  <c r="G25042" i="1"/>
  <c r="G25043" i="1"/>
  <c r="G25044" i="1"/>
  <c r="G25045" i="1"/>
  <c r="G25046" i="1"/>
  <c r="G25047" i="1"/>
  <c r="G25048" i="1"/>
  <c r="G25049" i="1"/>
  <c r="G25050" i="1"/>
  <c r="G25051" i="1"/>
  <c r="G25052" i="1"/>
  <c r="G25053" i="1"/>
  <c r="G25054" i="1"/>
  <c r="G25055" i="1"/>
  <c r="G25056" i="1"/>
  <c r="G25057" i="1"/>
  <c r="G25058" i="1"/>
  <c r="G25059" i="1"/>
  <c r="G25060" i="1"/>
  <c r="G25061" i="1"/>
  <c r="G25062" i="1"/>
  <c r="G25063" i="1"/>
  <c r="G25064" i="1"/>
  <c r="G25065" i="1"/>
  <c r="G25066" i="1"/>
  <c r="G25067" i="1"/>
  <c r="G25068" i="1"/>
  <c r="G25069" i="1"/>
  <c r="G25070" i="1"/>
  <c r="G25071" i="1"/>
  <c r="G25072" i="1"/>
  <c r="G25073" i="1"/>
  <c r="G25074" i="1"/>
  <c r="G25075" i="1"/>
  <c r="G25076" i="1"/>
  <c r="G25077" i="1"/>
  <c r="G25078" i="1"/>
  <c r="G25079" i="1"/>
  <c r="G25080" i="1"/>
  <c r="G25081" i="1"/>
  <c r="G25082" i="1"/>
  <c r="G25083" i="1"/>
  <c r="G25084" i="1"/>
  <c r="G25085" i="1"/>
  <c r="G25086" i="1"/>
  <c r="G25087" i="1"/>
  <c r="G25088" i="1"/>
  <c r="G25089" i="1"/>
  <c r="G25090" i="1"/>
  <c r="G25091" i="1"/>
  <c r="G25092" i="1"/>
  <c r="G25093" i="1"/>
  <c r="G25094" i="1"/>
  <c r="G25095" i="1"/>
  <c r="G25096" i="1"/>
  <c r="G25097" i="1"/>
  <c r="G25098" i="1"/>
  <c r="G25099" i="1"/>
  <c r="G25100" i="1"/>
  <c r="G25101" i="1"/>
  <c r="G25102" i="1"/>
  <c r="G25103" i="1"/>
  <c r="G25104" i="1"/>
  <c r="G25105" i="1"/>
  <c r="G25106" i="1"/>
  <c r="G25107" i="1"/>
  <c r="G25108" i="1"/>
  <c r="G25109" i="1"/>
  <c r="G25110" i="1"/>
  <c r="G25111" i="1"/>
  <c r="G25112" i="1"/>
  <c r="G25113" i="1"/>
  <c r="G25114" i="1"/>
  <c r="G25115" i="1"/>
  <c r="G25116" i="1"/>
  <c r="G25117" i="1"/>
  <c r="G25118" i="1"/>
  <c r="G25119" i="1"/>
  <c r="G25120" i="1"/>
  <c r="G25121" i="1"/>
  <c r="G25122" i="1"/>
  <c r="G25123" i="1"/>
  <c r="G25124" i="1"/>
  <c r="G25125" i="1"/>
  <c r="G25126" i="1"/>
  <c r="G25127" i="1"/>
  <c r="G25128" i="1"/>
  <c r="G25129" i="1"/>
  <c r="G25130" i="1"/>
  <c r="G25131" i="1"/>
  <c r="G25132" i="1"/>
  <c r="G25133" i="1"/>
  <c r="G25134" i="1"/>
  <c r="G25135" i="1"/>
  <c r="G25136" i="1"/>
  <c r="G25137" i="1"/>
  <c r="G25138" i="1"/>
  <c r="G25139" i="1"/>
  <c r="G25140" i="1"/>
  <c r="G25141" i="1"/>
  <c r="G25142" i="1"/>
  <c r="G25143" i="1"/>
  <c r="G25144" i="1"/>
  <c r="G25145" i="1"/>
  <c r="G25146" i="1"/>
  <c r="G25147" i="1"/>
  <c r="G25148" i="1"/>
  <c r="G25149" i="1"/>
  <c r="G25150" i="1"/>
  <c r="G25151" i="1"/>
  <c r="G25152" i="1"/>
  <c r="G25153" i="1"/>
  <c r="G25154" i="1"/>
  <c r="G25155" i="1"/>
  <c r="G25156" i="1"/>
  <c r="G25157" i="1"/>
  <c r="G25158" i="1"/>
  <c r="G25159" i="1"/>
  <c r="G25160" i="1"/>
  <c r="G25161" i="1"/>
  <c r="G25162" i="1"/>
  <c r="G25163" i="1"/>
  <c r="G25164" i="1"/>
  <c r="G25165" i="1"/>
  <c r="G25166" i="1"/>
  <c r="G25167" i="1"/>
  <c r="G25168" i="1"/>
  <c r="G25169" i="1"/>
  <c r="G25170" i="1"/>
  <c r="G25171" i="1"/>
  <c r="G25172" i="1"/>
  <c r="G25173" i="1"/>
  <c r="G25174" i="1"/>
  <c r="G25175" i="1"/>
  <c r="G25176" i="1"/>
  <c r="G25177" i="1"/>
  <c r="G25178" i="1"/>
  <c r="G25179" i="1"/>
  <c r="G25180" i="1"/>
  <c r="G25181" i="1"/>
  <c r="G25182" i="1"/>
  <c r="G25183" i="1"/>
  <c r="G25184" i="1"/>
  <c r="G25185" i="1"/>
  <c r="G25186" i="1"/>
  <c r="G25187" i="1"/>
  <c r="G25188" i="1"/>
  <c r="G25189" i="1"/>
  <c r="G25190" i="1"/>
  <c r="G25191" i="1"/>
  <c r="G25192" i="1"/>
  <c r="G25193" i="1"/>
  <c r="G25194" i="1"/>
  <c r="G25195" i="1"/>
  <c r="G25196" i="1"/>
  <c r="G25197" i="1"/>
  <c r="G25198" i="1"/>
  <c r="G25199" i="1"/>
  <c r="G25200" i="1"/>
  <c r="G25201" i="1"/>
  <c r="G25202" i="1"/>
  <c r="G25203" i="1"/>
  <c r="G25204" i="1"/>
  <c r="G25205" i="1"/>
  <c r="G25206" i="1"/>
  <c r="G25207" i="1"/>
  <c r="G25208" i="1"/>
  <c r="G25209" i="1"/>
  <c r="G25210" i="1"/>
  <c r="G25211" i="1"/>
  <c r="G25212" i="1"/>
  <c r="G25213" i="1"/>
  <c r="G25214" i="1"/>
  <c r="G25215" i="1"/>
  <c r="G25216" i="1"/>
  <c r="G25217" i="1"/>
  <c r="G25218" i="1"/>
  <c r="G25219" i="1"/>
  <c r="G25220" i="1"/>
  <c r="G25221" i="1"/>
  <c r="G25222" i="1"/>
  <c r="G25223" i="1"/>
  <c r="G25224" i="1"/>
  <c r="G25225" i="1"/>
  <c r="G25226" i="1"/>
  <c r="G25227" i="1"/>
  <c r="G25228" i="1"/>
  <c r="G25229" i="1"/>
  <c r="G25230" i="1"/>
  <c r="G25231" i="1"/>
  <c r="G25232" i="1"/>
  <c r="G25233" i="1"/>
  <c r="G25234" i="1"/>
  <c r="G25235" i="1"/>
  <c r="G25236" i="1"/>
  <c r="G25237" i="1"/>
  <c r="G25238" i="1"/>
  <c r="G25239" i="1"/>
  <c r="G25240" i="1"/>
  <c r="G25241" i="1"/>
  <c r="G25242" i="1"/>
  <c r="G25243" i="1"/>
  <c r="G25244" i="1"/>
  <c r="G25245" i="1"/>
  <c r="G25246" i="1"/>
  <c r="G25247" i="1"/>
  <c r="G25248" i="1"/>
  <c r="G25249" i="1"/>
  <c r="G25250" i="1"/>
  <c r="G25251" i="1"/>
  <c r="G25252" i="1"/>
  <c r="G25253" i="1"/>
  <c r="G25254" i="1"/>
  <c r="G25255" i="1"/>
  <c r="G25256" i="1"/>
  <c r="G25257" i="1"/>
  <c r="G25258" i="1"/>
  <c r="G25259" i="1"/>
  <c r="G25260" i="1"/>
  <c r="G25261" i="1"/>
  <c r="G25262" i="1"/>
  <c r="G25263" i="1"/>
  <c r="G25264" i="1"/>
  <c r="G25265" i="1"/>
  <c r="G25266" i="1"/>
  <c r="G25267" i="1"/>
  <c r="G25268" i="1"/>
  <c r="G25269" i="1"/>
  <c r="G25270" i="1"/>
  <c r="G25271" i="1"/>
  <c r="G25272" i="1"/>
  <c r="G25273" i="1"/>
  <c r="G25274" i="1"/>
  <c r="G25275" i="1"/>
  <c r="G25276" i="1"/>
  <c r="G25277" i="1"/>
  <c r="G25278" i="1"/>
  <c r="G25279" i="1"/>
  <c r="G25280" i="1"/>
  <c r="G25281" i="1"/>
  <c r="G25282" i="1"/>
  <c r="G25283" i="1"/>
  <c r="G25284" i="1"/>
  <c r="G25285" i="1"/>
  <c r="G25286" i="1"/>
  <c r="G25287" i="1"/>
  <c r="G25288" i="1"/>
  <c r="G25289" i="1"/>
  <c r="G25290" i="1"/>
  <c r="G25291" i="1"/>
  <c r="G25292" i="1"/>
  <c r="G25293" i="1"/>
  <c r="G25294" i="1"/>
  <c r="G25295" i="1"/>
  <c r="G25296" i="1"/>
  <c r="G25297" i="1"/>
  <c r="G25298" i="1"/>
  <c r="G25299" i="1"/>
  <c r="G25300" i="1"/>
  <c r="G25301" i="1"/>
  <c r="G25302" i="1"/>
  <c r="G25303" i="1"/>
  <c r="G25304" i="1"/>
  <c r="G25305" i="1"/>
  <c r="G25306" i="1"/>
  <c r="G25307" i="1"/>
  <c r="G25308" i="1"/>
  <c r="G25309" i="1"/>
  <c r="G25310" i="1"/>
  <c r="G25311" i="1"/>
  <c r="G25312" i="1"/>
  <c r="G25313" i="1"/>
  <c r="G25314" i="1"/>
  <c r="G25315" i="1"/>
  <c r="G25316" i="1"/>
  <c r="G25317" i="1"/>
  <c r="G25318" i="1"/>
  <c r="G25319" i="1"/>
  <c r="G25320" i="1"/>
  <c r="G25321" i="1"/>
  <c r="G25322" i="1"/>
  <c r="G25323" i="1"/>
  <c r="G25324" i="1"/>
  <c r="G25325" i="1"/>
  <c r="G25326" i="1"/>
  <c r="G25327" i="1"/>
  <c r="G25328" i="1"/>
  <c r="G25329" i="1"/>
  <c r="G25330" i="1"/>
  <c r="G25331" i="1"/>
  <c r="G25332" i="1"/>
  <c r="G25333" i="1"/>
  <c r="G25334" i="1"/>
  <c r="G25335" i="1"/>
  <c r="G25336" i="1"/>
  <c r="G25337" i="1"/>
  <c r="G25338" i="1"/>
  <c r="G25339" i="1"/>
  <c r="G25340" i="1"/>
  <c r="G25341" i="1"/>
  <c r="G25342" i="1"/>
  <c r="G25343" i="1"/>
  <c r="G25344" i="1"/>
  <c r="G25345" i="1"/>
  <c r="G25346" i="1"/>
  <c r="G25347" i="1"/>
  <c r="G25348" i="1"/>
  <c r="G25349" i="1"/>
  <c r="G25350" i="1"/>
  <c r="G25351" i="1"/>
  <c r="G25352" i="1"/>
  <c r="G25353" i="1"/>
  <c r="G25354" i="1"/>
  <c r="G25355" i="1"/>
  <c r="G25356" i="1"/>
  <c r="G25357" i="1"/>
  <c r="G25358" i="1"/>
  <c r="G25359" i="1"/>
  <c r="G25360" i="1"/>
  <c r="G25361" i="1"/>
  <c r="G25362" i="1"/>
  <c r="G25363" i="1"/>
  <c r="G25364" i="1"/>
  <c r="G25365" i="1"/>
  <c r="G25366" i="1"/>
  <c r="G25367" i="1"/>
  <c r="G25368" i="1"/>
  <c r="G25369" i="1"/>
  <c r="G25370" i="1"/>
  <c r="G25371" i="1"/>
  <c r="G25372" i="1"/>
  <c r="G25373" i="1"/>
  <c r="G25374" i="1"/>
  <c r="G25375" i="1"/>
  <c r="G25376" i="1"/>
  <c r="G25377" i="1"/>
  <c r="G25378" i="1"/>
  <c r="G25379" i="1"/>
  <c r="G25380" i="1"/>
  <c r="G25381" i="1"/>
  <c r="G25382" i="1"/>
  <c r="G25383" i="1"/>
  <c r="G25384" i="1"/>
  <c r="G25385" i="1"/>
  <c r="G25386" i="1"/>
  <c r="G25387" i="1"/>
  <c r="G25388" i="1"/>
  <c r="G25389" i="1"/>
  <c r="G25390" i="1"/>
  <c r="G25391" i="1"/>
  <c r="G25392" i="1"/>
  <c r="G25393" i="1"/>
  <c r="G25394" i="1"/>
  <c r="G25395" i="1"/>
  <c r="G25396" i="1"/>
  <c r="G25397" i="1"/>
  <c r="G25398" i="1"/>
  <c r="G25399" i="1"/>
  <c r="G25400" i="1"/>
  <c r="G25401" i="1"/>
  <c r="G25402" i="1"/>
  <c r="G25403" i="1"/>
  <c r="G25404" i="1"/>
  <c r="G25405" i="1"/>
  <c r="G25406" i="1"/>
  <c r="G25407" i="1"/>
  <c r="G25408" i="1"/>
  <c r="G25409" i="1"/>
  <c r="G25410" i="1"/>
  <c r="G25411" i="1"/>
  <c r="G25412" i="1"/>
  <c r="G25413" i="1"/>
  <c r="G25414" i="1"/>
  <c r="G25415" i="1"/>
  <c r="G25416" i="1"/>
  <c r="G25417" i="1"/>
  <c r="G25418" i="1"/>
  <c r="G25419" i="1"/>
  <c r="G25420" i="1"/>
  <c r="G25421" i="1"/>
  <c r="G25422" i="1"/>
  <c r="G25423" i="1"/>
  <c r="G25424" i="1"/>
  <c r="G25425" i="1"/>
  <c r="G25426" i="1"/>
  <c r="G25427" i="1"/>
  <c r="G25428" i="1"/>
  <c r="G25429" i="1"/>
  <c r="G25430" i="1"/>
  <c r="G25431" i="1"/>
  <c r="G25432" i="1"/>
  <c r="G25433" i="1"/>
  <c r="G25434" i="1"/>
  <c r="G25435" i="1"/>
  <c r="G25436" i="1"/>
  <c r="G25437" i="1"/>
  <c r="G25438" i="1"/>
  <c r="G25439" i="1"/>
  <c r="G25440" i="1"/>
  <c r="G25441" i="1"/>
  <c r="G25442" i="1"/>
  <c r="G25443" i="1"/>
  <c r="G25444" i="1"/>
  <c r="G25445" i="1"/>
  <c r="G25446" i="1"/>
  <c r="G25447" i="1"/>
  <c r="G25448" i="1"/>
  <c r="G25449" i="1"/>
  <c r="G25450" i="1"/>
  <c r="G25451" i="1"/>
  <c r="G25452" i="1"/>
  <c r="G25453" i="1"/>
  <c r="G25454" i="1"/>
  <c r="G25455" i="1"/>
  <c r="G25456" i="1"/>
  <c r="G25457" i="1"/>
  <c r="G25458" i="1"/>
  <c r="G25459" i="1"/>
  <c r="G25460" i="1"/>
  <c r="G25461" i="1"/>
  <c r="G25462" i="1"/>
  <c r="G25463" i="1"/>
  <c r="G25464" i="1"/>
  <c r="G25465" i="1"/>
  <c r="G25466" i="1"/>
  <c r="G25467" i="1"/>
  <c r="G25468" i="1"/>
  <c r="G25469" i="1"/>
  <c r="G25470" i="1"/>
  <c r="G25471" i="1"/>
  <c r="G25472" i="1"/>
  <c r="G25473" i="1"/>
  <c r="G25474" i="1"/>
  <c r="G25475" i="1"/>
  <c r="G25476" i="1"/>
  <c r="G25477" i="1"/>
  <c r="G25478" i="1"/>
  <c r="G25479" i="1"/>
  <c r="G25480" i="1"/>
  <c r="G25481" i="1"/>
  <c r="G25482" i="1"/>
  <c r="G25483" i="1"/>
  <c r="G25484" i="1"/>
  <c r="G25485" i="1"/>
  <c r="G25486" i="1"/>
  <c r="G25487" i="1"/>
  <c r="G25488" i="1"/>
  <c r="G25489" i="1"/>
  <c r="G25490" i="1"/>
  <c r="G25491" i="1"/>
  <c r="G25492" i="1"/>
  <c r="G25493" i="1"/>
  <c r="G25494" i="1"/>
  <c r="G25495" i="1"/>
  <c r="G25496" i="1"/>
  <c r="G25497" i="1"/>
  <c r="G25498" i="1"/>
  <c r="G25499" i="1"/>
  <c r="G25500" i="1"/>
  <c r="G25501" i="1"/>
  <c r="G25502" i="1"/>
  <c r="G25503" i="1"/>
  <c r="G25504" i="1"/>
  <c r="G25505" i="1"/>
  <c r="G25506" i="1"/>
  <c r="G25507" i="1"/>
  <c r="G25508" i="1"/>
  <c r="G25509" i="1"/>
  <c r="G25510" i="1"/>
  <c r="G25511" i="1"/>
  <c r="G25512" i="1"/>
  <c r="G25513" i="1"/>
  <c r="G25514" i="1"/>
  <c r="G25515" i="1"/>
  <c r="G25516" i="1"/>
  <c r="G25517" i="1"/>
  <c r="G25518" i="1"/>
  <c r="G25519" i="1"/>
  <c r="G25520" i="1"/>
  <c r="G25521" i="1"/>
  <c r="G25522" i="1"/>
  <c r="G25523" i="1"/>
  <c r="G25524" i="1"/>
  <c r="G25525" i="1"/>
  <c r="G25526" i="1"/>
  <c r="G25527" i="1"/>
  <c r="G25528" i="1"/>
  <c r="G25529" i="1"/>
  <c r="G25530" i="1"/>
  <c r="G25531" i="1"/>
  <c r="G25532" i="1"/>
  <c r="G25533" i="1"/>
  <c r="G25534" i="1"/>
  <c r="G25535" i="1"/>
  <c r="G25536" i="1"/>
  <c r="G25537" i="1"/>
  <c r="G25538" i="1"/>
  <c r="G25539" i="1"/>
  <c r="G25540" i="1"/>
  <c r="G25541" i="1"/>
  <c r="G25542" i="1"/>
  <c r="G25543" i="1"/>
  <c r="G25544" i="1"/>
  <c r="G25545" i="1"/>
  <c r="G25546" i="1"/>
  <c r="G25547" i="1"/>
  <c r="G25548" i="1"/>
  <c r="G25549" i="1"/>
  <c r="G25550" i="1"/>
  <c r="G25551" i="1"/>
  <c r="G25552" i="1"/>
  <c r="G25553" i="1"/>
  <c r="G25554" i="1"/>
  <c r="G25555" i="1"/>
  <c r="G25556" i="1"/>
  <c r="G25557" i="1"/>
  <c r="G25558" i="1"/>
  <c r="G25559" i="1"/>
  <c r="G25560" i="1"/>
  <c r="G25561" i="1"/>
  <c r="G25562" i="1"/>
  <c r="G25563" i="1"/>
  <c r="G25564" i="1"/>
  <c r="G25565" i="1"/>
  <c r="G25566" i="1"/>
  <c r="G25567" i="1"/>
  <c r="G25568" i="1"/>
  <c r="G25569" i="1"/>
  <c r="G25570" i="1"/>
  <c r="G25571" i="1"/>
  <c r="G25572" i="1"/>
  <c r="G25573" i="1"/>
  <c r="G25574" i="1"/>
  <c r="G25575" i="1"/>
  <c r="G25576" i="1"/>
  <c r="G25577" i="1"/>
  <c r="G25578" i="1"/>
  <c r="G25579" i="1"/>
  <c r="G25580" i="1"/>
  <c r="G25581" i="1"/>
  <c r="G25582" i="1"/>
  <c r="G25583" i="1"/>
  <c r="G25584" i="1"/>
  <c r="G25585" i="1"/>
  <c r="G25586" i="1"/>
  <c r="G25587" i="1"/>
  <c r="G25588" i="1"/>
  <c r="G25589" i="1"/>
  <c r="G25590" i="1"/>
  <c r="G25591" i="1"/>
  <c r="G25592" i="1"/>
  <c r="G25593" i="1"/>
  <c r="G25594" i="1"/>
  <c r="G25595" i="1"/>
  <c r="G25596" i="1"/>
  <c r="G25597" i="1"/>
  <c r="G25598" i="1"/>
  <c r="G25599" i="1"/>
  <c r="G25600" i="1"/>
  <c r="G25601" i="1"/>
  <c r="G25602" i="1"/>
  <c r="G25603" i="1"/>
  <c r="G25604" i="1"/>
  <c r="G25605" i="1"/>
  <c r="G25606" i="1"/>
  <c r="G25607" i="1"/>
  <c r="G25608" i="1"/>
  <c r="G25609" i="1"/>
  <c r="G25610" i="1"/>
  <c r="G25611" i="1"/>
  <c r="G25612" i="1"/>
  <c r="G25613" i="1"/>
  <c r="G25614" i="1"/>
  <c r="G25615" i="1"/>
  <c r="G25616" i="1"/>
  <c r="G25617" i="1"/>
  <c r="G25618" i="1"/>
  <c r="G25619" i="1"/>
  <c r="G25620" i="1"/>
  <c r="G25621" i="1"/>
  <c r="G25622" i="1"/>
  <c r="G25623" i="1"/>
  <c r="G25624" i="1"/>
  <c r="G25625" i="1"/>
  <c r="G25626" i="1"/>
  <c r="G25627" i="1"/>
  <c r="G25628" i="1"/>
  <c r="G25629" i="1"/>
  <c r="G25630" i="1"/>
  <c r="G25631" i="1"/>
  <c r="G25632" i="1"/>
  <c r="G25633" i="1"/>
  <c r="G25634" i="1"/>
  <c r="G25635" i="1"/>
  <c r="G25636" i="1"/>
  <c r="G25637" i="1"/>
  <c r="G25638" i="1"/>
  <c r="G25639" i="1"/>
  <c r="G25640" i="1"/>
  <c r="G25641" i="1"/>
  <c r="G25642" i="1"/>
  <c r="G25643" i="1"/>
  <c r="G25644" i="1"/>
  <c r="G25645" i="1"/>
  <c r="G25646" i="1"/>
  <c r="G25647" i="1"/>
  <c r="G25648" i="1"/>
  <c r="G25649" i="1"/>
  <c r="G25650" i="1"/>
  <c r="G25651" i="1"/>
  <c r="G25652" i="1"/>
  <c r="G25653" i="1"/>
  <c r="G25654" i="1"/>
  <c r="G25655" i="1"/>
  <c r="G25656" i="1"/>
  <c r="G25657" i="1"/>
  <c r="G25658" i="1"/>
  <c r="G25659" i="1"/>
  <c r="G25660" i="1"/>
  <c r="G25661" i="1"/>
  <c r="G25662" i="1"/>
  <c r="G25663" i="1"/>
  <c r="G25664" i="1"/>
  <c r="G25665" i="1"/>
  <c r="G25666" i="1"/>
  <c r="G25667" i="1"/>
  <c r="G25668" i="1"/>
  <c r="G25669" i="1"/>
  <c r="G25670" i="1"/>
  <c r="G25671" i="1"/>
  <c r="G25672" i="1"/>
  <c r="G25673" i="1"/>
  <c r="G25674" i="1"/>
  <c r="G25675" i="1"/>
  <c r="G25676" i="1"/>
  <c r="G25677" i="1"/>
  <c r="G25678" i="1"/>
  <c r="G25679" i="1"/>
  <c r="G25680" i="1"/>
  <c r="G25681" i="1"/>
  <c r="G25682" i="1"/>
  <c r="G25683" i="1"/>
  <c r="G25684" i="1"/>
  <c r="G25685" i="1"/>
  <c r="G25686" i="1"/>
  <c r="G25687" i="1"/>
  <c r="G25688" i="1"/>
  <c r="G25689" i="1"/>
  <c r="G25690" i="1"/>
  <c r="G25691" i="1"/>
  <c r="G25692" i="1"/>
  <c r="G25693" i="1"/>
  <c r="G25694" i="1"/>
  <c r="G25695" i="1"/>
  <c r="G25696" i="1"/>
  <c r="G25697" i="1"/>
  <c r="G25698" i="1"/>
  <c r="G25699" i="1"/>
  <c r="G25700" i="1"/>
  <c r="G25701" i="1"/>
  <c r="G25702" i="1"/>
  <c r="G25703" i="1"/>
  <c r="G25704" i="1"/>
  <c r="G25705" i="1"/>
  <c r="G25706" i="1"/>
  <c r="G25707" i="1"/>
  <c r="G25708" i="1"/>
  <c r="G25709" i="1"/>
  <c r="G25710" i="1"/>
  <c r="G25711" i="1"/>
  <c r="G25712" i="1"/>
  <c r="G25713" i="1"/>
  <c r="G25714" i="1"/>
  <c r="G25715" i="1"/>
  <c r="G25716" i="1"/>
  <c r="G25717" i="1"/>
  <c r="G25718" i="1"/>
  <c r="G25719" i="1"/>
  <c r="G25720" i="1"/>
  <c r="G25721" i="1"/>
  <c r="G25722" i="1"/>
  <c r="G25723" i="1"/>
  <c r="G25724" i="1"/>
  <c r="G25725" i="1"/>
  <c r="G25726" i="1"/>
  <c r="G25727" i="1"/>
  <c r="G25728" i="1"/>
  <c r="G25729" i="1"/>
  <c r="G25730" i="1"/>
  <c r="G25731" i="1"/>
  <c r="G25732" i="1"/>
  <c r="G25733" i="1"/>
  <c r="G25734" i="1"/>
  <c r="G25735" i="1"/>
  <c r="G25736" i="1"/>
  <c r="G25737" i="1"/>
  <c r="G25738" i="1"/>
  <c r="G25739" i="1"/>
  <c r="G25740" i="1"/>
  <c r="G25741" i="1"/>
  <c r="G25742" i="1"/>
  <c r="G25743" i="1"/>
  <c r="G25744" i="1"/>
  <c r="G25745" i="1"/>
  <c r="G25746" i="1"/>
  <c r="G25747" i="1"/>
  <c r="G25748" i="1"/>
  <c r="G25749" i="1"/>
  <c r="G25750" i="1"/>
  <c r="G25751" i="1"/>
  <c r="G25752" i="1"/>
  <c r="G25753" i="1"/>
  <c r="G25754" i="1"/>
  <c r="G25755" i="1"/>
  <c r="G25756" i="1"/>
  <c r="G25757" i="1"/>
  <c r="G25758" i="1"/>
  <c r="G25759" i="1"/>
  <c r="G25760" i="1"/>
  <c r="G25761" i="1"/>
  <c r="G25762" i="1"/>
  <c r="G25763" i="1"/>
  <c r="G25764" i="1"/>
  <c r="G25765" i="1"/>
  <c r="G25766" i="1"/>
  <c r="G25767" i="1"/>
  <c r="G25768" i="1"/>
  <c r="G25769" i="1"/>
  <c r="G25770" i="1"/>
  <c r="G25771" i="1"/>
  <c r="G25772" i="1"/>
  <c r="G25773" i="1"/>
  <c r="G25774" i="1"/>
  <c r="G25775" i="1"/>
  <c r="G25776" i="1"/>
  <c r="G25777" i="1"/>
  <c r="G25778" i="1"/>
  <c r="G25779" i="1"/>
  <c r="G25780" i="1"/>
  <c r="G25781" i="1"/>
  <c r="G25782" i="1"/>
  <c r="G25783" i="1"/>
  <c r="G25784" i="1"/>
  <c r="G25785" i="1"/>
  <c r="G25786" i="1"/>
  <c r="G25787" i="1"/>
  <c r="G25788" i="1"/>
  <c r="G25789" i="1"/>
  <c r="G25790" i="1"/>
  <c r="G25791" i="1"/>
  <c r="G25792" i="1"/>
  <c r="G25793" i="1"/>
  <c r="G25794" i="1"/>
  <c r="G25795" i="1"/>
  <c r="G25796" i="1"/>
  <c r="G25797" i="1"/>
  <c r="G25798" i="1"/>
  <c r="G25799" i="1"/>
  <c r="G25800" i="1"/>
  <c r="G25801" i="1"/>
  <c r="G25802" i="1"/>
  <c r="G25803" i="1"/>
  <c r="G25804" i="1"/>
  <c r="G25805" i="1"/>
  <c r="G25806" i="1"/>
  <c r="G25807" i="1"/>
  <c r="G25808" i="1"/>
  <c r="G25809" i="1"/>
  <c r="G25810" i="1"/>
  <c r="G25811" i="1"/>
  <c r="G25812" i="1"/>
  <c r="G25813" i="1"/>
  <c r="G25814" i="1"/>
  <c r="G25815" i="1"/>
  <c r="G25816" i="1"/>
  <c r="G25817" i="1"/>
  <c r="G25818" i="1"/>
  <c r="G25819" i="1"/>
  <c r="G25820" i="1"/>
  <c r="G25821" i="1"/>
  <c r="G25822" i="1"/>
  <c r="G25823" i="1"/>
  <c r="G25824" i="1"/>
  <c r="G25825" i="1"/>
  <c r="G25826" i="1"/>
  <c r="G25827" i="1"/>
  <c r="G25828" i="1"/>
  <c r="G25829" i="1"/>
  <c r="G25830" i="1"/>
  <c r="G25831" i="1"/>
  <c r="G25832" i="1"/>
  <c r="G25833" i="1"/>
  <c r="G25834" i="1"/>
  <c r="G25835" i="1"/>
  <c r="G25836" i="1"/>
  <c r="G25837" i="1"/>
  <c r="G25838" i="1"/>
  <c r="G25839" i="1"/>
  <c r="G25840" i="1"/>
  <c r="G25841" i="1"/>
  <c r="G25842" i="1"/>
  <c r="G25843" i="1"/>
  <c r="G25844" i="1"/>
  <c r="G25845" i="1"/>
  <c r="G25846" i="1"/>
  <c r="G25847" i="1"/>
  <c r="G25848" i="1"/>
  <c r="G25849" i="1"/>
  <c r="G25850" i="1"/>
  <c r="G25851" i="1"/>
  <c r="G25852" i="1"/>
  <c r="G25853" i="1"/>
  <c r="G25854" i="1"/>
  <c r="G25855" i="1"/>
  <c r="G25856" i="1"/>
  <c r="G25857" i="1"/>
  <c r="G25858" i="1"/>
  <c r="G25859" i="1"/>
  <c r="G25860" i="1"/>
  <c r="G25861" i="1"/>
  <c r="G25862" i="1"/>
  <c r="G25863" i="1"/>
  <c r="G25864" i="1"/>
  <c r="G25865" i="1"/>
  <c r="G25866" i="1"/>
  <c r="G25867" i="1"/>
  <c r="G25868" i="1"/>
  <c r="G25869" i="1"/>
  <c r="G25870" i="1"/>
  <c r="G25871" i="1"/>
  <c r="G25872" i="1"/>
  <c r="G25873" i="1"/>
  <c r="G25874" i="1"/>
  <c r="G25875" i="1"/>
  <c r="G25876" i="1"/>
  <c r="G25877" i="1"/>
  <c r="G25878" i="1"/>
  <c r="G25879" i="1"/>
  <c r="G25880" i="1"/>
  <c r="G25881" i="1"/>
  <c r="G25882" i="1"/>
  <c r="G25883" i="1"/>
  <c r="G25884" i="1"/>
  <c r="G25885" i="1"/>
  <c r="G25886" i="1"/>
  <c r="G25887" i="1"/>
  <c r="G25888" i="1"/>
  <c r="G25889" i="1"/>
  <c r="G25890" i="1"/>
  <c r="G25891" i="1"/>
  <c r="G25892" i="1"/>
  <c r="G25893" i="1"/>
  <c r="G25894" i="1"/>
  <c r="G25895" i="1"/>
  <c r="G25896" i="1"/>
  <c r="G25897" i="1"/>
  <c r="G25898" i="1"/>
  <c r="G25899" i="1"/>
  <c r="G25900" i="1"/>
  <c r="G25901" i="1"/>
  <c r="G25902" i="1"/>
  <c r="G25903" i="1"/>
  <c r="G25904" i="1"/>
  <c r="G25905" i="1"/>
  <c r="G25906" i="1"/>
  <c r="G25907" i="1"/>
  <c r="G25908" i="1"/>
  <c r="G25909" i="1"/>
  <c r="G25910" i="1"/>
  <c r="G25911" i="1"/>
  <c r="G25912" i="1"/>
  <c r="G25913" i="1"/>
  <c r="G25914" i="1"/>
  <c r="G25915" i="1"/>
  <c r="G25916" i="1"/>
  <c r="G25917" i="1"/>
  <c r="G25918" i="1"/>
  <c r="G25919" i="1"/>
  <c r="G25920" i="1"/>
  <c r="G25921" i="1"/>
  <c r="G25922" i="1"/>
  <c r="G25923" i="1"/>
  <c r="G25924" i="1"/>
  <c r="G25925" i="1"/>
  <c r="G25926" i="1"/>
  <c r="G25927" i="1"/>
  <c r="G25928" i="1"/>
  <c r="G25929" i="1"/>
  <c r="G25930" i="1"/>
  <c r="G25931" i="1"/>
  <c r="G25932" i="1"/>
  <c r="G25933" i="1"/>
  <c r="G25934" i="1"/>
  <c r="G25935" i="1"/>
  <c r="G25936" i="1"/>
  <c r="G25937" i="1"/>
  <c r="G25938" i="1"/>
  <c r="G25939" i="1"/>
  <c r="G25940" i="1"/>
  <c r="G25941" i="1"/>
  <c r="G25942" i="1"/>
  <c r="G25943" i="1"/>
  <c r="G25944" i="1"/>
  <c r="G25945" i="1"/>
  <c r="G25946" i="1"/>
  <c r="G25947" i="1"/>
  <c r="G25948" i="1"/>
  <c r="G25949" i="1"/>
  <c r="G25950" i="1"/>
  <c r="G25951" i="1"/>
  <c r="G25952" i="1"/>
  <c r="G25953" i="1"/>
  <c r="G25954" i="1"/>
  <c r="G25955" i="1"/>
  <c r="G25956" i="1"/>
  <c r="G25957" i="1"/>
  <c r="G25958" i="1"/>
  <c r="G25959" i="1"/>
  <c r="G25960" i="1"/>
  <c r="G25961" i="1"/>
  <c r="G25962" i="1"/>
  <c r="G25963" i="1"/>
  <c r="G25964" i="1"/>
  <c r="G25965" i="1"/>
  <c r="G25966" i="1"/>
  <c r="G25967" i="1"/>
  <c r="G25968" i="1"/>
  <c r="G25969" i="1"/>
  <c r="G25970" i="1"/>
  <c r="G25971" i="1"/>
  <c r="G25972" i="1"/>
  <c r="G25973" i="1"/>
  <c r="G25974" i="1"/>
  <c r="G25975" i="1"/>
  <c r="G25976" i="1"/>
  <c r="G25977" i="1"/>
  <c r="G25978" i="1"/>
  <c r="G25979" i="1"/>
  <c r="G25980" i="1"/>
  <c r="G25981" i="1"/>
  <c r="G25982" i="1"/>
  <c r="G25983" i="1"/>
  <c r="G25984" i="1"/>
  <c r="G25985" i="1"/>
  <c r="G25986" i="1"/>
  <c r="G25987" i="1"/>
  <c r="G25988" i="1"/>
  <c r="G25989" i="1"/>
  <c r="G25990" i="1"/>
  <c r="G25991" i="1"/>
  <c r="G25992" i="1"/>
  <c r="G25993" i="1"/>
  <c r="G25994" i="1"/>
  <c r="G25995" i="1"/>
  <c r="G25996" i="1"/>
  <c r="G25997" i="1"/>
  <c r="G25998" i="1"/>
  <c r="G25999" i="1"/>
  <c r="G26000" i="1"/>
  <c r="G26001" i="1"/>
  <c r="G26002" i="1"/>
  <c r="G26003" i="1"/>
  <c r="G26004" i="1"/>
  <c r="G26005" i="1"/>
  <c r="G26006" i="1"/>
  <c r="G26007" i="1"/>
  <c r="G26008" i="1"/>
  <c r="G26009" i="1"/>
  <c r="G26010" i="1"/>
  <c r="G26011" i="1"/>
  <c r="G26012" i="1"/>
  <c r="G26013" i="1"/>
  <c r="G26014" i="1"/>
  <c r="G26015" i="1"/>
  <c r="G26016" i="1"/>
  <c r="G26017" i="1"/>
  <c r="G26018" i="1"/>
  <c r="G26019" i="1"/>
  <c r="G26020" i="1"/>
  <c r="G26021" i="1"/>
  <c r="G26022" i="1"/>
  <c r="G26023" i="1"/>
  <c r="G26024" i="1"/>
  <c r="G26025" i="1"/>
  <c r="G26026" i="1"/>
  <c r="G26027" i="1"/>
  <c r="G26028" i="1"/>
  <c r="G26029" i="1"/>
  <c r="G26030" i="1"/>
  <c r="G26031" i="1"/>
  <c r="G26032" i="1"/>
  <c r="G26033" i="1"/>
  <c r="G26034" i="1"/>
  <c r="G26035" i="1"/>
  <c r="G26036" i="1"/>
  <c r="G26037" i="1"/>
  <c r="G26038" i="1"/>
  <c r="G26039" i="1"/>
  <c r="G26040" i="1"/>
  <c r="G26041" i="1"/>
  <c r="G26042" i="1"/>
  <c r="G26043" i="1"/>
  <c r="G26044" i="1"/>
  <c r="G26045" i="1"/>
  <c r="G26046" i="1"/>
  <c r="G26047" i="1"/>
  <c r="G26048" i="1"/>
  <c r="G26049" i="1"/>
  <c r="G26050" i="1"/>
  <c r="G26051" i="1"/>
  <c r="G26052" i="1"/>
  <c r="G26053" i="1"/>
  <c r="G26054" i="1"/>
  <c r="G26055" i="1"/>
  <c r="G26056" i="1"/>
  <c r="G26057" i="1"/>
  <c r="G26058" i="1"/>
  <c r="G26059" i="1"/>
  <c r="G26060" i="1"/>
  <c r="G26061" i="1"/>
  <c r="G26062" i="1"/>
  <c r="G26063" i="1"/>
  <c r="G26064" i="1"/>
  <c r="G26065" i="1"/>
  <c r="G26066" i="1"/>
  <c r="G26067" i="1"/>
  <c r="G26068" i="1"/>
  <c r="G26069" i="1"/>
  <c r="G26070" i="1"/>
  <c r="G26071" i="1"/>
  <c r="G26072" i="1"/>
  <c r="G26073" i="1"/>
  <c r="G26074" i="1"/>
  <c r="G26075" i="1"/>
  <c r="G26076" i="1"/>
  <c r="G26077" i="1"/>
  <c r="G26078" i="1"/>
  <c r="G26079" i="1"/>
  <c r="G26080" i="1"/>
  <c r="G26081" i="1"/>
  <c r="G26082" i="1"/>
  <c r="G26083" i="1"/>
  <c r="G26084" i="1"/>
  <c r="G26085" i="1"/>
  <c r="G26086" i="1"/>
  <c r="G26087" i="1"/>
  <c r="G26088" i="1"/>
  <c r="G26089" i="1"/>
  <c r="G26090" i="1"/>
  <c r="G26091" i="1"/>
  <c r="G26092" i="1"/>
  <c r="G26093" i="1"/>
  <c r="G26094" i="1"/>
  <c r="G26095" i="1"/>
  <c r="G26096" i="1"/>
  <c r="G26097" i="1"/>
  <c r="G26098" i="1"/>
  <c r="G26099" i="1"/>
  <c r="G26100" i="1"/>
  <c r="G26101" i="1"/>
  <c r="G26102" i="1"/>
  <c r="G26103" i="1"/>
  <c r="G26104" i="1"/>
  <c r="G26105" i="1"/>
  <c r="G26106" i="1"/>
  <c r="G26107" i="1"/>
  <c r="G26108" i="1"/>
  <c r="G26109" i="1"/>
  <c r="G26110" i="1"/>
  <c r="G26111" i="1"/>
  <c r="G26112" i="1"/>
  <c r="G26113" i="1"/>
  <c r="G26114" i="1"/>
  <c r="G26115" i="1"/>
  <c r="G26116" i="1"/>
  <c r="G26117" i="1"/>
  <c r="G26118" i="1"/>
  <c r="G26119" i="1"/>
  <c r="G26120" i="1"/>
  <c r="G26121" i="1"/>
  <c r="G26122" i="1"/>
  <c r="G26123" i="1"/>
  <c r="G26124" i="1"/>
  <c r="G26125" i="1"/>
  <c r="G26126" i="1"/>
  <c r="G26127" i="1"/>
  <c r="G26128" i="1"/>
  <c r="G26129" i="1"/>
  <c r="G26130" i="1"/>
  <c r="G26131" i="1"/>
  <c r="G26132" i="1"/>
  <c r="G26133" i="1"/>
  <c r="G26134" i="1"/>
  <c r="G26135" i="1"/>
  <c r="G26136" i="1"/>
  <c r="G26137" i="1"/>
  <c r="G26138" i="1"/>
  <c r="G26139" i="1"/>
  <c r="G26140" i="1"/>
  <c r="G26141" i="1"/>
  <c r="G26142" i="1"/>
  <c r="G26143" i="1"/>
  <c r="G26144" i="1"/>
  <c r="G26145" i="1"/>
  <c r="G26146" i="1"/>
  <c r="G26147" i="1"/>
  <c r="G26148" i="1"/>
  <c r="G26149" i="1"/>
  <c r="G26150" i="1"/>
  <c r="G26151" i="1"/>
  <c r="G26152" i="1"/>
  <c r="G26153" i="1"/>
  <c r="G26154" i="1"/>
  <c r="G26155" i="1"/>
  <c r="G26156" i="1"/>
  <c r="G26157" i="1"/>
  <c r="G26158" i="1"/>
  <c r="G26159" i="1"/>
  <c r="G26160" i="1"/>
  <c r="G26161" i="1"/>
  <c r="G26162" i="1"/>
  <c r="G26163" i="1"/>
  <c r="G26164" i="1"/>
  <c r="G26165" i="1"/>
  <c r="G26166" i="1"/>
  <c r="G26167" i="1"/>
  <c r="G26168" i="1"/>
  <c r="G26169" i="1"/>
  <c r="G26170" i="1"/>
  <c r="G26171" i="1"/>
  <c r="G26172" i="1"/>
  <c r="G26173" i="1"/>
  <c r="G26174" i="1"/>
  <c r="G26175" i="1"/>
  <c r="G26176" i="1"/>
  <c r="G26177" i="1"/>
  <c r="G26178" i="1"/>
  <c r="G26179" i="1"/>
  <c r="G26180" i="1"/>
  <c r="G26181" i="1"/>
  <c r="G26182" i="1"/>
  <c r="G26183" i="1"/>
  <c r="G26184" i="1"/>
  <c r="G26185" i="1"/>
  <c r="G26186" i="1"/>
  <c r="G26187" i="1"/>
  <c r="G26188" i="1"/>
  <c r="G26189" i="1"/>
  <c r="G26190" i="1"/>
  <c r="G26191" i="1"/>
  <c r="G26192" i="1"/>
  <c r="G26193" i="1"/>
  <c r="G26194" i="1"/>
  <c r="G26195" i="1"/>
  <c r="G26196" i="1"/>
  <c r="G26197" i="1"/>
  <c r="G26198" i="1"/>
  <c r="G26199" i="1"/>
  <c r="G26200" i="1"/>
  <c r="G26201" i="1"/>
  <c r="G26202" i="1"/>
  <c r="G26203" i="1"/>
  <c r="G26204" i="1"/>
  <c r="G26205" i="1"/>
  <c r="G26206" i="1"/>
  <c r="G26207" i="1"/>
  <c r="G26208" i="1"/>
  <c r="G26209" i="1"/>
  <c r="G26210" i="1"/>
  <c r="G26211" i="1"/>
  <c r="G26212" i="1"/>
  <c r="G26213" i="1"/>
  <c r="G26214" i="1"/>
  <c r="G26215" i="1"/>
  <c r="G26216" i="1"/>
  <c r="G26217" i="1"/>
  <c r="G26218" i="1"/>
  <c r="G26219" i="1"/>
  <c r="G26220" i="1"/>
  <c r="G26221" i="1"/>
  <c r="G26222" i="1"/>
  <c r="G26223" i="1"/>
  <c r="G26224" i="1"/>
  <c r="G26225" i="1"/>
  <c r="G26226" i="1"/>
  <c r="G26227" i="1"/>
  <c r="G26228" i="1"/>
  <c r="G26229" i="1"/>
  <c r="G26230" i="1"/>
  <c r="G26231" i="1"/>
  <c r="G26232" i="1"/>
  <c r="G26233" i="1"/>
  <c r="G26234" i="1"/>
  <c r="G26235" i="1"/>
  <c r="G26236" i="1"/>
  <c r="G26237" i="1"/>
  <c r="G26238" i="1"/>
  <c r="G26239" i="1"/>
  <c r="G26240" i="1"/>
  <c r="G26241" i="1"/>
  <c r="G26242" i="1"/>
  <c r="G26243" i="1"/>
  <c r="G26244" i="1"/>
  <c r="G26245" i="1"/>
  <c r="G26246" i="1"/>
  <c r="G26247" i="1"/>
  <c r="G26248" i="1"/>
  <c r="G26249" i="1"/>
  <c r="G26250" i="1"/>
  <c r="G26251" i="1"/>
  <c r="G26252" i="1"/>
  <c r="G26253" i="1"/>
  <c r="G26254" i="1"/>
  <c r="G26255" i="1"/>
  <c r="G26256" i="1"/>
  <c r="G26257" i="1"/>
  <c r="G26258" i="1"/>
  <c r="G26259" i="1"/>
  <c r="G26260" i="1"/>
  <c r="G26261" i="1"/>
  <c r="G26262" i="1"/>
  <c r="G26263" i="1"/>
  <c r="G26264" i="1"/>
  <c r="G26265" i="1"/>
  <c r="G26266" i="1"/>
  <c r="G26267" i="1"/>
  <c r="G26268" i="1"/>
  <c r="G26269" i="1"/>
  <c r="G26270" i="1"/>
  <c r="G26271" i="1"/>
  <c r="G26272" i="1"/>
  <c r="G26273" i="1"/>
  <c r="G26274" i="1"/>
  <c r="G26275" i="1"/>
  <c r="G26276" i="1"/>
  <c r="G26277" i="1"/>
  <c r="G26278" i="1"/>
  <c r="G26279" i="1"/>
  <c r="G26280" i="1"/>
  <c r="G26281" i="1"/>
  <c r="G26282" i="1"/>
  <c r="G26283" i="1"/>
  <c r="G26284" i="1"/>
  <c r="G26285" i="1"/>
  <c r="G26286" i="1"/>
  <c r="G26287" i="1"/>
  <c r="G26288" i="1"/>
  <c r="G26289" i="1"/>
  <c r="G26290" i="1"/>
  <c r="G26291" i="1"/>
  <c r="G26292" i="1"/>
  <c r="G26293" i="1"/>
  <c r="G26294" i="1"/>
  <c r="G26295" i="1"/>
  <c r="G26296" i="1"/>
  <c r="G26297" i="1"/>
  <c r="G26298" i="1"/>
  <c r="G26299" i="1"/>
  <c r="G26300" i="1"/>
  <c r="G26301" i="1"/>
  <c r="G26302" i="1"/>
  <c r="G26303" i="1"/>
  <c r="G26304" i="1"/>
  <c r="G26305" i="1"/>
  <c r="G26306" i="1"/>
  <c r="G26307" i="1"/>
  <c r="G26308" i="1"/>
  <c r="G26309" i="1"/>
  <c r="G26310" i="1"/>
  <c r="G26311" i="1"/>
  <c r="G26312" i="1"/>
  <c r="G26313" i="1"/>
  <c r="G26314" i="1"/>
  <c r="G26315" i="1"/>
  <c r="G26316" i="1"/>
  <c r="G26317" i="1"/>
  <c r="G26318" i="1"/>
  <c r="G26319" i="1"/>
  <c r="G26320" i="1"/>
  <c r="G26321" i="1"/>
  <c r="G26322" i="1"/>
  <c r="G26323" i="1"/>
  <c r="G26324" i="1"/>
  <c r="G26325" i="1"/>
  <c r="G26326" i="1"/>
  <c r="G26327" i="1"/>
  <c r="G26328" i="1"/>
  <c r="G26329" i="1"/>
  <c r="G26330" i="1"/>
  <c r="G26331" i="1"/>
  <c r="G26332" i="1"/>
  <c r="G26333" i="1"/>
  <c r="G26334" i="1"/>
  <c r="G26335" i="1"/>
  <c r="G26336" i="1"/>
  <c r="G26337" i="1"/>
  <c r="G26338" i="1"/>
  <c r="G26339" i="1"/>
  <c r="G26340" i="1"/>
  <c r="G26341" i="1"/>
  <c r="G26342" i="1"/>
  <c r="G26343" i="1"/>
  <c r="G26344" i="1"/>
  <c r="G26345" i="1"/>
  <c r="G26346" i="1"/>
  <c r="G26347" i="1"/>
  <c r="G26348" i="1"/>
  <c r="G26349" i="1"/>
  <c r="G26350" i="1"/>
  <c r="G26351" i="1"/>
  <c r="G26352" i="1"/>
  <c r="G26353" i="1"/>
  <c r="G26354" i="1"/>
  <c r="G26355" i="1"/>
  <c r="G26356" i="1"/>
  <c r="G26357" i="1"/>
  <c r="G26358" i="1"/>
  <c r="G26359" i="1"/>
  <c r="G26360" i="1"/>
  <c r="G26361" i="1"/>
  <c r="G26362" i="1"/>
  <c r="G26363" i="1"/>
  <c r="G26364" i="1"/>
  <c r="G26365" i="1"/>
  <c r="G26366" i="1"/>
  <c r="G26367" i="1"/>
  <c r="G26368" i="1"/>
  <c r="G26369" i="1"/>
  <c r="G26370" i="1"/>
  <c r="G26371" i="1"/>
  <c r="G26372" i="1"/>
  <c r="G26373" i="1"/>
  <c r="G26374" i="1"/>
  <c r="G26375" i="1"/>
  <c r="G26376" i="1"/>
  <c r="G26377" i="1"/>
  <c r="G26378" i="1"/>
  <c r="G26379" i="1"/>
  <c r="G26380" i="1"/>
  <c r="G26381" i="1"/>
  <c r="G26382" i="1"/>
  <c r="G26383" i="1"/>
  <c r="G26384" i="1"/>
  <c r="G26385" i="1"/>
  <c r="G26386" i="1"/>
  <c r="G26387" i="1"/>
  <c r="G26388" i="1"/>
  <c r="G26389" i="1"/>
  <c r="G26390" i="1"/>
  <c r="G26391" i="1"/>
  <c r="G26392" i="1"/>
  <c r="G26393" i="1"/>
  <c r="G26394" i="1"/>
  <c r="G26395" i="1"/>
  <c r="G26396" i="1"/>
  <c r="G26397" i="1"/>
  <c r="G26398" i="1"/>
  <c r="G26399" i="1"/>
  <c r="G26400" i="1"/>
  <c r="G26401" i="1"/>
  <c r="G26402" i="1"/>
  <c r="G26403" i="1"/>
  <c r="G26404" i="1"/>
  <c r="G26405" i="1"/>
  <c r="G26406" i="1"/>
  <c r="G26407" i="1"/>
  <c r="G26408" i="1"/>
  <c r="G26409" i="1"/>
  <c r="G26410" i="1"/>
  <c r="G26411" i="1"/>
  <c r="G26412" i="1"/>
  <c r="G26413" i="1"/>
  <c r="G26414" i="1"/>
  <c r="G26415" i="1"/>
  <c r="G26416" i="1"/>
  <c r="G26417" i="1"/>
  <c r="G26418" i="1"/>
  <c r="G26419" i="1"/>
  <c r="G26420" i="1"/>
  <c r="G26421" i="1"/>
  <c r="G26422" i="1"/>
  <c r="G26423" i="1"/>
  <c r="G26424" i="1"/>
  <c r="G26425" i="1"/>
  <c r="G26426" i="1"/>
  <c r="G26427" i="1"/>
  <c r="G26428" i="1"/>
  <c r="G26429" i="1"/>
  <c r="G26430" i="1"/>
  <c r="G26431" i="1"/>
  <c r="G26432" i="1"/>
  <c r="G26433" i="1"/>
  <c r="G26434" i="1"/>
  <c r="G26435" i="1"/>
  <c r="G26436" i="1"/>
  <c r="G26437" i="1"/>
  <c r="G26438" i="1"/>
  <c r="G26439" i="1"/>
  <c r="G26440" i="1"/>
  <c r="G26441" i="1"/>
  <c r="G26442" i="1"/>
  <c r="G26443" i="1"/>
  <c r="G26444" i="1"/>
  <c r="G26445" i="1"/>
  <c r="G26446" i="1"/>
  <c r="G26447" i="1"/>
  <c r="G26448" i="1"/>
  <c r="G26449" i="1"/>
  <c r="G26450" i="1"/>
  <c r="G26451" i="1"/>
  <c r="G26452" i="1"/>
  <c r="G26453" i="1"/>
  <c r="G26454" i="1"/>
  <c r="G26455" i="1"/>
  <c r="G26456" i="1"/>
  <c r="G26457" i="1"/>
  <c r="G26458" i="1"/>
  <c r="G26459" i="1"/>
  <c r="G26460" i="1"/>
  <c r="G26461" i="1"/>
  <c r="G26462" i="1"/>
  <c r="G26463" i="1"/>
  <c r="G26464" i="1"/>
  <c r="G26465" i="1"/>
  <c r="G26466" i="1"/>
  <c r="G26467" i="1"/>
  <c r="G26468" i="1"/>
  <c r="G26469" i="1"/>
  <c r="G26470" i="1"/>
  <c r="G26471" i="1"/>
  <c r="G26472" i="1"/>
  <c r="G26473" i="1"/>
  <c r="G26474" i="1"/>
  <c r="G26475" i="1"/>
  <c r="G26476" i="1"/>
  <c r="G26477" i="1"/>
  <c r="G26478" i="1"/>
  <c r="G26479" i="1"/>
  <c r="G26480" i="1"/>
  <c r="G26481" i="1"/>
  <c r="G26482" i="1"/>
  <c r="G26483" i="1"/>
  <c r="G26484" i="1"/>
  <c r="G26485" i="1"/>
  <c r="G26486" i="1"/>
  <c r="G26487" i="1"/>
  <c r="G26488" i="1"/>
  <c r="G26489" i="1"/>
  <c r="G26490" i="1"/>
  <c r="G26491" i="1"/>
  <c r="G26492" i="1"/>
  <c r="G26493" i="1"/>
  <c r="G26494" i="1"/>
  <c r="G26495" i="1"/>
  <c r="G26496" i="1"/>
  <c r="G26497" i="1"/>
  <c r="G26498" i="1"/>
  <c r="G26499" i="1"/>
  <c r="G26500" i="1"/>
  <c r="G26501" i="1"/>
  <c r="G26502" i="1"/>
  <c r="G26503" i="1"/>
  <c r="G26504" i="1"/>
  <c r="G26505" i="1"/>
  <c r="G26506" i="1"/>
  <c r="G26507" i="1"/>
  <c r="G26508" i="1"/>
  <c r="G26509" i="1"/>
  <c r="G26510" i="1"/>
  <c r="G26511" i="1"/>
  <c r="G26512" i="1"/>
  <c r="G26513" i="1"/>
  <c r="G26514" i="1"/>
  <c r="G26515" i="1"/>
  <c r="G26516" i="1"/>
  <c r="G26517" i="1"/>
  <c r="G26518" i="1"/>
  <c r="G26519" i="1"/>
  <c r="G26520" i="1"/>
  <c r="G26521" i="1"/>
  <c r="G26522" i="1"/>
  <c r="G26523" i="1"/>
  <c r="G26524" i="1"/>
  <c r="G26525" i="1"/>
  <c r="G26526" i="1"/>
  <c r="G26527" i="1"/>
  <c r="G26528" i="1"/>
  <c r="G26529" i="1"/>
  <c r="G26530" i="1"/>
  <c r="G26531" i="1"/>
  <c r="G26532" i="1"/>
  <c r="G26533" i="1"/>
  <c r="G26534" i="1"/>
  <c r="G26535" i="1"/>
  <c r="G26536" i="1"/>
  <c r="G26537" i="1"/>
  <c r="G26538" i="1"/>
  <c r="G26539" i="1"/>
  <c r="G26540" i="1"/>
  <c r="G26541" i="1"/>
  <c r="G26542" i="1"/>
  <c r="G26543" i="1"/>
  <c r="G26544" i="1"/>
  <c r="G26545" i="1"/>
  <c r="G26546" i="1"/>
  <c r="G26547" i="1"/>
  <c r="G26548" i="1"/>
  <c r="G26549" i="1"/>
  <c r="G26550" i="1"/>
  <c r="G26551" i="1"/>
  <c r="G26552" i="1"/>
  <c r="G26553" i="1"/>
  <c r="G26554" i="1"/>
  <c r="G26555" i="1"/>
  <c r="G26556" i="1"/>
  <c r="G26557" i="1"/>
  <c r="G26558" i="1"/>
  <c r="G26559" i="1"/>
  <c r="G26560" i="1"/>
  <c r="G26561" i="1"/>
  <c r="G26562" i="1"/>
  <c r="G26563" i="1"/>
  <c r="G26564" i="1"/>
  <c r="G26565" i="1"/>
  <c r="G26566" i="1"/>
  <c r="G26567" i="1"/>
  <c r="G26568" i="1"/>
  <c r="G26569" i="1"/>
  <c r="G26570" i="1"/>
  <c r="G26571" i="1"/>
  <c r="G26572" i="1"/>
  <c r="G26573" i="1"/>
  <c r="G26574" i="1"/>
  <c r="G26575" i="1"/>
  <c r="G26576" i="1"/>
  <c r="G26577" i="1"/>
  <c r="G26578" i="1"/>
  <c r="G26579" i="1"/>
  <c r="G26580" i="1"/>
  <c r="G26581" i="1"/>
  <c r="G26582" i="1"/>
  <c r="G26583" i="1"/>
  <c r="G26584" i="1"/>
  <c r="G26585" i="1"/>
  <c r="G26586" i="1"/>
  <c r="G26587" i="1"/>
  <c r="G26588" i="1"/>
  <c r="G26589" i="1"/>
  <c r="G26590" i="1"/>
  <c r="G26591" i="1"/>
  <c r="G26592" i="1"/>
  <c r="G26593" i="1"/>
  <c r="G26594" i="1"/>
  <c r="G26595" i="1"/>
  <c r="G26596" i="1"/>
  <c r="G26597" i="1"/>
  <c r="G26598" i="1"/>
  <c r="G26599" i="1"/>
  <c r="G26600" i="1"/>
  <c r="G26601" i="1"/>
  <c r="G26602" i="1"/>
  <c r="G26603" i="1"/>
  <c r="G26604" i="1"/>
  <c r="G26605" i="1"/>
  <c r="G26606" i="1"/>
  <c r="G26607" i="1"/>
  <c r="G26608" i="1"/>
  <c r="G26609" i="1"/>
  <c r="G26610" i="1"/>
  <c r="G26611" i="1"/>
  <c r="G26612" i="1"/>
  <c r="G26613" i="1"/>
  <c r="G26614" i="1"/>
  <c r="G26615" i="1"/>
  <c r="G26616" i="1"/>
  <c r="G26617" i="1"/>
  <c r="G26618" i="1"/>
  <c r="G26619" i="1"/>
  <c r="G26620" i="1"/>
  <c r="G26621" i="1"/>
  <c r="G26622" i="1"/>
  <c r="G26623" i="1"/>
  <c r="G26624" i="1"/>
  <c r="G26625" i="1"/>
  <c r="G26626" i="1"/>
  <c r="G26627" i="1"/>
  <c r="G26628" i="1"/>
  <c r="G26629" i="1"/>
  <c r="G26630" i="1"/>
  <c r="G26631" i="1"/>
  <c r="G26632" i="1"/>
  <c r="G26633" i="1"/>
  <c r="G26634" i="1"/>
  <c r="G26635" i="1"/>
  <c r="G26636" i="1"/>
  <c r="G26637" i="1"/>
  <c r="G26638" i="1"/>
  <c r="G26639" i="1"/>
  <c r="G26640" i="1"/>
  <c r="G26641" i="1"/>
  <c r="G26642" i="1"/>
  <c r="G26643" i="1"/>
  <c r="G26644" i="1"/>
  <c r="G26645" i="1"/>
  <c r="G26646" i="1"/>
  <c r="G26647" i="1"/>
  <c r="G26648" i="1"/>
  <c r="G26649" i="1"/>
  <c r="G26650" i="1"/>
  <c r="G26651" i="1"/>
  <c r="G26652" i="1"/>
  <c r="G26653" i="1"/>
  <c r="G26654" i="1"/>
  <c r="G26655" i="1"/>
  <c r="G26656" i="1"/>
  <c r="G26657" i="1"/>
  <c r="G26658" i="1"/>
  <c r="G26659" i="1"/>
  <c r="G26660" i="1"/>
  <c r="G26661" i="1"/>
  <c r="G26662" i="1"/>
  <c r="G26663" i="1"/>
  <c r="G26664" i="1"/>
  <c r="G26665" i="1"/>
  <c r="G26666" i="1"/>
  <c r="G26667" i="1"/>
  <c r="G26668" i="1"/>
  <c r="G26669" i="1"/>
  <c r="G26670" i="1"/>
  <c r="G26671" i="1"/>
  <c r="G26672" i="1"/>
  <c r="G26673" i="1"/>
  <c r="G26674" i="1"/>
  <c r="G26675" i="1"/>
  <c r="G26676" i="1"/>
  <c r="G26677" i="1"/>
  <c r="G26678" i="1"/>
  <c r="G26679" i="1"/>
  <c r="G26680" i="1"/>
  <c r="G26681" i="1"/>
  <c r="G26682" i="1"/>
  <c r="G26683" i="1"/>
  <c r="G26684" i="1"/>
  <c r="G26685" i="1"/>
  <c r="G26686" i="1"/>
  <c r="G26687" i="1"/>
  <c r="G26688" i="1"/>
  <c r="G26689" i="1"/>
  <c r="G26690" i="1"/>
  <c r="G26691" i="1"/>
  <c r="G26692" i="1"/>
  <c r="G26693" i="1"/>
  <c r="G26694" i="1"/>
  <c r="G26695" i="1"/>
  <c r="G26696" i="1"/>
  <c r="G26697" i="1"/>
  <c r="G26698" i="1"/>
  <c r="G26699" i="1"/>
  <c r="G26700" i="1"/>
  <c r="G26701" i="1"/>
  <c r="G26702" i="1"/>
  <c r="G26703" i="1"/>
  <c r="G26704" i="1"/>
  <c r="G26705" i="1"/>
  <c r="G26706" i="1"/>
  <c r="G26707" i="1"/>
  <c r="G26708" i="1"/>
  <c r="G26709" i="1"/>
  <c r="G26710" i="1"/>
  <c r="G26711" i="1"/>
  <c r="G26712" i="1"/>
  <c r="G26713" i="1"/>
  <c r="G26714" i="1"/>
  <c r="G26715" i="1"/>
  <c r="G26716" i="1"/>
  <c r="G26717" i="1"/>
  <c r="G26718" i="1"/>
  <c r="G26719" i="1"/>
  <c r="G26720" i="1"/>
  <c r="G26721" i="1"/>
  <c r="G26722" i="1"/>
  <c r="G26723" i="1"/>
  <c r="G26724" i="1"/>
  <c r="G26725" i="1"/>
  <c r="G26726" i="1"/>
  <c r="G26727" i="1"/>
  <c r="G26728" i="1"/>
  <c r="G26729" i="1"/>
  <c r="G26730" i="1"/>
  <c r="G26731" i="1"/>
  <c r="G26732" i="1"/>
  <c r="G26733" i="1"/>
  <c r="G26734" i="1"/>
  <c r="G26735" i="1"/>
  <c r="G26736" i="1"/>
  <c r="G26737" i="1"/>
  <c r="G26738" i="1"/>
  <c r="G26739" i="1"/>
  <c r="G26740" i="1"/>
  <c r="G26741" i="1"/>
  <c r="G26742" i="1"/>
  <c r="G26743" i="1"/>
  <c r="G26744" i="1"/>
  <c r="G26745" i="1"/>
  <c r="G26746" i="1"/>
  <c r="G26747" i="1"/>
  <c r="G26748" i="1"/>
  <c r="G26749" i="1"/>
  <c r="G26750" i="1"/>
  <c r="G26751" i="1"/>
  <c r="G26752" i="1"/>
  <c r="G26753" i="1"/>
  <c r="G26754" i="1"/>
  <c r="G26755" i="1"/>
  <c r="G26756" i="1"/>
  <c r="G26757" i="1"/>
  <c r="G26758" i="1"/>
  <c r="G26759" i="1"/>
  <c r="G26760" i="1"/>
  <c r="G26761" i="1"/>
  <c r="G26762" i="1"/>
  <c r="G26763" i="1"/>
  <c r="G26764" i="1"/>
  <c r="G26765" i="1"/>
  <c r="G26766" i="1"/>
  <c r="G26767" i="1"/>
  <c r="G26768" i="1"/>
  <c r="G26769" i="1"/>
  <c r="G26770" i="1"/>
  <c r="G26771" i="1"/>
  <c r="G26772" i="1"/>
  <c r="G26773" i="1"/>
  <c r="G26774" i="1"/>
  <c r="G26775" i="1"/>
  <c r="G26776" i="1"/>
  <c r="G26777" i="1"/>
  <c r="G26778" i="1"/>
  <c r="G26779" i="1"/>
  <c r="G26780" i="1"/>
  <c r="G26781" i="1"/>
  <c r="G26782" i="1"/>
  <c r="G26783" i="1"/>
  <c r="G26784" i="1"/>
  <c r="G26785" i="1"/>
  <c r="G26786" i="1"/>
  <c r="G26787" i="1"/>
  <c r="G26788" i="1"/>
  <c r="G26789" i="1"/>
  <c r="G26790" i="1"/>
  <c r="G26791" i="1"/>
  <c r="G26792" i="1"/>
  <c r="G26793" i="1"/>
  <c r="G26794" i="1"/>
  <c r="G26795" i="1"/>
  <c r="G26796" i="1"/>
  <c r="G26797" i="1"/>
  <c r="G26798" i="1"/>
  <c r="G26799" i="1"/>
  <c r="G26800" i="1"/>
  <c r="G26801" i="1"/>
  <c r="G26802" i="1"/>
  <c r="G26803" i="1"/>
  <c r="G26804" i="1"/>
  <c r="G26805" i="1"/>
  <c r="G26806" i="1"/>
  <c r="G26807" i="1"/>
  <c r="G26808" i="1"/>
  <c r="G26809" i="1"/>
  <c r="G26810" i="1"/>
  <c r="G26811" i="1"/>
  <c r="G26812" i="1"/>
  <c r="G26813" i="1"/>
  <c r="G26814" i="1"/>
  <c r="G26815" i="1"/>
  <c r="G26816" i="1"/>
  <c r="G26817" i="1"/>
  <c r="G26818" i="1"/>
  <c r="G26819" i="1"/>
  <c r="G26820" i="1"/>
  <c r="G26821" i="1"/>
  <c r="G26822" i="1"/>
  <c r="G26823" i="1"/>
  <c r="G26824" i="1"/>
  <c r="G26825" i="1"/>
  <c r="G26826" i="1"/>
  <c r="G26827" i="1"/>
  <c r="G26828" i="1"/>
  <c r="G26829" i="1"/>
  <c r="G26830" i="1"/>
  <c r="G26831" i="1"/>
  <c r="G26832" i="1"/>
  <c r="G26833" i="1"/>
  <c r="G26834" i="1"/>
  <c r="G26835" i="1"/>
  <c r="G26836" i="1"/>
  <c r="G26837" i="1"/>
  <c r="G26838" i="1"/>
  <c r="G26839" i="1"/>
  <c r="G26840" i="1"/>
  <c r="G26841" i="1"/>
  <c r="G26842" i="1"/>
  <c r="G26843" i="1"/>
  <c r="G26844" i="1"/>
  <c r="G26845" i="1"/>
  <c r="G26846" i="1"/>
  <c r="G26847" i="1"/>
  <c r="G26848" i="1"/>
  <c r="G26849" i="1"/>
  <c r="G26850" i="1"/>
  <c r="G26851" i="1"/>
  <c r="G26852" i="1"/>
  <c r="G26853" i="1"/>
  <c r="G26854" i="1"/>
  <c r="G26855" i="1"/>
  <c r="G26856" i="1"/>
  <c r="G26857" i="1"/>
  <c r="G26858" i="1"/>
  <c r="G26859" i="1"/>
  <c r="G26860" i="1"/>
  <c r="G26861" i="1"/>
  <c r="G26862" i="1"/>
  <c r="G26863" i="1"/>
  <c r="G26864" i="1"/>
  <c r="G26865" i="1"/>
  <c r="G26866" i="1"/>
  <c r="G26867" i="1"/>
  <c r="G26868" i="1"/>
  <c r="G26869" i="1"/>
  <c r="G26870" i="1"/>
  <c r="G26871" i="1"/>
  <c r="G26872" i="1"/>
  <c r="G26873" i="1"/>
  <c r="G26874" i="1"/>
  <c r="G26875" i="1"/>
  <c r="G26876" i="1"/>
  <c r="G26877" i="1"/>
  <c r="G26878" i="1"/>
  <c r="G26879" i="1"/>
  <c r="G26880" i="1"/>
  <c r="G26881" i="1"/>
  <c r="G26882" i="1"/>
  <c r="G26883" i="1"/>
  <c r="G26884" i="1"/>
  <c r="G26885" i="1"/>
  <c r="G26886" i="1"/>
  <c r="G26887" i="1"/>
  <c r="G26888" i="1"/>
  <c r="G26889" i="1"/>
  <c r="G26890" i="1"/>
  <c r="G26891" i="1"/>
  <c r="G26892" i="1"/>
  <c r="G26893" i="1"/>
  <c r="G26894" i="1"/>
  <c r="G26895" i="1"/>
  <c r="G26896" i="1"/>
  <c r="G26897" i="1"/>
  <c r="G26898" i="1"/>
  <c r="G26899" i="1"/>
  <c r="G26900" i="1"/>
  <c r="G26901" i="1"/>
  <c r="G26902" i="1"/>
  <c r="G26903" i="1"/>
  <c r="G26904" i="1"/>
  <c r="G26905" i="1"/>
  <c r="G26906" i="1"/>
  <c r="G26907" i="1"/>
  <c r="G26908" i="1"/>
  <c r="G26909" i="1"/>
  <c r="G26910" i="1"/>
  <c r="G26911" i="1"/>
  <c r="G26912" i="1"/>
  <c r="G26913" i="1"/>
  <c r="G26914" i="1"/>
  <c r="G26915" i="1"/>
  <c r="G26916" i="1"/>
  <c r="G26917" i="1"/>
  <c r="G26918" i="1"/>
  <c r="G26919" i="1"/>
  <c r="G26920" i="1"/>
  <c r="G26921" i="1"/>
  <c r="G26922" i="1"/>
  <c r="G26923" i="1"/>
  <c r="G26924" i="1"/>
  <c r="G26925" i="1"/>
  <c r="G26926" i="1"/>
  <c r="G26927" i="1"/>
  <c r="G26928" i="1"/>
  <c r="G26929" i="1"/>
  <c r="G26930" i="1"/>
  <c r="G26931" i="1"/>
  <c r="G26932" i="1"/>
  <c r="G26933" i="1"/>
  <c r="G26934" i="1"/>
  <c r="G26935" i="1"/>
  <c r="G26936" i="1"/>
  <c r="G26937" i="1"/>
  <c r="G26938" i="1"/>
  <c r="G26939" i="1"/>
  <c r="G26940" i="1"/>
  <c r="G26941" i="1"/>
  <c r="G26942" i="1"/>
  <c r="G26943" i="1"/>
  <c r="G26944" i="1"/>
  <c r="G26945" i="1"/>
  <c r="G26946" i="1"/>
  <c r="G26947" i="1"/>
  <c r="G26948" i="1"/>
  <c r="G26949" i="1"/>
  <c r="G26950" i="1"/>
  <c r="G26951" i="1"/>
  <c r="G26952" i="1"/>
  <c r="G26953" i="1"/>
  <c r="G26954" i="1"/>
  <c r="G26955" i="1"/>
  <c r="G26956" i="1"/>
  <c r="G26957" i="1"/>
  <c r="G26958" i="1"/>
  <c r="G26959" i="1"/>
  <c r="G26960" i="1"/>
  <c r="G26961" i="1"/>
  <c r="G26962" i="1"/>
  <c r="G26963" i="1"/>
  <c r="G26964" i="1"/>
  <c r="G26965" i="1"/>
  <c r="G26966" i="1"/>
  <c r="G26967" i="1"/>
  <c r="G26968" i="1"/>
  <c r="G26969" i="1"/>
  <c r="G26970" i="1"/>
  <c r="G26971" i="1"/>
  <c r="G26972" i="1"/>
  <c r="G26973" i="1"/>
  <c r="G26974" i="1"/>
  <c r="G26975" i="1"/>
  <c r="G26976" i="1"/>
  <c r="G26977" i="1"/>
  <c r="G26978" i="1"/>
  <c r="G26979" i="1"/>
  <c r="G26980" i="1"/>
  <c r="G26981" i="1"/>
  <c r="G26982" i="1"/>
  <c r="G26983" i="1"/>
  <c r="G26984" i="1"/>
  <c r="G26985" i="1"/>
  <c r="G26986" i="1"/>
  <c r="G26987" i="1"/>
  <c r="G26988" i="1"/>
  <c r="G26989" i="1"/>
  <c r="G26990" i="1"/>
  <c r="G26991" i="1"/>
  <c r="G26992" i="1"/>
  <c r="G26993" i="1"/>
  <c r="G26994" i="1"/>
  <c r="G26995" i="1"/>
  <c r="G26996" i="1"/>
  <c r="G26997" i="1"/>
  <c r="G26998" i="1"/>
  <c r="G26999" i="1"/>
  <c r="G27000" i="1"/>
  <c r="G27001" i="1"/>
  <c r="G27002" i="1"/>
  <c r="G27003" i="1"/>
  <c r="G27004" i="1"/>
  <c r="G27005" i="1"/>
  <c r="G27006" i="1"/>
  <c r="G27007" i="1"/>
  <c r="G27008" i="1"/>
  <c r="G27009" i="1"/>
  <c r="G27010" i="1"/>
  <c r="G27011" i="1"/>
  <c r="G27012" i="1"/>
  <c r="G27013" i="1"/>
  <c r="G27014" i="1"/>
  <c r="G27015" i="1"/>
  <c r="G27016" i="1"/>
  <c r="G27017" i="1"/>
  <c r="G27018" i="1"/>
  <c r="G27019" i="1"/>
  <c r="G27020" i="1"/>
  <c r="G27021" i="1"/>
  <c r="G27022" i="1"/>
  <c r="G27023" i="1"/>
  <c r="G27024" i="1"/>
  <c r="G27025" i="1"/>
  <c r="G27026" i="1"/>
  <c r="G27027" i="1"/>
  <c r="G27028" i="1"/>
  <c r="G27029" i="1"/>
  <c r="G27030" i="1"/>
  <c r="G27031" i="1"/>
  <c r="G27032" i="1"/>
  <c r="G27033" i="1"/>
  <c r="G27034" i="1"/>
  <c r="G27035" i="1"/>
  <c r="G27036" i="1"/>
  <c r="G27037" i="1"/>
  <c r="G27038" i="1"/>
  <c r="G27039" i="1"/>
  <c r="G27040" i="1"/>
  <c r="G27041" i="1"/>
  <c r="G27042" i="1"/>
  <c r="G27043" i="1"/>
  <c r="G27044" i="1"/>
  <c r="G27045" i="1"/>
  <c r="G27046" i="1"/>
  <c r="G27047" i="1"/>
  <c r="G27048" i="1"/>
  <c r="G27049" i="1"/>
  <c r="G27050" i="1"/>
  <c r="G27051" i="1"/>
  <c r="G27052" i="1"/>
  <c r="G27053" i="1"/>
  <c r="G27054" i="1"/>
  <c r="G27055" i="1"/>
  <c r="G27056" i="1"/>
  <c r="G27057" i="1"/>
  <c r="G27058" i="1"/>
  <c r="G27059" i="1"/>
  <c r="G27060" i="1"/>
  <c r="G27061" i="1"/>
  <c r="G27062" i="1"/>
  <c r="G27063" i="1"/>
  <c r="G27064" i="1"/>
  <c r="G27065" i="1"/>
  <c r="G27066" i="1"/>
  <c r="G27067" i="1"/>
  <c r="G27068" i="1"/>
  <c r="G27069" i="1"/>
  <c r="G27070" i="1"/>
  <c r="G27071" i="1"/>
  <c r="G27072" i="1"/>
  <c r="G27073" i="1"/>
  <c r="G27074" i="1"/>
  <c r="G27075" i="1"/>
  <c r="G27076" i="1"/>
  <c r="G27077" i="1"/>
  <c r="G27078" i="1"/>
  <c r="G27079" i="1"/>
  <c r="G27080" i="1"/>
  <c r="G27081" i="1"/>
  <c r="G27082" i="1"/>
  <c r="G27083" i="1"/>
  <c r="G27084" i="1"/>
  <c r="G27085" i="1"/>
  <c r="G27086" i="1"/>
  <c r="G27087" i="1"/>
  <c r="G27088" i="1"/>
  <c r="G27089" i="1"/>
  <c r="G27090" i="1"/>
  <c r="G27091" i="1"/>
  <c r="G27092" i="1"/>
  <c r="G27093" i="1"/>
  <c r="G27094" i="1"/>
  <c r="G27095" i="1"/>
  <c r="G27096" i="1"/>
  <c r="G27097" i="1"/>
  <c r="G27098" i="1"/>
  <c r="G27099" i="1"/>
  <c r="G27100" i="1"/>
  <c r="G27101" i="1"/>
  <c r="G27102" i="1"/>
  <c r="G27103" i="1"/>
  <c r="G27104" i="1"/>
  <c r="G27105" i="1"/>
  <c r="G27106" i="1"/>
  <c r="G27107" i="1"/>
  <c r="G27108" i="1"/>
  <c r="G27109" i="1"/>
  <c r="G27110" i="1"/>
  <c r="G27111" i="1"/>
  <c r="G27112" i="1"/>
  <c r="G27113" i="1"/>
  <c r="G27114" i="1"/>
  <c r="G27115" i="1"/>
  <c r="G27116" i="1"/>
  <c r="G27117" i="1"/>
  <c r="G27118" i="1"/>
  <c r="G27119" i="1"/>
  <c r="G27120" i="1"/>
  <c r="G27121" i="1"/>
  <c r="G27122" i="1"/>
  <c r="G27123" i="1"/>
  <c r="G27124" i="1"/>
  <c r="G27125" i="1"/>
  <c r="G27126" i="1"/>
  <c r="G27127" i="1"/>
  <c r="G27128" i="1"/>
  <c r="G27129" i="1"/>
  <c r="G27130" i="1"/>
  <c r="G27131" i="1"/>
  <c r="G27132" i="1"/>
  <c r="G27133" i="1"/>
  <c r="G27134" i="1"/>
  <c r="G27135" i="1"/>
  <c r="G27136" i="1"/>
  <c r="G27137" i="1"/>
  <c r="G27138" i="1"/>
  <c r="G27139" i="1"/>
  <c r="G27140" i="1"/>
  <c r="G27141" i="1"/>
  <c r="G27142" i="1"/>
  <c r="G27143" i="1"/>
  <c r="G27144" i="1"/>
  <c r="G27145" i="1"/>
  <c r="G27146" i="1"/>
  <c r="G27147" i="1"/>
  <c r="G27148" i="1"/>
  <c r="G27149" i="1"/>
  <c r="G27150" i="1"/>
  <c r="G27151" i="1"/>
  <c r="G27152" i="1"/>
  <c r="G27153" i="1"/>
  <c r="G27154" i="1"/>
  <c r="G27155" i="1"/>
  <c r="G27156" i="1"/>
  <c r="G27157" i="1"/>
  <c r="G27158" i="1"/>
  <c r="G27159" i="1"/>
  <c r="G27160" i="1"/>
  <c r="G27161" i="1"/>
  <c r="G27162" i="1"/>
  <c r="G27163" i="1"/>
  <c r="G27164" i="1"/>
  <c r="G27165" i="1"/>
  <c r="G27166" i="1"/>
  <c r="G27167" i="1"/>
  <c r="G27168" i="1"/>
  <c r="G27169" i="1"/>
  <c r="G27170" i="1"/>
  <c r="G27171" i="1"/>
  <c r="G27172" i="1"/>
  <c r="G27173" i="1"/>
  <c r="G27174" i="1"/>
  <c r="G27175" i="1"/>
  <c r="G27176" i="1"/>
  <c r="G27177" i="1"/>
  <c r="G27178" i="1"/>
  <c r="G27179" i="1"/>
  <c r="G27180" i="1"/>
  <c r="G27181" i="1"/>
  <c r="G27182" i="1"/>
  <c r="G27183" i="1"/>
  <c r="G27184" i="1"/>
  <c r="G27185" i="1"/>
  <c r="G27186" i="1"/>
  <c r="G27187" i="1"/>
  <c r="G27188" i="1"/>
  <c r="G27189" i="1"/>
  <c r="G27190" i="1"/>
  <c r="G27191" i="1"/>
  <c r="G27192" i="1"/>
  <c r="G27193" i="1"/>
  <c r="G27194" i="1"/>
  <c r="G27195" i="1"/>
  <c r="G27196" i="1"/>
  <c r="G27197" i="1"/>
  <c r="G27198" i="1"/>
  <c r="G27199" i="1"/>
  <c r="G27200" i="1"/>
  <c r="G27201" i="1"/>
  <c r="G27202" i="1"/>
  <c r="G27203" i="1"/>
  <c r="G27204" i="1"/>
  <c r="G27205" i="1"/>
  <c r="G27206" i="1"/>
  <c r="G27207" i="1"/>
  <c r="G27208" i="1"/>
  <c r="G27209" i="1"/>
  <c r="G27210" i="1"/>
  <c r="G27211" i="1"/>
  <c r="G27212" i="1"/>
  <c r="G27213" i="1"/>
  <c r="G27214" i="1"/>
  <c r="G27215" i="1"/>
  <c r="G27216" i="1"/>
  <c r="G27217" i="1"/>
  <c r="G27218" i="1"/>
  <c r="G27219" i="1"/>
  <c r="G27220" i="1"/>
  <c r="G27221" i="1"/>
  <c r="G27222" i="1"/>
  <c r="G27223" i="1"/>
  <c r="G27224" i="1"/>
  <c r="G27225" i="1"/>
  <c r="G27226" i="1"/>
  <c r="G27227" i="1"/>
  <c r="G27228" i="1"/>
  <c r="G27229" i="1"/>
  <c r="G27230" i="1"/>
  <c r="G27231" i="1"/>
  <c r="G27232" i="1"/>
  <c r="G27233" i="1"/>
  <c r="G27234" i="1"/>
  <c r="G27235" i="1"/>
  <c r="G27236" i="1"/>
  <c r="G27237" i="1"/>
  <c r="G27238" i="1"/>
  <c r="G27239" i="1"/>
  <c r="G27240" i="1"/>
  <c r="G27241" i="1"/>
  <c r="G27242" i="1"/>
  <c r="G27243" i="1"/>
  <c r="G27244" i="1"/>
  <c r="G27245" i="1"/>
  <c r="G27246" i="1"/>
  <c r="G27247" i="1"/>
  <c r="G27248" i="1"/>
  <c r="G27249" i="1"/>
  <c r="G27250" i="1"/>
  <c r="G27251" i="1"/>
  <c r="G27252" i="1"/>
  <c r="G27253" i="1"/>
  <c r="G27254" i="1"/>
  <c r="G27255" i="1"/>
  <c r="G27256" i="1"/>
  <c r="G27257" i="1"/>
  <c r="G27258" i="1"/>
  <c r="G27259" i="1"/>
  <c r="G27260" i="1"/>
  <c r="G27261" i="1"/>
  <c r="G27262" i="1"/>
  <c r="G27263" i="1"/>
  <c r="G27264" i="1"/>
  <c r="G27265" i="1"/>
  <c r="G27266" i="1"/>
  <c r="G27267" i="1"/>
  <c r="G27268" i="1"/>
  <c r="G27269" i="1"/>
  <c r="G27270" i="1"/>
  <c r="G27271" i="1"/>
  <c r="G27272" i="1"/>
  <c r="G27273" i="1"/>
  <c r="G27274" i="1"/>
  <c r="G27275" i="1"/>
  <c r="G27276" i="1"/>
  <c r="G27277" i="1"/>
  <c r="G27278" i="1"/>
  <c r="G27279" i="1"/>
  <c r="G27280" i="1"/>
  <c r="G27281" i="1"/>
  <c r="G27282" i="1"/>
  <c r="G27283" i="1"/>
  <c r="G27284" i="1"/>
  <c r="G27285" i="1"/>
  <c r="G27286" i="1"/>
  <c r="G27287" i="1"/>
  <c r="G27288" i="1"/>
  <c r="G27289" i="1"/>
  <c r="G27290" i="1"/>
  <c r="G27291" i="1"/>
  <c r="G27292" i="1"/>
  <c r="G27293" i="1"/>
  <c r="G27294" i="1"/>
  <c r="G27295" i="1"/>
  <c r="G27296" i="1"/>
  <c r="G27297" i="1"/>
  <c r="G27298" i="1"/>
  <c r="G27299" i="1"/>
  <c r="G27300" i="1"/>
  <c r="G27301" i="1"/>
  <c r="G27302" i="1"/>
  <c r="G27303" i="1"/>
  <c r="G27304" i="1"/>
  <c r="G27305" i="1"/>
  <c r="G27306" i="1"/>
  <c r="G27307" i="1"/>
  <c r="G27308" i="1"/>
  <c r="G27309" i="1"/>
  <c r="G27310" i="1"/>
  <c r="G27311" i="1"/>
  <c r="G27312" i="1"/>
  <c r="G27313" i="1"/>
  <c r="G27314" i="1"/>
  <c r="G27315" i="1"/>
  <c r="G27316" i="1"/>
  <c r="G27317" i="1"/>
  <c r="G27318" i="1"/>
  <c r="G27319" i="1"/>
  <c r="G27320" i="1"/>
  <c r="G27321" i="1"/>
  <c r="G27322" i="1"/>
  <c r="G27323" i="1"/>
  <c r="G27324" i="1"/>
  <c r="G27325" i="1"/>
  <c r="G27326" i="1"/>
  <c r="G27327" i="1"/>
  <c r="G27328" i="1"/>
  <c r="G27329" i="1"/>
  <c r="G27330" i="1"/>
  <c r="G27331" i="1"/>
  <c r="G27332" i="1"/>
  <c r="G27333" i="1"/>
  <c r="G27334" i="1"/>
  <c r="G27335" i="1"/>
  <c r="G27336" i="1"/>
  <c r="G27337" i="1"/>
  <c r="G27338" i="1"/>
  <c r="G27339" i="1"/>
  <c r="G27340" i="1"/>
  <c r="G27341" i="1"/>
  <c r="G27342" i="1"/>
  <c r="G27343" i="1"/>
  <c r="G27344" i="1"/>
  <c r="G27345" i="1"/>
  <c r="G27346" i="1"/>
  <c r="G27347" i="1"/>
  <c r="G27348" i="1"/>
  <c r="G27349" i="1"/>
  <c r="G27350" i="1"/>
  <c r="G27351" i="1"/>
  <c r="G27352" i="1"/>
  <c r="G27353" i="1"/>
  <c r="G27354" i="1"/>
  <c r="G27355" i="1"/>
  <c r="G27356" i="1"/>
  <c r="G27357" i="1"/>
  <c r="G27358" i="1"/>
  <c r="G27359" i="1"/>
  <c r="G27360" i="1"/>
  <c r="G27361" i="1"/>
  <c r="G27362" i="1"/>
  <c r="G27363" i="1"/>
  <c r="G27364" i="1"/>
  <c r="G27365" i="1"/>
  <c r="G27366" i="1"/>
  <c r="G27367" i="1"/>
  <c r="G27368" i="1"/>
  <c r="G27369" i="1"/>
  <c r="G27370" i="1"/>
  <c r="G27371" i="1"/>
  <c r="G27372" i="1"/>
  <c r="G27373" i="1"/>
  <c r="G27374" i="1"/>
  <c r="G27375" i="1"/>
  <c r="G27376" i="1"/>
  <c r="G27377" i="1"/>
  <c r="G27378" i="1"/>
  <c r="G27379" i="1"/>
  <c r="G27380" i="1"/>
  <c r="G27381" i="1"/>
  <c r="G27382" i="1"/>
  <c r="G27383" i="1"/>
  <c r="G27384" i="1"/>
  <c r="G27385" i="1"/>
  <c r="G27386" i="1"/>
  <c r="G27387" i="1"/>
  <c r="G27388" i="1"/>
  <c r="G27389" i="1"/>
  <c r="G27390" i="1"/>
  <c r="G27391" i="1"/>
  <c r="G27392" i="1"/>
  <c r="G27393" i="1"/>
  <c r="G27394" i="1"/>
  <c r="G27395" i="1"/>
  <c r="G27396" i="1"/>
  <c r="G27397" i="1"/>
  <c r="G27398" i="1"/>
  <c r="G27399" i="1"/>
  <c r="G27400" i="1"/>
  <c r="G27401" i="1"/>
  <c r="G27402" i="1"/>
  <c r="G27403" i="1"/>
  <c r="G27404" i="1"/>
  <c r="G27405" i="1"/>
  <c r="G27406" i="1"/>
  <c r="G27407" i="1"/>
  <c r="G27408" i="1"/>
  <c r="G27409" i="1"/>
  <c r="G27410" i="1"/>
  <c r="G27411" i="1"/>
  <c r="G27412" i="1"/>
  <c r="G27413" i="1"/>
  <c r="G27414" i="1"/>
  <c r="G27415" i="1"/>
  <c r="G27416" i="1"/>
  <c r="G27417" i="1"/>
  <c r="G27418" i="1"/>
  <c r="G27419" i="1"/>
  <c r="G27420" i="1"/>
  <c r="G27421" i="1"/>
  <c r="G27422" i="1"/>
  <c r="G27423" i="1"/>
  <c r="G27424" i="1"/>
  <c r="G27425" i="1"/>
  <c r="G27426" i="1"/>
  <c r="G27427" i="1"/>
  <c r="G27428" i="1"/>
  <c r="G27429" i="1"/>
  <c r="G27430" i="1"/>
  <c r="G27431" i="1"/>
  <c r="G27432" i="1"/>
  <c r="G27433" i="1"/>
  <c r="G27434" i="1"/>
  <c r="G27435" i="1"/>
  <c r="G27436" i="1"/>
  <c r="G27437" i="1"/>
  <c r="G27438" i="1"/>
  <c r="G27439" i="1"/>
  <c r="G27440" i="1"/>
  <c r="G27441" i="1"/>
  <c r="G27442" i="1"/>
  <c r="G27443" i="1"/>
  <c r="G27444" i="1"/>
  <c r="G27445" i="1"/>
  <c r="G27446" i="1"/>
  <c r="G27447" i="1"/>
  <c r="G27448" i="1"/>
  <c r="G27449" i="1"/>
  <c r="G27450" i="1"/>
  <c r="G27451" i="1"/>
  <c r="G27452" i="1"/>
  <c r="G27453" i="1"/>
  <c r="G27454" i="1"/>
  <c r="G27455" i="1"/>
  <c r="G27456" i="1"/>
  <c r="G27457" i="1"/>
  <c r="G27458" i="1"/>
  <c r="G27459" i="1"/>
  <c r="G27460" i="1"/>
  <c r="G27461" i="1"/>
  <c r="G27462" i="1"/>
  <c r="G27463" i="1"/>
  <c r="G27464" i="1"/>
  <c r="G27465" i="1"/>
  <c r="G27466" i="1"/>
  <c r="G27467" i="1"/>
  <c r="G27468" i="1"/>
  <c r="G27469" i="1"/>
  <c r="G27470" i="1"/>
  <c r="G27471" i="1"/>
  <c r="G27472" i="1"/>
  <c r="G27473" i="1"/>
  <c r="G27474" i="1"/>
  <c r="G27475" i="1"/>
  <c r="G27476" i="1"/>
  <c r="G27477" i="1"/>
  <c r="G27478" i="1"/>
  <c r="G27479" i="1"/>
  <c r="G27480" i="1"/>
  <c r="G27481" i="1"/>
  <c r="G27482" i="1"/>
  <c r="G27483" i="1"/>
  <c r="G27484" i="1"/>
  <c r="G27485" i="1"/>
  <c r="G27486" i="1"/>
  <c r="G27487" i="1"/>
  <c r="G27488" i="1"/>
  <c r="G27489" i="1"/>
  <c r="G27490" i="1"/>
  <c r="G27491" i="1"/>
  <c r="G27492" i="1"/>
  <c r="G27493" i="1"/>
  <c r="G27494" i="1"/>
  <c r="G27495" i="1"/>
  <c r="G27496" i="1"/>
  <c r="G27497" i="1"/>
  <c r="G27498" i="1"/>
  <c r="G27499" i="1"/>
  <c r="G27500" i="1"/>
  <c r="G27501" i="1"/>
  <c r="G27502" i="1"/>
  <c r="G27503" i="1"/>
  <c r="G27504" i="1"/>
  <c r="G27505" i="1"/>
  <c r="G27506" i="1"/>
  <c r="G27507" i="1"/>
  <c r="G27508" i="1"/>
  <c r="G27509" i="1"/>
  <c r="G27510" i="1"/>
  <c r="G27511" i="1"/>
  <c r="G27512" i="1"/>
  <c r="G27513" i="1"/>
  <c r="G27514" i="1"/>
  <c r="G27515" i="1"/>
  <c r="G27516" i="1"/>
  <c r="G27517" i="1"/>
  <c r="G27518" i="1"/>
  <c r="G27519" i="1"/>
  <c r="G27520" i="1"/>
  <c r="G27521" i="1"/>
  <c r="G27522" i="1"/>
  <c r="G27523" i="1"/>
  <c r="G27524" i="1"/>
  <c r="G27525" i="1"/>
  <c r="G27526" i="1"/>
  <c r="G27527" i="1"/>
  <c r="G27528" i="1"/>
  <c r="G27529" i="1"/>
  <c r="G27530" i="1"/>
  <c r="G27531" i="1"/>
  <c r="G27532" i="1"/>
  <c r="G27533" i="1"/>
  <c r="G27534" i="1"/>
  <c r="G27535" i="1"/>
  <c r="G27536" i="1"/>
  <c r="G27537" i="1"/>
  <c r="G27538" i="1"/>
  <c r="G27539" i="1"/>
  <c r="G27540" i="1"/>
  <c r="G27541" i="1"/>
  <c r="G27542" i="1"/>
  <c r="G27543" i="1"/>
  <c r="G27544" i="1"/>
  <c r="G27545" i="1"/>
  <c r="G27546" i="1"/>
  <c r="G27547" i="1"/>
  <c r="G27548" i="1"/>
  <c r="G27549" i="1"/>
  <c r="G27550" i="1"/>
  <c r="G27551" i="1"/>
  <c r="G27552" i="1"/>
  <c r="G27553" i="1"/>
  <c r="G27554" i="1"/>
  <c r="G27555" i="1"/>
  <c r="G27556" i="1"/>
  <c r="G27557" i="1"/>
  <c r="G27558" i="1"/>
  <c r="G27559" i="1"/>
  <c r="G27560" i="1"/>
  <c r="G27561" i="1"/>
  <c r="G27562" i="1"/>
  <c r="G27563" i="1"/>
  <c r="G27564" i="1"/>
  <c r="G27565" i="1"/>
  <c r="G27566" i="1"/>
  <c r="G27567" i="1"/>
  <c r="G27568" i="1"/>
  <c r="G27569" i="1"/>
  <c r="G27570" i="1"/>
  <c r="G27571" i="1"/>
  <c r="G27572" i="1"/>
  <c r="G27573" i="1"/>
  <c r="G27574" i="1"/>
  <c r="G27575" i="1"/>
  <c r="G27576" i="1"/>
  <c r="G27577" i="1"/>
  <c r="G27578" i="1"/>
  <c r="G27579" i="1"/>
  <c r="G27580" i="1"/>
  <c r="G27581" i="1"/>
  <c r="G27582" i="1"/>
  <c r="G27583" i="1"/>
  <c r="G27584" i="1"/>
  <c r="G27585" i="1"/>
  <c r="G27586" i="1"/>
  <c r="G27587" i="1"/>
  <c r="G27588" i="1"/>
  <c r="G27589" i="1"/>
  <c r="G27590" i="1"/>
  <c r="G27591" i="1"/>
  <c r="G27592" i="1"/>
  <c r="G27593" i="1"/>
  <c r="G27594" i="1"/>
  <c r="G27595" i="1"/>
  <c r="G27596" i="1"/>
  <c r="G27597" i="1"/>
  <c r="G27598" i="1"/>
  <c r="G27599" i="1"/>
  <c r="G27600" i="1"/>
  <c r="G27601" i="1"/>
  <c r="G27602" i="1"/>
  <c r="G27603" i="1"/>
  <c r="G27604" i="1"/>
  <c r="G27605" i="1"/>
  <c r="G27606" i="1"/>
  <c r="G27607" i="1"/>
  <c r="G27608" i="1"/>
  <c r="G27609" i="1"/>
  <c r="G27610" i="1"/>
  <c r="G27611" i="1"/>
  <c r="G27612" i="1"/>
  <c r="G27613" i="1"/>
  <c r="G27614" i="1"/>
  <c r="G27615" i="1"/>
  <c r="G27616" i="1"/>
  <c r="G27617" i="1"/>
  <c r="G27618" i="1"/>
  <c r="G27619" i="1"/>
  <c r="G27620" i="1"/>
  <c r="G27621" i="1"/>
  <c r="G27622" i="1"/>
  <c r="G27623" i="1"/>
  <c r="G27624" i="1"/>
  <c r="G27625" i="1"/>
  <c r="G27626" i="1"/>
  <c r="G27627" i="1"/>
  <c r="G27628" i="1"/>
  <c r="G27629" i="1"/>
  <c r="G27630" i="1"/>
  <c r="G27631" i="1"/>
  <c r="G27632" i="1"/>
  <c r="G27633" i="1"/>
  <c r="G27634" i="1"/>
  <c r="G27635" i="1"/>
  <c r="G27636" i="1"/>
  <c r="G27637" i="1"/>
  <c r="G27638" i="1"/>
  <c r="G27639" i="1"/>
  <c r="G27640" i="1"/>
  <c r="G27641" i="1"/>
  <c r="G27642" i="1"/>
  <c r="G27643" i="1"/>
  <c r="G27644" i="1"/>
  <c r="G27645" i="1"/>
  <c r="G27646" i="1"/>
  <c r="G27647" i="1"/>
  <c r="G27648" i="1"/>
  <c r="G27649" i="1"/>
  <c r="G27650" i="1"/>
  <c r="G27651" i="1"/>
  <c r="G27652" i="1"/>
  <c r="G27653" i="1"/>
  <c r="G27654" i="1"/>
  <c r="G27655" i="1"/>
  <c r="G27656" i="1"/>
  <c r="G27657" i="1"/>
  <c r="G27658" i="1"/>
  <c r="G27659" i="1"/>
  <c r="G27660" i="1"/>
  <c r="G27661" i="1"/>
  <c r="G27662" i="1"/>
  <c r="G27663" i="1"/>
  <c r="G27664" i="1"/>
  <c r="G27665" i="1"/>
  <c r="G27666" i="1"/>
  <c r="G27667" i="1"/>
  <c r="G27668" i="1"/>
  <c r="G27669" i="1"/>
  <c r="G27670" i="1"/>
  <c r="G27671" i="1"/>
  <c r="G27672" i="1"/>
  <c r="G27673" i="1"/>
  <c r="G27674" i="1"/>
  <c r="G27675" i="1"/>
  <c r="G27676" i="1"/>
  <c r="G27677" i="1"/>
  <c r="G27678" i="1"/>
  <c r="G27679" i="1"/>
  <c r="G27680" i="1"/>
  <c r="G27681" i="1"/>
  <c r="G27682" i="1"/>
  <c r="G27683" i="1"/>
  <c r="G27684" i="1"/>
  <c r="G27685" i="1"/>
  <c r="G27686" i="1"/>
  <c r="G27687" i="1"/>
  <c r="G27688" i="1"/>
  <c r="G27689" i="1"/>
  <c r="G27690" i="1"/>
  <c r="G27691" i="1"/>
  <c r="G27692" i="1"/>
  <c r="G27693" i="1"/>
  <c r="G27694" i="1"/>
  <c r="G27695" i="1"/>
  <c r="G27696" i="1"/>
  <c r="G27697" i="1"/>
  <c r="G27698" i="1"/>
  <c r="G27699" i="1"/>
  <c r="G27700" i="1"/>
  <c r="G27701" i="1"/>
  <c r="G27702" i="1"/>
  <c r="G27703" i="1"/>
  <c r="G27704" i="1"/>
  <c r="G27705" i="1"/>
  <c r="G27706" i="1"/>
  <c r="G27707" i="1"/>
  <c r="G27708" i="1"/>
  <c r="G27709" i="1"/>
  <c r="G27710" i="1"/>
  <c r="G27711" i="1"/>
  <c r="G27712" i="1"/>
  <c r="G27713" i="1"/>
  <c r="G27714" i="1"/>
  <c r="G27715" i="1"/>
  <c r="G27716" i="1"/>
  <c r="G27717" i="1"/>
  <c r="G27718" i="1"/>
  <c r="G27719" i="1"/>
  <c r="G27720" i="1"/>
  <c r="G27721" i="1"/>
  <c r="G27722" i="1"/>
  <c r="G27723" i="1"/>
  <c r="G27724" i="1"/>
  <c r="G27725" i="1"/>
  <c r="G27726" i="1"/>
  <c r="G27727" i="1"/>
  <c r="G27728" i="1"/>
  <c r="G27729" i="1"/>
  <c r="G27730" i="1"/>
  <c r="G27731" i="1"/>
  <c r="G27732" i="1"/>
  <c r="G27733" i="1"/>
  <c r="G27734" i="1"/>
  <c r="G27735" i="1"/>
  <c r="G27736" i="1"/>
  <c r="G27737" i="1"/>
  <c r="G27738" i="1"/>
  <c r="G27739" i="1"/>
  <c r="G27740" i="1"/>
  <c r="G27741" i="1"/>
  <c r="G27742" i="1"/>
  <c r="G27743" i="1"/>
  <c r="G27744" i="1"/>
  <c r="G27745" i="1"/>
  <c r="G27746" i="1"/>
  <c r="G27747" i="1"/>
  <c r="G27748" i="1"/>
  <c r="G27749" i="1"/>
  <c r="G27750" i="1"/>
  <c r="G27751" i="1"/>
  <c r="G27752" i="1"/>
  <c r="G27753" i="1"/>
  <c r="G27754" i="1"/>
  <c r="G27755" i="1"/>
  <c r="G27756" i="1"/>
  <c r="G27757" i="1"/>
  <c r="G27758" i="1"/>
  <c r="G27759" i="1"/>
  <c r="G27760" i="1"/>
  <c r="G27761" i="1"/>
  <c r="G27762" i="1"/>
  <c r="G27763" i="1"/>
  <c r="G27764" i="1"/>
  <c r="G27765" i="1"/>
  <c r="G27766" i="1"/>
  <c r="G27767" i="1"/>
  <c r="G27768" i="1"/>
  <c r="G27769" i="1"/>
  <c r="G27770" i="1"/>
  <c r="G27771" i="1"/>
  <c r="G27772" i="1"/>
  <c r="G27773" i="1"/>
  <c r="G27774" i="1"/>
  <c r="G27775" i="1"/>
  <c r="G27776" i="1"/>
  <c r="G27777" i="1"/>
  <c r="G27778" i="1"/>
  <c r="G27779" i="1"/>
  <c r="G27780" i="1"/>
  <c r="G27781" i="1"/>
  <c r="G27782" i="1"/>
  <c r="G27783" i="1"/>
  <c r="G27784" i="1"/>
  <c r="G27785" i="1"/>
  <c r="G27786" i="1"/>
  <c r="G27787" i="1"/>
  <c r="G27788" i="1"/>
  <c r="G27789" i="1"/>
  <c r="G27790" i="1"/>
  <c r="G27791" i="1"/>
  <c r="G27792" i="1"/>
  <c r="G27793" i="1"/>
  <c r="G27794" i="1"/>
  <c r="G27795" i="1"/>
  <c r="G27796" i="1"/>
  <c r="G27797" i="1"/>
  <c r="G27798" i="1"/>
  <c r="G27799" i="1"/>
  <c r="G27800" i="1"/>
  <c r="G27801" i="1"/>
  <c r="G27802" i="1"/>
  <c r="G27803" i="1"/>
  <c r="G27804" i="1"/>
  <c r="G27805" i="1"/>
  <c r="G27806" i="1"/>
  <c r="G27807" i="1"/>
  <c r="G27808" i="1"/>
  <c r="G27809" i="1"/>
  <c r="G27810" i="1"/>
  <c r="G27811" i="1"/>
  <c r="G27812" i="1"/>
  <c r="G27813" i="1"/>
  <c r="G27814" i="1"/>
  <c r="G27815" i="1"/>
  <c r="G27816" i="1"/>
  <c r="G27817" i="1"/>
  <c r="G27818" i="1"/>
  <c r="G27819" i="1"/>
  <c r="G27820" i="1"/>
  <c r="G27821" i="1"/>
  <c r="G27822" i="1"/>
  <c r="G27823" i="1"/>
  <c r="G27824" i="1"/>
  <c r="G27825" i="1"/>
  <c r="G27826" i="1"/>
  <c r="G27827" i="1"/>
  <c r="G27828" i="1"/>
  <c r="G27829" i="1"/>
  <c r="G27830" i="1"/>
  <c r="G27831" i="1"/>
  <c r="G27832" i="1"/>
  <c r="G27833" i="1"/>
  <c r="G27834" i="1"/>
  <c r="G27835" i="1"/>
  <c r="G27836" i="1"/>
  <c r="G27837" i="1"/>
  <c r="G27838" i="1"/>
  <c r="G27839" i="1"/>
  <c r="G27840" i="1"/>
  <c r="G27841" i="1"/>
  <c r="G27842" i="1"/>
  <c r="G27843" i="1"/>
  <c r="G27844" i="1"/>
  <c r="G27845" i="1"/>
  <c r="G27846" i="1"/>
  <c r="G27847" i="1"/>
  <c r="G27848" i="1"/>
  <c r="G27849" i="1"/>
  <c r="G27850" i="1"/>
  <c r="G27851" i="1"/>
  <c r="G27852" i="1"/>
  <c r="G27853" i="1"/>
  <c r="G27854" i="1"/>
  <c r="G27855" i="1"/>
  <c r="G27856" i="1"/>
  <c r="G27857" i="1"/>
  <c r="G27858" i="1"/>
  <c r="G27859" i="1"/>
  <c r="G27860" i="1"/>
  <c r="G27861" i="1"/>
  <c r="G27862" i="1"/>
  <c r="G27863" i="1"/>
  <c r="G27864" i="1"/>
  <c r="G27865" i="1"/>
  <c r="G27866" i="1"/>
  <c r="G27867" i="1"/>
  <c r="G27868" i="1"/>
  <c r="G27869" i="1"/>
  <c r="G27870" i="1"/>
  <c r="G27871" i="1"/>
  <c r="G27872" i="1"/>
  <c r="G27873" i="1"/>
  <c r="G27874" i="1"/>
  <c r="G27875" i="1"/>
  <c r="G27876" i="1"/>
  <c r="G27877" i="1"/>
  <c r="G27878" i="1"/>
  <c r="G27879" i="1"/>
  <c r="G27880" i="1"/>
  <c r="G27881" i="1"/>
  <c r="G27882" i="1"/>
  <c r="G27883" i="1"/>
  <c r="G27884" i="1"/>
  <c r="G27885" i="1"/>
  <c r="G27886" i="1"/>
  <c r="G27887" i="1"/>
  <c r="G27888" i="1"/>
  <c r="G27889" i="1"/>
  <c r="G27890" i="1"/>
  <c r="G27891" i="1"/>
  <c r="G27892" i="1"/>
  <c r="G27893" i="1"/>
  <c r="G27894" i="1"/>
  <c r="G27895" i="1"/>
  <c r="G27896" i="1"/>
  <c r="G27897" i="1"/>
  <c r="G27898" i="1"/>
  <c r="G27899" i="1"/>
  <c r="G27900" i="1"/>
  <c r="G27901" i="1"/>
  <c r="G27902" i="1"/>
  <c r="G27903" i="1"/>
  <c r="G27904" i="1"/>
  <c r="G27905" i="1"/>
  <c r="G27906" i="1"/>
  <c r="G27907" i="1"/>
  <c r="G27908" i="1"/>
  <c r="G27909" i="1"/>
  <c r="G27910" i="1"/>
  <c r="G27911" i="1"/>
  <c r="G27912" i="1"/>
  <c r="G27913" i="1"/>
  <c r="G27914" i="1"/>
  <c r="G27915" i="1"/>
  <c r="G27916" i="1"/>
  <c r="G27917" i="1"/>
  <c r="G27918" i="1"/>
  <c r="G27919" i="1"/>
  <c r="G27920" i="1"/>
  <c r="G27921" i="1"/>
  <c r="G27922" i="1"/>
  <c r="G27923" i="1"/>
  <c r="G27924" i="1"/>
  <c r="G27925" i="1"/>
  <c r="G27926" i="1"/>
  <c r="G27927" i="1"/>
  <c r="G27928" i="1"/>
  <c r="G27929" i="1"/>
  <c r="G27930" i="1"/>
  <c r="G27931" i="1"/>
  <c r="G27932" i="1"/>
  <c r="G27933" i="1"/>
  <c r="G27934" i="1"/>
  <c r="G27935" i="1"/>
  <c r="G27936" i="1"/>
  <c r="G27937" i="1"/>
  <c r="G27938" i="1"/>
  <c r="G27939" i="1"/>
  <c r="G27940" i="1"/>
  <c r="G27941" i="1"/>
  <c r="G27942" i="1"/>
  <c r="G27943" i="1"/>
  <c r="G27944" i="1"/>
  <c r="G27945" i="1"/>
  <c r="G27946" i="1"/>
  <c r="G27947" i="1"/>
  <c r="G27948" i="1"/>
  <c r="G27949" i="1"/>
  <c r="G27950" i="1"/>
  <c r="G27951" i="1"/>
  <c r="G27952" i="1"/>
  <c r="G27953" i="1"/>
  <c r="G27954" i="1"/>
  <c r="G27955" i="1"/>
  <c r="G27956" i="1"/>
  <c r="G27957" i="1"/>
  <c r="G27958" i="1"/>
  <c r="G27959" i="1"/>
  <c r="G27960" i="1"/>
  <c r="G27961" i="1"/>
  <c r="G27962" i="1"/>
  <c r="G27963" i="1"/>
  <c r="G27964" i="1"/>
  <c r="G27965" i="1"/>
  <c r="G27966" i="1"/>
  <c r="G27967" i="1"/>
  <c r="G27968" i="1"/>
  <c r="G27969" i="1"/>
  <c r="G27970" i="1"/>
  <c r="G27971" i="1"/>
  <c r="G27972" i="1"/>
  <c r="G27973" i="1"/>
  <c r="G27974" i="1"/>
  <c r="G27975" i="1"/>
  <c r="G27976" i="1"/>
  <c r="G27977" i="1"/>
  <c r="G27978" i="1"/>
  <c r="G27979" i="1"/>
  <c r="G27980" i="1"/>
  <c r="G27981" i="1"/>
  <c r="G27982" i="1"/>
  <c r="G27983" i="1"/>
  <c r="G27984" i="1"/>
  <c r="G27985" i="1"/>
  <c r="G27986" i="1"/>
  <c r="G27987" i="1"/>
  <c r="G27988" i="1"/>
  <c r="G27989" i="1"/>
  <c r="G27990" i="1"/>
  <c r="G27991" i="1"/>
  <c r="G27992" i="1"/>
  <c r="G27993" i="1"/>
  <c r="G27994" i="1"/>
  <c r="G27995" i="1"/>
  <c r="G27996" i="1"/>
  <c r="G27997" i="1"/>
  <c r="G27998" i="1"/>
  <c r="G27999" i="1"/>
  <c r="G28000" i="1"/>
  <c r="G28001" i="1"/>
  <c r="G28002" i="1"/>
  <c r="G28003" i="1"/>
  <c r="G28004" i="1"/>
  <c r="G28005" i="1"/>
  <c r="G28006" i="1"/>
  <c r="G28007" i="1"/>
  <c r="G28008" i="1"/>
  <c r="G28009" i="1"/>
  <c r="G28010" i="1"/>
  <c r="G28011" i="1"/>
  <c r="G28012" i="1"/>
  <c r="G28013" i="1"/>
  <c r="G28014" i="1"/>
  <c r="G28015" i="1"/>
  <c r="G28016" i="1"/>
  <c r="G28017" i="1"/>
  <c r="G28018" i="1"/>
  <c r="G28019" i="1"/>
  <c r="G28020" i="1"/>
  <c r="G28021" i="1"/>
  <c r="G28022" i="1"/>
  <c r="G28023" i="1"/>
  <c r="G28024" i="1"/>
  <c r="G28025" i="1"/>
  <c r="G28026" i="1"/>
  <c r="G28027" i="1"/>
  <c r="G28028" i="1"/>
  <c r="G28029" i="1"/>
  <c r="G28030" i="1"/>
  <c r="G28031" i="1"/>
  <c r="G28032" i="1"/>
  <c r="G28033" i="1"/>
  <c r="G28034" i="1"/>
  <c r="G28035" i="1"/>
  <c r="G28036" i="1"/>
  <c r="G28037" i="1"/>
  <c r="G28038" i="1"/>
  <c r="G28039" i="1"/>
  <c r="G28040" i="1"/>
  <c r="G28041" i="1"/>
  <c r="G28042" i="1"/>
  <c r="G28043" i="1"/>
  <c r="G28044" i="1"/>
  <c r="G28045" i="1"/>
  <c r="G28046" i="1"/>
  <c r="G28047" i="1"/>
  <c r="G28048" i="1"/>
  <c r="G28049" i="1"/>
  <c r="G28050" i="1"/>
  <c r="G28051" i="1"/>
  <c r="G28052" i="1"/>
  <c r="G28053" i="1"/>
  <c r="G28054" i="1"/>
  <c r="G28055" i="1"/>
  <c r="G28056" i="1"/>
  <c r="G28057" i="1"/>
  <c r="G28058" i="1"/>
  <c r="G28059" i="1"/>
  <c r="G28060" i="1"/>
  <c r="G28061" i="1"/>
  <c r="G28062" i="1"/>
  <c r="G28063" i="1"/>
  <c r="G28064" i="1"/>
  <c r="G28065" i="1"/>
  <c r="G28066" i="1"/>
  <c r="G28067" i="1"/>
  <c r="G28068" i="1"/>
  <c r="G28069" i="1"/>
  <c r="G28070" i="1"/>
  <c r="G28071" i="1"/>
  <c r="G28072" i="1"/>
  <c r="G28073" i="1"/>
  <c r="G28074" i="1"/>
  <c r="G28075" i="1"/>
  <c r="G28076" i="1"/>
  <c r="G28077" i="1"/>
  <c r="G28078" i="1"/>
  <c r="G28079" i="1"/>
  <c r="G28080" i="1"/>
  <c r="G28081" i="1"/>
  <c r="G28082" i="1"/>
  <c r="G28083" i="1"/>
  <c r="G28084" i="1"/>
  <c r="G28085" i="1"/>
  <c r="G28086" i="1"/>
  <c r="G28087" i="1"/>
  <c r="G28088" i="1"/>
  <c r="G28089" i="1"/>
  <c r="G28090" i="1"/>
  <c r="G28091" i="1"/>
  <c r="G28092" i="1"/>
  <c r="G28093" i="1"/>
  <c r="G28094" i="1"/>
  <c r="G28095" i="1"/>
  <c r="G28096" i="1"/>
  <c r="G28097" i="1"/>
  <c r="G28098" i="1"/>
  <c r="G28099" i="1"/>
  <c r="G28100" i="1"/>
  <c r="G28101" i="1"/>
  <c r="G28102" i="1"/>
  <c r="G28103" i="1"/>
  <c r="G28104" i="1"/>
  <c r="G28105" i="1"/>
  <c r="G28106" i="1"/>
  <c r="G28107" i="1"/>
  <c r="G28108" i="1"/>
  <c r="G28109" i="1"/>
  <c r="G28110" i="1"/>
  <c r="G28111" i="1"/>
  <c r="G28112" i="1"/>
  <c r="G28113" i="1"/>
  <c r="G28114" i="1"/>
  <c r="G28115" i="1"/>
  <c r="G28116" i="1"/>
  <c r="G28117" i="1"/>
  <c r="G28118" i="1"/>
  <c r="G28119" i="1"/>
  <c r="G28120" i="1"/>
  <c r="G28121" i="1"/>
  <c r="G28122" i="1"/>
  <c r="G28123" i="1"/>
  <c r="G28124" i="1"/>
  <c r="G28125" i="1"/>
  <c r="G28126" i="1"/>
  <c r="G28127" i="1"/>
  <c r="G28128" i="1"/>
  <c r="G28129" i="1"/>
  <c r="G28130" i="1"/>
  <c r="G28131" i="1"/>
  <c r="G28132" i="1"/>
  <c r="G28133" i="1"/>
  <c r="G28134" i="1"/>
  <c r="G28135" i="1"/>
  <c r="G28136" i="1"/>
  <c r="G28137" i="1"/>
  <c r="G28138" i="1"/>
  <c r="G28139" i="1"/>
  <c r="G28140" i="1"/>
  <c r="G28141" i="1"/>
  <c r="G28142" i="1"/>
  <c r="G28143" i="1"/>
  <c r="G28144" i="1"/>
  <c r="G28145" i="1"/>
  <c r="G28146" i="1"/>
  <c r="G28147" i="1"/>
  <c r="G28148" i="1"/>
  <c r="G28149" i="1"/>
  <c r="G28150" i="1"/>
  <c r="G28151" i="1"/>
  <c r="G28152" i="1"/>
  <c r="G28153" i="1"/>
  <c r="G28154" i="1"/>
  <c r="G28155" i="1"/>
  <c r="G28156" i="1"/>
  <c r="G28157" i="1"/>
  <c r="G28158" i="1"/>
  <c r="G28159" i="1"/>
  <c r="G28160" i="1"/>
  <c r="G28161" i="1"/>
  <c r="G28162" i="1"/>
  <c r="G28163" i="1"/>
  <c r="G28164" i="1"/>
  <c r="G28165" i="1"/>
  <c r="G28166" i="1"/>
  <c r="G28167" i="1"/>
  <c r="G28168" i="1"/>
  <c r="G28169" i="1"/>
  <c r="G28170" i="1"/>
  <c r="G28171" i="1"/>
  <c r="G28172" i="1"/>
  <c r="G28173" i="1"/>
  <c r="G28174" i="1"/>
  <c r="G28175" i="1"/>
  <c r="G28176" i="1"/>
  <c r="G28177" i="1"/>
  <c r="G28178" i="1"/>
  <c r="G28179" i="1"/>
  <c r="G28180" i="1"/>
  <c r="G28181" i="1"/>
  <c r="G28182" i="1"/>
  <c r="G28183" i="1"/>
  <c r="G28184" i="1"/>
  <c r="G28185" i="1"/>
  <c r="G28186" i="1"/>
  <c r="G28187" i="1"/>
  <c r="G28188" i="1"/>
  <c r="G28189" i="1"/>
  <c r="G28190" i="1"/>
  <c r="G28191" i="1"/>
  <c r="G28192" i="1"/>
  <c r="G28193" i="1"/>
  <c r="G28194" i="1"/>
  <c r="G28195" i="1"/>
  <c r="G28196" i="1"/>
  <c r="G28197" i="1"/>
  <c r="G28198" i="1"/>
  <c r="G28199" i="1"/>
  <c r="G28200" i="1"/>
  <c r="G28201" i="1"/>
  <c r="G28202" i="1"/>
  <c r="G28203" i="1"/>
  <c r="G28204" i="1"/>
  <c r="G28205" i="1"/>
  <c r="G28206" i="1"/>
  <c r="G28207" i="1"/>
  <c r="G28208" i="1"/>
  <c r="G28209" i="1"/>
  <c r="G28210" i="1"/>
  <c r="G28211" i="1"/>
  <c r="G28212" i="1"/>
  <c r="G28213" i="1"/>
  <c r="G28214" i="1"/>
  <c r="G28215" i="1"/>
  <c r="G28216" i="1"/>
  <c r="G28217" i="1"/>
  <c r="G28218" i="1"/>
  <c r="G28219" i="1"/>
  <c r="G28220" i="1"/>
  <c r="G28221" i="1"/>
  <c r="G28222" i="1"/>
  <c r="G28223" i="1"/>
  <c r="G28224" i="1"/>
  <c r="G28225" i="1"/>
  <c r="G28226" i="1"/>
  <c r="G28227" i="1"/>
  <c r="G28228" i="1"/>
  <c r="G28229" i="1"/>
  <c r="G28230" i="1"/>
  <c r="G28231" i="1"/>
  <c r="G28232" i="1"/>
  <c r="G28233" i="1"/>
  <c r="G28234" i="1"/>
  <c r="G28235" i="1"/>
  <c r="G28236" i="1"/>
  <c r="G28237" i="1"/>
  <c r="G28238" i="1"/>
  <c r="G28239" i="1"/>
  <c r="G28240" i="1"/>
  <c r="G28241" i="1"/>
  <c r="G28242" i="1"/>
  <c r="G28243" i="1"/>
  <c r="G28244" i="1"/>
  <c r="G28245" i="1"/>
  <c r="G28246" i="1"/>
  <c r="G28247" i="1"/>
  <c r="G28248" i="1"/>
  <c r="G28249" i="1"/>
  <c r="G28250" i="1"/>
  <c r="G28251" i="1"/>
  <c r="G28252" i="1"/>
  <c r="G28253" i="1"/>
  <c r="G28254" i="1"/>
  <c r="G28255" i="1"/>
  <c r="G28256" i="1"/>
  <c r="G28257" i="1"/>
  <c r="G28258" i="1"/>
  <c r="G28259" i="1"/>
  <c r="G28260" i="1"/>
  <c r="G28261" i="1"/>
  <c r="G28262" i="1"/>
  <c r="G28263" i="1"/>
  <c r="G28264" i="1"/>
  <c r="G28265" i="1"/>
  <c r="G28266" i="1"/>
  <c r="G28267" i="1"/>
  <c r="G28268" i="1"/>
  <c r="G28269" i="1"/>
  <c r="G28270" i="1"/>
  <c r="G28271" i="1"/>
  <c r="G28272" i="1"/>
  <c r="G28273" i="1"/>
  <c r="G28274" i="1"/>
  <c r="G28275" i="1"/>
  <c r="G28276" i="1"/>
  <c r="G28277" i="1"/>
  <c r="G28278" i="1"/>
  <c r="G28279" i="1"/>
  <c r="G28280" i="1"/>
  <c r="G28281" i="1"/>
  <c r="G28282" i="1"/>
  <c r="G28283" i="1"/>
  <c r="G28284" i="1"/>
  <c r="G28285" i="1"/>
  <c r="G28286" i="1"/>
  <c r="G28287" i="1"/>
  <c r="G28288" i="1"/>
  <c r="G28289" i="1"/>
  <c r="G28290" i="1"/>
  <c r="G28291" i="1"/>
  <c r="G28292" i="1"/>
  <c r="G28293" i="1"/>
  <c r="G28294" i="1"/>
  <c r="G28295" i="1"/>
  <c r="G28296" i="1"/>
  <c r="G28297" i="1"/>
  <c r="G28298" i="1"/>
  <c r="G28299" i="1"/>
  <c r="G28300" i="1"/>
  <c r="G28301" i="1"/>
  <c r="G28302" i="1"/>
  <c r="G28303" i="1"/>
  <c r="G28304" i="1"/>
  <c r="G28305" i="1"/>
  <c r="G28306" i="1"/>
  <c r="G28307" i="1"/>
  <c r="G28308" i="1"/>
  <c r="G28309" i="1"/>
  <c r="G28310" i="1"/>
  <c r="G28311" i="1"/>
  <c r="G28312" i="1"/>
  <c r="G28313" i="1"/>
  <c r="G28314" i="1"/>
  <c r="G28315" i="1"/>
  <c r="G28316" i="1"/>
  <c r="G28317" i="1"/>
  <c r="G28318" i="1"/>
  <c r="G28319" i="1"/>
  <c r="G28320" i="1"/>
  <c r="G28321" i="1"/>
  <c r="G28322" i="1"/>
  <c r="G28323" i="1"/>
  <c r="G28324" i="1"/>
  <c r="G28325" i="1"/>
  <c r="G28326" i="1"/>
  <c r="G28327" i="1"/>
  <c r="G28328" i="1"/>
  <c r="G28329" i="1"/>
  <c r="G28330" i="1"/>
  <c r="G28331" i="1"/>
  <c r="G28332" i="1"/>
  <c r="G28333" i="1"/>
  <c r="G28334" i="1"/>
  <c r="G28335" i="1"/>
  <c r="G28336" i="1"/>
  <c r="G28337" i="1"/>
  <c r="G28338" i="1"/>
  <c r="G28339" i="1"/>
  <c r="G28340" i="1"/>
  <c r="G28341" i="1"/>
  <c r="G28342" i="1"/>
  <c r="G28343" i="1"/>
  <c r="G28344" i="1"/>
  <c r="G28345" i="1"/>
  <c r="G28346" i="1"/>
  <c r="G28347" i="1"/>
  <c r="G28348" i="1"/>
  <c r="G28349" i="1"/>
  <c r="G28350" i="1"/>
  <c r="G28351" i="1"/>
  <c r="G28352" i="1"/>
  <c r="G28353" i="1"/>
  <c r="G28354" i="1"/>
  <c r="G28355" i="1"/>
  <c r="G28356" i="1"/>
  <c r="G28357" i="1"/>
  <c r="G28358" i="1"/>
  <c r="G28359" i="1"/>
  <c r="G28360" i="1"/>
  <c r="G28361" i="1"/>
  <c r="G28362" i="1"/>
  <c r="G28363" i="1"/>
  <c r="G28364" i="1"/>
  <c r="G28365" i="1"/>
  <c r="G28366" i="1"/>
  <c r="G28367" i="1"/>
  <c r="G28368" i="1"/>
  <c r="G28369" i="1"/>
  <c r="G28370" i="1"/>
  <c r="G28371" i="1"/>
  <c r="G28372" i="1"/>
  <c r="G28373" i="1"/>
  <c r="G28374" i="1"/>
  <c r="G28375" i="1"/>
  <c r="G28376" i="1"/>
  <c r="G28377" i="1"/>
  <c r="G28378" i="1"/>
  <c r="G28379" i="1"/>
  <c r="G28380" i="1"/>
  <c r="G28381" i="1"/>
  <c r="G28382" i="1"/>
  <c r="G28383" i="1"/>
  <c r="G28384" i="1"/>
  <c r="G28385" i="1"/>
  <c r="G28386" i="1"/>
  <c r="G28387" i="1"/>
  <c r="G28388" i="1"/>
  <c r="G28389" i="1"/>
  <c r="G28390" i="1"/>
  <c r="G28391" i="1"/>
  <c r="G28392" i="1"/>
  <c r="G28393" i="1"/>
  <c r="G28394" i="1"/>
  <c r="G28395" i="1"/>
  <c r="G28396" i="1"/>
  <c r="G28397" i="1"/>
  <c r="G28398" i="1"/>
  <c r="G28399" i="1"/>
  <c r="G28400" i="1"/>
  <c r="G28401" i="1"/>
  <c r="G28402" i="1"/>
  <c r="G28403" i="1"/>
  <c r="G28404" i="1"/>
  <c r="G28405" i="1"/>
  <c r="G28406" i="1"/>
  <c r="G28407" i="1"/>
  <c r="G28408" i="1"/>
  <c r="G28409" i="1"/>
  <c r="G28410" i="1"/>
  <c r="G28411" i="1"/>
  <c r="G28412" i="1"/>
  <c r="G28413" i="1"/>
  <c r="G28414" i="1"/>
  <c r="G28415" i="1"/>
  <c r="G28416" i="1"/>
  <c r="G28417" i="1"/>
  <c r="G28418" i="1"/>
  <c r="G28419" i="1"/>
  <c r="G28420" i="1"/>
  <c r="G28421" i="1"/>
  <c r="G28422" i="1"/>
  <c r="G28423" i="1"/>
  <c r="G28424" i="1"/>
  <c r="G28425" i="1"/>
  <c r="G28426" i="1"/>
  <c r="G28427" i="1"/>
  <c r="G28428" i="1"/>
  <c r="G28429" i="1"/>
  <c r="G28430" i="1"/>
  <c r="G28431" i="1"/>
  <c r="G28432" i="1"/>
  <c r="G28433" i="1"/>
  <c r="G28434" i="1"/>
  <c r="G28435" i="1"/>
  <c r="G28436" i="1"/>
  <c r="G28437" i="1"/>
  <c r="G28438" i="1"/>
  <c r="G28439" i="1"/>
  <c r="G28440" i="1"/>
  <c r="G28441" i="1"/>
  <c r="G28442" i="1"/>
  <c r="G28443" i="1"/>
  <c r="G28444" i="1"/>
  <c r="G28445" i="1"/>
  <c r="G28446" i="1"/>
  <c r="G28447" i="1"/>
  <c r="G28448" i="1"/>
  <c r="G28449" i="1"/>
  <c r="G28450" i="1"/>
  <c r="G28451" i="1"/>
  <c r="G28452" i="1"/>
  <c r="G28453" i="1"/>
  <c r="G28454" i="1"/>
  <c r="G28455" i="1"/>
  <c r="G28456" i="1"/>
  <c r="G28457" i="1"/>
  <c r="G28458" i="1"/>
  <c r="G28459" i="1"/>
  <c r="G28460" i="1"/>
  <c r="G28461" i="1"/>
  <c r="G28462" i="1"/>
  <c r="G28463" i="1"/>
  <c r="G28464" i="1"/>
  <c r="G28465" i="1"/>
  <c r="G28466" i="1"/>
  <c r="G28467" i="1"/>
  <c r="G28468" i="1"/>
  <c r="G28469" i="1"/>
  <c r="G28470" i="1"/>
  <c r="G28471" i="1"/>
  <c r="G28472" i="1"/>
  <c r="G28473" i="1"/>
  <c r="G28474" i="1"/>
  <c r="G28475" i="1"/>
  <c r="G28476" i="1"/>
  <c r="G28477" i="1"/>
  <c r="G28478" i="1"/>
  <c r="G28479" i="1"/>
  <c r="G28480" i="1"/>
  <c r="G28481" i="1"/>
  <c r="G28482" i="1"/>
  <c r="G28483" i="1"/>
  <c r="G28484" i="1"/>
  <c r="G28485" i="1"/>
  <c r="G28486" i="1"/>
  <c r="G28487" i="1"/>
  <c r="G28488" i="1"/>
  <c r="G28489" i="1"/>
  <c r="G28490" i="1"/>
  <c r="G28491" i="1"/>
  <c r="G28492" i="1"/>
  <c r="G28493" i="1"/>
  <c r="G28494" i="1"/>
  <c r="G28495" i="1"/>
  <c r="G28496" i="1"/>
  <c r="G28497" i="1"/>
  <c r="G28498" i="1"/>
  <c r="G28499" i="1"/>
  <c r="G28500" i="1"/>
  <c r="G28501" i="1"/>
  <c r="G28502" i="1"/>
  <c r="G28503" i="1"/>
  <c r="G28504" i="1"/>
  <c r="G28505" i="1"/>
  <c r="G28506" i="1"/>
  <c r="G28507" i="1"/>
  <c r="G28508" i="1"/>
  <c r="G28509" i="1"/>
  <c r="G28510" i="1"/>
  <c r="G28511" i="1"/>
  <c r="G28512" i="1"/>
  <c r="G28513" i="1"/>
  <c r="G28514" i="1"/>
  <c r="G28515" i="1"/>
  <c r="G28516" i="1"/>
  <c r="G28517" i="1"/>
  <c r="G28518" i="1"/>
  <c r="G28519" i="1"/>
  <c r="G28520" i="1"/>
  <c r="G28521" i="1"/>
  <c r="G28522" i="1"/>
  <c r="G28523" i="1"/>
  <c r="G28524" i="1"/>
  <c r="G28525" i="1"/>
  <c r="G28526" i="1"/>
  <c r="G28527" i="1"/>
  <c r="G28528" i="1"/>
  <c r="G28529" i="1"/>
  <c r="G28530" i="1"/>
  <c r="G28531" i="1"/>
  <c r="G28532" i="1"/>
  <c r="G28533" i="1"/>
  <c r="G28534" i="1"/>
  <c r="G28535" i="1"/>
  <c r="G28536" i="1"/>
  <c r="G28537" i="1"/>
  <c r="G28538" i="1"/>
  <c r="G28539" i="1"/>
  <c r="G28540" i="1"/>
  <c r="G28541" i="1"/>
  <c r="G28542" i="1"/>
  <c r="G28543" i="1"/>
  <c r="G28544" i="1"/>
  <c r="G28545" i="1"/>
  <c r="G28546" i="1"/>
  <c r="G28547" i="1"/>
  <c r="G28548" i="1"/>
  <c r="G28549" i="1"/>
  <c r="G28550" i="1"/>
  <c r="G28551" i="1"/>
  <c r="G28552" i="1"/>
  <c r="G28553" i="1"/>
  <c r="G28554" i="1"/>
  <c r="G28555" i="1"/>
  <c r="G28556" i="1"/>
  <c r="G28557" i="1"/>
  <c r="G28558" i="1"/>
  <c r="G28559" i="1"/>
  <c r="G28560" i="1"/>
  <c r="G28561" i="1"/>
  <c r="G28562" i="1"/>
  <c r="G28563" i="1"/>
  <c r="G28564" i="1"/>
  <c r="G28565" i="1"/>
  <c r="G28566" i="1"/>
  <c r="G28567" i="1"/>
  <c r="G28568" i="1"/>
  <c r="G28569" i="1"/>
  <c r="G28570" i="1"/>
  <c r="G28571" i="1"/>
  <c r="G28572" i="1"/>
  <c r="G28573" i="1"/>
  <c r="G28574" i="1"/>
  <c r="G28575" i="1"/>
  <c r="G28576" i="1"/>
  <c r="G28577" i="1"/>
  <c r="G28578" i="1"/>
  <c r="G28579" i="1"/>
  <c r="G28580" i="1"/>
  <c r="G28581" i="1"/>
  <c r="G28582" i="1"/>
  <c r="G28583" i="1"/>
  <c r="G28584" i="1"/>
  <c r="G28585" i="1"/>
  <c r="G28586" i="1"/>
  <c r="G28587" i="1"/>
  <c r="G28588" i="1"/>
  <c r="G28589" i="1"/>
  <c r="G28590" i="1"/>
  <c r="G28591" i="1"/>
  <c r="G28592" i="1"/>
  <c r="G28593" i="1"/>
  <c r="G28594" i="1"/>
  <c r="G28595" i="1"/>
  <c r="G28596" i="1"/>
  <c r="G28597" i="1"/>
  <c r="G28598" i="1"/>
  <c r="G28599" i="1"/>
  <c r="G28600" i="1"/>
  <c r="G28601" i="1"/>
  <c r="G28602" i="1"/>
  <c r="G28603" i="1"/>
  <c r="G28604" i="1"/>
  <c r="G28605" i="1"/>
  <c r="G28606" i="1"/>
  <c r="G28607" i="1"/>
  <c r="G28608" i="1"/>
  <c r="G28609" i="1"/>
  <c r="G28610" i="1"/>
  <c r="G28611" i="1"/>
  <c r="G28612" i="1"/>
  <c r="G28613" i="1"/>
  <c r="G28614" i="1"/>
  <c r="G28615" i="1"/>
  <c r="G28616" i="1"/>
  <c r="G28617" i="1"/>
  <c r="G28618" i="1"/>
  <c r="G28619" i="1"/>
  <c r="G28620" i="1"/>
  <c r="G28621" i="1"/>
  <c r="G28622" i="1"/>
  <c r="G28623" i="1"/>
  <c r="G28624" i="1"/>
  <c r="G28625" i="1"/>
  <c r="G28626" i="1"/>
  <c r="G28627" i="1"/>
  <c r="G28628" i="1"/>
  <c r="G28629" i="1"/>
  <c r="G28630" i="1"/>
  <c r="G28631" i="1"/>
  <c r="G28632" i="1"/>
  <c r="G28633" i="1"/>
  <c r="G28634" i="1"/>
  <c r="G28635" i="1"/>
  <c r="G28636" i="1"/>
  <c r="G28637" i="1"/>
  <c r="G28638" i="1"/>
  <c r="G28639" i="1"/>
  <c r="G28640" i="1"/>
  <c r="G28641" i="1"/>
  <c r="G28642" i="1"/>
  <c r="G28643" i="1"/>
  <c r="G28644" i="1"/>
  <c r="G28645" i="1"/>
  <c r="G28646" i="1"/>
  <c r="G28647" i="1"/>
  <c r="G28648" i="1"/>
  <c r="G28649" i="1"/>
  <c r="G28650" i="1"/>
  <c r="G28651" i="1"/>
  <c r="G28652" i="1"/>
  <c r="G28653" i="1"/>
  <c r="G28654" i="1"/>
  <c r="G28655" i="1"/>
  <c r="G28656" i="1"/>
  <c r="G28657" i="1"/>
  <c r="G28658" i="1"/>
  <c r="G28659" i="1"/>
  <c r="G28660" i="1"/>
  <c r="G28661" i="1"/>
  <c r="G28662" i="1"/>
  <c r="G28663" i="1"/>
  <c r="G28664" i="1"/>
  <c r="G28665" i="1"/>
  <c r="G28666" i="1"/>
  <c r="G28667" i="1"/>
  <c r="G28668" i="1"/>
  <c r="G28669" i="1"/>
  <c r="G28670" i="1"/>
  <c r="G28671" i="1"/>
  <c r="G28672" i="1"/>
  <c r="G28673" i="1"/>
  <c r="G28674" i="1"/>
  <c r="G28675" i="1"/>
  <c r="G28676" i="1"/>
  <c r="G28677" i="1"/>
  <c r="G28678" i="1"/>
  <c r="G28679" i="1"/>
  <c r="G28680" i="1"/>
  <c r="G28681" i="1"/>
  <c r="G28682" i="1"/>
  <c r="G28683" i="1"/>
  <c r="G28684" i="1"/>
  <c r="G28685" i="1"/>
  <c r="G28686" i="1"/>
  <c r="G28687" i="1"/>
  <c r="G28688" i="1"/>
  <c r="G28689" i="1"/>
  <c r="G28690" i="1"/>
  <c r="G28691" i="1"/>
  <c r="G28692" i="1"/>
  <c r="G28693" i="1"/>
  <c r="G28694" i="1"/>
  <c r="G28695" i="1"/>
  <c r="G28696" i="1"/>
  <c r="G28697" i="1"/>
  <c r="G28698" i="1"/>
  <c r="G28699" i="1"/>
  <c r="G28700" i="1"/>
  <c r="G28701" i="1"/>
  <c r="G28702" i="1"/>
  <c r="G28703" i="1"/>
  <c r="G28704" i="1"/>
  <c r="G28705" i="1"/>
  <c r="G28706" i="1"/>
  <c r="G28707" i="1"/>
  <c r="G28708" i="1"/>
  <c r="G28709" i="1"/>
  <c r="G28710" i="1"/>
  <c r="G28711" i="1"/>
  <c r="G28712" i="1"/>
  <c r="G28713" i="1"/>
  <c r="G28714" i="1"/>
  <c r="G28715" i="1"/>
  <c r="G28716" i="1"/>
  <c r="G28717" i="1"/>
  <c r="G28718" i="1"/>
  <c r="G28719" i="1"/>
  <c r="G28720" i="1"/>
  <c r="G28721" i="1"/>
  <c r="G28722" i="1"/>
  <c r="G28723" i="1"/>
  <c r="G28724" i="1"/>
  <c r="G28725" i="1"/>
  <c r="G28726" i="1"/>
  <c r="G28727" i="1"/>
  <c r="G28728" i="1"/>
  <c r="G28729" i="1"/>
  <c r="G28730" i="1"/>
  <c r="G28731" i="1"/>
  <c r="G28732" i="1"/>
  <c r="G28733" i="1"/>
  <c r="G28734" i="1"/>
  <c r="G28735" i="1"/>
  <c r="G28736" i="1"/>
  <c r="G28737" i="1"/>
  <c r="G28738" i="1"/>
  <c r="G28739" i="1"/>
  <c r="G28740" i="1"/>
  <c r="G28741" i="1"/>
  <c r="G28742" i="1"/>
  <c r="G28743" i="1"/>
  <c r="G28744" i="1"/>
  <c r="G28745" i="1"/>
  <c r="G28746" i="1"/>
  <c r="G28747" i="1"/>
  <c r="G28748" i="1"/>
  <c r="G28749" i="1"/>
  <c r="G28750" i="1"/>
  <c r="G28751" i="1"/>
  <c r="G28752" i="1"/>
  <c r="G28753" i="1"/>
  <c r="G28754" i="1"/>
  <c r="G28755" i="1"/>
  <c r="G28756" i="1"/>
  <c r="G28757" i="1"/>
  <c r="G28758" i="1"/>
  <c r="G28759" i="1"/>
  <c r="G28760" i="1"/>
  <c r="G28761" i="1"/>
  <c r="G28762" i="1"/>
  <c r="G28763" i="1"/>
  <c r="G28764" i="1"/>
  <c r="G28765" i="1"/>
  <c r="G28766" i="1"/>
  <c r="G28767" i="1"/>
  <c r="G28768" i="1"/>
  <c r="G28769" i="1"/>
  <c r="G28770" i="1"/>
  <c r="G28771" i="1"/>
  <c r="G28772" i="1"/>
  <c r="G28773" i="1"/>
  <c r="G28774" i="1"/>
  <c r="G28775" i="1"/>
  <c r="G28776" i="1"/>
  <c r="G28777" i="1"/>
  <c r="G28778" i="1"/>
  <c r="G28779" i="1"/>
  <c r="G28780" i="1"/>
  <c r="G28781" i="1"/>
  <c r="G28782" i="1"/>
  <c r="G28783" i="1"/>
  <c r="G28784" i="1"/>
  <c r="G28785" i="1"/>
  <c r="G28786" i="1"/>
  <c r="G28787" i="1"/>
  <c r="G28788" i="1"/>
  <c r="G28789" i="1"/>
  <c r="G28790" i="1"/>
  <c r="G28791" i="1"/>
  <c r="G28792" i="1"/>
  <c r="G28793" i="1"/>
  <c r="G28794" i="1"/>
  <c r="G28795" i="1"/>
  <c r="G28796" i="1"/>
  <c r="G28797" i="1"/>
  <c r="G28798" i="1"/>
  <c r="G28799" i="1"/>
  <c r="G28800" i="1"/>
  <c r="G28801" i="1"/>
  <c r="G28802" i="1"/>
  <c r="G28803" i="1"/>
  <c r="G28804" i="1"/>
  <c r="G28805" i="1"/>
  <c r="G28806" i="1"/>
  <c r="G28807" i="1"/>
  <c r="G28808" i="1"/>
  <c r="G28809" i="1"/>
  <c r="G28810" i="1"/>
  <c r="G28811" i="1"/>
  <c r="G28812" i="1"/>
  <c r="G28813" i="1"/>
  <c r="G28814" i="1"/>
  <c r="G28815" i="1"/>
  <c r="G28816" i="1"/>
  <c r="G28817" i="1"/>
  <c r="G28818" i="1"/>
  <c r="G28819" i="1"/>
  <c r="G28820" i="1"/>
  <c r="G28821" i="1"/>
  <c r="G28822" i="1"/>
  <c r="G28823" i="1"/>
  <c r="G28824" i="1"/>
  <c r="G28825" i="1"/>
  <c r="G28826" i="1"/>
  <c r="G28827" i="1"/>
  <c r="G28828" i="1"/>
  <c r="G28829" i="1"/>
  <c r="G28830" i="1"/>
  <c r="G28831" i="1"/>
  <c r="G28832" i="1"/>
  <c r="G28833" i="1"/>
  <c r="G28834" i="1"/>
  <c r="G28835" i="1"/>
  <c r="G28836" i="1"/>
  <c r="G28837" i="1"/>
  <c r="G28838" i="1"/>
  <c r="G28839" i="1"/>
  <c r="G28840" i="1"/>
  <c r="G28841" i="1"/>
  <c r="G28842" i="1"/>
  <c r="G28843" i="1"/>
  <c r="G28844" i="1"/>
  <c r="G28845" i="1"/>
  <c r="G28846" i="1"/>
  <c r="G28847" i="1"/>
  <c r="G28848" i="1"/>
  <c r="G28849" i="1"/>
  <c r="G28850" i="1"/>
  <c r="G28851" i="1"/>
  <c r="G28852" i="1"/>
  <c r="G28853" i="1"/>
  <c r="G28854" i="1"/>
  <c r="G28855" i="1"/>
  <c r="G28856" i="1"/>
  <c r="G28857" i="1"/>
  <c r="G28858" i="1"/>
  <c r="G28859" i="1"/>
  <c r="G28860" i="1"/>
  <c r="G28861" i="1"/>
  <c r="G28862" i="1"/>
  <c r="G28863" i="1"/>
  <c r="G28864" i="1"/>
  <c r="G28865" i="1"/>
  <c r="G28866" i="1"/>
  <c r="G28867" i="1"/>
  <c r="G28868" i="1"/>
  <c r="G28869" i="1"/>
  <c r="G28870" i="1"/>
  <c r="G28871" i="1"/>
  <c r="G28872" i="1"/>
  <c r="G28873" i="1"/>
  <c r="G28874" i="1"/>
  <c r="G28875" i="1"/>
  <c r="G28876" i="1"/>
  <c r="G28877" i="1"/>
  <c r="G28878" i="1"/>
  <c r="G28879" i="1"/>
  <c r="G28880" i="1"/>
  <c r="G28881" i="1"/>
  <c r="G28882" i="1"/>
  <c r="G28883" i="1"/>
  <c r="G28884" i="1"/>
  <c r="G28885" i="1"/>
  <c r="G28886" i="1"/>
  <c r="G28887" i="1"/>
  <c r="G28888" i="1"/>
  <c r="G28889" i="1"/>
  <c r="G28890" i="1"/>
  <c r="G28891" i="1"/>
  <c r="G28892" i="1"/>
  <c r="G28893" i="1"/>
  <c r="G28894" i="1"/>
  <c r="G28895" i="1"/>
  <c r="G28896" i="1"/>
  <c r="G28897" i="1"/>
  <c r="G28898" i="1"/>
  <c r="G28899" i="1"/>
  <c r="G28900" i="1"/>
  <c r="G28901" i="1"/>
  <c r="G28902" i="1"/>
  <c r="G28903" i="1"/>
  <c r="G28904" i="1"/>
  <c r="G28905" i="1"/>
  <c r="G28906" i="1"/>
  <c r="G28907" i="1"/>
  <c r="G28908" i="1"/>
  <c r="G28909" i="1"/>
  <c r="G28910" i="1"/>
  <c r="G28911" i="1"/>
  <c r="G28912" i="1"/>
  <c r="G28913" i="1"/>
  <c r="G28914" i="1"/>
  <c r="G28915" i="1"/>
  <c r="G28916" i="1"/>
  <c r="G28917" i="1"/>
  <c r="G28918" i="1"/>
  <c r="G28919" i="1"/>
  <c r="G28920" i="1"/>
  <c r="G28921" i="1"/>
  <c r="G28922" i="1"/>
  <c r="G28923" i="1"/>
  <c r="G28924" i="1"/>
  <c r="G28925" i="1"/>
  <c r="G28926" i="1"/>
  <c r="G28927" i="1"/>
  <c r="G28928" i="1"/>
  <c r="G28929" i="1"/>
  <c r="G28930" i="1"/>
  <c r="G28931" i="1"/>
  <c r="G28932" i="1"/>
  <c r="G28933" i="1"/>
  <c r="G28934" i="1"/>
  <c r="G28935" i="1"/>
  <c r="G28936" i="1"/>
  <c r="G28937" i="1"/>
  <c r="G28938" i="1"/>
  <c r="G28939" i="1"/>
  <c r="G28940" i="1"/>
  <c r="G28941" i="1"/>
  <c r="G28942" i="1"/>
  <c r="G28943" i="1"/>
  <c r="G28944" i="1"/>
  <c r="G28945" i="1"/>
  <c r="G28946" i="1"/>
  <c r="G28947" i="1"/>
  <c r="G28948" i="1"/>
  <c r="G28949" i="1"/>
  <c r="G28950" i="1"/>
  <c r="G28951" i="1"/>
  <c r="G28952" i="1"/>
  <c r="G28953" i="1"/>
  <c r="G28954" i="1"/>
  <c r="G28955" i="1"/>
  <c r="G28956" i="1"/>
  <c r="G28957" i="1"/>
  <c r="G28958" i="1"/>
  <c r="G28959" i="1"/>
  <c r="G28960" i="1"/>
  <c r="G28961" i="1"/>
  <c r="G28962" i="1"/>
  <c r="G28963" i="1"/>
  <c r="G28964" i="1"/>
  <c r="G28965" i="1"/>
  <c r="G28966" i="1"/>
  <c r="G28967" i="1"/>
  <c r="G28968" i="1"/>
  <c r="G28969" i="1"/>
  <c r="G28970" i="1"/>
  <c r="G28971" i="1"/>
  <c r="G28972" i="1"/>
  <c r="G28973" i="1"/>
  <c r="G28974" i="1"/>
  <c r="G28975" i="1"/>
  <c r="G28976" i="1"/>
  <c r="G28977" i="1"/>
  <c r="G28978" i="1"/>
  <c r="G28979" i="1"/>
  <c r="G28980" i="1"/>
  <c r="G28981" i="1"/>
  <c r="G28982" i="1"/>
  <c r="G28983" i="1"/>
  <c r="G28984" i="1"/>
  <c r="G28985" i="1"/>
  <c r="G28986" i="1"/>
  <c r="G28987" i="1"/>
  <c r="G28988" i="1"/>
  <c r="G28989" i="1"/>
  <c r="G28990" i="1"/>
  <c r="G28991" i="1"/>
  <c r="G28992" i="1"/>
  <c r="G28993" i="1"/>
  <c r="G28994" i="1"/>
  <c r="G28995" i="1"/>
  <c r="G28996" i="1"/>
  <c r="G28997" i="1"/>
  <c r="G28998" i="1"/>
  <c r="G28999" i="1"/>
  <c r="G29000" i="1"/>
  <c r="G29001" i="1"/>
  <c r="G29002" i="1"/>
  <c r="G29003" i="1"/>
  <c r="G29004" i="1"/>
  <c r="G29005" i="1"/>
  <c r="G29006" i="1"/>
  <c r="G29007" i="1"/>
  <c r="G29008" i="1"/>
  <c r="G29009" i="1"/>
  <c r="G29010" i="1"/>
  <c r="G29011" i="1"/>
  <c r="G29012" i="1"/>
  <c r="G29013" i="1"/>
  <c r="G29014" i="1"/>
  <c r="G29015" i="1"/>
  <c r="G29016" i="1"/>
  <c r="G29017" i="1"/>
  <c r="G29018" i="1"/>
  <c r="G29019" i="1"/>
  <c r="G29020" i="1"/>
  <c r="G29021" i="1"/>
  <c r="G29022" i="1"/>
  <c r="G29023" i="1"/>
  <c r="G29024" i="1"/>
  <c r="G29025" i="1"/>
  <c r="G29026" i="1"/>
  <c r="G29027" i="1"/>
  <c r="G29028" i="1"/>
  <c r="G29029" i="1"/>
  <c r="G29030" i="1"/>
  <c r="G29031" i="1"/>
  <c r="G29032" i="1"/>
  <c r="G29033" i="1"/>
  <c r="G29034" i="1"/>
  <c r="G29035" i="1"/>
  <c r="G29036" i="1"/>
  <c r="G29037" i="1"/>
  <c r="G29038" i="1"/>
  <c r="G29039" i="1"/>
  <c r="G29040" i="1"/>
  <c r="G29041" i="1"/>
  <c r="G29042" i="1"/>
  <c r="G29043" i="1"/>
  <c r="G29044" i="1"/>
  <c r="G29045" i="1"/>
  <c r="G29046" i="1"/>
  <c r="G29047" i="1"/>
  <c r="G29048" i="1"/>
  <c r="G29049" i="1"/>
  <c r="G29050" i="1"/>
  <c r="G29051" i="1"/>
  <c r="G29052" i="1"/>
  <c r="G29053" i="1"/>
  <c r="G29054" i="1"/>
  <c r="G29055" i="1"/>
  <c r="G29056" i="1"/>
  <c r="G29057" i="1"/>
  <c r="G29058" i="1"/>
  <c r="G29059" i="1"/>
  <c r="G29060" i="1"/>
  <c r="G29061" i="1"/>
  <c r="G29062" i="1"/>
  <c r="G29063" i="1"/>
  <c r="G29064" i="1"/>
  <c r="G29065" i="1"/>
  <c r="G29066" i="1"/>
  <c r="G29067" i="1"/>
  <c r="G29068" i="1"/>
  <c r="G29069" i="1"/>
  <c r="G29070" i="1"/>
  <c r="G29071" i="1"/>
  <c r="G29072" i="1"/>
  <c r="G29073" i="1"/>
  <c r="G29074" i="1"/>
  <c r="G29075" i="1"/>
  <c r="G29076" i="1"/>
  <c r="G29077" i="1"/>
  <c r="G29078" i="1"/>
  <c r="G29079" i="1"/>
  <c r="G29080" i="1"/>
  <c r="G29081" i="1"/>
  <c r="G29082" i="1"/>
  <c r="G29083" i="1"/>
  <c r="G29084" i="1"/>
  <c r="G29085" i="1"/>
  <c r="G29086" i="1"/>
  <c r="G29087" i="1"/>
  <c r="G29088" i="1"/>
  <c r="G29089" i="1"/>
  <c r="G29090" i="1"/>
  <c r="G29091" i="1"/>
  <c r="G29092" i="1"/>
  <c r="G29093" i="1"/>
  <c r="G29094" i="1"/>
  <c r="G29095" i="1"/>
  <c r="G29096" i="1"/>
  <c r="G29097" i="1"/>
  <c r="G29098" i="1"/>
  <c r="G29099" i="1"/>
  <c r="G29100" i="1"/>
  <c r="G29101" i="1"/>
  <c r="G29102" i="1"/>
  <c r="G29103" i="1"/>
  <c r="G29104" i="1"/>
  <c r="G29105" i="1"/>
  <c r="G29106" i="1"/>
  <c r="G29107" i="1"/>
  <c r="G29108" i="1"/>
  <c r="G29109" i="1"/>
  <c r="G29110" i="1"/>
  <c r="G29111" i="1"/>
  <c r="G29112" i="1"/>
  <c r="G29113" i="1"/>
  <c r="G29114" i="1"/>
  <c r="G29115" i="1"/>
  <c r="G29116" i="1"/>
  <c r="G29117" i="1"/>
  <c r="G29118" i="1"/>
  <c r="G29119" i="1"/>
  <c r="G29120" i="1"/>
  <c r="G29121" i="1"/>
  <c r="G29122" i="1"/>
  <c r="G29123" i="1"/>
  <c r="G29124" i="1"/>
  <c r="G29125" i="1"/>
  <c r="G29126" i="1"/>
  <c r="G29127" i="1"/>
  <c r="G29128" i="1"/>
  <c r="G29129" i="1"/>
  <c r="G29130" i="1"/>
  <c r="G29131" i="1"/>
  <c r="G29132" i="1"/>
  <c r="G29133" i="1"/>
  <c r="G29134" i="1"/>
  <c r="G29135" i="1"/>
  <c r="G29136" i="1"/>
  <c r="G29137" i="1"/>
  <c r="G29138" i="1"/>
  <c r="G29139" i="1"/>
  <c r="G29140" i="1"/>
  <c r="G29141" i="1"/>
  <c r="G29142" i="1"/>
  <c r="G29143" i="1"/>
  <c r="G29144" i="1"/>
  <c r="G29145" i="1"/>
  <c r="G29146" i="1"/>
  <c r="G29147" i="1"/>
  <c r="G29148" i="1"/>
  <c r="G29149" i="1"/>
  <c r="G29150" i="1"/>
  <c r="G29151" i="1"/>
  <c r="G29152" i="1"/>
  <c r="G29153" i="1"/>
  <c r="G29154" i="1"/>
  <c r="G29155" i="1"/>
  <c r="G29156" i="1"/>
  <c r="G29157" i="1"/>
  <c r="G29158" i="1"/>
  <c r="G29159" i="1"/>
  <c r="G29160" i="1"/>
  <c r="G29161" i="1"/>
  <c r="G29162" i="1"/>
  <c r="G29163" i="1"/>
  <c r="G29164" i="1"/>
  <c r="G29165" i="1"/>
  <c r="G29166" i="1"/>
  <c r="G29167" i="1"/>
  <c r="G29168" i="1"/>
  <c r="G29169" i="1"/>
  <c r="G29170" i="1"/>
  <c r="G29171" i="1"/>
  <c r="G29172" i="1"/>
  <c r="G29173" i="1"/>
  <c r="G29174" i="1"/>
  <c r="G29175" i="1"/>
  <c r="G29176" i="1"/>
  <c r="G29177" i="1"/>
  <c r="G29178" i="1"/>
  <c r="G29179" i="1"/>
  <c r="G29180" i="1"/>
  <c r="G29181" i="1"/>
  <c r="G29182" i="1"/>
  <c r="G29183" i="1"/>
  <c r="G29184" i="1"/>
  <c r="G29185" i="1"/>
  <c r="G29186" i="1"/>
  <c r="G29187" i="1"/>
  <c r="G29188" i="1"/>
  <c r="G29189" i="1"/>
  <c r="G29190" i="1"/>
  <c r="G29191" i="1"/>
  <c r="G29192" i="1"/>
  <c r="G29193" i="1"/>
  <c r="G29194" i="1"/>
  <c r="G29195" i="1"/>
  <c r="G29196" i="1"/>
  <c r="G29197" i="1"/>
  <c r="G29198" i="1"/>
  <c r="G29199" i="1"/>
  <c r="G29200" i="1"/>
  <c r="G29201" i="1"/>
  <c r="G29202" i="1"/>
  <c r="G29203" i="1"/>
  <c r="G29204" i="1"/>
  <c r="G29205" i="1"/>
  <c r="G29206" i="1"/>
  <c r="G29207" i="1"/>
  <c r="G29208" i="1"/>
  <c r="G29209" i="1"/>
  <c r="G29210" i="1"/>
  <c r="G29211" i="1"/>
  <c r="G29212" i="1"/>
  <c r="G29213" i="1"/>
  <c r="G29214" i="1"/>
  <c r="G29215" i="1"/>
  <c r="G29216" i="1"/>
  <c r="G29217" i="1"/>
  <c r="G29218" i="1"/>
  <c r="G29219" i="1"/>
  <c r="G29220" i="1"/>
  <c r="G29221" i="1"/>
  <c r="G29222" i="1"/>
  <c r="G29223" i="1"/>
  <c r="G29224" i="1"/>
  <c r="G29225" i="1"/>
  <c r="G29226" i="1"/>
  <c r="G29227" i="1"/>
  <c r="G29228" i="1"/>
  <c r="G29229" i="1"/>
  <c r="G29230" i="1"/>
  <c r="G29231" i="1"/>
  <c r="G29232" i="1"/>
  <c r="G29233" i="1"/>
  <c r="G29234" i="1"/>
  <c r="G29235" i="1"/>
  <c r="G29236" i="1"/>
  <c r="G29237" i="1"/>
  <c r="G29238" i="1"/>
  <c r="G29239" i="1"/>
  <c r="G29240" i="1"/>
  <c r="G29241" i="1"/>
  <c r="G29242" i="1"/>
  <c r="G29243" i="1"/>
  <c r="G29244" i="1"/>
  <c r="G29245" i="1"/>
  <c r="G29246" i="1"/>
  <c r="G29247" i="1"/>
  <c r="G29248" i="1"/>
  <c r="G29249" i="1"/>
  <c r="G29250" i="1"/>
  <c r="G29251" i="1"/>
  <c r="G29252" i="1"/>
  <c r="G29253" i="1"/>
  <c r="G29254" i="1"/>
  <c r="G29255" i="1"/>
  <c r="G29256" i="1"/>
  <c r="G29257" i="1"/>
  <c r="G29258" i="1"/>
  <c r="G29259" i="1"/>
  <c r="G29260" i="1"/>
  <c r="G29261" i="1"/>
  <c r="G29262" i="1"/>
  <c r="G29263" i="1"/>
  <c r="G29264" i="1"/>
  <c r="G29265" i="1"/>
  <c r="G29266" i="1"/>
  <c r="G29267" i="1"/>
  <c r="G29268" i="1"/>
  <c r="G29269" i="1"/>
  <c r="G29270" i="1"/>
  <c r="G29271" i="1"/>
  <c r="G29272" i="1"/>
  <c r="G29273" i="1"/>
  <c r="G29274" i="1"/>
  <c r="G29275" i="1"/>
  <c r="G29276" i="1"/>
  <c r="G29277" i="1"/>
  <c r="G29278" i="1"/>
  <c r="G29279" i="1"/>
  <c r="G29280" i="1"/>
  <c r="G29281" i="1"/>
  <c r="G29282" i="1"/>
  <c r="G29283" i="1"/>
  <c r="G29284" i="1"/>
  <c r="G29285" i="1"/>
  <c r="G29286" i="1"/>
  <c r="G29287" i="1"/>
  <c r="G29288" i="1"/>
  <c r="G29289" i="1"/>
  <c r="G29290" i="1"/>
  <c r="G29291" i="1"/>
  <c r="G29292" i="1"/>
  <c r="G29293" i="1"/>
  <c r="G29294" i="1"/>
  <c r="G29295" i="1"/>
  <c r="G29296" i="1"/>
  <c r="G29297" i="1"/>
  <c r="G29298" i="1"/>
  <c r="G29299" i="1"/>
  <c r="G29300" i="1"/>
  <c r="G29301" i="1"/>
  <c r="G29302" i="1"/>
  <c r="G29303" i="1"/>
  <c r="G29304" i="1"/>
  <c r="G29305" i="1"/>
  <c r="G29306" i="1"/>
  <c r="G29307" i="1"/>
  <c r="G29308" i="1"/>
  <c r="G29309" i="1"/>
  <c r="G29310" i="1"/>
  <c r="G29311" i="1"/>
  <c r="G29312" i="1"/>
  <c r="G29313" i="1"/>
  <c r="G29314" i="1"/>
  <c r="G29315" i="1"/>
  <c r="G29316" i="1"/>
  <c r="G29317" i="1"/>
  <c r="G29318" i="1"/>
  <c r="G29319" i="1"/>
  <c r="G29320" i="1"/>
  <c r="G29321" i="1"/>
  <c r="G29322" i="1"/>
  <c r="G29323" i="1"/>
  <c r="G29324" i="1"/>
  <c r="G29325" i="1"/>
  <c r="G29326" i="1"/>
  <c r="G29327" i="1"/>
  <c r="G29328" i="1"/>
  <c r="G29329" i="1"/>
  <c r="G29330" i="1"/>
  <c r="G29331" i="1"/>
  <c r="G29332" i="1"/>
  <c r="G29333" i="1"/>
  <c r="G29334" i="1"/>
  <c r="G29335" i="1"/>
  <c r="G29336" i="1"/>
  <c r="G29337" i="1"/>
  <c r="G29338" i="1"/>
  <c r="G29339" i="1"/>
  <c r="G29340" i="1"/>
  <c r="G29341" i="1"/>
  <c r="G29342" i="1"/>
  <c r="G29343" i="1"/>
  <c r="G29344" i="1"/>
  <c r="G29345" i="1"/>
  <c r="G29346" i="1"/>
  <c r="G29347" i="1"/>
  <c r="G29348" i="1"/>
  <c r="G29349" i="1"/>
  <c r="G29350" i="1"/>
  <c r="G29351" i="1"/>
  <c r="G29352" i="1"/>
  <c r="G29353" i="1"/>
  <c r="G29354" i="1"/>
  <c r="G29355" i="1"/>
  <c r="G29356" i="1"/>
  <c r="G29357" i="1"/>
  <c r="G29358" i="1"/>
  <c r="G29359" i="1"/>
  <c r="G29360" i="1"/>
  <c r="G29361" i="1"/>
  <c r="G29362" i="1"/>
  <c r="G29363" i="1"/>
  <c r="G29364" i="1"/>
  <c r="G29365" i="1"/>
  <c r="G29366" i="1"/>
  <c r="G29367" i="1"/>
  <c r="G29368" i="1"/>
  <c r="G29369" i="1"/>
  <c r="G29370" i="1"/>
  <c r="G29371" i="1"/>
  <c r="G29372" i="1"/>
  <c r="G29373" i="1"/>
  <c r="G29374" i="1"/>
  <c r="G29375" i="1"/>
  <c r="G29376" i="1"/>
  <c r="G29377" i="1"/>
  <c r="G29378" i="1"/>
  <c r="G29379" i="1"/>
  <c r="G29380" i="1"/>
  <c r="G29381" i="1"/>
  <c r="G29382" i="1"/>
  <c r="G29383" i="1"/>
  <c r="G29384" i="1"/>
  <c r="G29385" i="1"/>
  <c r="G29386" i="1"/>
  <c r="G29387" i="1"/>
  <c r="G29388" i="1"/>
  <c r="G29389" i="1"/>
  <c r="G29390" i="1"/>
  <c r="G29391" i="1"/>
  <c r="G29392" i="1"/>
  <c r="G29393" i="1"/>
  <c r="G29394" i="1"/>
  <c r="G29395" i="1"/>
  <c r="G29396" i="1"/>
  <c r="G29397" i="1"/>
  <c r="G29398" i="1"/>
  <c r="G29399" i="1"/>
  <c r="G29400" i="1"/>
  <c r="G29401" i="1"/>
  <c r="G29402" i="1"/>
  <c r="G29403" i="1"/>
  <c r="G29404" i="1"/>
  <c r="G29405" i="1"/>
  <c r="G29406" i="1"/>
  <c r="G29407" i="1"/>
  <c r="G29408" i="1"/>
  <c r="G29409" i="1"/>
  <c r="G29410" i="1"/>
  <c r="G29411" i="1"/>
  <c r="G29412" i="1"/>
  <c r="G29413" i="1"/>
  <c r="G29414" i="1"/>
  <c r="G29415" i="1"/>
  <c r="G29416" i="1"/>
  <c r="G29417" i="1"/>
  <c r="G29418" i="1"/>
  <c r="G29419" i="1"/>
  <c r="G29420" i="1"/>
  <c r="G29421" i="1"/>
  <c r="G29422" i="1"/>
  <c r="G29423" i="1"/>
  <c r="G29424" i="1"/>
  <c r="G29425" i="1"/>
  <c r="G29426" i="1"/>
  <c r="G29427" i="1"/>
  <c r="G29428" i="1"/>
  <c r="G29429" i="1"/>
  <c r="G29430" i="1"/>
  <c r="G29431" i="1"/>
  <c r="G29432" i="1"/>
  <c r="G29433" i="1"/>
  <c r="G29434" i="1"/>
  <c r="G29435" i="1"/>
  <c r="G29436" i="1"/>
  <c r="G29437" i="1"/>
  <c r="G29438" i="1"/>
  <c r="G29439" i="1"/>
  <c r="G29440" i="1"/>
  <c r="G29441" i="1"/>
  <c r="G29442" i="1"/>
  <c r="G29443" i="1"/>
  <c r="G29444" i="1"/>
  <c r="G29445" i="1"/>
  <c r="G29446" i="1"/>
  <c r="G29447" i="1"/>
  <c r="G29448" i="1"/>
  <c r="G29449" i="1"/>
  <c r="G29450" i="1"/>
  <c r="G29451" i="1"/>
  <c r="G29452" i="1"/>
  <c r="G29453" i="1"/>
  <c r="G29454" i="1"/>
  <c r="G29455" i="1"/>
  <c r="G29456" i="1"/>
  <c r="G29457" i="1"/>
  <c r="G29458" i="1"/>
  <c r="G29459" i="1"/>
  <c r="G29460" i="1"/>
  <c r="G29461" i="1"/>
  <c r="G29462" i="1"/>
  <c r="G29463" i="1"/>
  <c r="G29464" i="1"/>
  <c r="G29465" i="1"/>
  <c r="G29466" i="1"/>
  <c r="G29467" i="1"/>
  <c r="G29468" i="1"/>
  <c r="G29469" i="1"/>
  <c r="G29470" i="1"/>
  <c r="G29471" i="1"/>
  <c r="G29472" i="1"/>
  <c r="G29473" i="1"/>
  <c r="G29474" i="1"/>
  <c r="G29475" i="1"/>
  <c r="G29476" i="1"/>
  <c r="G29477" i="1"/>
  <c r="G29478" i="1"/>
  <c r="G29479" i="1"/>
  <c r="G29480" i="1"/>
  <c r="G29481" i="1"/>
  <c r="G29482" i="1"/>
  <c r="G29483" i="1"/>
  <c r="G29484" i="1"/>
  <c r="G29485" i="1"/>
  <c r="G29486" i="1"/>
  <c r="G29487" i="1"/>
  <c r="G29488" i="1"/>
  <c r="G29489" i="1"/>
  <c r="G29490" i="1"/>
  <c r="G29491" i="1"/>
  <c r="G29492" i="1"/>
  <c r="G29493" i="1"/>
  <c r="G29494" i="1"/>
  <c r="G29495" i="1"/>
  <c r="G29496" i="1"/>
  <c r="G29497" i="1"/>
  <c r="G29498" i="1"/>
  <c r="G29499" i="1"/>
  <c r="G29500" i="1"/>
  <c r="G29501" i="1"/>
  <c r="G29502" i="1"/>
  <c r="G29503" i="1"/>
  <c r="G29504" i="1"/>
  <c r="G29505" i="1"/>
  <c r="G29506" i="1"/>
  <c r="G29507" i="1"/>
  <c r="G29508" i="1"/>
  <c r="G29509" i="1"/>
  <c r="G29510" i="1"/>
  <c r="G29511" i="1"/>
  <c r="G29512" i="1"/>
  <c r="G29513" i="1"/>
  <c r="G29514" i="1"/>
  <c r="G29515" i="1"/>
  <c r="G29516" i="1"/>
  <c r="G29517" i="1"/>
  <c r="G29518" i="1"/>
  <c r="G29519" i="1"/>
  <c r="G29520" i="1"/>
  <c r="G29521" i="1"/>
  <c r="G29522" i="1"/>
  <c r="G29523" i="1"/>
  <c r="G29524" i="1"/>
  <c r="G29525" i="1"/>
  <c r="G29526" i="1"/>
  <c r="G29527" i="1"/>
  <c r="G29528" i="1"/>
  <c r="G29529" i="1"/>
  <c r="G29530" i="1"/>
  <c r="G29531" i="1"/>
  <c r="G29532" i="1"/>
  <c r="G29533" i="1"/>
  <c r="G29534" i="1"/>
  <c r="G29535" i="1"/>
  <c r="G29536" i="1"/>
  <c r="G29537" i="1"/>
  <c r="G29538" i="1"/>
  <c r="G29539" i="1"/>
  <c r="G29540" i="1"/>
  <c r="G29541" i="1"/>
  <c r="G29542" i="1"/>
  <c r="G29543" i="1"/>
  <c r="G29544" i="1"/>
  <c r="G29545" i="1"/>
  <c r="G29546" i="1"/>
  <c r="G29547" i="1"/>
  <c r="G29548" i="1"/>
  <c r="G29549" i="1"/>
  <c r="G29550" i="1"/>
  <c r="G29551" i="1"/>
  <c r="G29552" i="1"/>
  <c r="G29553" i="1"/>
  <c r="G29554" i="1"/>
  <c r="G29555" i="1"/>
  <c r="G29556" i="1"/>
  <c r="G29557" i="1"/>
  <c r="G29558" i="1"/>
  <c r="G29559" i="1"/>
  <c r="G29560" i="1"/>
  <c r="G29561" i="1"/>
  <c r="G29562" i="1"/>
  <c r="G29563" i="1"/>
  <c r="G29564" i="1"/>
  <c r="G29565" i="1"/>
  <c r="G29566" i="1"/>
  <c r="G29567" i="1"/>
  <c r="G29568" i="1"/>
  <c r="G29569" i="1"/>
  <c r="G29570" i="1"/>
  <c r="G29571" i="1"/>
  <c r="G29572" i="1"/>
  <c r="G29573" i="1"/>
  <c r="G29574" i="1"/>
  <c r="G29575" i="1"/>
  <c r="G29576" i="1"/>
  <c r="G29577" i="1"/>
  <c r="G29578" i="1"/>
  <c r="G29579" i="1"/>
  <c r="G29580" i="1"/>
  <c r="G29581" i="1"/>
  <c r="G29582" i="1"/>
  <c r="G29583" i="1"/>
  <c r="G29584" i="1"/>
  <c r="G29585" i="1"/>
  <c r="G29586" i="1"/>
  <c r="G29587" i="1"/>
  <c r="G29588" i="1"/>
  <c r="G29589" i="1"/>
  <c r="G29590" i="1"/>
  <c r="G29591" i="1"/>
  <c r="G29592" i="1"/>
  <c r="G29593" i="1"/>
  <c r="G29594" i="1"/>
  <c r="G29595" i="1"/>
  <c r="G29596" i="1"/>
  <c r="G29597" i="1"/>
  <c r="G29598" i="1"/>
  <c r="G29599" i="1"/>
  <c r="G29600" i="1"/>
  <c r="G29601" i="1"/>
  <c r="G29602" i="1"/>
  <c r="G29603" i="1"/>
  <c r="G29604" i="1"/>
  <c r="G29605" i="1"/>
  <c r="G29606" i="1"/>
  <c r="G29607" i="1"/>
  <c r="G29608" i="1"/>
  <c r="G29609" i="1"/>
  <c r="G29610" i="1"/>
  <c r="G29611" i="1"/>
  <c r="G29612" i="1"/>
  <c r="G29613" i="1"/>
  <c r="G29614" i="1"/>
  <c r="G29615" i="1"/>
  <c r="G29616" i="1"/>
  <c r="G29617" i="1"/>
  <c r="G29618" i="1"/>
  <c r="G29619" i="1"/>
  <c r="G29620" i="1"/>
  <c r="G29621" i="1"/>
  <c r="G29622" i="1"/>
  <c r="G29623" i="1"/>
  <c r="G29624" i="1"/>
  <c r="G29625" i="1"/>
  <c r="G29626" i="1"/>
  <c r="G29627" i="1"/>
  <c r="G29628" i="1"/>
  <c r="G29629" i="1"/>
  <c r="G29630" i="1"/>
  <c r="G29631" i="1"/>
  <c r="G29632" i="1"/>
  <c r="G29633" i="1"/>
  <c r="G29634" i="1"/>
  <c r="G29635" i="1"/>
  <c r="G29636" i="1"/>
  <c r="G29637" i="1"/>
  <c r="G29638" i="1"/>
  <c r="G29639" i="1"/>
  <c r="G29640" i="1"/>
  <c r="G29641" i="1"/>
  <c r="G29642" i="1"/>
  <c r="G29643" i="1"/>
  <c r="G29644" i="1"/>
  <c r="G29645" i="1"/>
  <c r="G29646" i="1"/>
  <c r="G29647" i="1"/>
  <c r="G29648" i="1"/>
  <c r="G29649" i="1"/>
  <c r="G29650" i="1"/>
  <c r="G29651" i="1"/>
  <c r="G29652" i="1"/>
  <c r="G29653" i="1"/>
  <c r="G29654" i="1"/>
  <c r="G29655" i="1"/>
  <c r="G29656" i="1"/>
  <c r="G29657" i="1"/>
  <c r="G29658" i="1"/>
  <c r="G29659" i="1"/>
  <c r="G29660" i="1"/>
  <c r="G29661" i="1"/>
  <c r="G29662" i="1"/>
  <c r="G29663" i="1"/>
  <c r="G29664" i="1"/>
  <c r="G29665" i="1"/>
  <c r="G29666" i="1"/>
  <c r="G29667" i="1"/>
  <c r="G29668" i="1"/>
  <c r="G29669" i="1"/>
  <c r="G29670" i="1"/>
  <c r="G29671" i="1"/>
  <c r="G29672" i="1"/>
  <c r="G29673" i="1"/>
  <c r="G29674" i="1"/>
  <c r="G29675" i="1"/>
  <c r="G29676" i="1"/>
  <c r="G29677" i="1"/>
  <c r="G29678" i="1"/>
  <c r="G29679" i="1"/>
  <c r="G29680" i="1"/>
  <c r="G29681" i="1"/>
  <c r="G29682" i="1"/>
  <c r="G29683" i="1"/>
  <c r="G29684" i="1"/>
  <c r="G29685" i="1"/>
  <c r="G29686" i="1"/>
  <c r="G29687" i="1"/>
  <c r="G29688" i="1"/>
  <c r="G29689" i="1"/>
  <c r="G29690" i="1"/>
  <c r="G29691" i="1"/>
  <c r="G29692" i="1"/>
  <c r="G29693" i="1"/>
  <c r="G29694" i="1"/>
  <c r="G29695" i="1"/>
  <c r="G29696" i="1"/>
  <c r="G29697" i="1"/>
  <c r="G29698" i="1"/>
  <c r="G29699" i="1"/>
  <c r="G29700" i="1"/>
  <c r="G29701" i="1"/>
  <c r="G29702" i="1"/>
  <c r="G29703" i="1"/>
  <c r="G29704" i="1"/>
  <c r="G29705" i="1"/>
  <c r="G29706" i="1"/>
  <c r="G29707" i="1"/>
  <c r="G29708" i="1"/>
  <c r="G29709" i="1"/>
  <c r="G29710" i="1"/>
  <c r="G29711" i="1"/>
  <c r="G29712" i="1"/>
  <c r="G29713" i="1"/>
  <c r="G29714" i="1"/>
  <c r="G29715" i="1"/>
  <c r="G29716" i="1"/>
  <c r="G29717" i="1"/>
  <c r="G29718" i="1"/>
  <c r="G29719" i="1"/>
  <c r="G29720" i="1"/>
  <c r="G29721" i="1"/>
  <c r="G29722" i="1"/>
  <c r="G29723" i="1"/>
  <c r="G29724" i="1"/>
  <c r="G29725" i="1"/>
  <c r="G29726" i="1"/>
  <c r="G29727" i="1"/>
  <c r="G29728" i="1"/>
  <c r="G29729" i="1"/>
  <c r="G29730" i="1"/>
  <c r="G29731" i="1"/>
  <c r="G29732" i="1"/>
  <c r="G29733" i="1"/>
  <c r="G29734" i="1"/>
  <c r="G29735" i="1"/>
  <c r="G29736" i="1"/>
  <c r="G29737" i="1"/>
  <c r="G29738" i="1"/>
  <c r="G29739" i="1"/>
  <c r="G29740" i="1"/>
  <c r="G29741" i="1"/>
  <c r="G29742" i="1"/>
  <c r="G29743" i="1"/>
  <c r="G29744" i="1"/>
  <c r="G29745" i="1"/>
  <c r="G29746" i="1"/>
  <c r="G29747" i="1"/>
  <c r="G29748" i="1"/>
  <c r="G29749" i="1"/>
  <c r="G29750" i="1"/>
  <c r="G29751" i="1"/>
  <c r="G29752" i="1"/>
  <c r="G29753" i="1"/>
  <c r="G29754" i="1"/>
  <c r="G29755" i="1"/>
  <c r="G29756" i="1"/>
  <c r="G29757" i="1"/>
  <c r="G29758" i="1"/>
  <c r="G29759" i="1"/>
  <c r="G29760" i="1"/>
  <c r="G29761" i="1"/>
  <c r="G29762" i="1"/>
  <c r="G29763" i="1"/>
  <c r="G29764" i="1"/>
  <c r="G29765" i="1"/>
  <c r="G29766" i="1"/>
  <c r="G29767" i="1"/>
  <c r="G29768" i="1"/>
  <c r="G29769" i="1"/>
  <c r="G29770" i="1"/>
  <c r="G29771" i="1"/>
  <c r="G29772" i="1"/>
  <c r="G29773" i="1"/>
  <c r="G29774" i="1"/>
  <c r="G29775" i="1"/>
  <c r="G29776" i="1"/>
  <c r="G29777" i="1"/>
  <c r="G29778" i="1"/>
  <c r="G29779" i="1"/>
  <c r="G29780" i="1"/>
  <c r="G29781" i="1"/>
  <c r="G29782" i="1"/>
  <c r="G29783" i="1"/>
  <c r="G29784" i="1"/>
  <c r="G29785" i="1"/>
  <c r="G29786" i="1"/>
  <c r="G29787" i="1"/>
  <c r="G29788" i="1"/>
  <c r="G29789" i="1"/>
  <c r="G29790" i="1"/>
  <c r="G29791" i="1"/>
  <c r="G29792" i="1"/>
  <c r="G29793" i="1"/>
  <c r="G29794" i="1"/>
  <c r="G29795" i="1"/>
  <c r="G29796" i="1"/>
  <c r="G29797" i="1"/>
  <c r="G29798" i="1"/>
  <c r="G29799" i="1"/>
  <c r="G29800" i="1"/>
  <c r="G29801" i="1"/>
  <c r="G29802" i="1"/>
  <c r="G29803" i="1"/>
  <c r="G29804" i="1"/>
  <c r="G29805" i="1"/>
  <c r="G29806" i="1"/>
  <c r="G29807" i="1"/>
  <c r="G29808" i="1"/>
  <c r="G29809" i="1"/>
  <c r="G29810" i="1"/>
  <c r="G29811" i="1"/>
  <c r="G29812" i="1"/>
  <c r="G29813" i="1"/>
  <c r="G29814" i="1"/>
  <c r="G29815" i="1"/>
  <c r="G29816" i="1"/>
  <c r="G29817" i="1"/>
  <c r="G29818" i="1"/>
  <c r="G29819" i="1"/>
  <c r="G29820" i="1"/>
  <c r="G29821" i="1"/>
  <c r="G29822" i="1"/>
  <c r="G29823" i="1"/>
  <c r="G29824" i="1"/>
  <c r="G29825" i="1"/>
  <c r="G29826" i="1"/>
  <c r="G29827" i="1"/>
  <c r="G29828" i="1"/>
  <c r="G29829" i="1"/>
  <c r="G29830" i="1"/>
  <c r="G29831" i="1"/>
  <c r="G29832" i="1"/>
  <c r="G29833" i="1"/>
  <c r="G29834" i="1"/>
  <c r="G29835" i="1"/>
  <c r="G29836" i="1"/>
  <c r="G29837" i="1"/>
  <c r="G29838" i="1"/>
  <c r="G29839" i="1"/>
  <c r="G29840" i="1"/>
  <c r="G29841" i="1"/>
  <c r="G29842" i="1"/>
  <c r="G29843" i="1"/>
  <c r="G29844" i="1"/>
  <c r="G29845" i="1"/>
  <c r="G29846" i="1"/>
  <c r="G29847" i="1"/>
  <c r="G29848" i="1"/>
  <c r="G29849" i="1"/>
  <c r="G29850" i="1"/>
  <c r="G29851" i="1"/>
  <c r="G29852" i="1"/>
  <c r="G29853" i="1"/>
  <c r="G29854" i="1"/>
  <c r="G29855" i="1"/>
  <c r="G29856" i="1"/>
  <c r="G29857" i="1"/>
  <c r="G29858" i="1"/>
  <c r="G29859" i="1"/>
  <c r="G29860" i="1"/>
  <c r="G29861" i="1"/>
  <c r="G29862" i="1"/>
  <c r="G29863" i="1"/>
  <c r="G29864" i="1"/>
  <c r="G29865" i="1"/>
  <c r="G29866" i="1"/>
  <c r="G29867" i="1"/>
  <c r="G29868" i="1"/>
  <c r="G29869" i="1"/>
  <c r="G29870" i="1"/>
  <c r="G29871" i="1"/>
  <c r="G29872" i="1"/>
  <c r="G29873" i="1"/>
  <c r="G29874" i="1"/>
  <c r="G29875" i="1"/>
  <c r="G29876" i="1"/>
  <c r="G29877" i="1"/>
  <c r="G29878" i="1"/>
  <c r="G29879" i="1"/>
  <c r="G29880" i="1"/>
  <c r="G29881" i="1"/>
  <c r="G29882" i="1"/>
  <c r="G29883" i="1"/>
  <c r="G29884" i="1"/>
  <c r="G29885" i="1"/>
  <c r="G29886" i="1"/>
  <c r="G29887" i="1"/>
  <c r="G29888" i="1"/>
  <c r="G29889" i="1"/>
  <c r="G29890" i="1"/>
  <c r="G29891" i="1"/>
  <c r="G29892" i="1"/>
  <c r="G29893" i="1"/>
  <c r="G29894" i="1"/>
  <c r="G29895" i="1"/>
  <c r="G29896" i="1"/>
  <c r="G29897" i="1"/>
  <c r="G29898" i="1"/>
  <c r="G29899" i="1"/>
  <c r="G29900" i="1"/>
  <c r="G29901" i="1"/>
  <c r="G29902" i="1"/>
  <c r="G29903" i="1"/>
  <c r="G29904" i="1"/>
  <c r="G29905" i="1"/>
  <c r="G29906" i="1"/>
  <c r="G29907" i="1"/>
  <c r="G29908" i="1"/>
  <c r="G29909" i="1"/>
  <c r="G29910" i="1"/>
  <c r="G29911" i="1"/>
  <c r="G29912" i="1"/>
  <c r="G29913" i="1"/>
  <c r="G29914" i="1"/>
  <c r="G29915" i="1"/>
  <c r="G29916" i="1"/>
  <c r="G29917" i="1"/>
  <c r="G29918" i="1"/>
  <c r="G29919" i="1"/>
  <c r="G29920" i="1"/>
  <c r="G29921" i="1"/>
  <c r="G29922" i="1"/>
  <c r="G29923" i="1"/>
  <c r="G29924" i="1"/>
  <c r="G29925" i="1"/>
  <c r="G29926" i="1"/>
  <c r="G29927" i="1"/>
  <c r="G29928" i="1"/>
  <c r="G29929" i="1"/>
  <c r="G29930" i="1"/>
  <c r="G29931" i="1"/>
  <c r="G29932" i="1"/>
  <c r="G29933" i="1"/>
  <c r="G29934" i="1"/>
  <c r="G29935" i="1"/>
  <c r="G29936" i="1"/>
  <c r="G29937" i="1"/>
  <c r="G29938" i="1"/>
  <c r="G29939" i="1"/>
  <c r="G29940" i="1"/>
  <c r="G29941" i="1"/>
  <c r="G29942" i="1"/>
  <c r="G29943" i="1"/>
  <c r="G29944" i="1"/>
  <c r="G29945" i="1"/>
  <c r="G29946" i="1"/>
  <c r="G29947" i="1"/>
  <c r="G29948" i="1"/>
  <c r="G29949" i="1"/>
  <c r="G29950" i="1"/>
  <c r="G29951" i="1"/>
  <c r="G29952" i="1"/>
  <c r="G29953" i="1"/>
  <c r="G29954" i="1"/>
  <c r="G29955" i="1"/>
  <c r="G29956" i="1"/>
  <c r="G29957" i="1"/>
  <c r="G29958" i="1"/>
  <c r="G29959" i="1"/>
  <c r="G29960" i="1"/>
  <c r="G29961" i="1"/>
  <c r="G29962" i="1"/>
  <c r="G29963" i="1"/>
  <c r="G29964" i="1"/>
  <c r="G29965" i="1"/>
  <c r="G29966" i="1"/>
  <c r="G29967" i="1"/>
  <c r="G29968" i="1"/>
  <c r="G29969" i="1"/>
  <c r="G29970" i="1"/>
  <c r="G29971" i="1"/>
  <c r="G29972" i="1"/>
  <c r="G29973" i="1"/>
  <c r="G29974" i="1"/>
  <c r="G29975" i="1"/>
  <c r="G29976" i="1"/>
  <c r="G29977" i="1"/>
  <c r="G29978" i="1"/>
  <c r="G29979" i="1"/>
  <c r="G29980" i="1"/>
  <c r="G29981" i="1"/>
  <c r="G29982" i="1"/>
  <c r="G29983" i="1"/>
  <c r="G29984" i="1"/>
  <c r="G29985" i="1"/>
  <c r="G29986" i="1"/>
  <c r="G29987" i="1"/>
  <c r="G29988" i="1"/>
  <c r="G29989" i="1"/>
  <c r="G29990" i="1"/>
  <c r="G29991" i="1"/>
  <c r="G29992" i="1"/>
  <c r="G29993" i="1"/>
  <c r="G29994" i="1"/>
  <c r="G29995" i="1"/>
  <c r="G29996" i="1"/>
  <c r="G29997" i="1"/>
  <c r="G29998" i="1"/>
  <c r="G29999" i="1"/>
  <c r="G30000" i="1"/>
  <c r="G30001" i="1"/>
  <c r="G30002" i="1"/>
  <c r="G30003" i="1"/>
  <c r="G30004" i="1"/>
  <c r="G30005" i="1"/>
  <c r="G30006" i="1"/>
  <c r="G30007" i="1"/>
  <c r="G30008" i="1"/>
  <c r="G30009" i="1"/>
  <c r="G30010" i="1"/>
  <c r="G30011" i="1"/>
  <c r="G30012" i="1"/>
  <c r="G30013" i="1"/>
  <c r="G30014" i="1"/>
  <c r="G30015" i="1"/>
  <c r="G30016" i="1"/>
  <c r="G30017" i="1"/>
  <c r="G30018" i="1"/>
  <c r="G30019" i="1"/>
  <c r="G30020" i="1"/>
  <c r="G30021" i="1"/>
  <c r="G30022" i="1"/>
  <c r="G30023" i="1"/>
  <c r="G30024" i="1"/>
  <c r="G30025" i="1"/>
  <c r="G30026" i="1"/>
  <c r="G30027" i="1"/>
  <c r="G30028" i="1"/>
  <c r="G30029" i="1"/>
  <c r="G30030" i="1"/>
  <c r="G30031" i="1"/>
  <c r="G30032" i="1"/>
  <c r="G30033" i="1"/>
  <c r="G30034" i="1"/>
  <c r="G30035" i="1"/>
  <c r="G30036" i="1"/>
  <c r="G30037" i="1"/>
  <c r="G30038" i="1"/>
  <c r="G30039" i="1"/>
  <c r="G30040" i="1"/>
  <c r="G30041" i="1"/>
  <c r="G30042" i="1"/>
  <c r="G30043" i="1"/>
  <c r="G30044" i="1"/>
  <c r="G30045" i="1"/>
  <c r="G30046" i="1"/>
  <c r="G30047" i="1"/>
  <c r="G30048" i="1"/>
  <c r="G30049" i="1"/>
  <c r="G30050" i="1"/>
  <c r="G30051" i="1"/>
  <c r="G30052" i="1"/>
  <c r="G30053" i="1"/>
  <c r="G30054" i="1"/>
  <c r="G30055" i="1"/>
  <c r="G30056" i="1"/>
  <c r="G30057" i="1"/>
  <c r="G30058" i="1"/>
  <c r="G30059" i="1"/>
  <c r="G30060" i="1"/>
  <c r="G30061" i="1"/>
  <c r="G30062" i="1"/>
  <c r="G30063" i="1"/>
  <c r="G30064" i="1"/>
  <c r="G30065" i="1"/>
  <c r="G30066" i="1"/>
  <c r="G30067" i="1"/>
  <c r="G30068" i="1"/>
  <c r="G30069" i="1"/>
  <c r="G30070" i="1"/>
  <c r="G30071" i="1"/>
  <c r="G30072" i="1"/>
  <c r="G30073" i="1"/>
  <c r="G30074" i="1"/>
  <c r="G30075" i="1"/>
  <c r="G30076" i="1"/>
  <c r="G30077" i="1"/>
  <c r="G30078" i="1"/>
  <c r="G30079" i="1"/>
  <c r="G30080" i="1"/>
  <c r="G30081" i="1"/>
  <c r="G30082" i="1"/>
  <c r="G30083" i="1"/>
  <c r="G30084" i="1"/>
  <c r="G30085" i="1"/>
  <c r="G30086" i="1"/>
  <c r="G30087" i="1"/>
  <c r="G30088" i="1"/>
  <c r="G30089" i="1"/>
  <c r="G30090" i="1"/>
  <c r="G30091" i="1"/>
  <c r="G30092" i="1"/>
  <c r="G30093" i="1"/>
  <c r="G30094" i="1"/>
  <c r="G30095" i="1"/>
  <c r="G30096" i="1"/>
  <c r="G30097" i="1"/>
  <c r="G30098" i="1"/>
  <c r="G30099" i="1"/>
  <c r="G30100" i="1"/>
  <c r="G30101" i="1"/>
  <c r="G30102" i="1"/>
  <c r="G30103" i="1"/>
  <c r="G30104" i="1"/>
  <c r="G30105" i="1"/>
  <c r="G30106" i="1"/>
  <c r="G30107" i="1"/>
  <c r="G30108" i="1"/>
  <c r="G30109" i="1"/>
  <c r="G30110" i="1"/>
  <c r="G30111" i="1"/>
  <c r="G30112" i="1"/>
  <c r="G30113" i="1"/>
  <c r="G30114" i="1"/>
  <c r="G30115" i="1"/>
  <c r="G30116" i="1"/>
  <c r="G30117" i="1"/>
  <c r="G30118" i="1"/>
  <c r="G30119" i="1"/>
  <c r="G30120" i="1"/>
  <c r="G30121" i="1"/>
  <c r="G30122" i="1"/>
  <c r="G30123" i="1"/>
  <c r="G30124" i="1"/>
  <c r="G30125" i="1"/>
  <c r="G30126" i="1"/>
  <c r="G30127" i="1"/>
  <c r="G30128" i="1"/>
  <c r="G30129" i="1"/>
  <c r="G30130" i="1"/>
  <c r="G30131" i="1"/>
  <c r="G30132" i="1"/>
  <c r="G30133" i="1"/>
  <c r="G30134" i="1"/>
  <c r="G30135" i="1"/>
  <c r="G30136" i="1"/>
  <c r="G30137" i="1"/>
  <c r="G30138" i="1"/>
  <c r="G30139" i="1"/>
  <c r="G30140" i="1"/>
  <c r="G30141" i="1"/>
  <c r="G30142" i="1"/>
  <c r="G30143" i="1"/>
  <c r="G30144" i="1"/>
  <c r="G30145" i="1"/>
  <c r="G30146" i="1"/>
  <c r="G30147" i="1"/>
  <c r="G30148" i="1"/>
  <c r="G30149" i="1"/>
  <c r="G30150" i="1"/>
  <c r="G30151" i="1"/>
  <c r="G30152" i="1"/>
  <c r="G30153" i="1"/>
  <c r="G30154" i="1"/>
  <c r="G30155" i="1"/>
  <c r="G30156" i="1"/>
  <c r="G30157" i="1"/>
  <c r="G30158" i="1"/>
  <c r="G30159" i="1"/>
  <c r="G30160" i="1"/>
  <c r="G30161" i="1"/>
  <c r="G30162" i="1"/>
  <c r="G30163" i="1"/>
  <c r="G30164" i="1"/>
  <c r="G30165" i="1"/>
  <c r="G30166" i="1"/>
  <c r="G30167" i="1"/>
  <c r="G30168" i="1"/>
  <c r="G30169" i="1"/>
  <c r="G30170" i="1"/>
  <c r="G30171" i="1"/>
  <c r="G30172" i="1"/>
  <c r="G30173" i="1"/>
  <c r="G30174" i="1"/>
  <c r="G30175" i="1"/>
  <c r="G30176" i="1"/>
  <c r="G30177" i="1"/>
  <c r="G30178" i="1"/>
  <c r="G30179" i="1"/>
  <c r="G30180" i="1"/>
  <c r="G30181" i="1"/>
  <c r="G30182" i="1"/>
  <c r="G30183" i="1"/>
  <c r="G30184" i="1"/>
  <c r="G30185" i="1"/>
  <c r="G30186" i="1"/>
  <c r="G30187" i="1"/>
  <c r="G30188" i="1"/>
  <c r="G30189" i="1"/>
  <c r="G30190" i="1"/>
  <c r="G30191" i="1"/>
  <c r="G30192" i="1"/>
  <c r="G30193" i="1"/>
  <c r="G30194" i="1"/>
  <c r="G30195" i="1"/>
  <c r="G30196" i="1"/>
  <c r="G30197" i="1"/>
  <c r="G30198" i="1"/>
  <c r="G30199" i="1"/>
  <c r="G30200" i="1"/>
  <c r="G30201" i="1"/>
  <c r="G30202" i="1"/>
  <c r="G30203" i="1"/>
  <c r="G30204" i="1"/>
  <c r="G30205" i="1"/>
  <c r="G30206" i="1"/>
  <c r="G30207" i="1"/>
  <c r="G30208" i="1"/>
  <c r="G30209" i="1"/>
  <c r="G30210" i="1"/>
  <c r="G30211" i="1"/>
  <c r="G30212" i="1"/>
  <c r="G30213" i="1"/>
  <c r="G30214" i="1"/>
  <c r="G30215" i="1"/>
  <c r="G30216" i="1"/>
  <c r="G30217" i="1"/>
  <c r="G30218" i="1"/>
  <c r="G30219" i="1"/>
  <c r="G30220" i="1"/>
  <c r="G30221" i="1"/>
  <c r="G30222" i="1"/>
  <c r="G30223" i="1"/>
  <c r="G30224" i="1"/>
  <c r="G30225" i="1"/>
  <c r="G30226" i="1"/>
  <c r="G30227" i="1"/>
  <c r="G30228" i="1"/>
  <c r="G30229" i="1"/>
  <c r="G30230" i="1"/>
  <c r="G30231" i="1"/>
  <c r="G30232" i="1"/>
  <c r="G30233" i="1"/>
  <c r="G30234" i="1"/>
  <c r="G30235" i="1"/>
  <c r="G30236" i="1"/>
  <c r="G30237" i="1"/>
  <c r="G30238" i="1"/>
  <c r="G30239" i="1"/>
  <c r="G30240" i="1"/>
  <c r="G30241" i="1"/>
  <c r="G30242" i="1"/>
  <c r="G30243" i="1"/>
  <c r="G30244" i="1"/>
  <c r="G30245" i="1"/>
  <c r="G30246" i="1"/>
  <c r="G30247" i="1"/>
  <c r="G30248" i="1"/>
  <c r="G30249" i="1"/>
  <c r="G30250" i="1"/>
  <c r="G30251" i="1"/>
  <c r="G30252" i="1"/>
  <c r="G30253" i="1"/>
  <c r="G30254" i="1"/>
  <c r="G30255" i="1"/>
  <c r="G30256" i="1"/>
  <c r="G30257" i="1"/>
  <c r="G30258" i="1"/>
  <c r="G30259" i="1"/>
  <c r="G30260" i="1"/>
  <c r="G30261" i="1"/>
  <c r="G30262" i="1"/>
  <c r="G30263" i="1"/>
  <c r="G30264" i="1"/>
  <c r="G30265" i="1"/>
  <c r="G30266" i="1"/>
  <c r="G30267" i="1"/>
  <c r="G30268" i="1"/>
  <c r="G30269" i="1"/>
  <c r="G30270" i="1"/>
  <c r="G30271" i="1"/>
  <c r="G30272" i="1"/>
  <c r="G30273" i="1"/>
  <c r="G30274" i="1"/>
  <c r="G30275" i="1"/>
  <c r="G30276" i="1"/>
  <c r="G30277" i="1"/>
  <c r="G30278" i="1"/>
  <c r="G30279" i="1"/>
  <c r="G30280" i="1"/>
  <c r="G30281" i="1"/>
  <c r="G30282" i="1"/>
  <c r="G30283" i="1"/>
  <c r="G30284" i="1"/>
  <c r="G30285" i="1"/>
  <c r="G30286" i="1"/>
  <c r="G30287" i="1"/>
  <c r="G30288" i="1"/>
  <c r="G30289" i="1"/>
  <c r="G30290" i="1"/>
  <c r="G30291" i="1"/>
  <c r="G30292" i="1"/>
  <c r="G30293" i="1"/>
  <c r="G30294" i="1"/>
  <c r="G30295" i="1"/>
  <c r="G30296" i="1"/>
  <c r="G30297" i="1"/>
  <c r="G30298" i="1"/>
  <c r="G30299" i="1"/>
  <c r="G30300" i="1"/>
  <c r="G30301" i="1"/>
  <c r="G30302" i="1"/>
  <c r="G30303" i="1"/>
  <c r="G30304" i="1"/>
  <c r="G30305" i="1"/>
  <c r="G30306" i="1"/>
  <c r="G30307" i="1"/>
  <c r="G30308" i="1"/>
  <c r="G30309" i="1"/>
  <c r="G30310" i="1"/>
  <c r="G30311" i="1"/>
  <c r="G30312" i="1"/>
  <c r="G30313" i="1"/>
  <c r="G30314" i="1"/>
  <c r="G30315" i="1"/>
  <c r="G30316" i="1"/>
  <c r="G30317" i="1"/>
  <c r="G30318" i="1"/>
  <c r="G30319" i="1"/>
  <c r="G30320" i="1"/>
  <c r="G30321" i="1"/>
  <c r="G30322" i="1"/>
  <c r="G30323" i="1"/>
  <c r="G30324" i="1"/>
  <c r="G30325" i="1"/>
  <c r="G30326" i="1"/>
  <c r="G30327" i="1"/>
  <c r="G30328" i="1"/>
  <c r="G30329" i="1"/>
  <c r="G30330" i="1"/>
  <c r="G30331" i="1"/>
  <c r="G30332" i="1"/>
  <c r="G30333" i="1"/>
  <c r="G30334" i="1"/>
  <c r="G30335" i="1"/>
  <c r="G30336" i="1"/>
  <c r="G30337" i="1"/>
  <c r="G30338" i="1"/>
  <c r="G30339" i="1"/>
  <c r="G30340" i="1"/>
  <c r="G30341" i="1"/>
  <c r="G30342" i="1"/>
  <c r="G30343" i="1"/>
  <c r="G30344" i="1"/>
  <c r="G30345" i="1"/>
  <c r="G30346" i="1"/>
  <c r="G30347" i="1"/>
  <c r="G30348" i="1"/>
  <c r="G30349" i="1"/>
  <c r="G30350" i="1"/>
  <c r="G30351" i="1"/>
  <c r="G30352" i="1"/>
  <c r="G30353" i="1"/>
  <c r="G30354" i="1"/>
  <c r="G30355" i="1"/>
  <c r="G30356" i="1"/>
  <c r="G30357" i="1"/>
  <c r="G30358" i="1"/>
  <c r="G30359" i="1"/>
  <c r="G30360" i="1"/>
  <c r="G30361" i="1"/>
  <c r="G30362" i="1"/>
  <c r="G30363" i="1"/>
  <c r="G30364" i="1"/>
  <c r="G30365" i="1"/>
  <c r="G30366" i="1"/>
  <c r="G30367" i="1"/>
  <c r="G30368" i="1"/>
  <c r="G30369" i="1"/>
  <c r="G30370" i="1"/>
  <c r="G30371" i="1"/>
  <c r="G30372" i="1"/>
  <c r="G30373" i="1"/>
  <c r="G30374" i="1"/>
  <c r="G30375" i="1"/>
  <c r="G30376" i="1"/>
  <c r="G30377" i="1"/>
  <c r="G30378" i="1"/>
  <c r="G30379" i="1"/>
  <c r="G30380" i="1"/>
  <c r="G30381" i="1"/>
  <c r="G30382" i="1"/>
  <c r="G30383" i="1"/>
  <c r="G30384" i="1"/>
  <c r="G30385" i="1"/>
  <c r="G30386" i="1"/>
  <c r="G30387" i="1"/>
  <c r="G30388" i="1"/>
  <c r="G30389" i="1"/>
  <c r="G30390" i="1"/>
  <c r="G30391" i="1"/>
  <c r="G30392" i="1"/>
  <c r="G30393" i="1"/>
  <c r="G30394" i="1"/>
  <c r="G30395" i="1"/>
  <c r="G30396" i="1"/>
  <c r="G30397" i="1"/>
  <c r="G30398" i="1"/>
  <c r="G30399" i="1"/>
  <c r="G30400" i="1"/>
  <c r="G30401" i="1"/>
  <c r="G30402" i="1"/>
  <c r="G30403" i="1"/>
  <c r="G30404" i="1"/>
  <c r="G30405" i="1"/>
  <c r="G30406" i="1"/>
  <c r="G30407" i="1"/>
  <c r="G30408" i="1"/>
  <c r="G30409" i="1"/>
  <c r="G30410" i="1"/>
  <c r="G30411" i="1"/>
  <c r="G30412" i="1"/>
  <c r="G30413" i="1"/>
  <c r="G30414" i="1"/>
  <c r="G30415" i="1"/>
  <c r="G30416" i="1"/>
  <c r="G30417" i="1"/>
  <c r="G30418" i="1"/>
  <c r="G30419" i="1"/>
  <c r="G30420" i="1"/>
  <c r="G30421" i="1"/>
  <c r="G30422" i="1"/>
  <c r="G30423" i="1"/>
  <c r="G30424" i="1"/>
  <c r="G30425" i="1"/>
  <c r="G30426" i="1"/>
  <c r="G30427" i="1"/>
  <c r="G30428" i="1"/>
  <c r="G30429" i="1"/>
  <c r="G30430" i="1"/>
  <c r="G30431" i="1"/>
  <c r="G30432" i="1"/>
  <c r="G30433" i="1"/>
  <c r="G30434" i="1"/>
  <c r="G30435" i="1"/>
  <c r="G30436" i="1"/>
  <c r="G30437" i="1"/>
  <c r="G30438" i="1"/>
  <c r="G30439" i="1"/>
  <c r="G30440" i="1"/>
  <c r="G30441" i="1"/>
  <c r="G30442" i="1"/>
  <c r="G30443" i="1"/>
  <c r="G30444" i="1"/>
  <c r="G30445" i="1"/>
  <c r="G30446" i="1"/>
  <c r="G30447" i="1"/>
  <c r="G30448" i="1"/>
  <c r="G30449" i="1"/>
  <c r="G30450" i="1"/>
  <c r="G30451" i="1"/>
  <c r="G30452" i="1"/>
  <c r="G30453" i="1"/>
  <c r="G30454" i="1"/>
  <c r="G30455" i="1"/>
  <c r="G30456" i="1"/>
  <c r="G30457" i="1"/>
  <c r="G30458" i="1"/>
  <c r="G30459" i="1"/>
  <c r="G30460" i="1"/>
  <c r="G30461" i="1"/>
  <c r="G30462" i="1"/>
  <c r="G30463" i="1"/>
  <c r="G30464" i="1"/>
  <c r="G30465" i="1"/>
  <c r="G30466" i="1"/>
  <c r="G30467" i="1"/>
  <c r="G30468" i="1"/>
  <c r="G30469" i="1"/>
  <c r="G30470" i="1"/>
  <c r="G30471" i="1"/>
  <c r="G30472" i="1"/>
  <c r="G30473" i="1"/>
  <c r="G30474" i="1"/>
  <c r="G30475" i="1"/>
  <c r="G30476" i="1"/>
  <c r="G30477" i="1"/>
  <c r="G30478" i="1"/>
  <c r="G30479" i="1"/>
  <c r="G30480" i="1"/>
  <c r="G30481" i="1"/>
  <c r="G30482" i="1"/>
  <c r="G30483" i="1"/>
  <c r="G30484" i="1"/>
  <c r="G30485" i="1"/>
  <c r="G30486" i="1"/>
  <c r="G30487" i="1"/>
  <c r="G30488" i="1"/>
  <c r="G30489" i="1"/>
  <c r="G30490" i="1"/>
  <c r="G30491" i="1"/>
  <c r="G30492" i="1"/>
  <c r="G30493" i="1"/>
  <c r="G30494" i="1"/>
  <c r="G30495" i="1"/>
  <c r="G30496" i="1"/>
  <c r="G30497" i="1"/>
  <c r="G30498" i="1"/>
  <c r="G30499" i="1"/>
  <c r="G30500" i="1"/>
  <c r="G30501" i="1"/>
  <c r="G30502" i="1"/>
  <c r="G30503" i="1"/>
  <c r="G30504" i="1"/>
  <c r="G30505" i="1"/>
  <c r="G30506" i="1"/>
  <c r="G30507" i="1"/>
  <c r="G30508" i="1"/>
  <c r="G30509" i="1"/>
  <c r="G30510" i="1"/>
  <c r="G30511" i="1"/>
  <c r="G30512" i="1"/>
  <c r="G30513" i="1"/>
  <c r="G30514" i="1"/>
  <c r="G30515" i="1"/>
  <c r="G30516" i="1"/>
  <c r="G30517" i="1"/>
  <c r="G30518" i="1"/>
  <c r="G30519" i="1"/>
  <c r="G30520" i="1"/>
  <c r="G30521" i="1"/>
  <c r="G30522" i="1"/>
  <c r="G30523" i="1"/>
  <c r="G30524" i="1"/>
  <c r="G30525" i="1"/>
  <c r="G30526" i="1"/>
  <c r="G30527" i="1"/>
  <c r="G30528" i="1"/>
  <c r="G30529" i="1"/>
  <c r="G30530" i="1"/>
  <c r="G30531" i="1"/>
  <c r="G30532" i="1"/>
  <c r="G30533" i="1"/>
  <c r="G30534" i="1"/>
  <c r="G30535" i="1"/>
  <c r="G30536" i="1"/>
  <c r="G30537" i="1"/>
  <c r="G30538" i="1"/>
  <c r="G30539" i="1"/>
  <c r="G30540" i="1"/>
  <c r="G30541" i="1"/>
  <c r="G30542" i="1"/>
  <c r="G30543" i="1"/>
  <c r="G30544" i="1"/>
  <c r="G30545" i="1"/>
  <c r="G30546" i="1"/>
  <c r="G30547" i="1"/>
  <c r="G30548" i="1"/>
  <c r="G30549" i="1"/>
  <c r="G30550" i="1"/>
  <c r="G30551" i="1"/>
  <c r="G30552" i="1"/>
  <c r="G30553" i="1"/>
  <c r="G30554" i="1"/>
  <c r="G30555" i="1"/>
  <c r="G30556" i="1"/>
  <c r="G30557" i="1"/>
  <c r="G30558" i="1"/>
  <c r="G30559" i="1"/>
  <c r="G30560" i="1"/>
  <c r="G30561" i="1"/>
  <c r="G30562" i="1"/>
  <c r="G30563" i="1"/>
  <c r="G30564" i="1"/>
  <c r="G30565" i="1"/>
  <c r="G30566" i="1"/>
  <c r="G30567" i="1"/>
  <c r="G30568" i="1"/>
  <c r="G30569" i="1"/>
  <c r="G30570" i="1"/>
  <c r="G30571" i="1"/>
  <c r="G30572" i="1"/>
  <c r="G30573" i="1"/>
  <c r="G30574" i="1"/>
  <c r="G30575" i="1"/>
  <c r="G30576" i="1"/>
  <c r="G30577" i="1"/>
  <c r="G30578" i="1"/>
  <c r="G30579" i="1"/>
  <c r="G30580" i="1"/>
  <c r="G30581" i="1"/>
  <c r="G30582" i="1"/>
  <c r="G30583" i="1"/>
  <c r="G30584" i="1"/>
  <c r="G30585" i="1"/>
  <c r="G30586" i="1"/>
  <c r="G30587" i="1"/>
  <c r="G30588" i="1"/>
  <c r="G30589" i="1"/>
  <c r="G30590" i="1"/>
  <c r="G30591" i="1"/>
  <c r="G30592" i="1"/>
  <c r="G30593" i="1"/>
  <c r="G30594" i="1"/>
  <c r="G30595" i="1"/>
  <c r="G30596" i="1"/>
  <c r="G30597" i="1"/>
  <c r="G30598" i="1"/>
  <c r="G30599" i="1"/>
  <c r="G30600" i="1"/>
  <c r="G30601" i="1"/>
  <c r="G30602" i="1"/>
  <c r="G30603" i="1"/>
  <c r="G30604" i="1"/>
  <c r="G30605" i="1"/>
  <c r="G30606" i="1"/>
  <c r="G30607" i="1"/>
  <c r="G30608" i="1"/>
  <c r="G30609" i="1"/>
  <c r="G30610" i="1"/>
  <c r="G30611" i="1"/>
  <c r="G30612" i="1"/>
  <c r="G30613" i="1"/>
  <c r="G30614" i="1"/>
  <c r="G30615" i="1"/>
  <c r="G30616" i="1"/>
  <c r="G30617" i="1"/>
  <c r="G30618" i="1"/>
  <c r="G30619" i="1"/>
  <c r="G30620" i="1"/>
  <c r="G30621" i="1"/>
  <c r="G30622" i="1"/>
  <c r="G30623" i="1"/>
  <c r="G30624" i="1"/>
  <c r="G30625" i="1"/>
  <c r="G30626" i="1"/>
  <c r="G30627" i="1"/>
  <c r="G30628" i="1"/>
  <c r="G30629" i="1"/>
  <c r="G30630" i="1"/>
  <c r="G30631" i="1"/>
  <c r="G30632" i="1"/>
  <c r="G30633" i="1"/>
  <c r="G30634" i="1"/>
  <c r="G30635" i="1"/>
  <c r="G30636" i="1"/>
  <c r="G30637" i="1"/>
  <c r="G30638" i="1"/>
  <c r="G30639" i="1"/>
  <c r="G30640" i="1"/>
  <c r="G30641" i="1"/>
  <c r="G30642" i="1"/>
  <c r="G30643" i="1"/>
  <c r="G30644" i="1"/>
  <c r="G30645" i="1"/>
  <c r="G30646" i="1"/>
  <c r="G30647" i="1"/>
  <c r="G30648" i="1"/>
  <c r="G30649" i="1"/>
  <c r="G30650" i="1"/>
  <c r="G30651" i="1"/>
  <c r="G30652" i="1"/>
  <c r="G30653" i="1"/>
  <c r="G30654" i="1"/>
  <c r="G30655" i="1"/>
  <c r="G30656" i="1"/>
  <c r="G30657" i="1"/>
  <c r="G30658" i="1"/>
  <c r="G30659" i="1"/>
  <c r="G30660" i="1"/>
  <c r="G30661" i="1"/>
  <c r="G30662" i="1"/>
  <c r="G30663" i="1"/>
  <c r="G30664" i="1"/>
  <c r="G30665" i="1"/>
  <c r="G30666" i="1"/>
  <c r="G30667" i="1"/>
  <c r="G30668" i="1"/>
  <c r="G30669" i="1"/>
  <c r="G30670" i="1"/>
  <c r="G30671" i="1"/>
  <c r="G30672" i="1"/>
  <c r="G30673" i="1"/>
  <c r="G30674" i="1"/>
  <c r="G30675" i="1"/>
  <c r="G30676" i="1"/>
  <c r="G30677" i="1"/>
  <c r="G30678" i="1"/>
  <c r="G30679" i="1"/>
  <c r="G30680" i="1"/>
  <c r="G30681" i="1"/>
  <c r="G30682" i="1"/>
  <c r="G30683" i="1"/>
  <c r="G30684" i="1"/>
  <c r="G30685" i="1"/>
  <c r="G30686" i="1"/>
  <c r="G30687" i="1"/>
  <c r="G30688" i="1"/>
  <c r="G30689" i="1"/>
  <c r="G30690" i="1"/>
  <c r="G30691" i="1"/>
  <c r="G30692" i="1"/>
  <c r="G30693" i="1"/>
  <c r="G30694" i="1"/>
  <c r="G30695" i="1"/>
  <c r="G30696" i="1"/>
  <c r="G30697" i="1"/>
  <c r="G30698" i="1"/>
  <c r="G30699" i="1"/>
  <c r="G30700" i="1"/>
  <c r="G30701" i="1"/>
  <c r="G30702" i="1"/>
  <c r="G30703" i="1"/>
  <c r="G30704" i="1"/>
  <c r="G30705" i="1"/>
  <c r="G30706" i="1"/>
  <c r="G30707" i="1"/>
  <c r="G30708" i="1"/>
  <c r="G30709" i="1"/>
  <c r="G30710" i="1"/>
  <c r="G30711" i="1"/>
  <c r="G30712" i="1"/>
  <c r="G30713" i="1"/>
  <c r="G30714" i="1"/>
  <c r="G30715" i="1"/>
  <c r="G30716" i="1"/>
  <c r="G30717" i="1"/>
  <c r="G30718" i="1"/>
  <c r="G30719" i="1"/>
  <c r="G30720" i="1"/>
  <c r="G30721" i="1"/>
  <c r="G30722" i="1"/>
  <c r="G30723" i="1"/>
  <c r="G30724" i="1"/>
  <c r="G30725" i="1"/>
  <c r="G30726" i="1"/>
  <c r="G30727" i="1"/>
  <c r="G30728" i="1"/>
  <c r="G30729" i="1"/>
  <c r="G30730" i="1"/>
  <c r="G30731" i="1"/>
  <c r="G30732" i="1"/>
  <c r="G30733" i="1"/>
  <c r="G30734" i="1"/>
  <c r="G30735" i="1"/>
  <c r="G30736" i="1"/>
  <c r="G30737" i="1"/>
  <c r="G30738" i="1"/>
  <c r="G30739" i="1"/>
  <c r="G30740" i="1"/>
  <c r="G30741" i="1"/>
  <c r="G30742" i="1"/>
  <c r="G30743" i="1"/>
  <c r="G30744" i="1"/>
  <c r="G30745" i="1"/>
  <c r="G30746" i="1"/>
  <c r="G30747" i="1"/>
  <c r="G30748" i="1"/>
  <c r="G30749" i="1"/>
  <c r="G30750" i="1"/>
  <c r="G30751" i="1"/>
  <c r="G30752" i="1"/>
  <c r="G30753" i="1"/>
  <c r="G30754" i="1"/>
  <c r="G30755" i="1"/>
  <c r="G30756" i="1"/>
  <c r="G30757" i="1"/>
  <c r="G30758" i="1"/>
  <c r="G30759" i="1"/>
  <c r="G30760" i="1"/>
  <c r="G30761" i="1"/>
  <c r="G30762" i="1"/>
  <c r="G30763" i="1"/>
  <c r="G30764" i="1"/>
  <c r="G30765" i="1"/>
  <c r="G30766" i="1"/>
  <c r="G30767" i="1"/>
  <c r="G30768" i="1"/>
  <c r="G30769" i="1"/>
  <c r="G30770" i="1"/>
  <c r="G30771" i="1"/>
  <c r="G30772" i="1"/>
  <c r="G30773" i="1"/>
  <c r="G30774" i="1"/>
  <c r="G30775" i="1"/>
  <c r="G30776" i="1"/>
  <c r="G30777" i="1"/>
  <c r="G30778" i="1"/>
  <c r="G30779" i="1"/>
  <c r="G30780" i="1"/>
  <c r="G30781" i="1"/>
  <c r="G30782" i="1"/>
  <c r="G30783" i="1"/>
  <c r="G30784" i="1"/>
  <c r="G30785" i="1"/>
  <c r="G30786" i="1"/>
  <c r="G30787" i="1"/>
  <c r="G30788" i="1"/>
  <c r="G30789" i="1"/>
  <c r="G30790" i="1"/>
  <c r="G30791" i="1"/>
  <c r="G30792" i="1"/>
  <c r="G30793" i="1"/>
  <c r="G30794" i="1"/>
  <c r="G30795" i="1"/>
  <c r="G30796" i="1"/>
  <c r="G30797" i="1"/>
  <c r="G30798" i="1"/>
  <c r="G30799" i="1"/>
  <c r="G30800" i="1"/>
  <c r="G30801" i="1"/>
  <c r="G30802" i="1"/>
  <c r="G30803" i="1"/>
  <c r="G30804" i="1"/>
  <c r="G30805" i="1"/>
  <c r="G30806" i="1"/>
  <c r="G30807" i="1"/>
  <c r="G30808" i="1"/>
  <c r="G30809" i="1"/>
  <c r="G30810" i="1"/>
  <c r="G30811" i="1"/>
  <c r="G30812" i="1"/>
  <c r="G30813" i="1"/>
  <c r="G30814" i="1"/>
  <c r="G30815" i="1"/>
  <c r="G30816" i="1"/>
  <c r="G30817" i="1"/>
  <c r="G30818" i="1"/>
  <c r="G30819" i="1"/>
  <c r="G30820" i="1"/>
  <c r="G30821" i="1"/>
  <c r="G30822" i="1"/>
  <c r="G30823" i="1"/>
  <c r="G30824" i="1"/>
  <c r="G30825" i="1"/>
  <c r="G30826" i="1"/>
  <c r="G30827" i="1"/>
  <c r="G30828" i="1"/>
  <c r="G30829" i="1"/>
  <c r="G30830" i="1"/>
  <c r="G30831" i="1"/>
  <c r="G30832" i="1"/>
  <c r="G30833" i="1"/>
  <c r="G30834" i="1"/>
  <c r="G30835" i="1"/>
  <c r="G30836" i="1"/>
  <c r="G30837" i="1"/>
  <c r="G30838" i="1"/>
  <c r="G30839" i="1"/>
  <c r="G30840" i="1"/>
  <c r="G30841" i="1"/>
  <c r="G30842" i="1"/>
  <c r="G30843" i="1"/>
  <c r="G30844" i="1"/>
  <c r="G30845" i="1"/>
  <c r="G30846" i="1"/>
  <c r="G30847" i="1"/>
  <c r="G30848" i="1"/>
  <c r="G30849" i="1"/>
  <c r="G30850" i="1"/>
  <c r="G30851" i="1"/>
  <c r="G30852" i="1"/>
  <c r="G30853" i="1"/>
  <c r="G30854" i="1"/>
  <c r="G30855" i="1"/>
  <c r="G30856" i="1"/>
  <c r="G30857" i="1"/>
  <c r="G30858" i="1"/>
  <c r="G30859" i="1"/>
  <c r="G30860" i="1"/>
  <c r="G30861" i="1"/>
  <c r="G30862" i="1"/>
  <c r="G30863" i="1"/>
  <c r="G30864" i="1"/>
  <c r="G30865" i="1"/>
  <c r="G30866" i="1"/>
  <c r="G30867" i="1"/>
  <c r="G30868" i="1"/>
  <c r="G30869" i="1"/>
  <c r="G30870" i="1"/>
  <c r="G30871" i="1"/>
  <c r="G30872" i="1"/>
  <c r="G30873" i="1"/>
  <c r="G30874" i="1"/>
  <c r="G30875" i="1"/>
  <c r="G30876" i="1"/>
  <c r="G30877" i="1"/>
  <c r="G30878" i="1"/>
  <c r="G30879" i="1"/>
  <c r="G30880" i="1"/>
  <c r="G30881" i="1"/>
  <c r="G30882" i="1"/>
  <c r="G30883" i="1"/>
  <c r="G30884" i="1"/>
  <c r="G30885" i="1"/>
  <c r="G30886" i="1"/>
  <c r="G30887" i="1"/>
  <c r="G30888" i="1"/>
  <c r="G30889" i="1"/>
  <c r="G30890" i="1"/>
  <c r="G30891" i="1"/>
  <c r="G30892" i="1"/>
  <c r="G30893" i="1"/>
  <c r="G30894" i="1"/>
  <c r="G30895" i="1"/>
  <c r="G30896" i="1"/>
  <c r="G30897" i="1"/>
  <c r="G30898" i="1"/>
  <c r="G30899" i="1"/>
  <c r="G30900" i="1"/>
  <c r="G30901" i="1"/>
  <c r="G30902" i="1"/>
  <c r="G30903" i="1"/>
  <c r="G30904" i="1"/>
  <c r="G30905" i="1"/>
  <c r="G30906" i="1"/>
  <c r="G30907" i="1"/>
  <c r="G30908" i="1"/>
  <c r="G30909" i="1"/>
  <c r="G30910" i="1"/>
  <c r="G30911" i="1"/>
  <c r="G30912" i="1"/>
  <c r="G30913" i="1"/>
  <c r="G30914" i="1"/>
  <c r="G30915" i="1"/>
  <c r="G30916" i="1"/>
  <c r="G30917" i="1"/>
  <c r="G30918" i="1"/>
  <c r="G30919" i="1"/>
  <c r="G30920" i="1"/>
  <c r="G30921" i="1"/>
  <c r="G30922" i="1"/>
  <c r="G30923" i="1"/>
  <c r="G30924" i="1"/>
  <c r="G30925" i="1"/>
  <c r="G30926" i="1"/>
  <c r="G30927" i="1"/>
  <c r="G30928" i="1"/>
  <c r="G30929" i="1"/>
  <c r="G30930" i="1"/>
  <c r="G30931" i="1"/>
  <c r="G30932" i="1"/>
  <c r="G30933" i="1"/>
  <c r="G30934" i="1"/>
  <c r="G30935" i="1"/>
  <c r="G30936" i="1"/>
  <c r="G30937" i="1"/>
  <c r="G30938" i="1"/>
  <c r="G30939" i="1"/>
  <c r="G30940" i="1"/>
  <c r="G30941" i="1"/>
  <c r="G30942" i="1"/>
  <c r="G30943" i="1"/>
  <c r="G30944" i="1"/>
  <c r="G30945" i="1"/>
  <c r="G30946" i="1"/>
  <c r="G30947" i="1"/>
  <c r="G30948" i="1"/>
  <c r="G30949" i="1"/>
  <c r="G30950" i="1"/>
  <c r="G30951" i="1"/>
  <c r="G30952" i="1"/>
  <c r="G30953" i="1"/>
  <c r="G30954" i="1"/>
  <c r="G30955" i="1"/>
  <c r="G30956" i="1"/>
  <c r="G30957" i="1"/>
  <c r="G30958" i="1"/>
  <c r="G30959" i="1"/>
  <c r="G30960" i="1"/>
  <c r="G30961" i="1"/>
  <c r="G30962" i="1"/>
  <c r="G30963" i="1"/>
  <c r="G30964" i="1"/>
  <c r="G30965" i="1"/>
  <c r="G30966" i="1"/>
  <c r="G30967" i="1"/>
  <c r="G30968" i="1"/>
  <c r="G30969" i="1"/>
  <c r="G30970" i="1"/>
  <c r="G30971" i="1"/>
  <c r="G30972" i="1"/>
  <c r="G30973" i="1"/>
  <c r="G30974" i="1"/>
  <c r="G30975" i="1"/>
  <c r="G30976" i="1"/>
  <c r="G30977" i="1"/>
  <c r="G30978" i="1"/>
  <c r="G30979" i="1"/>
  <c r="G30980" i="1"/>
  <c r="G30981" i="1"/>
  <c r="G30982" i="1"/>
  <c r="G30983" i="1"/>
  <c r="G30984" i="1"/>
  <c r="G30985" i="1"/>
  <c r="G30986" i="1"/>
  <c r="G30987" i="1"/>
  <c r="G30988" i="1"/>
  <c r="G30989" i="1"/>
  <c r="G30990" i="1"/>
  <c r="G30991" i="1"/>
  <c r="G30992" i="1"/>
  <c r="G30993" i="1"/>
  <c r="G30994" i="1"/>
  <c r="G30995" i="1"/>
  <c r="G30996" i="1"/>
  <c r="G30997" i="1"/>
  <c r="G30998" i="1"/>
  <c r="G30999" i="1"/>
  <c r="G31000" i="1"/>
  <c r="G31001" i="1"/>
  <c r="G31002" i="1"/>
  <c r="G31003" i="1"/>
  <c r="G31004" i="1"/>
  <c r="G31005" i="1"/>
  <c r="G31006" i="1"/>
  <c r="G31007" i="1"/>
  <c r="G31008" i="1"/>
  <c r="G31009" i="1"/>
  <c r="G31010" i="1"/>
  <c r="G31011" i="1"/>
  <c r="G31012" i="1"/>
  <c r="G31013" i="1"/>
  <c r="G31014" i="1"/>
  <c r="G31015" i="1"/>
  <c r="G31016" i="1"/>
  <c r="G31017" i="1"/>
  <c r="G31018" i="1"/>
  <c r="G31019" i="1"/>
  <c r="G31020" i="1"/>
  <c r="G31021" i="1"/>
  <c r="G31022" i="1"/>
  <c r="G31023" i="1"/>
  <c r="G31024" i="1"/>
  <c r="G31025" i="1"/>
  <c r="G31026" i="1"/>
  <c r="G31027" i="1"/>
  <c r="G31028" i="1"/>
  <c r="G31029" i="1"/>
  <c r="G31030" i="1"/>
  <c r="G31031" i="1"/>
  <c r="G31032" i="1"/>
  <c r="G31033" i="1"/>
  <c r="G31034" i="1"/>
  <c r="G31035" i="1"/>
  <c r="G31036" i="1"/>
  <c r="G31037" i="1"/>
  <c r="G31038" i="1"/>
  <c r="G31039" i="1"/>
  <c r="G31040" i="1"/>
  <c r="G31041" i="1"/>
  <c r="G31042" i="1"/>
  <c r="G31043" i="1"/>
  <c r="G31044" i="1"/>
  <c r="G31045" i="1"/>
  <c r="G31046" i="1"/>
  <c r="G31047" i="1"/>
  <c r="G31048" i="1"/>
  <c r="G31049" i="1"/>
  <c r="G31050" i="1"/>
  <c r="G31051" i="1"/>
  <c r="G31052" i="1"/>
  <c r="G31053" i="1"/>
  <c r="G31054" i="1"/>
  <c r="G31055" i="1"/>
  <c r="G31056" i="1"/>
  <c r="G31057" i="1"/>
  <c r="G31058" i="1"/>
  <c r="G31059" i="1"/>
  <c r="G31060" i="1"/>
  <c r="G31061" i="1"/>
  <c r="G31062" i="1"/>
  <c r="G31063" i="1"/>
  <c r="G31064" i="1"/>
  <c r="G31065" i="1"/>
  <c r="G31066" i="1"/>
  <c r="G31067" i="1"/>
  <c r="G31068" i="1"/>
  <c r="G31069" i="1"/>
  <c r="G31070" i="1"/>
  <c r="G31071" i="1"/>
  <c r="G31072" i="1"/>
  <c r="G31073" i="1"/>
  <c r="G31074" i="1"/>
  <c r="G31075" i="1"/>
  <c r="G31076" i="1"/>
  <c r="G31077" i="1"/>
  <c r="G31078" i="1"/>
  <c r="G31079" i="1"/>
  <c r="G31080" i="1"/>
  <c r="G31081" i="1"/>
  <c r="G31082" i="1"/>
  <c r="G31083" i="1"/>
  <c r="G31084" i="1"/>
  <c r="G31085" i="1"/>
  <c r="G31086" i="1"/>
  <c r="G31087" i="1"/>
  <c r="G31088" i="1"/>
  <c r="G31089" i="1"/>
  <c r="G31090" i="1"/>
  <c r="G31091" i="1"/>
  <c r="G31092" i="1"/>
  <c r="G31093" i="1"/>
  <c r="G31094" i="1"/>
  <c r="G31095" i="1"/>
  <c r="G31096" i="1"/>
  <c r="G31097" i="1"/>
  <c r="G31098" i="1"/>
  <c r="G31099" i="1"/>
  <c r="G31100" i="1"/>
  <c r="G31101" i="1"/>
  <c r="G31102" i="1"/>
  <c r="G31103" i="1"/>
  <c r="G31104" i="1"/>
  <c r="G31105" i="1"/>
  <c r="G31106" i="1"/>
  <c r="G31107" i="1"/>
  <c r="G31108" i="1"/>
  <c r="G31109" i="1"/>
  <c r="G31110" i="1"/>
  <c r="G31111" i="1"/>
  <c r="G31112" i="1"/>
  <c r="G31113" i="1"/>
  <c r="G31114" i="1"/>
  <c r="G31115" i="1"/>
  <c r="G31116" i="1"/>
  <c r="G31117" i="1"/>
  <c r="G31118" i="1"/>
  <c r="G31119" i="1"/>
  <c r="G31120" i="1"/>
  <c r="G31121" i="1"/>
  <c r="G31122" i="1"/>
  <c r="G31123" i="1"/>
  <c r="G31124" i="1"/>
  <c r="G31125" i="1"/>
  <c r="G31126" i="1"/>
  <c r="G31127" i="1"/>
  <c r="G31128" i="1"/>
  <c r="G31129" i="1"/>
  <c r="G31130" i="1"/>
  <c r="G31131" i="1"/>
  <c r="G31132" i="1"/>
  <c r="G31133" i="1"/>
  <c r="G31134" i="1"/>
  <c r="G31135" i="1"/>
  <c r="G31136" i="1"/>
  <c r="G31137" i="1"/>
  <c r="G31138" i="1"/>
  <c r="G31139" i="1"/>
  <c r="G31140" i="1"/>
  <c r="G31141" i="1"/>
  <c r="G31142" i="1"/>
  <c r="G31143" i="1"/>
  <c r="G31144" i="1"/>
  <c r="G31145" i="1"/>
  <c r="G31146" i="1"/>
  <c r="G31147" i="1"/>
  <c r="G31148" i="1"/>
  <c r="G31149" i="1"/>
  <c r="G31150" i="1"/>
  <c r="G31151" i="1"/>
  <c r="G31152" i="1"/>
  <c r="G31153" i="1"/>
  <c r="G31154" i="1"/>
  <c r="G31155" i="1"/>
  <c r="G31156" i="1"/>
  <c r="G31157" i="1"/>
  <c r="G31158" i="1"/>
  <c r="G31159" i="1"/>
  <c r="G31160" i="1"/>
  <c r="G31161" i="1"/>
  <c r="G31162" i="1"/>
  <c r="G31163" i="1"/>
  <c r="G31164" i="1"/>
  <c r="G31165" i="1"/>
  <c r="G31166" i="1"/>
  <c r="G31167" i="1"/>
  <c r="G31168" i="1"/>
  <c r="G31169" i="1"/>
  <c r="G31170" i="1"/>
  <c r="G31171" i="1"/>
  <c r="G31172" i="1"/>
  <c r="G31173" i="1"/>
  <c r="G31174" i="1"/>
  <c r="G31175" i="1"/>
  <c r="G31176" i="1"/>
  <c r="G31177" i="1"/>
  <c r="G31178" i="1"/>
  <c r="G31179" i="1"/>
  <c r="G31180" i="1"/>
  <c r="G31181" i="1"/>
  <c r="G31182" i="1"/>
  <c r="G31183" i="1"/>
  <c r="G31184" i="1"/>
  <c r="G31185" i="1"/>
  <c r="G31186" i="1"/>
  <c r="G31187" i="1"/>
  <c r="G31188" i="1"/>
  <c r="G31189" i="1"/>
  <c r="G31190" i="1"/>
  <c r="G31191" i="1"/>
  <c r="G31192" i="1"/>
  <c r="G31193" i="1"/>
  <c r="G31194" i="1"/>
  <c r="G31195" i="1"/>
  <c r="G31196" i="1"/>
  <c r="G31197" i="1"/>
  <c r="G31198" i="1"/>
  <c r="G31199" i="1"/>
  <c r="G31200" i="1"/>
  <c r="G31201" i="1"/>
  <c r="G31202" i="1"/>
  <c r="G31203" i="1"/>
  <c r="G31204" i="1"/>
  <c r="G31205" i="1"/>
  <c r="G31206" i="1"/>
  <c r="G31207" i="1"/>
  <c r="G31208" i="1"/>
  <c r="G31209" i="1"/>
  <c r="G31210" i="1"/>
  <c r="G31211" i="1"/>
  <c r="G31212" i="1"/>
  <c r="G31213" i="1"/>
  <c r="G31214" i="1"/>
  <c r="G31215" i="1"/>
  <c r="G31216" i="1"/>
  <c r="G31217" i="1"/>
  <c r="G31218" i="1"/>
  <c r="G31219" i="1"/>
  <c r="G31220" i="1"/>
  <c r="G31221" i="1"/>
  <c r="G31222" i="1"/>
  <c r="G31223" i="1"/>
  <c r="G31224" i="1"/>
  <c r="G31225" i="1"/>
  <c r="G31226" i="1"/>
  <c r="G31227" i="1"/>
  <c r="G31228" i="1"/>
  <c r="G31229" i="1"/>
  <c r="G31230" i="1"/>
  <c r="G31231" i="1"/>
  <c r="G31232" i="1"/>
  <c r="G31233" i="1"/>
  <c r="G31234" i="1"/>
  <c r="G31235" i="1"/>
  <c r="G31236" i="1"/>
  <c r="G31237" i="1"/>
  <c r="G31238" i="1"/>
  <c r="G31239" i="1"/>
  <c r="G31240" i="1"/>
  <c r="G31241" i="1"/>
  <c r="G31242" i="1"/>
  <c r="G31243" i="1"/>
  <c r="G31244" i="1"/>
  <c r="G31245" i="1"/>
  <c r="G31246" i="1"/>
  <c r="G31247" i="1"/>
  <c r="G31248" i="1"/>
  <c r="G31249" i="1"/>
  <c r="G31250" i="1"/>
  <c r="G31251" i="1"/>
  <c r="G31252" i="1"/>
  <c r="G31253" i="1"/>
  <c r="G31254" i="1"/>
  <c r="G31255" i="1"/>
  <c r="G31256" i="1"/>
  <c r="G31257" i="1"/>
  <c r="G31258" i="1"/>
  <c r="G31259" i="1"/>
  <c r="G31260" i="1"/>
  <c r="G31261" i="1"/>
  <c r="G31262" i="1"/>
  <c r="G31263" i="1"/>
  <c r="G31264" i="1"/>
  <c r="G31265" i="1"/>
  <c r="G31266" i="1"/>
  <c r="G31267" i="1"/>
  <c r="G31268" i="1"/>
  <c r="G31269" i="1"/>
  <c r="G31270" i="1"/>
  <c r="G31271" i="1"/>
  <c r="G31272" i="1"/>
  <c r="G31273" i="1"/>
  <c r="G31274" i="1"/>
  <c r="G31275" i="1"/>
  <c r="G31276" i="1"/>
  <c r="G31277" i="1"/>
  <c r="G31278" i="1"/>
  <c r="G31279" i="1"/>
  <c r="G31280" i="1"/>
  <c r="G31281" i="1"/>
  <c r="G31282" i="1"/>
  <c r="G31283" i="1"/>
  <c r="G31284" i="1"/>
  <c r="G31285" i="1"/>
  <c r="G31286" i="1"/>
  <c r="G31287" i="1"/>
  <c r="G31288" i="1"/>
  <c r="G31289" i="1"/>
  <c r="G31290" i="1"/>
  <c r="G31291" i="1"/>
  <c r="G31292" i="1"/>
  <c r="G31293" i="1"/>
  <c r="G31294" i="1"/>
  <c r="G31295" i="1"/>
  <c r="G31296" i="1"/>
  <c r="G31297" i="1"/>
  <c r="G31298" i="1"/>
  <c r="G31299" i="1"/>
  <c r="G31300" i="1"/>
  <c r="G31301" i="1"/>
  <c r="G31302" i="1"/>
  <c r="G31303" i="1"/>
  <c r="G31304" i="1"/>
  <c r="G31305" i="1"/>
  <c r="G31306" i="1"/>
  <c r="G31307" i="1"/>
  <c r="G31308" i="1"/>
  <c r="G31309" i="1"/>
  <c r="G31310" i="1"/>
  <c r="G31311" i="1"/>
  <c r="G31312" i="1"/>
  <c r="G31313" i="1"/>
  <c r="G31314" i="1"/>
  <c r="G31315" i="1"/>
  <c r="G31316" i="1"/>
  <c r="G31317" i="1"/>
  <c r="G31318" i="1"/>
  <c r="G31319" i="1"/>
  <c r="G31320" i="1"/>
  <c r="G31321" i="1"/>
  <c r="G31322" i="1"/>
  <c r="G31323" i="1"/>
  <c r="G31324" i="1"/>
  <c r="G31325" i="1"/>
  <c r="G31326" i="1"/>
  <c r="G31327" i="1"/>
  <c r="G31328" i="1"/>
  <c r="G31329" i="1"/>
  <c r="G31330" i="1"/>
  <c r="G31331" i="1"/>
  <c r="G31332" i="1"/>
  <c r="G31333" i="1"/>
  <c r="G31334" i="1"/>
  <c r="G31335" i="1"/>
  <c r="G31336" i="1"/>
  <c r="G31337" i="1"/>
  <c r="G31338" i="1"/>
  <c r="G31339" i="1"/>
  <c r="G31340" i="1"/>
  <c r="G31341" i="1"/>
  <c r="G31342" i="1"/>
  <c r="G31343" i="1"/>
  <c r="G31344" i="1"/>
  <c r="G31345" i="1"/>
  <c r="G31346" i="1"/>
  <c r="G31347" i="1"/>
  <c r="G31348" i="1"/>
  <c r="G31349" i="1"/>
  <c r="G31350" i="1"/>
  <c r="G31351" i="1"/>
  <c r="G31352" i="1"/>
  <c r="G31353" i="1"/>
  <c r="G31354" i="1"/>
  <c r="G31355" i="1"/>
  <c r="G31356" i="1"/>
  <c r="G31357" i="1"/>
  <c r="G31358" i="1"/>
  <c r="G31359" i="1"/>
  <c r="G31360" i="1"/>
  <c r="G31361" i="1"/>
  <c r="G31362" i="1"/>
  <c r="G31363" i="1"/>
  <c r="G31364" i="1"/>
  <c r="G31365" i="1"/>
  <c r="G31366" i="1"/>
  <c r="G31367" i="1"/>
  <c r="G31368" i="1"/>
  <c r="G31369" i="1"/>
  <c r="G31370" i="1"/>
  <c r="G31371" i="1"/>
  <c r="G31372" i="1"/>
  <c r="G31373" i="1"/>
  <c r="G31374" i="1"/>
  <c r="G31375" i="1"/>
  <c r="G31376" i="1"/>
  <c r="G31377" i="1"/>
  <c r="G31378" i="1"/>
  <c r="G31379" i="1"/>
  <c r="G31380" i="1"/>
  <c r="G31381" i="1"/>
  <c r="G31382" i="1"/>
  <c r="G31383" i="1"/>
  <c r="G31384" i="1"/>
  <c r="G31385" i="1"/>
  <c r="G31386" i="1"/>
  <c r="G31387" i="1"/>
  <c r="G31388" i="1"/>
  <c r="G31389" i="1"/>
  <c r="G31390" i="1"/>
  <c r="G31391" i="1"/>
  <c r="G31392" i="1"/>
  <c r="G31393" i="1"/>
  <c r="G31394" i="1"/>
  <c r="G31395" i="1"/>
  <c r="G31396" i="1"/>
  <c r="G31397" i="1"/>
  <c r="G31398" i="1"/>
  <c r="G31399" i="1"/>
  <c r="G31400" i="1"/>
  <c r="G31401" i="1"/>
  <c r="G31402" i="1"/>
  <c r="G31403" i="1"/>
  <c r="G31404" i="1"/>
  <c r="G31405" i="1"/>
  <c r="G31406" i="1"/>
  <c r="G31407" i="1"/>
  <c r="G31408" i="1"/>
  <c r="G31409" i="1"/>
  <c r="G31410" i="1"/>
  <c r="G31411" i="1"/>
  <c r="G31412" i="1"/>
  <c r="G31413" i="1"/>
  <c r="G31414" i="1"/>
  <c r="G31415" i="1"/>
  <c r="G31416" i="1"/>
  <c r="G31417" i="1"/>
  <c r="G31418" i="1"/>
  <c r="G31419" i="1"/>
  <c r="G31420" i="1"/>
  <c r="G31421" i="1"/>
  <c r="G31422" i="1"/>
  <c r="G31423" i="1"/>
  <c r="G31424" i="1"/>
  <c r="G31425" i="1"/>
  <c r="G31426" i="1"/>
  <c r="G31427" i="1"/>
  <c r="G31428" i="1"/>
  <c r="G31429" i="1"/>
  <c r="G31430" i="1"/>
  <c r="G31431" i="1"/>
  <c r="G31432" i="1"/>
  <c r="G31433" i="1"/>
  <c r="G31434" i="1"/>
  <c r="G31435" i="1"/>
  <c r="G31436" i="1"/>
  <c r="G31437" i="1"/>
  <c r="G31438" i="1"/>
  <c r="G31439" i="1"/>
  <c r="G31440" i="1"/>
  <c r="G31441" i="1"/>
  <c r="G31442" i="1"/>
  <c r="G31443" i="1"/>
  <c r="G31444" i="1"/>
  <c r="G31445" i="1"/>
  <c r="G31446" i="1"/>
  <c r="G31447" i="1"/>
  <c r="G31448" i="1"/>
  <c r="G31449" i="1"/>
  <c r="G31450" i="1"/>
  <c r="G31451" i="1"/>
  <c r="G31452" i="1"/>
  <c r="G31453" i="1"/>
  <c r="G31454" i="1"/>
  <c r="G31455" i="1"/>
  <c r="G31456" i="1"/>
  <c r="G31457" i="1"/>
  <c r="G31458" i="1"/>
  <c r="G31459" i="1"/>
  <c r="G31460" i="1"/>
  <c r="G31461" i="1"/>
  <c r="G31462" i="1"/>
  <c r="G31463" i="1"/>
  <c r="G31464" i="1"/>
  <c r="G31465" i="1"/>
  <c r="G31466" i="1"/>
  <c r="G31467" i="1"/>
  <c r="G31468" i="1"/>
  <c r="G31469" i="1"/>
  <c r="G31470" i="1"/>
  <c r="G31471" i="1"/>
  <c r="G31472" i="1"/>
  <c r="G31473" i="1"/>
  <c r="G31474" i="1"/>
  <c r="G31475" i="1"/>
  <c r="G31476" i="1"/>
  <c r="G31477" i="1"/>
  <c r="G31478" i="1"/>
  <c r="G31479" i="1"/>
  <c r="G31480" i="1"/>
  <c r="G31481" i="1"/>
  <c r="G31482" i="1"/>
  <c r="G31483" i="1"/>
  <c r="G31484" i="1"/>
  <c r="G31485" i="1"/>
  <c r="G31486" i="1"/>
  <c r="G31487" i="1"/>
  <c r="G31488" i="1"/>
  <c r="G31489" i="1"/>
  <c r="G31490" i="1"/>
  <c r="G31491" i="1"/>
  <c r="G31492" i="1"/>
  <c r="G31493" i="1"/>
  <c r="G31494" i="1"/>
  <c r="G31495" i="1"/>
  <c r="G31496" i="1"/>
  <c r="G31497" i="1"/>
  <c r="G31498" i="1"/>
  <c r="G31499" i="1"/>
  <c r="G31500" i="1"/>
  <c r="G31501" i="1"/>
  <c r="G31502" i="1"/>
  <c r="G31503" i="1"/>
  <c r="G31504" i="1"/>
  <c r="G31505" i="1"/>
  <c r="G31506" i="1"/>
  <c r="G31507" i="1"/>
  <c r="G31508" i="1"/>
  <c r="G31509" i="1"/>
  <c r="G31510" i="1"/>
  <c r="G31511" i="1"/>
  <c r="G31512" i="1"/>
  <c r="G31513" i="1"/>
  <c r="G31514" i="1"/>
  <c r="G31515" i="1"/>
  <c r="G31516" i="1"/>
  <c r="G31517" i="1"/>
  <c r="G31518" i="1"/>
  <c r="G31519" i="1"/>
  <c r="G31520" i="1"/>
  <c r="G31521" i="1"/>
  <c r="G31522" i="1"/>
  <c r="G31523" i="1"/>
  <c r="G31524" i="1"/>
  <c r="G31525" i="1"/>
  <c r="G31526" i="1"/>
  <c r="G31527" i="1"/>
  <c r="G31528" i="1"/>
  <c r="G31529" i="1"/>
  <c r="G31530" i="1"/>
  <c r="G31531" i="1"/>
  <c r="G31532" i="1"/>
  <c r="G31533" i="1"/>
  <c r="G31534" i="1"/>
  <c r="G31535" i="1"/>
  <c r="G31536" i="1"/>
  <c r="G31537" i="1"/>
  <c r="G31538" i="1"/>
  <c r="G31539" i="1"/>
  <c r="G31540" i="1"/>
  <c r="G31541" i="1"/>
  <c r="G31542" i="1"/>
  <c r="G31543" i="1"/>
  <c r="G31544" i="1"/>
  <c r="G31545" i="1"/>
  <c r="G31546" i="1"/>
  <c r="G31547" i="1"/>
  <c r="G31548" i="1"/>
  <c r="G31549" i="1"/>
  <c r="G31550" i="1"/>
  <c r="G31551" i="1"/>
  <c r="G31552" i="1"/>
  <c r="G31553" i="1"/>
  <c r="G31554" i="1"/>
  <c r="G31555" i="1"/>
  <c r="G31556" i="1"/>
  <c r="G31557" i="1"/>
  <c r="G31558" i="1"/>
  <c r="G31559" i="1"/>
  <c r="G31560" i="1"/>
  <c r="G31561" i="1"/>
  <c r="G31562" i="1"/>
  <c r="G31563" i="1"/>
  <c r="G31564" i="1"/>
  <c r="G31565" i="1"/>
  <c r="G31566" i="1"/>
  <c r="G31567" i="1"/>
  <c r="G31568" i="1"/>
  <c r="G31569" i="1"/>
  <c r="G31570" i="1"/>
  <c r="G31571" i="1"/>
  <c r="G31572" i="1"/>
  <c r="G31573" i="1"/>
  <c r="G31574" i="1"/>
  <c r="G31575" i="1"/>
  <c r="G31576" i="1"/>
  <c r="G31577" i="1"/>
  <c r="G31578" i="1"/>
  <c r="G31579" i="1"/>
  <c r="G31580" i="1"/>
  <c r="G31581" i="1"/>
  <c r="G31582" i="1"/>
  <c r="G31583" i="1"/>
  <c r="G31584" i="1"/>
  <c r="G31585" i="1"/>
  <c r="G31586" i="1"/>
  <c r="G31587" i="1"/>
  <c r="G31588" i="1"/>
  <c r="G31589" i="1"/>
  <c r="G31590" i="1"/>
  <c r="G31591" i="1"/>
  <c r="G31592" i="1"/>
  <c r="G31593" i="1"/>
  <c r="G31594" i="1"/>
  <c r="G31595" i="1"/>
  <c r="G31596" i="1"/>
  <c r="G31597" i="1"/>
  <c r="G31598" i="1"/>
  <c r="G31599" i="1"/>
  <c r="G31600" i="1"/>
  <c r="G31601" i="1"/>
  <c r="G31602" i="1"/>
  <c r="G31603" i="1"/>
  <c r="G31604" i="1"/>
  <c r="G31605" i="1"/>
  <c r="G31606" i="1"/>
  <c r="G31607" i="1"/>
  <c r="G31608" i="1"/>
  <c r="G31609" i="1"/>
  <c r="G31610" i="1"/>
  <c r="G31611" i="1"/>
  <c r="G31612" i="1"/>
  <c r="G31613" i="1"/>
  <c r="G31614" i="1"/>
  <c r="G31615" i="1"/>
  <c r="G31616" i="1"/>
  <c r="G31617" i="1"/>
  <c r="G31618" i="1"/>
  <c r="G31619" i="1"/>
  <c r="G31620" i="1"/>
  <c r="G31621" i="1"/>
  <c r="G31622" i="1"/>
  <c r="G31623" i="1"/>
  <c r="G31624" i="1"/>
  <c r="G31625" i="1"/>
  <c r="G31626" i="1"/>
  <c r="G31627" i="1"/>
  <c r="G31628" i="1"/>
  <c r="G31629" i="1"/>
  <c r="G31630" i="1"/>
  <c r="G31631" i="1"/>
  <c r="G31632" i="1"/>
  <c r="G31633" i="1"/>
  <c r="G31634" i="1"/>
  <c r="G31635" i="1"/>
  <c r="G31636" i="1"/>
  <c r="G31637" i="1"/>
  <c r="G31638" i="1"/>
  <c r="G31639" i="1"/>
  <c r="G31640" i="1"/>
  <c r="G31641" i="1"/>
  <c r="G31642" i="1"/>
  <c r="G31643" i="1"/>
  <c r="G31644" i="1"/>
  <c r="G31645" i="1"/>
  <c r="G31646" i="1"/>
  <c r="G31647" i="1"/>
  <c r="G31648" i="1"/>
  <c r="G31649" i="1"/>
  <c r="G31650" i="1"/>
  <c r="G31651" i="1"/>
  <c r="G31652" i="1"/>
  <c r="G31653" i="1"/>
  <c r="G31654" i="1"/>
  <c r="G31655" i="1"/>
  <c r="G31656" i="1"/>
  <c r="G31657" i="1"/>
  <c r="G31658" i="1"/>
  <c r="G31659" i="1"/>
  <c r="G31660" i="1"/>
  <c r="G31661" i="1"/>
  <c r="G31662" i="1"/>
  <c r="G31663" i="1"/>
  <c r="G31664" i="1"/>
  <c r="G31665" i="1"/>
  <c r="G31666" i="1"/>
  <c r="G31667" i="1"/>
  <c r="G31668" i="1"/>
  <c r="G31669" i="1"/>
  <c r="G31670" i="1"/>
  <c r="G31671" i="1"/>
  <c r="G31672" i="1"/>
  <c r="G31673" i="1"/>
  <c r="G31674" i="1"/>
  <c r="G31675" i="1"/>
  <c r="G31676" i="1"/>
  <c r="G31677" i="1"/>
  <c r="G31678" i="1"/>
  <c r="G31679" i="1"/>
  <c r="G31680" i="1"/>
  <c r="G31681" i="1"/>
  <c r="G31682" i="1"/>
  <c r="G31683" i="1"/>
  <c r="G31684" i="1"/>
  <c r="G31685" i="1"/>
  <c r="G31686" i="1"/>
  <c r="G31687" i="1"/>
  <c r="G31688" i="1"/>
  <c r="G31689" i="1"/>
  <c r="G31690" i="1"/>
  <c r="G31691" i="1"/>
  <c r="G31692" i="1"/>
  <c r="G31693" i="1"/>
  <c r="G31694" i="1"/>
  <c r="G31695" i="1"/>
  <c r="G31696" i="1"/>
  <c r="G31697" i="1"/>
  <c r="G31698" i="1"/>
  <c r="G31699" i="1"/>
  <c r="G31700" i="1"/>
  <c r="G31701" i="1"/>
  <c r="G31702" i="1"/>
  <c r="G31703" i="1"/>
  <c r="G31704" i="1"/>
  <c r="G31705" i="1"/>
  <c r="G31706" i="1"/>
  <c r="G31707" i="1"/>
  <c r="G31708" i="1"/>
  <c r="G31709" i="1"/>
  <c r="G31710" i="1"/>
  <c r="G31711" i="1"/>
  <c r="G31712" i="1"/>
  <c r="G31713" i="1"/>
  <c r="G31714" i="1"/>
  <c r="G31715" i="1"/>
  <c r="G31716" i="1"/>
  <c r="G31717" i="1"/>
  <c r="G31718" i="1"/>
  <c r="G31719" i="1"/>
  <c r="G31720" i="1"/>
  <c r="G31721" i="1"/>
  <c r="G31722" i="1"/>
  <c r="G31723" i="1"/>
  <c r="G31724" i="1"/>
  <c r="G31725" i="1"/>
  <c r="G31726" i="1"/>
  <c r="G31727" i="1"/>
  <c r="G31728" i="1"/>
  <c r="G31729" i="1"/>
  <c r="G31730" i="1"/>
  <c r="G31731" i="1"/>
  <c r="G31732" i="1"/>
  <c r="G31733" i="1"/>
  <c r="G31734" i="1"/>
  <c r="G31735" i="1"/>
  <c r="G31736" i="1"/>
  <c r="G31737" i="1"/>
  <c r="G31738" i="1"/>
  <c r="G31739" i="1"/>
  <c r="G31740" i="1"/>
  <c r="G31741" i="1"/>
  <c r="G31742" i="1"/>
  <c r="G31743" i="1"/>
  <c r="G31744" i="1"/>
  <c r="G31745" i="1"/>
  <c r="G31746" i="1"/>
  <c r="G31747" i="1"/>
  <c r="G31748" i="1"/>
  <c r="G31749" i="1"/>
  <c r="G31750" i="1"/>
  <c r="G31751" i="1"/>
  <c r="G31752" i="1"/>
  <c r="G31753" i="1"/>
  <c r="G31754" i="1"/>
  <c r="G31755" i="1"/>
  <c r="G31756" i="1"/>
  <c r="G31757" i="1"/>
  <c r="G31758" i="1"/>
  <c r="G31759" i="1"/>
  <c r="G31760" i="1"/>
  <c r="G31761" i="1"/>
  <c r="G31762" i="1"/>
  <c r="G31763" i="1"/>
  <c r="G31764" i="1"/>
  <c r="G31765" i="1"/>
  <c r="G31766" i="1"/>
  <c r="G31767" i="1"/>
  <c r="G31768" i="1"/>
  <c r="G31769" i="1"/>
  <c r="G31770" i="1"/>
  <c r="G31771" i="1"/>
  <c r="G31772" i="1"/>
  <c r="G31773" i="1"/>
  <c r="G31774" i="1"/>
  <c r="G31775" i="1"/>
  <c r="G31776" i="1"/>
  <c r="G31777" i="1"/>
  <c r="G31778" i="1"/>
  <c r="G31779" i="1"/>
  <c r="G31780" i="1"/>
  <c r="G31781" i="1"/>
  <c r="G31782" i="1"/>
  <c r="G31783" i="1"/>
  <c r="G31784" i="1"/>
  <c r="G31785" i="1"/>
  <c r="G31786" i="1"/>
  <c r="G31787" i="1"/>
  <c r="G31788" i="1"/>
  <c r="G31789" i="1"/>
  <c r="G31790" i="1"/>
  <c r="G31791" i="1"/>
  <c r="G31792" i="1"/>
  <c r="G31793" i="1"/>
  <c r="G31794" i="1"/>
  <c r="G31795" i="1"/>
  <c r="G31796" i="1"/>
  <c r="G31797" i="1"/>
  <c r="G31798" i="1"/>
  <c r="G31799" i="1"/>
  <c r="G31800" i="1"/>
  <c r="G31801" i="1"/>
  <c r="G31802" i="1"/>
  <c r="G31803" i="1"/>
  <c r="G31804" i="1"/>
  <c r="G31805" i="1"/>
  <c r="G31806" i="1"/>
  <c r="G31807" i="1"/>
  <c r="G31808" i="1"/>
  <c r="G31809" i="1"/>
  <c r="G31810" i="1"/>
  <c r="G31811" i="1"/>
  <c r="G31812" i="1"/>
  <c r="G31813" i="1"/>
  <c r="G31814" i="1"/>
  <c r="G31815" i="1"/>
  <c r="G31816" i="1"/>
  <c r="G31817" i="1"/>
  <c r="G31818" i="1"/>
  <c r="G31819" i="1"/>
  <c r="G31820" i="1"/>
  <c r="G31821" i="1"/>
  <c r="G31822" i="1"/>
  <c r="G31823" i="1"/>
  <c r="G31824" i="1"/>
  <c r="G31825" i="1"/>
  <c r="G31826" i="1"/>
  <c r="G31827" i="1"/>
  <c r="G31828" i="1"/>
  <c r="G31829" i="1"/>
  <c r="G31830" i="1"/>
  <c r="G31831" i="1"/>
  <c r="G31832" i="1"/>
  <c r="G31833" i="1"/>
  <c r="G31834" i="1"/>
  <c r="G31835" i="1"/>
  <c r="G31836" i="1"/>
  <c r="G31837" i="1"/>
  <c r="G31838" i="1"/>
  <c r="G31839" i="1"/>
  <c r="G31840" i="1"/>
  <c r="G31841" i="1"/>
  <c r="G31842" i="1"/>
  <c r="G31843" i="1"/>
  <c r="G31844" i="1"/>
  <c r="G31845" i="1"/>
  <c r="G31846" i="1"/>
  <c r="G31847" i="1"/>
  <c r="G31848" i="1"/>
  <c r="G31849" i="1"/>
  <c r="G31850" i="1"/>
  <c r="G31851" i="1"/>
  <c r="G31852" i="1"/>
  <c r="G31853" i="1"/>
  <c r="G31854" i="1"/>
  <c r="G31855" i="1"/>
  <c r="G31856" i="1"/>
  <c r="G31857" i="1"/>
  <c r="G31858" i="1"/>
  <c r="G31859" i="1"/>
  <c r="G31860" i="1"/>
  <c r="G31861" i="1"/>
  <c r="G31862" i="1"/>
  <c r="G31863" i="1"/>
  <c r="G31864" i="1"/>
  <c r="G31865" i="1"/>
  <c r="G31866" i="1"/>
  <c r="G31867" i="1"/>
  <c r="G31868" i="1"/>
  <c r="G31869" i="1"/>
  <c r="G31870" i="1"/>
  <c r="G31871" i="1"/>
  <c r="G31872" i="1"/>
  <c r="G31873" i="1"/>
  <c r="G31874" i="1"/>
  <c r="G31875" i="1"/>
  <c r="G31876" i="1"/>
  <c r="G31877" i="1"/>
  <c r="G31878" i="1"/>
  <c r="G31879" i="1"/>
  <c r="G31880" i="1"/>
  <c r="G31881" i="1"/>
  <c r="G31882" i="1"/>
  <c r="G31883" i="1"/>
  <c r="G31884" i="1"/>
  <c r="G31885" i="1"/>
  <c r="G31886" i="1"/>
  <c r="G31887" i="1"/>
  <c r="G31888" i="1"/>
  <c r="G31889" i="1"/>
  <c r="G31890" i="1"/>
  <c r="G31891" i="1"/>
  <c r="G31892" i="1"/>
  <c r="G31893" i="1"/>
  <c r="G31894" i="1"/>
  <c r="G31895" i="1"/>
  <c r="G31896" i="1"/>
  <c r="G31897" i="1"/>
  <c r="G31898" i="1"/>
  <c r="G31899" i="1"/>
  <c r="G31900" i="1"/>
  <c r="G31901" i="1"/>
  <c r="G31902" i="1"/>
  <c r="G31903" i="1"/>
  <c r="G31904" i="1"/>
  <c r="G31905" i="1"/>
  <c r="G31906" i="1"/>
  <c r="G31907" i="1"/>
  <c r="G31908" i="1"/>
  <c r="G31909" i="1"/>
  <c r="G31910" i="1"/>
  <c r="G31911" i="1"/>
  <c r="G31912" i="1"/>
  <c r="G31913" i="1"/>
  <c r="G31914" i="1"/>
  <c r="G31915" i="1"/>
  <c r="G31916" i="1"/>
  <c r="G31917" i="1"/>
  <c r="G31918" i="1"/>
  <c r="G31919" i="1"/>
  <c r="G31920" i="1"/>
  <c r="G31921" i="1"/>
  <c r="G31922" i="1"/>
  <c r="G31923" i="1"/>
  <c r="G31924" i="1"/>
  <c r="G31925" i="1"/>
  <c r="G31926" i="1"/>
  <c r="G31927" i="1"/>
  <c r="G31928" i="1"/>
  <c r="G31929" i="1"/>
  <c r="G31930" i="1"/>
  <c r="G31931" i="1"/>
  <c r="G31932" i="1"/>
  <c r="G31933" i="1"/>
  <c r="G31934" i="1"/>
  <c r="G31935" i="1"/>
  <c r="G31936" i="1"/>
  <c r="G31937" i="1"/>
  <c r="G31938" i="1"/>
  <c r="G31939" i="1"/>
  <c r="G31940" i="1"/>
  <c r="G31941" i="1"/>
  <c r="G31942" i="1"/>
  <c r="G31943" i="1"/>
  <c r="G31944" i="1"/>
  <c r="G31945" i="1"/>
  <c r="G31946" i="1"/>
  <c r="G31947" i="1"/>
  <c r="G31948" i="1"/>
  <c r="G31949" i="1"/>
  <c r="G31950" i="1"/>
  <c r="G31951" i="1"/>
  <c r="G31952" i="1"/>
  <c r="G31953" i="1"/>
  <c r="G31954" i="1"/>
  <c r="G31955" i="1"/>
  <c r="G31956" i="1"/>
  <c r="G31957" i="1"/>
  <c r="G31958" i="1"/>
  <c r="G31959" i="1"/>
  <c r="G31960" i="1"/>
  <c r="G31961" i="1"/>
  <c r="G31962" i="1"/>
  <c r="G31963" i="1"/>
  <c r="G31964" i="1"/>
  <c r="G31965" i="1"/>
  <c r="G31966" i="1"/>
  <c r="G31967" i="1"/>
  <c r="G31968" i="1"/>
  <c r="G31969" i="1"/>
  <c r="G31970" i="1"/>
  <c r="G31971" i="1"/>
  <c r="G31972" i="1"/>
  <c r="G31973" i="1"/>
  <c r="G31974" i="1"/>
  <c r="G31975" i="1"/>
  <c r="G31976" i="1"/>
  <c r="G31977" i="1"/>
  <c r="G31978" i="1"/>
  <c r="G31979" i="1"/>
  <c r="G31980" i="1"/>
  <c r="G31981" i="1"/>
  <c r="G31982" i="1"/>
  <c r="G31983" i="1"/>
  <c r="G31984" i="1"/>
  <c r="G31985" i="1"/>
  <c r="G31986" i="1"/>
  <c r="G31987" i="1"/>
  <c r="G31988" i="1"/>
  <c r="G31989" i="1"/>
  <c r="G31990" i="1"/>
  <c r="G31991" i="1"/>
  <c r="G31992" i="1"/>
  <c r="G31993" i="1"/>
  <c r="G31994" i="1"/>
  <c r="G31995" i="1"/>
  <c r="G31996" i="1"/>
  <c r="G31997" i="1"/>
  <c r="G31998" i="1"/>
  <c r="G31999" i="1"/>
  <c r="G32000" i="1"/>
  <c r="G32001" i="1"/>
  <c r="G32002" i="1"/>
  <c r="G32003" i="1"/>
  <c r="G32004" i="1"/>
  <c r="G32005" i="1"/>
  <c r="G32006" i="1"/>
  <c r="G32007" i="1"/>
  <c r="G32008" i="1"/>
  <c r="G32009" i="1"/>
  <c r="G32010" i="1"/>
  <c r="G32011" i="1"/>
  <c r="G32012" i="1"/>
  <c r="G32013" i="1"/>
  <c r="G32014" i="1"/>
  <c r="G32015" i="1"/>
  <c r="G32016" i="1"/>
  <c r="G32017" i="1"/>
  <c r="G32018" i="1"/>
  <c r="G32019" i="1"/>
  <c r="G32020" i="1"/>
  <c r="G32021" i="1"/>
  <c r="G32022" i="1"/>
  <c r="G32023" i="1"/>
  <c r="G32024" i="1"/>
  <c r="G32025" i="1"/>
  <c r="G32026" i="1"/>
  <c r="G32027" i="1"/>
  <c r="G32028" i="1"/>
  <c r="G32029" i="1"/>
  <c r="G32030" i="1"/>
  <c r="G32031" i="1"/>
  <c r="G32032" i="1"/>
  <c r="G32033" i="1"/>
  <c r="G32034" i="1"/>
  <c r="G32035" i="1"/>
  <c r="G32036" i="1"/>
  <c r="G32037" i="1"/>
  <c r="G32038" i="1"/>
  <c r="G32039" i="1"/>
  <c r="G32040" i="1"/>
  <c r="G32041" i="1"/>
  <c r="G32042" i="1"/>
  <c r="G32043" i="1"/>
  <c r="G32044" i="1"/>
  <c r="G32045" i="1"/>
  <c r="G32046" i="1"/>
  <c r="G32047" i="1"/>
  <c r="G32048" i="1"/>
  <c r="G32049" i="1"/>
  <c r="G32050" i="1"/>
  <c r="G32051" i="1"/>
  <c r="G32052" i="1"/>
  <c r="G32053" i="1"/>
  <c r="G32054" i="1"/>
  <c r="G32055" i="1"/>
  <c r="G32056" i="1"/>
  <c r="G32057" i="1"/>
  <c r="G32058" i="1"/>
  <c r="G32059" i="1"/>
  <c r="G32060" i="1"/>
  <c r="G32061" i="1"/>
  <c r="G32062" i="1"/>
  <c r="G32063" i="1"/>
  <c r="G32064" i="1"/>
  <c r="G32065" i="1"/>
  <c r="G32066" i="1"/>
  <c r="G32067" i="1"/>
  <c r="G32068" i="1"/>
  <c r="G32069" i="1"/>
  <c r="G32070" i="1"/>
  <c r="G32071" i="1"/>
  <c r="G32072" i="1"/>
  <c r="G32073" i="1"/>
  <c r="G32074" i="1"/>
  <c r="G32075" i="1"/>
  <c r="G32076" i="1"/>
  <c r="G32077" i="1"/>
  <c r="G32078" i="1"/>
  <c r="G32079" i="1"/>
  <c r="G32080" i="1"/>
  <c r="G32081" i="1"/>
  <c r="G32082" i="1"/>
  <c r="G32083" i="1"/>
  <c r="G32084" i="1"/>
  <c r="G32085" i="1"/>
  <c r="G32086" i="1"/>
  <c r="G32087" i="1"/>
  <c r="G32088" i="1"/>
  <c r="G32089" i="1"/>
  <c r="G32090" i="1"/>
  <c r="G32091" i="1"/>
  <c r="G32092" i="1"/>
  <c r="G32093" i="1"/>
  <c r="G32094" i="1"/>
  <c r="G32095" i="1"/>
  <c r="G32096" i="1"/>
  <c r="G32097" i="1"/>
  <c r="G32098" i="1"/>
  <c r="G32099" i="1"/>
  <c r="G32100" i="1"/>
  <c r="G32101" i="1"/>
  <c r="G32102" i="1"/>
  <c r="G32103" i="1"/>
  <c r="G32104" i="1"/>
  <c r="G32105" i="1"/>
  <c r="G32106" i="1"/>
  <c r="G32107" i="1"/>
  <c r="G32108" i="1"/>
  <c r="G32109" i="1"/>
  <c r="G32110" i="1"/>
  <c r="G32111" i="1"/>
  <c r="G32112" i="1"/>
  <c r="G32113" i="1"/>
  <c r="G32114" i="1"/>
  <c r="G32115" i="1"/>
  <c r="G32116" i="1"/>
  <c r="G32117" i="1"/>
  <c r="G32118" i="1"/>
  <c r="G32119" i="1"/>
  <c r="G32120" i="1"/>
  <c r="G32121" i="1"/>
  <c r="G32122" i="1"/>
  <c r="G32123" i="1"/>
  <c r="G32124" i="1"/>
  <c r="G32125" i="1"/>
  <c r="G32126" i="1"/>
  <c r="G32127" i="1"/>
  <c r="G32128" i="1"/>
  <c r="G32129" i="1"/>
  <c r="G32130" i="1"/>
  <c r="G32131" i="1"/>
  <c r="G32132" i="1"/>
  <c r="G32133" i="1"/>
  <c r="G32134" i="1"/>
  <c r="G32135" i="1"/>
  <c r="G32136" i="1"/>
  <c r="G32137" i="1"/>
  <c r="G32138" i="1"/>
  <c r="G32139" i="1"/>
  <c r="G32140" i="1"/>
  <c r="G32141" i="1"/>
  <c r="G32142" i="1"/>
  <c r="G32143" i="1"/>
  <c r="G32144" i="1"/>
  <c r="G32145" i="1"/>
  <c r="G32146" i="1"/>
  <c r="G32147" i="1"/>
  <c r="G32148" i="1"/>
  <c r="G32149" i="1"/>
  <c r="G32150" i="1"/>
  <c r="G32151" i="1"/>
  <c r="G32152" i="1"/>
  <c r="G32153" i="1"/>
  <c r="G32154" i="1"/>
  <c r="G32155" i="1"/>
  <c r="G32156" i="1"/>
  <c r="G32157" i="1"/>
  <c r="G32158" i="1"/>
  <c r="G32159" i="1"/>
  <c r="G32160" i="1"/>
  <c r="G32161" i="1"/>
  <c r="G32162" i="1"/>
  <c r="G32163" i="1"/>
  <c r="G32164" i="1"/>
  <c r="G32165" i="1"/>
  <c r="G32166" i="1"/>
  <c r="G32167" i="1"/>
  <c r="G32168" i="1"/>
  <c r="G32169" i="1"/>
  <c r="G32170" i="1"/>
  <c r="G32171" i="1"/>
  <c r="G32172" i="1"/>
  <c r="G32173" i="1"/>
  <c r="G32174" i="1"/>
  <c r="G32175" i="1"/>
  <c r="G32176" i="1"/>
  <c r="G32177" i="1"/>
  <c r="G32178" i="1"/>
  <c r="G32179" i="1"/>
  <c r="G32180" i="1"/>
  <c r="G32181" i="1"/>
  <c r="G32182" i="1"/>
  <c r="G32183" i="1"/>
  <c r="G32184" i="1"/>
  <c r="G32185" i="1"/>
  <c r="G32186" i="1"/>
  <c r="G32187" i="1"/>
  <c r="G32188" i="1"/>
  <c r="G32189" i="1"/>
  <c r="G32190" i="1"/>
  <c r="G32191" i="1"/>
  <c r="G32192" i="1"/>
  <c r="G32193" i="1"/>
  <c r="G32194" i="1"/>
  <c r="G32195" i="1"/>
  <c r="G32196" i="1"/>
  <c r="G32197" i="1"/>
  <c r="G32198" i="1"/>
  <c r="G32199" i="1"/>
  <c r="G32200" i="1"/>
  <c r="G32201" i="1"/>
  <c r="G32202" i="1"/>
  <c r="G32203" i="1"/>
  <c r="G32204" i="1"/>
  <c r="G32205" i="1"/>
  <c r="G32206" i="1"/>
  <c r="G32207" i="1"/>
  <c r="G32208" i="1"/>
  <c r="G32209" i="1"/>
  <c r="G32210" i="1"/>
  <c r="G32211" i="1"/>
  <c r="G32212" i="1"/>
  <c r="G32213" i="1"/>
  <c r="G32214" i="1"/>
  <c r="G32215" i="1"/>
  <c r="G32216" i="1"/>
  <c r="G32217" i="1"/>
  <c r="G32218" i="1"/>
  <c r="G32219" i="1"/>
  <c r="G32220" i="1"/>
  <c r="G32221" i="1"/>
  <c r="G32222" i="1"/>
  <c r="G32223" i="1"/>
  <c r="G32224" i="1"/>
  <c r="G32225" i="1"/>
  <c r="G32226" i="1"/>
  <c r="G32227" i="1"/>
  <c r="G32228" i="1"/>
  <c r="G32229" i="1"/>
  <c r="G32230" i="1"/>
  <c r="G32231" i="1"/>
  <c r="G32232" i="1"/>
  <c r="G32233" i="1"/>
  <c r="G32234" i="1"/>
  <c r="G32235" i="1"/>
  <c r="G32236" i="1"/>
  <c r="G32237" i="1"/>
  <c r="G32238" i="1"/>
  <c r="G32239" i="1"/>
  <c r="G32240" i="1"/>
  <c r="G32241" i="1"/>
  <c r="G32242" i="1"/>
  <c r="G32243" i="1"/>
  <c r="G32244" i="1"/>
  <c r="G32245" i="1"/>
  <c r="G32246" i="1"/>
  <c r="G32247" i="1"/>
  <c r="G32248" i="1"/>
  <c r="G32249" i="1"/>
  <c r="G32250" i="1"/>
  <c r="G32251" i="1"/>
  <c r="G32252" i="1"/>
  <c r="G32253" i="1"/>
  <c r="G32254" i="1"/>
  <c r="G32255" i="1"/>
  <c r="G32256" i="1"/>
  <c r="G32257" i="1"/>
  <c r="G32258" i="1"/>
  <c r="G32259" i="1"/>
  <c r="G32260" i="1"/>
  <c r="G32261" i="1"/>
  <c r="G32262" i="1"/>
  <c r="G32263" i="1"/>
  <c r="G32264" i="1"/>
  <c r="G32265" i="1"/>
  <c r="G32266" i="1"/>
  <c r="G32267" i="1"/>
  <c r="G32268" i="1"/>
  <c r="G32269" i="1"/>
  <c r="G32270" i="1"/>
  <c r="G32271" i="1"/>
  <c r="G32272" i="1"/>
  <c r="G32273" i="1"/>
  <c r="G32274" i="1"/>
  <c r="G32275" i="1"/>
  <c r="G32276" i="1"/>
  <c r="G32277" i="1"/>
  <c r="G32278" i="1"/>
  <c r="G32279" i="1"/>
  <c r="G32280" i="1"/>
  <c r="G32281" i="1"/>
  <c r="G32282" i="1"/>
  <c r="G32283" i="1"/>
  <c r="G32284" i="1"/>
  <c r="G32285" i="1"/>
  <c r="G32286" i="1"/>
  <c r="G32287" i="1"/>
  <c r="G32288" i="1"/>
  <c r="G32289" i="1"/>
  <c r="G32290" i="1"/>
  <c r="G32291" i="1"/>
  <c r="G32292" i="1"/>
  <c r="G32293" i="1"/>
  <c r="G32294" i="1"/>
  <c r="G32295" i="1"/>
  <c r="G32296" i="1"/>
  <c r="G32297" i="1"/>
  <c r="G32298" i="1"/>
  <c r="G32299" i="1"/>
  <c r="G32300" i="1"/>
  <c r="G32301" i="1"/>
  <c r="G32302" i="1"/>
  <c r="G32303" i="1"/>
  <c r="G32304" i="1"/>
  <c r="G32305" i="1"/>
  <c r="G32306" i="1"/>
  <c r="G32307" i="1"/>
  <c r="G32308" i="1"/>
  <c r="G32309" i="1"/>
  <c r="G32310" i="1"/>
  <c r="G32311" i="1"/>
  <c r="G32312" i="1"/>
  <c r="G32313" i="1"/>
  <c r="G32314" i="1"/>
  <c r="G32315" i="1"/>
  <c r="G32316" i="1"/>
  <c r="G32317" i="1"/>
  <c r="G32318" i="1"/>
  <c r="G32319" i="1"/>
  <c r="G32320" i="1"/>
  <c r="G32321" i="1"/>
  <c r="G32322" i="1"/>
  <c r="G32323" i="1"/>
  <c r="G32324" i="1"/>
  <c r="G32325" i="1"/>
  <c r="G32326" i="1"/>
  <c r="G32327" i="1"/>
  <c r="G32328" i="1"/>
  <c r="G32329" i="1"/>
  <c r="G32330" i="1"/>
  <c r="G32331" i="1"/>
  <c r="G32332" i="1"/>
  <c r="G32333" i="1"/>
  <c r="G32334" i="1"/>
  <c r="G32335" i="1"/>
  <c r="G32336" i="1"/>
  <c r="G32337" i="1"/>
  <c r="G32338" i="1"/>
  <c r="G32339" i="1"/>
  <c r="G32340" i="1"/>
  <c r="G32341" i="1"/>
  <c r="G32342" i="1"/>
  <c r="G32343" i="1"/>
  <c r="G32344" i="1"/>
  <c r="G32345" i="1"/>
  <c r="G32346" i="1"/>
  <c r="G32347" i="1"/>
  <c r="G32348" i="1"/>
  <c r="G32349" i="1"/>
  <c r="G32350" i="1"/>
  <c r="G32351" i="1"/>
  <c r="G32352" i="1"/>
  <c r="G32353" i="1"/>
  <c r="G32354" i="1"/>
  <c r="G32355" i="1"/>
  <c r="G32356" i="1"/>
  <c r="G32357" i="1"/>
  <c r="G32358" i="1"/>
  <c r="G32359" i="1"/>
  <c r="G32360" i="1"/>
  <c r="G32361" i="1"/>
  <c r="G32362" i="1"/>
  <c r="G32363" i="1"/>
  <c r="G32364" i="1"/>
  <c r="G32365" i="1"/>
  <c r="G32366" i="1"/>
  <c r="G32367" i="1"/>
  <c r="G32368" i="1"/>
  <c r="G32369" i="1"/>
  <c r="G32370" i="1"/>
  <c r="G32371" i="1"/>
  <c r="G32372" i="1"/>
  <c r="G32373" i="1"/>
  <c r="G32374" i="1"/>
  <c r="G32375" i="1"/>
  <c r="G32376" i="1"/>
  <c r="G32377" i="1"/>
  <c r="G32378" i="1"/>
  <c r="G32379" i="1"/>
  <c r="G32380" i="1"/>
  <c r="G32381" i="1"/>
  <c r="G32382" i="1"/>
  <c r="G32383" i="1"/>
  <c r="G32384" i="1"/>
  <c r="G32385" i="1"/>
  <c r="G32386" i="1"/>
  <c r="G32387" i="1"/>
  <c r="G32388" i="1"/>
  <c r="G32389" i="1"/>
  <c r="G32390" i="1"/>
  <c r="G32391" i="1"/>
  <c r="G32392" i="1"/>
  <c r="G32393" i="1"/>
  <c r="G32394" i="1"/>
  <c r="G32395" i="1"/>
  <c r="G32396" i="1"/>
  <c r="G32397" i="1"/>
  <c r="G32398" i="1"/>
  <c r="G32399" i="1"/>
  <c r="G32400" i="1"/>
  <c r="G32401" i="1"/>
  <c r="G32402" i="1"/>
  <c r="G32403" i="1"/>
  <c r="G32404" i="1"/>
  <c r="G32405" i="1"/>
  <c r="G32406" i="1"/>
  <c r="G32407" i="1"/>
  <c r="G32408" i="1"/>
  <c r="G32409" i="1"/>
  <c r="G32410" i="1"/>
  <c r="G32411" i="1"/>
  <c r="G32412" i="1"/>
  <c r="G32413" i="1"/>
  <c r="G32414" i="1"/>
  <c r="G32415" i="1"/>
  <c r="G32416" i="1"/>
  <c r="G32417" i="1"/>
  <c r="G32418" i="1"/>
  <c r="G32419" i="1"/>
  <c r="G32420" i="1"/>
  <c r="G32421" i="1"/>
  <c r="G32422" i="1"/>
  <c r="G32423" i="1"/>
  <c r="G32424" i="1"/>
  <c r="G32425" i="1"/>
  <c r="G32426" i="1"/>
  <c r="G32427" i="1"/>
  <c r="G32428" i="1"/>
  <c r="G32429" i="1"/>
  <c r="G32430" i="1"/>
  <c r="G32431" i="1"/>
  <c r="G32432" i="1"/>
  <c r="G32433" i="1"/>
  <c r="G32434" i="1"/>
  <c r="G32435" i="1"/>
  <c r="G32436" i="1"/>
  <c r="G32437" i="1"/>
  <c r="G32438" i="1"/>
  <c r="G32439" i="1"/>
  <c r="G32440" i="1"/>
  <c r="G32441" i="1"/>
  <c r="G32442" i="1"/>
  <c r="G32443" i="1"/>
  <c r="G32444" i="1"/>
  <c r="G32445" i="1"/>
  <c r="G32446" i="1"/>
  <c r="G32447" i="1"/>
  <c r="G32448" i="1"/>
  <c r="G32449" i="1"/>
  <c r="G32450" i="1"/>
  <c r="G32451" i="1"/>
  <c r="G32452" i="1"/>
  <c r="G32453" i="1"/>
  <c r="G32454" i="1"/>
  <c r="G32455" i="1"/>
  <c r="G32456" i="1"/>
  <c r="G32457" i="1"/>
  <c r="G32458" i="1"/>
  <c r="G32459" i="1"/>
  <c r="G32460" i="1"/>
  <c r="G32461" i="1"/>
  <c r="G32462" i="1"/>
  <c r="G32463" i="1"/>
  <c r="G32464" i="1"/>
  <c r="G32465" i="1"/>
  <c r="G32466" i="1"/>
  <c r="G32467" i="1"/>
  <c r="G32468" i="1"/>
  <c r="G32469" i="1"/>
  <c r="G32470" i="1"/>
  <c r="G32471" i="1"/>
  <c r="G32472" i="1"/>
  <c r="G32473" i="1"/>
  <c r="G32474" i="1"/>
  <c r="G32475" i="1"/>
  <c r="G32476" i="1"/>
  <c r="G32477" i="1"/>
  <c r="G32478" i="1"/>
  <c r="G32479" i="1"/>
  <c r="G32480" i="1"/>
  <c r="G32481" i="1"/>
  <c r="G32482" i="1"/>
  <c r="G32483" i="1"/>
  <c r="G32484" i="1"/>
  <c r="G32485" i="1"/>
  <c r="G32486" i="1"/>
  <c r="G32487" i="1"/>
  <c r="G32488" i="1"/>
  <c r="G32489" i="1"/>
  <c r="G32490" i="1"/>
  <c r="G32491" i="1"/>
  <c r="G32492" i="1"/>
  <c r="G32493" i="1"/>
  <c r="G32494" i="1"/>
  <c r="G32495" i="1"/>
  <c r="G32496" i="1"/>
  <c r="G32497" i="1"/>
  <c r="G32498" i="1"/>
  <c r="G32499" i="1"/>
  <c r="G32500" i="1"/>
  <c r="G32501" i="1"/>
  <c r="G32502" i="1"/>
  <c r="G32503" i="1"/>
  <c r="G32504" i="1"/>
  <c r="G32505" i="1"/>
  <c r="G32506" i="1"/>
  <c r="G32507" i="1"/>
  <c r="G32508" i="1"/>
  <c r="G32509" i="1"/>
  <c r="G32510" i="1"/>
  <c r="G32511" i="1"/>
  <c r="G32512" i="1"/>
  <c r="G32513" i="1"/>
  <c r="G32514" i="1"/>
  <c r="G32515" i="1"/>
  <c r="G32516" i="1"/>
  <c r="G32517" i="1"/>
  <c r="G32518" i="1"/>
  <c r="G32519" i="1"/>
  <c r="G32520" i="1"/>
  <c r="G32521" i="1"/>
  <c r="G32522" i="1"/>
  <c r="G32523" i="1"/>
  <c r="G32524" i="1"/>
  <c r="G32525" i="1"/>
  <c r="G32526" i="1"/>
  <c r="G32527" i="1"/>
  <c r="G32528" i="1"/>
  <c r="G32529" i="1"/>
  <c r="G32530" i="1"/>
  <c r="G32531" i="1"/>
  <c r="G32532" i="1"/>
  <c r="G32533" i="1"/>
  <c r="G32534" i="1"/>
  <c r="G32535" i="1"/>
  <c r="G32536" i="1"/>
  <c r="G32537" i="1"/>
  <c r="G32538" i="1"/>
  <c r="G32539" i="1"/>
  <c r="G32540" i="1"/>
  <c r="G32541" i="1"/>
  <c r="G32542" i="1"/>
  <c r="G32543" i="1"/>
  <c r="G32544" i="1"/>
  <c r="G32545" i="1"/>
  <c r="G32546" i="1"/>
  <c r="G32547" i="1"/>
  <c r="G32548" i="1"/>
  <c r="G32549" i="1"/>
  <c r="G32550" i="1"/>
  <c r="G32551" i="1"/>
  <c r="G32552" i="1"/>
  <c r="G32553" i="1"/>
  <c r="G32554" i="1"/>
  <c r="G32555" i="1"/>
  <c r="G32556" i="1"/>
  <c r="G32557" i="1"/>
  <c r="G32558" i="1"/>
  <c r="G32559" i="1"/>
  <c r="G32560" i="1"/>
  <c r="G32561" i="1"/>
  <c r="G32562" i="1"/>
  <c r="G32563" i="1"/>
  <c r="G32564" i="1"/>
  <c r="G32565" i="1"/>
  <c r="G32566" i="1"/>
  <c r="G32567" i="1"/>
  <c r="G32568" i="1"/>
  <c r="G32569" i="1"/>
  <c r="G32570" i="1"/>
  <c r="G32571" i="1"/>
  <c r="G32572" i="1"/>
  <c r="G32573" i="1"/>
  <c r="G32574" i="1"/>
  <c r="G32575" i="1"/>
  <c r="G32576" i="1"/>
  <c r="G32577" i="1"/>
  <c r="G32578" i="1"/>
  <c r="G32579" i="1"/>
  <c r="G32580" i="1"/>
  <c r="G32581" i="1"/>
  <c r="G32582" i="1"/>
  <c r="G32583" i="1"/>
  <c r="G32584" i="1"/>
  <c r="G32585" i="1"/>
  <c r="G32586" i="1"/>
  <c r="G32587" i="1"/>
  <c r="G32588" i="1"/>
  <c r="G32589" i="1"/>
  <c r="G32590" i="1"/>
  <c r="G32591" i="1"/>
  <c r="G32592" i="1"/>
  <c r="G32593" i="1"/>
  <c r="G32594" i="1"/>
  <c r="G32595" i="1"/>
  <c r="G32596" i="1"/>
  <c r="G32597" i="1"/>
  <c r="G32598" i="1"/>
  <c r="G32599" i="1"/>
  <c r="G32600" i="1"/>
  <c r="G32601" i="1"/>
  <c r="G32602" i="1"/>
  <c r="G32603" i="1"/>
  <c r="G32604" i="1"/>
  <c r="G32605" i="1"/>
  <c r="G32606" i="1"/>
  <c r="G32607" i="1"/>
  <c r="G32608" i="1"/>
  <c r="G32609" i="1"/>
  <c r="G32610" i="1"/>
  <c r="G32611" i="1"/>
  <c r="G32612" i="1"/>
  <c r="G32613" i="1"/>
  <c r="G32614" i="1"/>
  <c r="G32615" i="1"/>
  <c r="G32616" i="1"/>
  <c r="G32617" i="1"/>
  <c r="G32618" i="1"/>
  <c r="G32619" i="1"/>
  <c r="G32620" i="1"/>
  <c r="G32621" i="1"/>
  <c r="G32622" i="1"/>
  <c r="G32623" i="1"/>
  <c r="G32624" i="1"/>
  <c r="G32625" i="1"/>
  <c r="G32626" i="1"/>
  <c r="G32627" i="1"/>
  <c r="G32628" i="1"/>
  <c r="G32629" i="1"/>
  <c r="G32630" i="1"/>
  <c r="G32631" i="1"/>
  <c r="G32632" i="1"/>
  <c r="G32633" i="1"/>
  <c r="G32634" i="1"/>
  <c r="G32635" i="1"/>
  <c r="G32636" i="1"/>
  <c r="G32637" i="1"/>
  <c r="G32638" i="1"/>
  <c r="G32639" i="1"/>
  <c r="G32640" i="1"/>
  <c r="G32641" i="1"/>
  <c r="G32642" i="1"/>
  <c r="G32643" i="1"/>
  <c r="G32644" i="1"/>
  <c r="G32645" i="1"/>
  <c r="G32646" i="1"/>
  <c r="G32647" i="1"/>
  <c r="G32648" i="1"/>
  <c r="G32649" i="1"/>
  <c r="G32650" i="1"/>
  <c r="G32651" i="1"/>
  <c r="G32652" i="1"/>
  <c r="G32653" i="1"/>
  <c r="G32654" i="1"/>
  <c r="G32655" i="1"/>
  <c r="G32656" i="1"/>
  <c r="G32657" i="1"/>
  <c r="G32658" i="1"/>
  <c r="G32659" i="1"/>
  <c r="G32660" i="1"/>
  <c r="G32661" i="1"/>
  <c r="G32662" i="1"/>
  <c r="G32663" i="1"/>
  <c r="G32664" i="1"/>
  <c r="G32665" i="1"/>
  <c r="G32666" i="1"/>
  <c r="G32667" i="1"/>
  <c r="G32668" i="1"/>
  <c r="G32669" i="1"/>
  <c r="G32670" i="1"/>
  <c r="G32671" i="1"/>
  <c r="G32672" i="1"/>
  <c r="G32673" i="1"/>
  <c r="G32674" i="1"/>
  <c r="G32675" i="1"/>
  <c r="G32676" i="1"/>
  <c r="G32677" i="1"/>
  <c r="G32678" i="1"/>
  <c r="G32679" i="1"/>
  <c r="G32680" i="1"/>
  <c r="G32681" i="1"/>
  <c r="G32682" i="1"/>
  <c r="G32683" i="1"/>
  <c r="G32684" i="1"/>
  <c r="G32685" i="1"/>
  <c r="G32686" i="1"/>
  <c r="G32687" i="1"/>
  <c r="G32688" i="1"/>
  <c r="G32689" i="1"/>
  <c r="G32690" i="1"/>
  <c r="G32691" i="1"/>
  <c r="G32692" i="1"/>
  <c r="G32693" i="1"/>
  <c r="G32694" i="1"/>
  <c r="G32695" i="1"/>
  <c r="G32696" i="1"/>
  <c r="G32697" i="1"/>
  <c r="G32698" i="1"/>
  <c r="G32699" i="1"/>
  <c r="G32700" i="1"/>
  <c r="G32701" i="1"/>
  <c r="G32702" i="1"/>
  <c r="G32703" i="1"/>
  <c r="G32704" i="1"/>
  <c r="G32705" i="1"/>
  <c r="G32706" i="1"/>
  <c r="G32707" i="1"/>
  <c r="G32708" i="1"/>
  <c r="G32709" i="1"/>
  <c r="G32710" i="1"/>
  <c r="G32711" i="1"/>
  <c r="G32712" i="1"/>
  <c r="G32713" i="1"/>
  <c r="G32714" i="1"/>
  <c r="G32715" i="1"/>
  <c r="G32716" i="1"/>
  <c r="G32717" i="1"/>
  <c r="G32718" i="1"/>
  <c r="G32719" i="1"/>
  <c r="G32720" i="1"/>
  <c r="G32721" i="1"/>
  <c r="G32722" i="1"/>
  <c r="G32723" i="1"/>
  <c r="G32724" i="1"/>
  <c r="G32725" i="1"/>
  <c r="G32726" i="1"/>
  <c r="G32727" i="1"/>
  <c r="G32728" i="1"/>
  <c r="G32729" i="1"/>
  <c r="G32730" i="1"/>
  <c r="G32731" i="1"/>
  <c r="G32732" i="1"/>
  <c r="G32733" i="1"/>
  <c r="G32734" i="1"/>
  <c r="G32735" i="1"/>
  <c r="G32736" i="1"/>
  <c r="G32737" i="1"/>
  <c r="G32738" i="1"/>
  <c r="G32739" i="1"/>
  <c r="G32740" i="1"/>
  <c r="G32741" i="1"/>
  <c r="G32742" i="1"/>
  <c r="G32743" i="1"/>
  <c r="G32744" i="1"/>
  <c r="G32745" i="1"/>
  <c r="G32746" i="1"/>
  <c r="G32747" i="1"/>
  <c r="G32748" i="1"/>
  <c r="G32749" i="1"/>
  <c r="G32750" i="1"/>
  <c r="G32751" i="1"/>
  <c r="G32752" i="1"/>
  <c r="G32753" i="1"/>
  <c r="G32754" i="1"/>
  <c r="G32755" i="1"/>
  <c r="G32756" i="1"/>
  <c r="G32757" i="1"/>
  <c r="G32758" i="1"/>
  <c r="G32759" i="1"/>
  <c r="G32760" i="1"/>
  <c r="G32761" i="1"/>
  <c r="G32762" i="1"/>
  <c r="G32763" i="1"/>
  <c r="G32764" i="1"/>
  <c r="G32765" i="1"/>
  <c r="G32766" i="1"/>
  <c r="G32767" i="1"/>
  <c r="G32768" i="1"/>
  <c r="G32769" i="1"/>
  <c r="G32770" i="1"/>
  <c r="G32771" i="1"/>
  <c r="G32772" i="1"/>
  <c r="G32773" i="1"/>
  <c r="G32774" i="1"/>
  <c r="G32775" i="1"/>
  <c r="G32776" i="1"/>
  <c r="G32777" i="1"/>
  <c r="G32778" i="1"/>
  <c r="G32779" i="1"/>
  <c r="G32780" i="1"/>
  <c r="G32781" i="1"/>
  <c r="G32782" i="1"/>
  <c r="G32783" i="1"/>
  <c r="G32784" i="1"/>
  <c r="G32785" i="1"/>
  <c r="G32786" i="1"/>
  <c r="G32787" i="1"/>
  <c r="G32788" i="1"/>
  <c r="G32789" i="1"/>
  <c r="G32790" i="1"/>
  <c r="G32791" i="1"/>
  <c r="G32792" i="1"/>
  <c r="G32793" i="1"/>
  <c r="G32794" i="1"/>
  <c r="G32795" i="1"/>
  <c r="G32796" i="1"/>
  <c r="G32797" i="1"/>
  <c r="G32798" i="1"/>
  <c r="G32799" i="1"/>
  <c r="G32800" i="1"/>
  <c r="G32801" i="1"/>
  <c r="G32802" i="1"/>
  <c r="G32803" i="1"/>
  <c r="G32804" i="1"/>
  <c r="G32805" i="1"/>
  <c r="G32806" i="1"/>
  <c r="G32807" i="1"/>
  <c r="G32808" i="1"/>
  <c r="G32809" i="1"/>
  <c r="G32810" i="1"/>
  <c r="G32811" i="1"/>
  <c r="G32812" i="1"/>
  <c r="G32813" i="1"/>
  <c r="G32814" i="1"/>
  <c r="G32815" i="1"/>
  <c r="G32816" i="1"/>
  <c r="G32817" i="1"/>
  <c r="G32818" i="1"/>
  <c r="G32819" i="1"/>
  <c r="G32820" i="1"/>
  <c r="G32821" i="1"/>
  <c r="G32822" i="1"/>
  <c r="G32823" i="1"/>
  <c r="G32824" i="1"/>
  <c r="G32825" i="1"/>
  <c r="G32826" i="1"/>
  <c r="G32827" i="1"/>
  <c r="G32828" i="1"/>
  <c r="G32829" i="1"/>
  <c r="G32830" i="1"/>
  <c r="G32831" i="1"/>
  <c r="G32832" i="1"/>
  <c r="G32833" i="1"/>
  <c r="G32834" i="1"/>
  <c r="G32835" i="1"/>
  <c r="G32836" i="1"/>
  <c r="G32837" i="1"/>
  <c r="G32838" i="1"/>
  <c r="G32839" i="1"/>
  <c r="G32840" i="1"/>
  <c r="G32841" i="1"/>
  <c r="G32842" i="1"/>
  <c r="G32843" i="1"/>
  <c r="G32844" i="1"/>
  <c r="G32845" i="1"/>
  <c r="G32846" i="1"/>
  <c r="G32847" i="1"/>
  <c r="G32848" i="1"/>
  <c r="G32849" i="1"/>
  <c r="G32850" i="1"/>
  <c r="G32851" i="1"/>
  <c r="G32852" i="1"/>
  <c r="G32853" i="1"/>
  <c r="G32854" i="1"/>
  <c r="G32855" i="1"/>
  <c r="G32856" i="1"/>
  <c r="G32857" i="1"/>
  <c r="G32858" i="1"/>
  <c r="G32859" i="1"/>
  <c r="G32860" i="1"/>
  <c r="G32861" i="1"/>
  <c r="G32862" i="1"/>
  <c r="G32863" i="1"/>
  <c r="G32864" i="1"/>
  <c r="G32865" i="1"/>
  <c r="G32866" i="1"/>
  <c r="G32867" i="1"/>
  <c r="G32868" i="1"/>
  <c r="G32869" i="1"/>
  <c r="G32870" i="1"/>
  <c r="G32871" i="1"/>
  <c r="G32872" i="1"/>
  <c r="G32873" i="1"/>
  <c r="G32874" i="1"/>
  <c r="G32875" i="1"/>
  <c r="G32876" i="1"/>
  <c r="G32877" i="1"/>
  <c r="G32878" i="1"/>
  <c r="G32879" i="1"/>
  <c r="G32880" i="1"/>
  <c r="G32881" i="1"/>
  <c r="G32882" i="1"/>
  <c r="G32883" i="1"/>
  <c r="G32884" i="1"/>
  <c r="G32885" i="1"/>
  <c r="G32886" i="1"/>
  <c r="G32887" i="1"/>
  <c r="G32888" i="1"/>
  <c r="G32889" i="1"/>
  <c r="G32890" i="1"/>
  <c r="G32891" i="1"/>
  <c r="G32892" i="1"/>
  <c r="G32893" i="1"/>
  <c r="G32894" i="1"/>
  <c r="G32895" i="1"/>
  <c r="G32896" i="1"/>
  <c r="G32897" i="1"/>
  <c r="G32898" i="1"/>
  <c r="G32899" i="1"/>
  <c r="G32900" i="1"/>
  <c r="G32901" i="1"/>
  <c r="G32902" i="1"/>
  <c r="G32903" i="1"/>
  <c r="G32904" i="1"/>
  <c r="G32905" i="1"/>
  <c r="G32906" i="1"/>
  <c r="G32907" i="1"/>
  <c r="G32908" i="1"/>
  <c r="G32909" i="1"/>
  <c r="G32910" i="1"/>
  <c r="G32911" i="1"/>
  <c r="G32912" i="1"/>
  <c r="G32913" i="1"/>
  <c r="G32914" i="1"/>
  <c r="G32915" i="1"/>
  <c r="G32916" i="1"/>
  <c r="G32917" i="1"/>
  <c r="G32918" i="1"/>
  <c r="G32919" i="1"/>
  <c r="G32920" i="1"/>
  <c r="G32921" i="1"/>
  <c r="G32922" i="1"/>
  <c r="G32923" i="1"/>
  <c r="G32924" i="1"/>
  <c r="G32925" i="1"/>
  <c r="G32926" i="1"/>
  <c r="G32927" i="1"/>
  <c r="G32928" i="1"/>
  <c r="G32929" i="1"/>
  <c r="G32930" i="1"/>
  <c r="G32931" i="1"/>
  <c r="G32932" i="1"/>
  <c r="G32933" i="1"/>
  <c r="G32934" i="1"/>
  <c r="G32935" i="1"/>
  <c r="G32936" i="1"/>
  <c r="G32937" i="1"/>
  <c r="G32938" i="1"/>
  <c r="G32939" i="1"/>
  <c r="G32940" i="1"/>
  <c r="G32941" i="1"/>
  <c r="G32942" i="1"/>
  <c r="G32943" i="1"/>
  <c r="G32944" i="1"/>
  <c r="G32945" i="1"/>
  <c r="G32946" i="1"/>
  <c r="G32947" i="1"/>
  <c r="G32948" i="1"/>
  <c r="G32949" i="1"/>
  <c r="G32950" i="1"/>
  <c r="G32951" i="1"/>
  <c r="G32952" i="1"/>
  <c r="G32953" i="1"/>
  <c r="G32954" i="1"/>
  <c r="G32955" i="1"/>
  <c r="G32956" i="1"/>
  <c r="G32957" i="1"/>
  <c r="G32958" i="1"/>
  <c r="G32959" i="1"/>
  <c r="G32960" i="1"/>
  <c r="G32961" i="1"/>
  <c r="G32962" i="1"/>
  <c r="G32963" i="1"/>
  <c r="G32964" i="1"/>
  <c r="G32965" i="1"/>
  <c r="G32966" i="1"/>
  <c r="G32967" i="1"/>
  <c r="G32968" i="1"/>
  <c r="G32969" i="1"/>
  <c r="G32970" i="1"/>
  <c r="G32971" i="1"/>
  <c r="G32972" i="1"/>
  <c r="G32973" i="1"/>
  <c r="G32974" i="1"/>
  <c r="G32975" i="1"/>
  <c r="G32976" i="1"/>
  <c r="G32977" i="1"/>
  <c r="G32978" i="1"/>
  <c r="G32979" i="1"/>
  <c r="G32980" i="1"/>
  <c r="G32981" i="1"/>
  <c r="G32982" i="1"/>
  <c r="G32983" i="1"/>
  <c r="G32984" i="1"/>
  <c r="G32985" i="1"/>
  <c r="G32986" i="1"/>
  <c r="G32987" i="1"/>
  <c r="G32988" i="1"/>
  <c r="G32989" i="1"/>
  <c r="G32990" i="1"/>
  <c r="G32991" i="1"/>
  <c r="G32992" i="1"/>
  <c r="G32993" i="1"/>
  <c r="G32994" i="1"/>
  <c r="G32995" i="1"/>
  <c r="G32996" i="1"/>
  <c r="G32997" i="1"/>
  <c r="G32998" i="1"/>
  <c r="G32999" i="1"/>
  <c r="G33000" i="1"/>
  <c r="G33001" i="1"/>
  <c r="G33002" i="1"/>
  <c r="G33003" i="1"/>
  <c r="G33004" i="1"/>
  <c r="G33005" i="1"/>
  <c r="G33006" i="1"/>
  <c r="G33007" i="1"/>
  <c r="G33008" i="1"/>
  <c r="G33009" i="1"/>
  <c r="G33010" i="1"/>
  <c r="G33011" i="1"/>
  <c r="G33012" i="1"/>
  <c r="G33013" i="1"/>
  <c r="G33014" i="1"/>
  <c r="G33015" i="1"/>
  <c r="G33016" i="1"/>
  <c r="G33017" i="1"/>
  <c r="G33018" i="1"/>
  <c r="G33019" i="1"/>
  <c r="G33020" i="1"/>
  <c r="G33021" i="1"/>
  <c r="G33022" i="1"/>
  <c r="G33023" i="1"/>
  <c r="G33024" i="1"/>
  <c r="G33025" i="1"/>
  <c r="G33026" i="1"/>
  <c r="G33027" i="1"/>
  <c r="G33028" i="1"/>
  <c r="G33029" i="1"/>
  <c r="G33030" i="1"/>
  <c r="G33031" i="1"/>
  <c r="G33032" i="1"/>
  <c r="G33033" i="1"/>
  <c r="G33034" i="1"/>
  <c r="G33035" i="1"/>
  <c r="G33036" i="1"/>
  <c r="G33037" i="1"/>
  <c r="G33038" i="1"/>
  <c r="G33039" i="1"/>
  <c r="G33040" i="1"/>
  <c r="G33041" i="1"/>
  <c r="G33042" i="1"/>
  <c r="G33043" i="1"/>
  <c r="G33044" i="1"/>
  <c r="G33045" i="1"/>
  <c r="G33046" i="1"/>
  <c r="G33047" i="1"/>
  <c r="G33048" i="1"/>
  <c r="G33049" i="1"/>
  <c r="G33050" i="1"/>
  <c r="G33051" i="1"/>
  <c r="G33052" i="1"/>
  <c r="G33053" i="1"/>
  <c r="G33054" i="1"/>
  <c r="G33055" i="1"/>
  <c r="G33056" i="1"/>
  <c r="G33057" i="1"/>
  <c r="G33058" i="1"/>
  <c r="G33059" i="1"/>
  <c r="G33060" i="1"/>
  <c r="G33061" i="1"/>
  <c r="G33062" i="1"/>
  <c r="G33063" i="1"/>
  <c r="G33064" i="1"/>
  <c r="G33065" i="1"/>
  <c r="G33066" i="1"/>
  <c r="G33067" i="1"/>
  <c r="G33068" i="1"/>
  <c r="G33069" i="1"/>
  <c r="G33070" i="1"/>
  <c r="G33071" i="1"/>
  <c r="G33072" i="1"/>
  <c r="G33073" i="1"/>
  <c r="G33074" i="1"/>
  <c r="G33075" i="1"/>
  <c r="G33076" i="1"/>
  <c r="G33077" i="1"/>
  <c r="G33078" i="1"/>
  <c r="G33079" i="1"/>
  <c r="G33080" i="1"/>
  <c r="G33081" i="1"/>
  <c r="G33082" i="1"/>
  <c r="G33083" i="1"/>
  <c r="G33084" i="1"/>
  <c r="G33085" i="1"/>
  <c r="G33086" i="1"/>
  <c r="G33087" i="1"/>
  <c r="G33088" i="1"/>
  <c r="G33089" i="1"/>
  <c r="G33090" i="1"/>
  <c r="G33091" i="1"/>
  <c r="G33092" i="1"/>
  <c r="G33093" i="1"/>
  <c r="G33094" i="1"/>
  <c r="G33095" i="1"/>
  <c r="G33096" i="1"/>
  <c r="G33097" i="1"/>
  <c r="G33098" i="1"/>
  <c r="G33099" i="1"/>
  <c r="G33100" i="1"/>
  <c r="G33101" i="1"/>
  <c r="G33102" i="1"/>
  <c r="G33103" i="1"/>
  <c r="G33104" i="1"/>
  <c r="G33105" i="1"/>
  <c r="G33106" i="1"/>
  <c r="G33107" i="1"/>
  <c r="G33108" i="1"/>
  <c r="G33109" i="1"/>
  <c r="G33110" i="1"/>
  <c r="G33111" i="1"/>
  <c r="G33112" i="1"/>
  <c r="G33113" i="1"/>
  <c r="G33114" i="1"/>
  <c r="G33115" i="1"/>
  <c r="G33116" i="1"/>
  <c r="G33117" i="1"/>
  <c r="G33118" i="1"/>
  <c r="G33119" i="1"/>
  <c r="G33120" i="1"/>
  <c r="G33121" i="1"/>
  <c r="G33122" i="1"/>
  <c r="G33123" i="1"/>
  <c r="G33124" i="1"/>
  <c r="G33125" i="1"/>
  <c r="G33126" i="1"/>
  <c r="G33127" i="1"/>
  <c r="G33128" i="1"/>
  <c r="G33129" i="1"/>
  <c r="G33130" i="1"/>
  <c r="G33131" i="1"/>
  <c r="G33132" i="1"/>
  <c r="G33133" i="1"/>
  <c r="G33134" i="1"/>
  <c r="G33135" i="1"/>
  <c r="G33136" i="1"/>
  <c r="G33137" i="1"/>
  <c r="G33138" i="1"/>
  <c r="G33139" i="1"/>
  <c r="G33140" i="1"/>
  <c r="G33141" i="1"/>
  <c r="G33142" i="1"/>
  <c r="G33143" i="1"/>
  <c r="G33144" i="1"/>
  <c r="G33145" i="1"/>
  <c r="G33146" i="1"/>
  <c r="G33147" i="1"/>
  <c r="G33148" i="1"/>
  <c r="G33149" i="1"/>
  <c r="G33150" i="1"/>
  <c r="G33151" i="1"/>
  <c r="G33152" i="1"/>
  <c r="G33153" i="1"/>
  <c r="G33154" i="1"/>
  <c r="G33155" i="1"/>
  <c r="G33156" i="1"/>
  <c r="G33157" i="1"/>
  <c r="G33158" i="1"/>
  <c r="G33159" i="1"/>
  <c r="G33160" i="1"/>
  <c r="G33161" i="1"/>
  <c r="G33162" i="1"/>
  <c r="G33163" i="1"/>
  <c r="G33164" i="1"/>
  <c r="G33165" i="1"/>
  <c r="G33166" i="1"/>
  <c r="G33167" i="1"/>
  <c r="G33168" i="1"/>
  <c r="G33169" i="1"/>
  <c r="G33170" i="1"/>
  <c r="G33171" i="1"/>
  <c r="G33172" i="1"/>
  <c r="G33173" i="1"/>
  <c r="G33174" i="1"/>
  <c r="G33175" i="1"/>
  <c r="G33176" i="1"/>
  <c r="G33177" i="1"/>
  <c r="G33178" i="1"/>
  <c r="G33179" i="1"/>
  <c r="G33180" i="1"/>
  <c r="G33181" i="1"/>
  <c r="G33182" i="1"/>
  <c r="G33183" i="1"/>
  <c r="G33184" i="1"/>
  <c r="G33185" i="1"/>
  <c r="G33186" i="1"/>
  <c r="G33187" i="1"/>
  <c r="G33188" i="1"/>
  <c r="G33189" i="1"/>
  <c r="G33190" i="1"/>
  <c r="G33191" i="1"/>
  <c r="G33192" i="1"/>
  <c r="G33193" i="1"/>
  <c r="G33194" i="1"/>
  <c r="G33195" i="1"/>
  <c r="G33196" i="1"/>
  <c r="G33197" i="1"/>
  <c r="G33198" i="1"/>
  <c r="G33199" i="1"/>
  <c r="G33200" i="1"/>
  <c r="G33201" i="1"/>
  <c r="G33202" i="1"/>
  <c r="G33203" i="1"/>
  <c r="G33204" i="1"/>
  <c r="G33205" i="1"/>
  <c r="G33206" i="1"/>
  <c r="G33207" i="1"/>
  <c r="G33208" i="1"/>
  <c r="G33209" i="1"/>
  <c r="G33210" i="1"/>
  <c r="G33211" i="1"/>
  <c r="G33212" i="1"/>
  <c r="G33213" i="1"/>
  <c r="G33214" i="1"/>
  <c r="G33215" i="1"/>
  <c r="G33216" i="1"/>
  <c r="G33217" i="1"/>
  <c r="G33218" i="1"/>
  <c r="G33219" i="1"/>
  <c r="G33220" i="1"/>
  <c r="G33221" i="1"/>
  <c r="G33222" i="1"/>
  <c r="G33223" i="1"/>
  <c r="G33224" i="1"/>
  <c r="G33225" i="1"/>
  <c r="G33226" i="1"/>
  <c r="G33227" i="1"/>
  <c r="G33228" i="1"/>
  <c r="G33229" i="1"/>
  <c r="G33230" i="1"/>
  <c r="G33231" i="1"/>
  <c r="G33232" i="1"/>
  <c r="G33233" i="1"/>
  <c r="G33234" i="1"/>
  <c r="G33235" i="1"/>
  <c r="G33236" i="1"/>
  <c r="G33237" i="1"/>
  <c r="G33238" i="1"/>
  <c r="G33239" i="1"/>
  <c r="G33240" i="1"/>
  <c r="G33241" i="1"/>
  <c r="G33242" i="1"/>
  <c r="G33243" i="1"/>
  <c r="G33244" i="1"/>
  <c r="G33245" i="1"/>
  <c r="G33246" i="1"/>
  <c r="G33247" i="1"/>
  <c r="G33248" i="1"/>
  <c r="G33249" i="1"/>
  <c r="G33250" i="1"/>
  <c r="G33251" i="1"/>
  <c r="G33252" i="1"/>
  <c r="G33253" i="1"/>
  <c r="G33254" i="1"/>
  <c r="G33255" i="1"/>
  <c r="G33256" i="1"/>
  <c r="G33257" i="1"/>
  <c r="G33258" i="1"/>
  <c r="G33259" i="1"/>
  <c r="G33260" i="1"/>
  <c r="G33261" i="1"/>
  <c r="G33262" i="1"/>
  <c r="G33263" i="1"/>
  <c r="G33264" i="1"/>
  <c r="G33265" i="1"/>
  <c r="G33266" i="1"/>
  <c r="G33267" i="1"/>
  <c r="G33268" i="1"/>
  <c r="G33269" i="1"/>
  <c r="G33270" i="1"/>
  <c r="G33271" i="1"/>
  <c r="G33272" i="1"/>
  <c r="G33273" i="1"/>
  <c r="G33274" i="1"/>
  <c r="G33275" i="1"/>
  <c r="G33276" i="1"/>
  <c r="G33277" i="1"/>
  <c r="G33278" i="1"/>
  <c r="G33279" i="1"/>
  <c r="G33280" i="1"/>
  <c r="G33281" i="1"/>
  <c r="G33282" i="1"/>
  <c r="G33283" i="1"/>
  <c r="G33284" i="1"/>
  <c r="G33285" i="1"/>
  <c r="G33286" i="1"/>
  <c r="G33287" i="1"/>
  <c r="G33288" i="1"/>
  <c r="G33289" i="1"/>
  <c r="G33290" i="1"/>
  <c r="G33291" i="1"/>
  <c r="G33292" i="1"/>
  <c r="G33293" i="1"/>
  <c r="G33294" i="1"/>
  <c r="G33295" i="1"/>
  <c r="G33296" i="1"/>
  <c r="G33297" i="1"/>
  <c r="G33298" i="1"/>
  <c r="G33299" i="1"/>
  <c r="G33300" i="1"/>
  <c r="G33301" i="1"/>
  <c r="G33302" i="1"/>
  <c r="G33303" i="1"/>
  <c r="G33304" i="1"/>
  <c r="G33305" i="1"/>
  <c r="G33306" i="1"/>
  <c r="G33307" i="1"/>
  <c r="G33308" i="1"/>
  <c r="G33309" i="1"/>
  <c r="G33310" i="1"/>
  <c r="G33311" i="1"/>
  <c r="G33312" i="1"/>
  <c r="G33313" i="1"/>
  <c r="G33314" i="1"/>
  <c r="G33315" i="1"/>
  <c r="G33316" i="1"/>
  <c r="G33317" i="1"/>
  <c r="G33318" i="1"/>
  <c r="G33319" i="1"/>
  <c r="G33320" i="1"/>
  <c r="G33321" i="1"/>
  <c r="G33322" i="1"/>
  <c r="G33323" i="1"/>
  <c r="G33324" i="1"/>
  <c r="G33325" i="1"/>
  <c r="G33326" i="1"/>
  <c r="G33327" i="1"/>
  <c r="G33328" i="1"/>
  <c r="G33329" i="1"/>
  <c r="G33330" i="1"/>
  <c r="G33331" i="1"/>
  <c r="G33332" i="1"/>
  <c r="G33333" i="1"/>
  <c r="G33334" i="1"/>
  <c r="G33335" i="1"/>
  <c r="G33336" i="1"/>
  <c r="G33337" i="1"/>
  <c r="G33338" i="1"/>
  <c r="G33339" i="1"/>
  <c r="G33340" i="1"/>
  <c r="G33341" i="1"/>
  <c r="G33342" i="1"/>
  <c r="G33343" i="1"/>
  <c r="G33344" i="1"/>
  <c r="G33345" i="1"/>
  <c r="G33346" i="1"/>
  <c r="G33347" i="1"/>
  <c r="G33348" i="1"/>
  <c r="G33349" i="1"/>
  <c r="G33350" i="1"/>
  <c r="G33351" i="1"/>
  <c r="G33352" i="1"/>
  <c r="G33353" i="1"/>
  <c r="G33354" i="1"/>
  <c r="G33355" i="1"/>
  <c r="G33356" i="1"/>
  <c r="G33357" i="1"/>
  <c r="G33358" i="1"/>
  <c r="G33359" i="1"/>
  <c r="G33360" i="1"/>
  <c r="G33361" i="1"/>
  <c r="G33362" i="1"/>
  <c r="G33363" i="1"/>
  <c r="G33364" i="1"/>
  <c r="G33365" i="1"/>
  <c r="G33366" i="1"/>
  <c r="G33367" i="1"/>
  <c r="G33368" i="1"/>
  <c r="G33369" i="1"/>
  <c r="G33370" i="1"/>
  <c r="G33371" i="1"/>
  <c r="G33372" i="1"/>
  <c r="G33373" i="1"/>
  <c r="G33374" i="1"/>
  <c r="G33375" i="1"/>
  <c r="G33376" i="1"/>
  <c r="G33377" i="1"/>
  <c r="G33378" i="1"/>
  <c r="G33379" i="1"/>
  <c r="G33380" i="1"/>
  <c r="G33381" i="1"/>
  <c r="G33382" i="1"/>
  <c r="G33383" i="1"/>
  <c r="G33384" i="1"/>
  <c r="G33385" i="1"/>
  <c r="G33386" i="1"/>
  <c r="G33387" i="1"/>
  <c r="G33388" i="1"/>
  <c r="G33389" i="1"/>
  <c r="G33390" i="1"/>
  <c r="G33391" i="1"/>
  <c r="G33392" i="1"/>
  <c r="G33393" i="1"/>
  <c r="G33394" i="1"/>
  <c r="G33395" i="1"/>
  <c r="G33396" i="1"/>
  <c r="G33397" i="1"/>
  <c r="G33398" i="1"/>
  <c r="G33399" i="1"/>
  <c r="G33400" i="1"/>
  <c r="G33401" i="1"/>
  <c r="G33402" i="1"/>
  <c r="G33403" i="1"/>
  <c r="G33404" i="1"/>
  <c r="G33405" i="1"/>
  <c r="G33406" i="1"/>
  <c r="G33407" i="1"/>
  <c r="G33408" i="1"/>
  <c r="G33409" i="1"/>
  <c r="G33410" i="1"/>
  <c r="G33411" i="1"/>
  <c r="G33412" i="1"/>
  <c r="G33413" i="1"/>
  <c r="G33414" i="1"/>
  <c r="G33415" i="1"/>
  <c r="G33416" i="1"/>
  <c r="G33417" i="1"/>
  <c r="G33418" i="1"/>
  <c r="G33419" i="1"/>
  <c r="G33420" i="1"/>
  <c r="G33421" i="1"/>
  <c r="G33422" i="1"/>
  <c r="G33423" i="1"/>
  <c r="G33424" i="1"/>
  <c r="G33425" i="1"/>
  <c r="G33426" i="1"/>
  <c r="G33427" i="1"/>
  <c r="G33428" i="1"/>
  <c r="G33429" i="1"/>
  <c r="G33430" i="1"/>
  <c r="G33431" i="1"/>
  <c r="G33432" i="1"/>
  <c r="G33433" i="1"/>
  <c r="G33434" i="1"/>
  <c r="G33435" i="1"/>
  <c r="G33436" i="1"/>
  <c r="G33437" i="1"/>
  <c r="G33438" i="1"/>
  <c r="G33439" i="1"/>
  <c r="G33440" i="1"/>
  <c r="G33441" i="1"/>
  <c r="G33442" i="1"/>
  <c r="G33443" i="1"/>
  <c r="G33444" i="1"/>
  <c r="G33445" i="1"/>
  <c r="G33446" i="1"/>
  <c r="G33447" i="1"/>
  <c r="G33448" i="1"/>
  <c r="G33449" i="1"/>
  <c r="G33450" i="1"/>
  <c r="G33451" i="1"/>
  <c r="G33452" i="1"/>
  <c r="G33453" i="1"/>
  <c r="G33454" i="1"/>
  <c r="G33455" i="1"/>
  <c r="G33456" i="1"/>
  <c r="G33457" i="1"/>
  <c r="G33458" i="1"/>
  <c r="G33459" i="1"/>
  <c r="G33460" i="1"/>
  <c r="G33461" i="1"/>
  <c r="G33462" i="1"/>
  <c r="G33463" i="1"/>
  <c r="G33464" i="1"/>
  <c r="G33465" i="1"/>
  <c r="G33466" i="1"/>
  <c r="G33467" i="1"/>
  <c r="G33468" i="1"/>
  <c r="G33469" i="1"/>
  <c r="G33470" i="1"/>
  <c r="G33471" i="1"/>
  <c r="G33472" i="1"/>
  <c r="G33473" i="1"/>
  <c r="G33474" i="1"/>
  <c r="G33475" i="1"/>
  <c r="G33476" i="1"/>
  <c r="G33477" i="1"/>
  <c r="G33478" i="1"/>
  <c r="G33479" i="1"/>
  <c r="G33480" i="1"/>
  <c r="G33481" i="1"/>
  <c r="G33482" i="1"/>
  <c r="G33483" i="1"/>
  <c r="G33484" i="1"/>
  <c r="G33485" i="1"/>
  <c r="G33486" i="1"/>
  <c r="G33487" i="1"/>
  <c r="G33488" i="1"/>
  <c r="G33489" i="1"/>
  <c r="G33490" i="1"/>
  <c r="G33491" i="1"/>
  <c r="G33492" i="1"/>
  <c r="G33493" i="1"/>
  <c r="G33494" i="1"/>
  <c r="G33495" i="1"/>
  <c r="G33496" i="1"/>
  <c r="G33497" i="1"/>
  <c r="G33498" i="1"/>
  <c r="G33499" i="1"/>
  <c r="G33500" i="1"/>
  <c r="G33501" i="1"/>
  <c r="G33502" i="1"/>
  <c r="G33503" i="1"/>
  <c r="G33504" i="1"/>
  <c r="G33505" i="1"/>
  <c r="G33506" i="1"/>
  <c r="G33507" i="1"/>
  <c r="G33508" i="1"/>
  <c r="G33509" i="1"/>
  <c r="G33510" i="1"/>
  <c r="G33511" i="1"/>
  <c r="G33512" i="1"/>
  <c r="G33513" i="1"/>
  <c r="G33514" i="1"/>
  <c r="G33515" i="1"/>
  <c r="G33516" i="1"/>
  <c r="G33517" i="1"/>
  <c r="G33518" i="1"/>
  <c r="G33519" i="1"/>
  <c r="G33520" i="1"/>
  <c r="G33521" i="1"/>
  <c r="G33522" i="1"/>
  <c r="G33523" i="1"/>
  <c r="G33524" i="1"/>
  <c r="G33525" i="1"/>
  <c r="G33526" i="1"/>
  <c r="G33527" i="1"/>
  <c r="G33528" i="1"/>
  <c r="G33529" i="1"/>
  <c r="G33530" i="1"/>
  <c r="G33531" i="1"/>
  <c r="G33532" i="1"/>
  <c r="G33533" i="1"/>
  <c r="G33534" i="1"/>
  <c r="G33535" i="1"/>
  <c r="G33536" i="1"/>
  <c r="G33537" i="1"/>
  <c r="G33538" i="1"/>
  <c r="G33539" i="1"/>
  <c r="G33540" i="1"/>
  <c r="G33541" i="1"/>
  <c r="G33542" i="1"/>
  <c r="G33543" i="1"/>
  <c r="G33544" i="1"/>
  <c r="G33545" i="1"/>
  <c r="G33546" i="1"/>
  <c r="G33547" i="1"/>
  <c r="G33548" i="1"/>
  <c r="G33549" i="1"/>
  <c r="G33550" i="1"/>
  <c r="G33551" i="1"/>
  <c r="G33552" i="1"/>
  <c r="G33553" i="1"/>
  <c r="G33554" i="1"/>
  <c r="G33555" i="1"/>
  <c r="G33556" i="1"/>
  <c r="G33557" i="1"/>
  <c r="G33558" i="1"/>
  <c r="G33559" i="1"/>
  <c r="G33560" i="1"/>
  <c r="G33561" i="1"/>
  <c r="G33562" i="1"/>
  <c r="G33563" i="1"/>
  <c r="G33564" i="1"/>
  <c r="G33565" i="1"/>
  <c r="G33566" i="1"/>
  <c r="G33567" i="1"/>
  <c r="G33568" i="1"/>
  <c r="G33569" i="1"/>
  <c r="G33570" i="1"/>
  <c r="G33571" i="1"/>
  <c r="G33572" i="1"/>
  <c r="G33573" i="1"/>
  <c r="G33574" i="1"/>
  <c r="G33575" i="1"/>
  <c r="G33576" i="1"/>
  <c r="G33577" i="1"/>
  <c r="G33578" i="1"/>
  <c r="G33579" i="1"/>
  <c r="G33580" i="1"/>
  <c r="G33581" i="1"/>
  <c r="G33582" i="1"/>
  <c r="G33583" i="1"/>
  <c r="G33584" i="1"/>
  <c r="G33585" i="1"/>
  <c r="G33586" i="1"/>
  <c r="G33587" i="1"/>
  <c r="G33588" i="1"/>
  <c r="G33589" i="1"/>
  <c r="G33590" i="1"/>
  <c r="G33591" i="1"/>
  <c r="G33592" i="1"/>
  <c r="G33593" i="1"/>
  <c r="G33594" i="1"/>
  <c r="G33595" i="1"/>
  <c r="G33596" i="1"/>
  <c r="G33597" i="1"/>
  <c r="G33598" i="1"/>
  <c r="G33599" i="1"/>
  <c r="G33600" i="1"/>
  <c r="G33601" i="1"/>
  <c r="G33602" i="1"/>
  <c r="G33603" i="1"/>
  <c r="G33604" i="1"/>
  <c r="G33605" i="1"/>
  <c r="G33606" i="1"/>
  <c r="G33607" i="1"/>
  <c r="G33608" i="1"/>
  <c r="G33609" i="1"/>
  <c r="G33610" i="1"/>
  <c r="G33611" i="1"/>
  <c r="G33612" i="1"/>
  <c r="G33613" i="1"/>
  <c r="G33614" i="1"/>
  <c r="G33615" i="1"/>
  <c r="G33616" i="1"/>
  <c r="G33617" i="1"/>
  <c r="G33618" i="1"/>
  <c r="G33619" i="1"/>
  <c r="G33620" i="1"/>
  <c r="G33621" i="1"/>
  <c r="G33622" i="1"/>
  <c r="G33623" i="1"/>
  <c r="G33624" i="1"/>
  <c r="G33625" i="1"/>
  <c r="G33626" i="1"/>
  <c r="G33627" i="1"/>
  <c r="G33628" i="1"/>
  <c r="G33629" i="1"/>
  <c r="G33630" i="1"/>
  <c r="G33631" i="1"/>
  <c r="G33632" i="1"/>
  <c r="G33633" i="1"/>
  <c r="G33634" i="1"/>
  <c r="G33635" i="1"/>
  <c r="G33636" i="1"/>
  <c r="G33637" i="1"/>
  <c r="G33638" i="1"/>
  <c r="G33639" i="1"/>
  <c r="G33640" i="1"/>
  <c r="G33641" i="1"/>
  <c r="G33642" i="1"/>
  <c r="G33643" i="1"/>
  <c r="G33644" i="1"/>
  <c r="G33645" i="1"/>
  <c r="G33646" i="1"/>
  <c r="G33647" i="1"/>
  <c r="G33648" i="1"/>
  <c r="G33649" i="1"/>
  <c r="G33650" i="1"/>
  <c r="G33651" i="1"/>
  <c r="G33652" i="1"/>
  <c r="G33653" i="1"/>
  <c r="G33654" i="1"/>
  <c r="G33655" i="1"/>
  <c r="G33656" i="1"/>
  <c r="G33657" i="1"/>
  <c r="G33658" i="1"/>
  <c r="G33659" i="1"/>
  <c r="G33660" i="1"/>
  <c r="G33661" i="1"/>
  <c r="G33662" i="1"/>
  <c r="G33663" i="1"/>
  <c r="G33664" i="1"/>
  <c r="G33665" i="1"/>
  <c r="G33666" i="1"/>
  <c r="G33667" i="1"/>
  <c r="G33668" i="1"/>
  <c r="G33669" i="1"/>
  <c r="G33670" i="1"/>
  <c r="G33671" i="1"/>
  <c r="G33672" i="1"/>
  <c r="G33673" i="1"/>
  <c r="G33674" i="1"/>
  <c r="G33675" i="1"/>
  <c r="G33676" i="1"/>
  <c r="G33677" i="1"/>
  <c r="G33678" i="1"/>
  <c r="G33679" i="1"/>
  <c r="G33680" i="1"/>
  <c r="G33681" i="1"/>
  <c r="G33682" i="1"/>
  <c r="G33683" i="1"/>
  <c r="G33684" i="1"/>
  <c r="G33685" i="1"/>
  <c r="G33686" i="1"/>
  <c r="G33687" i="1"/>
  <c r="G33688" i="1"/>
  <c r="G33689" i="1"/>
  <c r="G33690" i="1"/>
  <c r="G33691" i="1"/>
  <c r="G33692" i="1"/>
  <c r="G33693" i="1"/>
  <c r="G33694" i="1"/>
  <c r="G33695" i="1"/>
  <c r="G33696" i="1"/>
  <c r="G33697" i="1"/>
  <c r="G33698" i="1"/>
  <c r="G33699" i="1"/>
  <c r="G33700" i="1"/>
  <c r="G33701" i="1"/>
  <c r="G33702" i="1"/>
  <c r="G33703" i="1"/>
  <c r="G33704" i="1"/>
  <c r="G33705" i="1"/>
  <c r="G33706" i="1"/>
  <c r="G33707" i="1"/>
  <c r="G33708" i="1"/>
  <c r="G33709" i="1"/>
  <c r="G33710" i="1"/>
  <c r="G33711" i="1"/>
  <c r="G33712" i="1"/>
  <c r="G33713" i="1"/>
  <c r="G33714" i="1"/>
  <c r="G33715" i="1"/>
  <c r="G33716" i="1"/>
  <c r="G33717" i="1"/>
  <c r="G33718" i="1"/>
  <c r="G33719" i="1"/>
  <c r="G33720" i="1"/>
  <c r="G33721" i="1"/>
  <c r="G33722" i="1"/>
  <c r="G33723" i="1"/>
  <c r="G33724" i="1"/>
  <c r="G33725" i="1"/>
  <c r="G33726" i="1"/>
  <c r="G33727" i="1"/>
  <c r="G33728" i="1"/>
  <c r="G33729" i="1"/>
  <c r="G33730" i="1"/>
  <c r="G33731" i="1"/>
  <c r="G33732" i="1"/>
  <c r="G33733" i="1"/>
  <c r="G33734" i="1"/>
  <c r="G33735" i="1"/>
  <c r="G33736" i="1"/>
  <c r="G33737" i="1"/>
  <c r="G33738" i="1"/>
  <c r="G33739" i="1"/>
  <c r="G33740" i="1"/>
  <c r="G33741" i="1"/>
  <c r="G33742" i="1"/>
  <c r="G33743" i="1"/>
  <c r="G33744" i="1"/>
  <c r="G33745" i="1"/>
  <c r="G33746" i="1"/>
  <c r="G33747" i="1"/>
  <c r="G33748" i="1"/>
  <c r="G33749" i="1"/>
  <c r="G33750" i="1"/>
  <c r="G33751" i="1"/>
  <c r="G33752" i="1"/>
  <c r="G33753" i="1"/>
  <c r="G33754" i="1"/>
  <c r="G33755" i="1"/>
  <c r="G33756" i="1"/>
  <c r="G33757" i="1"/>
  <c r="G33758" i="1"/>
  <c r="G33759" i="1"/>
  <c r="G33760" i="1"/>
  <c r="G33761" i="1"/>
  <c r="G33762" i="1"/>
  <c r="G33763" i="1"/>
  <c r="G33764" i="1"/>
  <c r="G33765" i="1"/>
  <c r="G33766" i="1"/>
  <c r="G33767" i="1"/>
  <c r="G33768" i="1"/>
  <c r="G33769" i="1"/>
  <c r="G33770" i="1"/>
  <c r="G33771" i="1"/>
  <c r="G33772" i="1"/>
  <c r="G33773" i="1"/>
  <c r="G33774" i="1"/>
  <c r="G33775" i="1"/>
  <c r="G33776" i="1"/>
  <c r="G33777" i="1"/>
  <c r="G33778" i="1"/>
  <c r="G33779" i="1"/>
  <c r="G33780" i="1"/>
  <c r="G33781" i="1"/>
  <c r="G33782" i="1"/>
  <c r="G33783" i="1"/>
  <c r="G33784" i="1"/>
  <c r="G33785" i="1"/>
  <c r="G33786" i="1"/>
  <c r="G33787" i="1"/>
  <c r="G33788" i="1"/>
  <c r="G33789" i="1"/>
  <c r="G33790" i="1"/>
  <c r="G33791" i="1"/>
  <c r="G33792" i="1"/>
  <c r="G33793" i="1"/>
  <c r="G33794" i="1"/>
  <c r="G33795" i="1"/>
  <c r="G33796" i="1"/>
  <c r="G33797" i="1"/>
  <c r="G33798" i="1"/>
  <c r="G33799" i="1"/>
  <c r="G33800" i="1"/>
  <c r="G33801" i="1"/>
  <c r="G33802" i="1"/>
  <c r="G33803" i="1"/>
  <c r="G33804" i="1"/>
  <c r="G33805" i="1"/>
  <c r="G33806" i="1"/>
  <c r="G33807" i="1"/>
  <c r="G33808" i="1"/>
  <c r="G33809" i="1"/>
  <c r="G33810" i="1"/>
  <c r="G33811" i="1"/>
  <c r="G33812" i="1"/>
  <c r="G33813" i="1"/>
  <c r="G33814" i="1"/>
  <c r="G33815" i="1"/>
  <c r="G33816" i="1"/>
  <c r="G33817" i="1"/>
  <c r="G33818" i="1"/>
  <c r="G33819" i="1"/>
  <c r="G33820" i="1"/>
  <c r="G33821" i="1"/>
  <c r="G33822" i="1"/>
  <c r="G33823" i="1"/>
  <c r="G33824" i="1"/>
  <c r="G33825" i="1"/>
  <c r="G33826" i="1"/>
  <c r="G33827" i="1"/>
  <c r="G33828" i="1"/>
  <c r="G33829" i="1"/>
  <c r="G33830" i="1"/>
  <c r="G33831" i="1"/>
  <c r="G33832" i="1"/>
  <c r="G33833" i="1"/>
  <c r="G33834" i="1"/>
  <c r="G33835" i="1"/>
  <c r="G33836" i="1"/>
  <c r="G33837" i="1"/>
  <c r="G33838" i="1"/>
  <c r="G33839" i="1"/>
  <c r="G33840" i="1"/>
  <c r="G33841" i="1"/>
  <c r="G33842" i="1"/>
  <c r="G33843" i="1"/>
  <c r="G33844" i="1"/>
  <c r="G33845" i="1"/>
  <c r="G33846" i="1"/>
  <c r="G33847" i="1"/>
  <c r="G33848" i="1"/>
  <c r="G33849" i="1"/>
  <c r="G33850" i="1"/>
  <c r="G33851" i="1"/>
  <c r="G33852" i="1"/>
  <c r="G33853" i="1"/>
  <c r="G33854" i="1"/>
  <c r="G33855" i="1"/>
  <c r="G33856" i="1"/>
  <c r="G33857" i="1"/>
  <c r="G33858" i="1"/>
  <c r="G33859" i="1"/>
  <c r="G33860" i="1"/>
  <c r="G33861" i="1"/>
  <c r="G33862" i="1"/>
  <c r="G33863" i="1"/>
  <c r="G33864" i="1"/>
  <c r="G33865" i="1"/>
  <c r="G33866" i="1"/>
  <c r="G33867" i="1"/>
  <c r="G33868" i="1"/>
  <c r="G33869" i="1"/>
  <c r="G33870" i="1"/>
  <c r="G33871" i="1"/>
  <c r="G33872" i="1"/>
  <c r="G33873" i="1"/>
  <c r="G33874" i="1"/>
  <c r="G33875" i="1"/>
  <c r="G33876" i="1"/>
  <c r="G33877" i="1"/>
  <c r="G33878" i="1"/>
  <c r="G33879" i="1"/>
  <c r="G33880" i="1"/>
  <c r="G33881" i="1"/>
  <c r="G33882" i="1"/>
  <c r="G33883" i="1"/>
  <c r="G33884" i="1"/>
  <c r="G33885" i="1"/>
  <c r="G33886" i="1"/>
  <c r="G33887" i="1"/>
  <c r="G33888" i="1"/>
  <c r="G33889" i="1"/>
  <c r="G33890" i="1"/>
  <c r="G33891" i="1"/>
  <c r="G33892" i="1"/>
  <c r="G33893" i="1"/>
  <c r="G33894" i="1"/>
  <c r="G33895" i="1"/>
  <c r="G33896" i="1"/>
  <c r="G33897" i="1"/>
  <c r="G33898" i="1"/>
  <c r="G33899" i="1"/>
  <c r="G33900" i="1"/>
  <c r="G33901" i="1"/>
  <c r="G33902" i="1"/>
  <c r="G33903" i="1"/>
  <c r="G33904" i="1"/>
  <c r="G33905" i="1"/>
  <c r="G33906" i="1"/>
  <c r="G33907" i="1"/>
  <c r="G33908" i="1"/>
  <c r="G33909" i="1"/>
  <c r="G33910" i="1"/>
  <c r="G33911" i="1"/>
  <c r="G33912" i="1"/>
  <c r="G33913" i="1"/>
  <c r="G33914" i="1"/>
  <c r="G33915" i="1"/>
  <c r="G33916" i="1"/>
  <c r="G33917" i="1"/>
  <c r="G33918" i="1"/>
  <c r="G33919" i="1"/>
  <c r="G33920" i="1"/>
  <c r="G33921" i="1"/>
  <c r="G33922" i="1"/>
  <c r="G33923" i="1"/>
  <c r="G33924" i="1"/>
  <c r="G33925" i="1"/>
  <c r="G33926" i="1"/>
  <c r="G33927" i="1"/>
  <c r="G33928" i="1"/>
  <c r="G33929" i="1"/>
  <c r="G33930" i="1"/>
  <c r="G33931" i="1"/>
  <c r="G33932" i="1"/>
  <c r="G33933" i="1"/>
  <c r="G33934" i="1"/>
  <c r="G33935" i="1"/>
  <c r="G33936" i="1"/>
  <c r="G33937" i="1"/>
  <c r="G33938" i="1"/>
  <c r="G33939" i="1"/>
  <c r="G33940" i="1"/>
  <c r="G33941" i="1"/>
  <c r="G33942" i="1"/>
  <c r="G33943" i="1"/>
  <c r="G33944" i="1"/>
  <c r="G33945" i="1"/>
  <c r="G33946" i="1"/>
  <c r="G33947" i="1"/>
  <c r="G33948" i="1"/>
  <c r="G33949" i="1"/>
  <c r="G33950" i="1"/>
  <c r="G33951" i="1"/>
  <c r="G33952" i="1"/>
  <c r="G33953" i="1"/>
  <c r="G33954" i="1"/>
  <c r="G33955" i="1"/>
  <c r="G33956" i="1"/>
  <c r="G33957" i="1"/>
  <c r="G33958" i="1"/>
  <c r="G33959" i="1"/>
  <c r="G33960" i="1"/>
  <c r="G33961" i="1"/>
  <c r="G33962" i="1"/>
  <c r="G33963" i="1"/>
  <c r="G33964" i="1"/>
  <c r="G33965" i="1"/>
  <c r="G33966" i="1"/>
  <c r="G33967" i="1"/>
  <c r="G33968" i="1"/>
  <c r="G33969" i="1"/>
  <c r="G33970" i="1"/>
  <c r="G33971" i="1"/>
  <c r="G33972" i="1"/>
  <c r="G33973" i="1"/>
  <c r="G33974" i="1"/>
  <c r="G33975" i="1"/>
  <c r="G33976" i="1"/>
  <c r="G33977" i="1"/>
  <c r="G33978" i="1"/>
  <c r="G33979" i="1"/>
  <c r="G33980" i="1"/>
  <c r="G33981" i="1"/>
  <c r="G33982" i="1"/>
  <c r="G33983" i="1"/>
  <c r="G33984" i="1"/>
  <c r="G33985" i="1"/>
  <c r="G33986" i="1"/>
  <c r="G33987" i="1"/>
  <c r="G33988" i="1"/>
  <c r="G33989" i="1"/>
  <c r="G33990" i="1"/>
  <c r="G33991" i="1"/>
  <c r="G33992" i="1"/>
  <c r="G33993" i="1"/>
  <c r="G33994" i="1"/>
  <c r="G33995" i="1"/>
  <c r="G33996" i="1"/>
  <c r="G33997" i="1"/>
  <c r="G33998" i="1"/>
  <c r="G33999" i="1"/>
  <c r="G34000" i="1"/>
  <c r="G34001" i="1"/>
  <c r="G34002" i="1"/>
  <c r="G34003" i="1"/>
  <c r="G34004" i="1"/>
  <c r="G34005" i="1"/>
  <c r="G34006" i="1"/>
  <c r="G34007" i="1"/>
  <c r="G34008" i="1"/>
  <c r="G34009" i="1"/>
  <c r="G34010" i="1"/>
  <c r="G34011" i="1"/>
  <c r="G34012" i="1"/>
  <c r="G34013" i="1"/>
  <c r="G34014" i="1"/>
  <c r="G34015" i="1"/>
  <c r="G34016" i="1"/>
  <c r="G34017" i="1"/>
  <c r="G34018" i="1"/>
  <c r="G34019" i="1"/>
  <c r="G34020" i="1"/>
  <c r="G34021" i="1"/>
  <c r="G34022" i="1"/>
  <c r="G34023" i="1"/>
  <c r="G34024" i="1"/>
  <c r="G34025" i="1"/>
  <c r="G34026" i="1"/>
  <c r="G34027" i="1"/>
  <c r="G34028" i="1"/>
  <c r="G34029" i="1"/>
  <c r="G34030" i="1"/>
  <c r="G34031" i="1"/>
  <c r="G34032" i="1"/>
  <c r="G34033" i="1"/>
  <c r="G34034" i="1"/>
  <c r="G34035" i="1"/>
  <c r="G34036" i="1"/>
  <c r="G34037" i="1"/>
  <c r="G34038" i="1"/>
  <c r="G34039" i="1"/>
  <c r="G34040" i="1"/>
  <c r="G34041" i="1"/>
  <c r="G34042" i="1"/>
  <c r="G34043" i="1"/>
  <c r="G34044" i="1"/>
  <c r="G34045" i="1"/>
  <c r="G34046" i="1"/>
  <c r="G34047" i="1"/>
  <c r="G34048" i="1"/>
  <c r="G34049" i="1"/>
  <c r="G34050" i="1"/>
  <c r="G34051" i="1"/>
  <c r="G34052" i="1"/>
  <c r="G34053" i="1"/>
  <c r="G34054" i="1"/>
  <c r="G34055" i="1"/>
  <c r="G34056" i="1"/>
  <c r="G34057" i="1"/>
  <c r="G34058" i="1"/>
  <c r="G34059" i="1"/>
  <c r="G34060" i="1"/>
  <c r="G34061" i="1"/>
  <c r="G34062" i="1"/>
  <c r="G34063" i="1"/>
  <c r="G34064" i="1"/>
  <c r="G34065" i="1"/>
  <c r="G34066" i="1"/>
  <c r="G34067" i="1"/>
  <c r="G34068" i="1"/>
  <c r="G34069" i="1"/>
  <c r="G34070" i="1"/>
  <c r="G34071" i="1"/>
  <c r="G34072" i="1"/>
  <c r="G34073" i="1"/>
  <c r="G34074" i="1"/>
  <c r="G34075" i="1"/>
  <c r="G34076" i="1"/>
  <c r="G34077" i="1"/>
  <c r="G34078" i="1"/>
  <c r="G34079" i="1"/>
  <c r="G34080" i="1"/>
  <c r="G34081" i="1"/>
  <c r="G34082" i="1"/>
  <c r="G34083" i="1"/>
  <c r="G34084" i="1"/>
  <c r="G34085" i="1"/>
  <c r="G34086" i="1"/>
  <c r="G34087" i="1"/>
  <c r="G34088" i="1"/>
  <c r="G34089" i="1"/>
  <c r="G34090" i="1"/>
  <c r="G34091" i="1"/>
  <c r="G34092" i="1"/>
  <c r="G34093" i="1"/>
  <c r="G34094" i="1"/>
  <c r="G34095" i="1"/>
  <c r="G34096" i="1"/>
  <c r="G34097" i="1"/>
  <c r="G34098" i="1"/>
  <c r="G34099" i="1"/>
  <c r="G34100" i="1"/>
  <c r="G34101" i="1"/>
  <c r="G34102" i="1"/>
  <c r="G34103" i="1"/>
  <c r="G34104" i="1"/>
  <c r="G34105" i="1"/>
  <c r="G34106" i="1"/>
  <c r="G34107" i="1"/>
  <c r="G34108" i="1"/>
  <c r="G34109" i="1"/>
  <c r="G34110" i="1"/>
  <c r="G34111" i="1"/>
  <c r="G34112" i="1"/>
  <c r="G34113" i="1"/>
  <c r="G34114" i="1"/>
  <c r="G34115" i="1"/>
  <c r="G34116" i="1"/>
  <c r="G34117" i="1"/>
  <c r="G34118" i="1"/>
  <c r="G34119" i="1"/>
  <c r="G34120" i="1"/>
  <c r="G34121" i="1"/>
  <c r="G34122" i="1"/>
  <c r="G34123" i="1"/>
  <c r="G34124" i="1"/>
  <c r="G34125" i="1"/>
  <c r="G34126" i="1"/>
  <c r="G34127" i="1"/>
  <c r="G34128" i="1"/>
  <c r="G34129" i="1"/>
  <c r="G34130" i="1"/>
  <c r="G34131" i="1"/>
  <c r="G34132" i="1"/>
  <c r="G34133" i="1"/>
  <c r="G34134" i="1"/>
  <c r="G34135" i="1"/>
  <c r="G34136" i="1"/>
  <c r="G34137" i="1"/>
  <c r="G34138" i="1"/>
  <c r="G34139" i="1"/>
  <c r="G34140" i="1"/>
  <c r="G34141" i="1"/>
  <c r="G34142" i="1"/>
  <c r="G34143" i="1"/>
  <c r="G34144" i="1"/>
  <c r="G34145" i="1"/>
  <c r="G34146" i="1"/>
  <c r="G34147" i="1"/>
  <c r="G34148" i="1"/>
  <c r="G34149" i="1"/>
  <c r="G34150" i="1"/>
  <c r="G34151" i="1"/>
  <c r="G34152" i="1"/>
  <c r="G34153" i="1"/>
  <c r="G34154" i="1"/>
  <c r="G34155" i="1"/>
  <c r="G34156" i="1"/>
  <c r="G34157" i="1"/>
  <c r="G34158" i="1"/>
  <c r="G34159" i="1"/>
  <c r="G34160" i="1"/>
  <c r="G34161" i="1"/>
  <c r="G34162" i="1"/>
  <c r="G34163" i="1"/>
  <c r="G34164" i="1"/>
  <c r="G34165" i="1"/>
  <c r="G34166" i="1"/>
  <c r="G34167" i="1"/>
  <c r="G34168" i="1"/>
  <c r="G34169" i="1"/>
  <c r="G34170" i="1"/>
  <c r="G34171" i="1"/>
  <c r="G34172" i="1"/>
  <c r="G34173" i="1"/>
  <c r="G34174" i="1"/>
  <c r="G34175" i="1"/>
  <c r="G34176" i="1"/>
  <c r="G34177" i="1"/>
  <c r="G34178" i="1"/>
  <c r="G34179" i="1"/>
  <c r="G34180" i="1"/>
  <c r="G34181" i="1"/>
  <c r="G34182" i="1"/>
  <c r="G34183" i="1"/>
  <c r="G34184" i="1"/>
  <c r="G34185" i="1"/>
  <c r="G34186" i="1"/>
  <c r="G34187" i="1"/>
  <c r="G34188" i="1"/>
  <c r="G34189" i="1"/>
  <c r="G34190" i="1"/>
  <c r="G34191" i="1"/>
  <c r="G34192" i="1"/>
  <c r="G34193" i="1"/>
  <c r="G34194" i="1"/>
  <c r="G34195" i="1"/>
  <c r="G34196" i="1"/>
  <c r="G34197" i="1"/>
  <c r="G34198" i="1"/>
  <c r="G34199" i="1"/>
  <c r="G34200" i="1"/>
  <c r="G34201" i="1"/>
  <c r="G34202" i="1"/>
  <c r="G34203" i="1"/>
  <c r="G34204" i="1"/>
  <c r="G34205" i="1"/>
  <c r="G34206" i="1"/>
  <c r="G34207" i="1"/>
  <c r="G34208" i="1"/>
  <c r="G34209" i="1"/>
  <c r="G34210" i="1"/>
  <c r="G34211" i="1"/>
  <c r="G34212" i="1"/>
  <c r="G34213" i="1"/>
  <c r="G34214" i="1"/>
  <c r="G34215" i="1"/>
  <c r="G34216" i="1"/>
  <c r="G34217" i="1"/>
  <c r="G34218" i="1"/>
  <c r="G34219" i="1"/>
  <c r="G34220" i="1"/>
  <c r="G34221" i="1"/>
  <c r="G34222" i="1"/>
  <c r="G34223" i="1"/>
  <c r="G34224" i="1"/>
  <c r="G34225" i="1"/>
  <c r="G34226" i="1"/>
  <c r="G34227" i="1"/>
  <c r="G34228" i="1"/>
  <c r="G34229" i="1"/>
  <c r="G34230" i="1"/>
  <c r="G34231" i="1"/>
  <c r="G34232" i="1"/>
  <c r="G34233" i="1"/>
  <c r="G34234" i="1"/>
  <c r="G34235" i="1"/>
  <c r="G34236" i="1"/>
  <c r="G34237" i="1"/>
  <c r="G34238" i="1"/>
  <c r="G34239" i="1"/>
  <c r="G34240" i="1"/>
  <c r="G34241" i="1"/>
  <c r="G34242" i="1"/>
  <c r="G34243" i="1"/>
  <c r="G34244" i="1"/>
  <c r="G34245" i="1"/>
  <c r="G34246" i="1"/>
  <c r="G34247" i="1"/>
  <c r="G34248" i="1"/>
  <c r="G34249" i="1"/>
  <c r="G34250" i="1"/>
  <c r="G34251" i="1"/>
  <c r="G34252" i="1"/>
  <c r="G34253" i="1"/>
  <c r="G34254" i="1"/>
  <c r="G34255" i="1"/>
  <c r="G34256" i="1"/>
  <c r="G34257" i="1"/>
  <c r="G34258" i="1"/>
  <c r="G34259" i="1"/>
  <c r="G34260" i="1"/>
  <c r="G34261" i="1"/>
  <c r="G34262" i="1"/>
  <c r="G34263" i="1"/>
  <c r="G34264" i="1"/>
  <c r="G34265" i="1"/>
  <c r="G34266" i="1"/>
  <c r="G34267" i="1"/>
  <c r="G34268" i="1"/>
  <c r="G34269" i="1"/>
  <c r="G34270" i="1"/>
  <c r="G34271" i="1"/>
  <c r="G34272" i="1"/>
  <c r="G34273" i="1"/>
  <c r="G34274" i="1"/>
  <c r="G34275" i="1"/>
  <c r="G34276" i="1"/>
  <c r="G34277" i="1"/>
  <c r="G34278" i="1"/>
  <c r="G34279" i="1"/>
  <c r="G34280" i="1"/>
  <c r="G34281" i="1"/>
  <c r="G34282" i="1"/>
  <c r="G34283" i="1"/>
  <c r="G34284" i="1"/>
  <c r="G34285" i="1"/>
  <c r="G34286" i="1"/>
  <c r="G34287" i="1"/>
  <c r="G34288" i="1"/>
  <c r="G34289" i="1"/>
  <c r="G34290" i="1"/>
  <c r="G34291" i="1"/>
  <c r="G34292" i="1"/>
  <c r="G34293" i="1"/>
  <c r="G34294" i="1"/>
  <c r="G34295" i="1"/>
  <c r="G34296" i="1"/>
  <c r="G34297" i="1"/>
  <c r="G34298" i="1"/>
  <c r="G34299" i="1"/>
  <c r="G34300" i="1"/>
  <c r="G34301" i="1"/>
  <c r="G34302" i="1"/>
  <c r="G34303" i="1"/>
  <c r="G34304" i="1"/>
  <c r="G34305" i="1"/>
  <c r="G34306" i="1"/>
  <c r="G34307" i="1"/>
  <c r="G34308" i="1"/>
  <c r="G34309" i="1"/>
  <c r="G34310" i="1"/>
  <c r="G34311" i="1"/>
  <c r="G34312" i="1"/>
  <c r="G34313" i="1"/>
  <c r="G34314" i="1"/>
  <c r="G34315" i="1"/>
  <c r="G34316" i="1"/>
  <c r="G34317" i="1"/>
  <c r="G34318" i="1"/>
  <c r="G34319" i="1"/>
  <c r="G34320" i="1"/>
  <c r="G34321" i="1"/>
  <c r="G34322" i="1"/>
  <c r="G34323" i="1"/>
  <c r="G34324" i="1"/>
  <c r="G34325" i="1"/>
  <c r="G34326" i="1"/>
  <c r="G34327" i="1"/>
  <c r="G34328" i="1"/>
  <c r="G34329" i="1"/>
  <c r="G34330" i="1"/>
  <c r="G34331" i="1"/>
  <c r="G34332" i="1"/>
  <c r="G34333" i="1"/>
  <c r="G34334" i="1"/>
  <c r="G34335" i="1"/>
  <c r="G34336" i="1"/>
  <c r="G34337" i="1"/>
  <c r="G34338" i="1"/>
  <c r="G34339" i="1"/>
  <c r="G34340" i="1"/>
  <c r="G34341" i="1"/>
  <c r="G34342" i="1"/>
  <c r="G34343" i="1"/>
  <c r="G34344" i="1"/>
  <c r="G34345" i="1"/>
  <c r="G34346" i="1"/>
  <c r="G34347" i="1"/>
  <c r="G34348" i="1"/>
  <c r="G34349" i="1"/>
  <c r="G34350" i="1"/>
  <c r="G34351" i="1"/>
  <c r="G34352" i="1"/>
  <c r="G34353" i="1"/>
  <c r="G34354" i="1"/>
  <c r="G34355" i="1"/>
  <c r="G34356" i="1"/>
  <c r="G34357" i="1"/>
  <c r="G34358" i="1"/>
  <c r="G34359" i="1"/>
  <c r="G34360" i="1"/>
  <c r="G34361" i="1"/>
  <c r="G34362" i="1"/>
  <c r="G34363" i="1"/>
  <c r="G34364" i="1"/>
  <c r="G34365" i="1"/>
  <c r="G34366" i="1"/>
  <c r="G34367" i="1"/>
  <c r="G34368" i="1"/>
  <c r="G34369" i="1"/>
  <c r="G34370" i="1"/>
  <c r="G34371" i="1"/>
  <c r="G34372" i="1"/>
  <c r="G34373" i="1"/>
  <c r="G34374" i="1"/>
  <c r="G34375" i="1"/>
  <c r="G34376" i="1"/>
  <c r="G34377" i="1"/>
  <c r="G34378" i="1"/>
  <c r="G34379" i="1"/>
  <c r="G34380" i="1"/>
  <c r="G34381" i="1"/>
  <c r="G34382" i="1"/>
  <c r="G34383" i="1"/>
  <c r="G34384" i="1"/>
  <c r="G34385" i="1"/>
  <c r="G34386" i="1"/>
  <c r="G34387" i="1"/>
  <c r="G34388" i="1"/>
  <c r="G34389" i="1"/>
  <c r="G34390" i="1"/>
  <c r="G34391" i="1"/>
  <c r="G34392" i="1"/>
  <c r="G34393" i="1"/>
  <c r="G34394" i="1"/>
  <c r="G34395" i="1"/>
  <c r="G34396" i="1"/>
  <c r="G34397" i="1"/>
  <c r="G34398" i="1"/>
  <c r="G34399" i="1"/>
  <c r="G34400" i="1"/>
  <c r="G34401" i="1"/>
  <c r="G34402" i="1"/>
  <c r="G34403" i="1"/>
  <c r="G34404" i="1"/>
  <c r="G34405" i="1"/>
  <c r="G34406" i="1"/>
  <c r="G34407" i="1"/>
  <c r="G34408" i="1"/>
  <c r="G34409" i="1"/>
  <c r="G34410" i="1"/>
  <c r="G34411" i="1"/>
  <c r="G34412" i="1"/>
  <c r="G34413" i="1"/>
  <c r="G34414" i="1"/>
  <c r="G34415" i="1"/>
  <c r="G34416" i="1"/>
  <c r="G34417" i="1"/>
  <c r="G34418" i="1"/>
  <c r="G34419" i="1"/>
  <c r="G34420" i="1"/>
  <c r="G34421" i="1"/>
  <c r="G34422" i="1"/>
  <c r="G34423" i="1"/>
  <c r="G34424" i="1"/>
  <c r="G34425" i="1"/>
  <c r="G34426" i="1"/>
  <c r="G34427" i="1"/>
  <c r="G34428" i="1"/>
  <c r="G34429" i="1"/>
  <c r="G34430" i="1"/>
  <c r="G34431" i="1"/>
  <c r="G34432" i="1"/>
  <c r="G34433" i="1"/>
  <c r="G34434" i="1"/>
  <c r="G34435" i="1"/>
  <c r="G34436" i="1"/>
  <c r="G34437" i="1"/>
  <c r="G34438" i="1"/>
  <c r="G34439" i="1"/>
  <c r="G34440" i="1"/>
  <c r="G34441" i="1"/>
  <c r="G34442" i="1"/>
  <c r="G34443" i="1"/>
  <c r="G34444" i="1"/>
  <c r="G34445" i="1"/>
  <c r="G34446" i="1"/>
  <c r="G34447" i="1"/>
  <c r="G34448" i="1"/>
  <c r="G34449" i="1"/>
  <c r="G34450" i="1"/>
  <c r="G34451" i="1"/>
  <c r="G34452" i="1"/>
  <c r="G34453" i="1"/>
  <c r="G34454" i="1"/>
  <c r="G34455" i="1"/>
  <c r="G34456" i="1"/>
  <c r="G34457" i="1"/>
  <c r="G34458" i="1"/>
  <c r="G34459" i="1"/>
  <c r="G34460" i="1"/>
  <c r="G34461" i="1"/>
  <c r="G34462" i="1"/>
  <c r="G34463" i="1"/>
  <c r="G34464" i="1"/>
  <c r="G34465" i="1"/>
  <c r="G34466" i="1"/>
  <c r="G34467" i="1"/>
  <c r="G34468" i="1"/>
  <c r="G34469" i="1"/>
  <c r="G34470" i="1"/>
  <c r="G34471" i="1"/>
  <c r="G34472" i="1"/>
  <c r="G34473" i="1"/>
  <c r="G34474" i="1"/>
  <c r="G34475" i="1"/>
  <c r="G34476" i="1"/>
  <c r="G34477" i="1"/>
  <c r="G34478" i="1"/>
  <c r="G34479" i="1"/>
  <c r="G34480" i="1"/>
  <c r="G34481" i="1"/>
  <c r="G34482" i="1"/>
  <c r="G34483" i="1"/>
  <c r="G34484" i="1"/>
  <c r="G34485" i="1"/>
  <c r="G34486" i="1"/>
  <c r="G34487" i="1"/>
  <c r="G34488" i="1"/>
  <c r="G34489" i="1"/>
  <c r="G34490" i="1"/>
  <c r="G34491" i="1"/>
  <c r="G34492" i="1"/>
  <c r="G34493" i="1"/>
  <c r="G34494" i="1"/>
  <c r="G34495" i="1"/>
  <c r="G34496" i="1"/>
  <c r="G34497" i="1"/>
  <c r="G34498" i="1"/>
  <c r="G34499" i="1"/>
  <c r="G34500" i="1"/>
  <c r="G34501" i="1"/>
  <c r="G34502" i="1"/>
  <c r="G34503" i="1"/>
  <c r="G34504" i="1"/>
  <c r="G34505" i="1"/>
  <c r="G34506" i="1"/>
  <c r="G34507" i="1"/>
  <c r="G34508" i="1"/>
  <c r="G34509" i="1"/>
  <c r="G34510" i="1"/>
  <c r="G34511" i="1"/>
  <c r="G34512" i="1"/>
  <c r="G34513" i="1"/>
  <c r="G34514" i="1"/>
  <c r="G34515" i="1"/>
  <c r="G34516" i="1"/>
  <c r="G34517" i="1"/>
  <c r="G34518" i="1"/>
  <c r="G34519" i="1"/>
  <c r="G34520" i="1"/>
  <c r="G34521" i="1"/>
  <c r="G34522" i="1"/>
  <c r="G34523" i="1"/>
  <c r="G34524" i="1"/>
  <c r="G34525" i="1"/>
  <c r="G34526" i="1"/>
  <c r="G34527" i="1"/>
  <c r="G34528" i="1"/>
  <c r="G34529" i="1"/>
  <c r="G34530" i="1"/>
  <c r="G34531" i="1"/>
  <c r="G34532" i="1"/>
  <c r="G34533" i="1"/>
  <c r="G34534" i="1"/>
  <c r="G34535" i="1"/>
  <c r="G34536" i="1"/>
  <c r="G34537" i="1"/>
  <c r="G34538" i="1"/>
  <c r="G34539" i="1"/>
  <c r="G34540" i="1"/>
  <c r="G34541" i="1"/>
  <c r="G34542" i="1"/>
  <c r="G34543" i="1"/>
  <c r="G34544" i="1"/>
  <c r="G34545" i="1"/>
  <c r="G34546" i="1"/>
  <c r="G34547" i="1"/>
  <c r="G34548" i="1"/>
  <c r="G34549" i="1"/>
  <c r="G34550" i="1"/>
  <c r="G34551" i="1"/>
  <c r="G34552" i="1"/>
  <c r="G34553" i="1"/>
  <c r="G34554" i="1"/>
  <c r="G34555" i="1"/>
  <c r="G34556" i="1"/>
  <c r="G34557" i="1"/>
  <c r="G34558" i="1"/>
  <c r="G34559" i="1"/>
  <c r="G34560" i="1"/>
  <c r="G34561" i="1"/>
  <c r="G34562" i="1"/>
  <c r="G34563" i="1"/>
  <c r="G34564" i="1"/>
  <c r="G34565" i="1"/>
  <c r="G34566" i="1"/>
  <c r="G34567" i="1"/>
  <c r="G34568" i="1"/>
  <c r="G34569" i="1"/>
  <c r="G34570" i="1"/>
  <c r="G34571" i="1"/>
  <c r="G34572" i="1"/>
  <c r="G34573" i="1"/>
  <c r="G34574" i="1"/>
  <c r="G34575" i="1"/>
  <c r="G34576" i="1"/>
  <c r="G34577" i="1"/>
  <c r="G34578" i="1"/>
  <c r="G34579" i="1"/>
  <c r="G34580" i="1"/>
  <c r="G34581" i="1"/>
  <c r="G34582" i="1"/>
  <c r="G34583" i="1"/>
  <c r="G34584" i="1"/>
  <c r="G34585" i="1"/>
  <c r="G34586" i="1"/>
  <c r="G34587" i="1"/>
  <c r="G34588" i="1"/>
  <c r="G34589" i="1"/>
  <c r="G34590" i="1"/>
  <c r="G34591" i="1"/>
  <c r="G34592" i="1"/>
  <c r="G34593" i="1"/>
  <c r="G34594" i="1"/>
  <c r="G34595" i="1"/>
  <c r="G34596" i="1"/>
  <c r="G34597" i="1"/>
  <c r="G34598" i="1"/>
  <c r="G34599" i="1"/>
  <c r="G34600" i="1"/>
  <c r="G34601" i="1"/>
  <c r="G34602" i="1"/>
  <c r="G34603" i="1"/>
  <c r="G34604" i="1"/>
  <c r="G34605" i="1"/>
  <c r="G34606" i="1"/>
  <c r="G34607" i="1"/>
  <c r="G34608" i="1"/>
  <c r="G34609" i="1"/>
  <c r="G34610" i="1"/>
  <c r="G34611" i="1"/>
  <c r="G34612" i="1"/>
  <c r="G34613" i="1"/>
  <c r="G34614" i="1"/>
  <c r="G34615" i="1"/>
  <c r="G34616" i="1"/>
  <c r="G34617" i="1"/>
  <c r="G34618" i="1"/>
  <c r="G34619" i="1"/>
  <c r="G34620" i="1"/>
  <c r="G34621" i="1"/>
  <c r="G34622" i="1"/>
  <c r="G34623" i="1"/>
  <c r="G34624" i="1"/>
  <c r="G34625" i="1"/>
  <c r="G34626" i="1"/>
  <c r="G34627" i="1"/>
  <c r="G34628" i="1"/>
  <c r="G34629" i="1"/>
  <c r="G34630" i="1"/>
  <c r="G34631" i="1"/>
  <c r="G34632" i="1"/>
  <c r="G34633" i="1"/>
  <c r="G34634" i="1"/>
  <c r="G34635" i="1"/>
  <c r="G34636" i="1"/>
  <c r="G34637" i="1"/>
  <c r="G34638" i="1"/>
  <c r="G34639" i="1"/>
  <c r="G34640" i="1"/>
  <c r="G34641" i="1"/>
  <c r="G34642" i="1"/>
  <c r="G34643" i="1"/>
  <c r="G34644" i="1"/>
  <c r="G34645" i="1"/>
  <c r="G34646" i="1"/>
  <c r="G34647" i="1"/>
  <c r="G34648" i="1"/>
  <c r="G34649" i="1"/>
  <c r="G34650" i="1"/>
  <c r="G34651" i="1"/>
  <c r="G34652" i="1"/>
  <c r="G34653" i="1"/>
  <c r="G34654" i="1"/>
  <c r="G34655" i="1"/>
  <c r="G34656" i="1"/>
  <c r="G34657" i="1"/>
  <c r="G34658" i="1"/>
  <c r="G34659" i="1"/>
  <c r="G34660" i="1"/>
  <c r="G34661" i="1"/>
  <c r="G34662" i="1"/>
  <c r="G34663" i="1"/>
  <c r="G34664" i="1"/>
  <c r="G34665" i="1"/>
  <c r="G34666" i="1"/>
  <c r="G34667" i="1"/>
  <c r="G34668" i="1"/>
  <c r="G34669" i="1"/>
  <c r="G34670" i="1"/>
  <c r="G34671" i="1"/>
  <c r="G34672" i="1"/>
  <c r="G34673" i="1"/>
  <c r="G34674" i="1"/>
  <c r="G34675" i="1"/>
  <c r="G34676" i="1"/>
  <c r="G34677" i="1"/>
  <c r="G34678" i="1"/>
  <c r="G34679" i="1"/>
  <c r="G34680" i="1"/>
  <c r="G34681" i="1"/>
  <c r="G34682" i="1"/>
  <c r="G34683" i="1"/>
  <c r="G34684" i="1"/>
  <c r="G34685" i="1"/>
  <c r="G34686" i="1"/>
  <c r="G34687" i="1"/>
  <c r="G34688" i="1"/>
  <c r="G34689" i="1"/>
  <c r="G34690" i="1"/>
  <c r="G34691" i="1"/>
  <c r="G34692" i="1"/>
  <c r="G34693" i="1"/>
  <c r="G34694" i="1"/>
  <c r="G34695" i="1"/>
  <c r="G34696" i="1"/>
  <c r="G34697" i="1"/>
  <c r="G34698" i="1"/>
  <c r="G34699" i="1"/>
  <c r="G34700" i="1"/>
  <c r="G34701" i="1"/>
  <c r="G34702" i="1"/>
  <c r="G34703" i="1"/>
  <c r="G34704" i="1"/>
  <c r="G34705" i="1"/>
  <c r="G34706" i="1"/>
  <c r="G34707" i="1"/>
  <c r="G34708" i="1"/>
  <c r="G34709" i="1"/>
  <c r="G34710" i="1"/>
  <c r="G34711" i="1"/>
  <c r="G34712" i="1"/>
  <c r="G34713" i="1"/>
  <c r="G34714" i="1"/>
  <c r="G34715" i="1"/>
  <c r="G34716" i="1"/>
  <c r="G34717" i="1"/>
  <c r="G34718" i="1"/>
  <c r="G34719" i="1"/>
  <c r="G34720" i="1"/>
  <c r="G34721" i="1"/>
  <c r="G34722" i="1"/>
  <c r="G34723" i="1"/>
  <c r="G34724" i="1"/>
  <c r="G34725" i="1"/>
  <c r="G34726" i="1"/>
  <c r="G34727" i="1"/>
  <c r="G34728" i="1"/>
  <c r="G34729" i="1"/>
  <c r="G34730" i="1"/>
  <c r="G34731" i="1"/>
  <c r="G34732" i="1"/>
  <c r="G34733" i="1"/>
  <c r="G34734" i="1"/>
  <c r="G34735" i="1"/>
  <c r="G34736" i="1"/>
  <c r="G34737" i="1"/>
  <c r="G34738" i="1"/>
  <c r="G34739" i="1"/>
  <c r="G34740" i="1"/>
  <c r="G34741" i="1"/>
  <c r="G34742" i="1"/>
  <c r="G34743" i="1"/>
  <c r="G34744" i="1"/>
  <c r="G34745" i="1"/>
  <c r="G34746" i="1"/>
  <c r="G34747" i="1"/>
  <c r="G34748" i="1"/>
  <c r="G34749" i="1"/>
  <c r="G34750" i="1"/>
  <c r="G34751" i="1"/>
  <c r="G34752" i="1"/>
  <c r="G34753" i="1"/>
  <c r="G34754" i="1"/>
  <c r="G34755" i="1"/>
  <c r="G34756" i="1"/>
  <c r="G34757" i="1"/>
  <c r="G34758" i="1"/>
  <c r="G34759" i="1"/>
  <c r="G34760" i="1"/>
  <c r="G34761" i="1"/>
  <c r="G34762" i="1"/>
  <c r="G34763" i="1"/>
  <c r="G34764" i="1"/>
  <c r="G34765" i="1"/>
  <c r="G34766" i="1"/>
  <c r="G34767" i="1"/>
  <c r="G34768" i="1"/>
  <c r="G34769" i="1"/>
  <c r="G34770" i="1"/>
  <c r="G34771" i="1"/>
  <c r="G34772" i="1"/>
  <c r="G34773" i="1"/>
  <c r="G34774" i="1"/>
  <c r="G34775" i="1"/>
  <c r="G34776" i="1"/>
  <c r="G34777" i="1"/>
  <c r="G34778" i="1"/>
  <c r="G34779" i="1"/>
  <c r="G34780" i="1"/>
  <c r="G34781" i="1"/>
  <c r="G34782" i="1"/>
  <c r="G34783" i="1"/>
  <c r="G34784" i="1"/>
  <c r="G34785" i="1"/>
  <c r="G34786" i="1"/>
  <c r="G34787" i="1"/>
  <c r="G34788" i="1"/>
  <c r="G34789" i="1"/>
  <c r="G34790" i="1"/>
  <c r="G34791" i="1"/>
  <c r="G34792" i="1"/>
  <c r="G34793" i="1"/>
  <c r="G34794" i="1"/>
  <c r="G34795" i="1"/>
  <c r="G34796" i="1"/>
  <c r="G34797" i="1"/>
  <c r="G34798" i="1"/>
  <c r="G34799" i="1"/>
  <c r="G34800" i="1"/>
  <c r="G34801" i="1"/>
  <c r="G34802" i="1"/>
  <c r="G34803" i="1"/>
  <c r="G34804" i="1"/>
  <c r="G34805" i="1"/>
  <c r="G34806" i="1"/>
  <c r="G34807" i="1"/>
  <c r="G34808" i="1"/>
  <c r="G34809" i="1"/>
  <c r="G34810" i="1"/>
  <c r="G34811" i="1"/>
  <c r="G34812" i="1"/>
  <c r="G34813" i="1"/>
  <c r="G34814" i="1"/>
  <c r="G34815" i="1"/>
  <c r="G34816" i="1"/>
  <c r="G34817" i="1"/>
  <c r="G34818" i="1"/>
  <c r="G34819" i="1"/>
  <c r="G34820" i="1"/>
  <c r="G34821" i="1"/>
  <c r="G34822" i="1"/>
  <c r="G34823" i="1"/>
  <c r="G34824" i="1"/>
  <c r="G34825" i="1"/>
  <c r="G34826" i="1"/>
  <c r="G34827" i="1"/>
  <c r="G34828" i="1"/>
  <c r="G34829" i="1"/>
  <c r="G34830" i="1"/>
  <c r="G34831" i="1"/>
  <c r="G34832" i="1"/>
  <c r="G34833" i="1"/>
  <c r="G34834" i="1"/>
  <c r="G34835" i="1"/>
  <c r="G34836" i="1"/>
  <c r="G34837" i="1"/>
  <c r="G34838" i="1"/>
  <c r="G34839" i="1"/>
  <c r="G34840" i="1"/>
  <c r="G34841" i="1"/>
  <c r="G34842" i="1"/>
  <c r="G34843" i="1"/>
  <c r="G34844" i="1"/>
  <c r="G34845" i="1"/>
  <c r="G34846" i="1"/>
  <c r="G34847" i="1"/>
  <c r="G34848" i="1"/>
  <c r="G34849" i="1"/>
  <c r="G34850" i="1"/>
  <c r="G34851" i="1"/>
  <c r="G34852" i="1"/>
  <c r="G34853" i="1"/>
  <c r="G34854" i="1"/>
  <c r="G34855" i="1"/>
  <c r="G34856" i="1"/>
  <c r="G34857" i="1"/>
  <c r="G34858" i="1"/>
  <c r="G34859" i="1"/>
  <c r="G34860" i="1"/>
  <c r="G34861" i="1"/>
  <c r="G34862" i="1"/>
  <c r="G34863" i="1"/>
  <c r="G34864" i="1"/>
  <c r="G34865" i="1"/>
  <c r="G34866" i="1"/>
  <c r="G34867" i="1"/>
  <c r="G34868" i="1"/>
  <c r="G34869" i="1"/>
  <c r="G34870" i="1"/>
  <c r="G34871" i="1"/>
  <c r="G34872" i="1"/>
  <c r="G34873" i="1"/>
  <c r="G34874" i="1"/>
  <c r="G34875" i="1"/>
  <c r="G34876" i="1"/>
  <c r="G34877" i="1"/>
  <c r="G34878" i="1"/>
  <c r="G34879" i="1"/>
  <c r="G34880" i="1"/>
  <c r="G34881" i="1"/>
  <c r="G34882" i="1"/>
  <c r="G34883" i="1"/>
  <c r="G34884" i="1"/>
  <c r="G34885" i="1"/>
  <c r="G34886" i="1"/>
  <c r="G34887" i="1"/>
  <c r="G34888" i="1"/>
  <c r="G34889" i="1"/>
  <c r="G34890" i="1"/>
  <c r="G34891" i="1"/>
  <c r="G34892" i="1"/>
  <c r="G34893" i="1"/>
  <c r="G34894" i="1"/>
  <c r="G34895" i="1"/>
  <c r="G34896" i="1"/>
  <c r="G34897" i="1"/>
  <c r="G34898" i="1"/>
  <c r="G34899" i="1"/>
  <c r="G34900" i="1"/>
  <c r="G34901" i="1"/>
  <c r="G34902" i="1"/>
  <c r="G34903" i="1"/>
  <c r="G34904" i="1"/>
  <c r="G34905" i="1"/>
  <c r="G34906" i="1"/>
  <c r="G34907" i="1"/>
  <c r="G34908" i="1"/>
  <c r="G34909" i="1"/>
  <c r="G34910" i="1"/>
  <c r="G34911" i="1"/>
  <c r="G34912" i="1"/>
  <c r="G34913" i="1"/>
  <c r="G34914" i="1"/>
  <c r="G34915" i="1"/>
  <c r="G34916" i="1"/>
  <c r="G34917" i="1"/>
  <c r="G34918" i="1"/>
  <c r="G34919" i="1"/>
  <c r="G34920" i="1"/>
  <c r="G34921" i="1"/>
  <c r="G34922" i="1"/>
  <c r="G34923" i="1"/>
  <c r="G34924" i="1"/>
  <c r="G34925" i="1"/>
  <c r="G34926" i="1"/>
  <c r="G34927" i="1"/>
  <c r="G34928" i="1"/>
  <c r="G34929" i="1"/>
  <c r="G34930" i="1"/>
  <c r="G34931" i="1"/>
  <c r="G34932" i="1"/>
  <c r="G34933" i="1"/>
  <c r="G34934" i="1"/>
  <c r="G34935" i="1"/>
  <c r="G34936" i="1"/>
  <c r="G34937" i="1"/>
  <c r="G34938" i="1"/>
  <c r="G34939" i="1"/>
  <c r="G34940" i="1"/>
  <c r="G34941" i="1"/>
  <c r="G34942" i="1"/>
  <c r="G34943" i="1"/>
  <c r="G34944" i="1"/>
  <c r="G34945" i="1"/>
  <c r="G34946" i="1"/>
  <c r="G34947" i="1"/>
  <c r="G34948" i="1"/>
  <c r="G34949" i="1"/>
  <c r="G34950" i="1"/>
  <c r="G34951" i="1"/>
  <c r="G34952" i="1"/>
  <c r="G34953" i="1"/>
  <c r="G34954" i="1"/>
  <c r="G34955" i="1"/>
  <c r="G34956" i="1"/>
  <c r="G34957" i="1"/>
  <c r="G34958" i="1"/>
  <c r="G34959" i="1"/>
  <c r="G34960" i="1"/>
  <c r="G34961" i="1"/>
  <c r="G34962" i="1"/>
  <c r="G34963" i="1"/>
  <c r="G34964" i="1"/>
  <c r="G34965" i="1"/>
  <c r="G34966" i="1"/>
  <c r="G34967" i="1"/>
  <c r="G34968" i="1"/>
  <c r="G34969" i="1"/>
  <c r="G34970" i="1"/>
  <c r="G34971" i="1"/>
  <c r="G34972" i="1"/>
  <c r="G34973" i="1"/>
  <c r="G34974" i="1"/>
  <c r="G34975" i="1"/>
  <c r="G34976" i="1"/>
  <c r="G34977" i="1"/>
  <c r="G34978" i="1"/>
  <c r="G34979" i="1"/>
  <c r="G34980" i="1"/>
  <c r="G34981" i="1"/>
  <c r="G34982" i="1"/>
  <c r="G34983" i="1"/>
  <c r="G34984" i="1"/>
  <c r="G34985" i="1"/>
  <c r="G34986" i="1"/>
  <c r="G34987" i="1"/>
  <c r="G34988" i="1"/>
  <c r="G34989" i="1"/>
  <c r="G34990" i="1"/>
  <c r="G34991" i="1"/>
  <c r="G34992" i="1"/>
  <c r="G34993" i="1"/>
  <c r="G34994" i="1"/>
  <c r="G34995" i="1"/>
  <c r="G34996" i="1"/>
  <c r="G34997" i="1"/>
  <c r="G34998" i="1"/>
  <c r="G34999" i="1"/>
  <c r="G35000" i="1"/>
  <c r="G35001" i="1"/>
  <c r="G35002" i="1"/>
  <c r="G35003" i="1"/>
  <c r="G35004" i="1"/>
  <c r="G35005" i="1"/>
  <c r="G35006" i="1"/>
  <c r="G35007" i="1"/>
  <c r="G35008" i="1"/>
  <c r="G35009" i="1"/>
  <c r="G35010" i="1"/>
  <c r="G35011" i="1"/>
  <c r="G35012" i="1"/>
  <c r="G35013" i="1"/>
  <c r="G35014" i="1"/>
  <c r="G35015" i="1"/>
  <c r="G35016" i="1"/>
  <c r="G35017" i="1"/>
  <c r="G35018" i="1"/>
  <c r="G35019" i="1"/>
  <c r="G35020" i="1"/>
  <c r="G35021" i="1"/>
  <c r="G35022" i="1"/>
  <c r="G35023" i="1"/>
  <c r="G35024" i="1"/>
  <c r="G35025" i="1"/>
  <c r="G35026" i="1"/>
  <c r="G35027" i="1"/>
  <c r="G35028" i="1"/>
  <c r="G35029" i="1"/>
  <c r="G35030" i="1"/>
  <c r="G35031" i="1"/>
  <c r="G35032" i="1"/>
  <c r="G35033" i="1"/>
  <c r="G35034" i="1"/>
  <c r="G35035" i="1"/>
  <c r="G35036" i="1"/>
  <c r="G35037" i="1"/>
  <c r="G35038" i="1"/>
  <c r="G35039" i="1"/>
  <c r="G35040" i="1"/>
  <c r="G35041" i="1"/>
  <c r="G35042" i="1"/>
  <c r="G35043" i="1"/>
  <c r="G35044" i="1"/>
  <c r="G35045" i="1"/>
  <c r="G35046" i="1"/>
  <c r="G35047" i="1"/>
  <c r="G35048" i="1"/>
  <c r="G35049" i="1"/>
  <c r="G35050" i="1"/>
  <c r="G35051" i="1"/>
  <c r="G35052" i="1"/>
  <c r="G35053" i="1"/>
  <c r="G35054" i="1"/>
  <c r="G35055" i="1"/>
  <c r="G35056" i="1"/>
  <c r="G35057" i="1"/>
  <c r="G35058" i="1"/>
  <c r="G35059" i="1"/>
  <c r="G35060" i="1"/>
  <c r="G35061" i="1"/>
  <c r="G35062" i="1"/>
  <c r="G35063" i="1"/>
  <c r="G35064" i="1"/>
  <c r="G35065" i="1"/>
  <c r="G35066" i="1"/>
  <c r="G35067" i="1"/>
  <c r="G35068" i="1"/>
  <c r="G35069" i="1"/>
  <c r="G35070" i="1"/>
  <c r="G35071" i="1"/>
  <c r="G35072" i="1"/>
  <c r="G35073" i="1"/>
  <c r="G35074" i="1"/>
  <c r="G35075" i="1"/>
  <c r="G35076" i="1"/>
  <c r="G35077" i="1"/>
  <c r="G35078" i="1"/>
  <c r="G35079" i="1"/>
  <c r="G35080" i="1"/>
  <c r="G35081" i="1"/>
  <c r="G35082" i="1"/>
  <c r="G35083" i="1"/>
  <c r="G35084" i="1"/>
  <c r="G35085" i="1"/>
  <c r="G35086" i="1"/>
  <c r="G35087" i="1"/>
  <c r="G35088" i="1"/>
  <c r="G35089" i="1"/>
  <c r="G35090" i="1"/>
  <c r="G35091" i="1"/>
  <c r="G35092" i="1"/>
  <c r="G35093" i="1"/>
  <c r="G35094" i="1"/>
  <c r="G35095" i="1"/>
  <c r="G35096" i="1"/>
  <c r="G35097" i="1"/>
  <c r="G35098" i="1"/>
  <c r="G35099" i="1"/>
  <c r="G35100" i="1"/>
  <c r="G35101" i="1"/>
  <c r="G35102" i="1"/>
  <c r="G35103" i="1"/>
  <c r="G35104" i="1"/>
  <c r="G35105" i="1"/>
  <c r="G35106" i="1"/>
  <c r="G35107" i="1"/>
  <c r="G35108" i="1"/>
  <c r="G35109" i="1"/>
  <c r="G35110" i="1"/>
  <c r="G35111" i="1"/>
  <c r="G35112" i="1"/>
  <c r="G35113" i="1"/>
  <c r="G35114" i="1"/>
  <c r="G35115" i="1"/>
  <c r="G35116" i="1"/>
  <c r="G35117" i="1"/>
  <c r="G35118" i="1"/>
  <c r="G35119" i="1"/>
  <c r="G35120" i="1"/>
  <c r="G35121" i="1"/>
  <c r="G35122" i="1"/>
  <c r="G35123" i="1"/>
  <c r="G35124" i="1"/>
  <c r="G35125" i="1"/>
  <c r="G35126" i="1"/>
  <c r="G35127" i="1"/>
  <c r="G35128" i="1"/>
  <c r="G35129" i="1"/>
  <c r="G35130" i="1"/>
  <c r="G35131" i="1"/>
  <c r="G35132" i="1"/>
  <c r="G35133" i="1"/>
  <c r="G35134" i="1"/>
  <c r="G35135" i="1"/>
  <c r="G35136" i="1"/>
  <c r="G35137" i="1"/>
  <c r="G35138" i="1"/>
  <c r="G35139" i="1"/>
  <c r="G35140" i="1"/>
  <c r="G35141" i="1"/>
  <c r="G35142" i="1"/>
  <c r="G35143" i="1"/>
  <c r="G35144" i="1"/>
  <c r="G35145" i="1"/>
  <c r="G35146" i="1"/>
  <c r="G35147" i="1"/>
  <c r="G35148" i="1"/>
  <c r="G35149" i="1"/>
  <c r="G35150" i="1"/>
  <c r="G35151" i="1"/>
  <c r="G35152" i="1"/>
  <c r="G35153" i="1"/>
  <c r="G35154" i="1"/>
  <c r="G35155" i="1"/>
  <c r="G35156" i="1"/>
  <c r="G35157" i="1"/>
  <c r="G35158" i="1"/>
  <c r="G35159" i="1"/>
  <c r="G35160" i="1"/>
  <c r="G35161" i="1"/>
  <c r="G35162" i="1"/>
  <c r="G35163" i="1"/>
  <c r="G35164" i="1"/>
  <c r="G35165" i="1"/>
  <c r="G35166" i="1"/>
  <c r="G35167" i="1"/>
  <c r="G35168" i="1"/>
  <c r="G35169" i="1"/>
  <c r="G35170" i="1"/>
  <c r="G35171" i="1"/>
  <c r="G35172" i="1"/>
  <c r="G35173" i="1"/>
  <c r="G35174" i="1"/>
  <c r="G35175" i="1"/>
  <c r="G35176" i="1"/>
  <c r="G35177" i="1"/>
  <c r="G35178" i="1"/>
  <c r="G35179" i="1"/>
  <c r="G35180" i="1"/>
  <c r="G35181" i="1"/>
  <c r="G35182" i="1"/>
  <c r="G35183" i="1"/>
  <c r="G35184" i="1"/>
  <c r="G35185" i="1"/>
  <c r="G35186" i="1"/>
  <c r="G35187" i="1"/>
  <c r="G35188" i="1"/>
  <c r="G35189" i="1"/>
  <c r="G35190" i="1"/>
  <c r="G35191" i="1"/>
  <c r="G35192" i="1"/>
  <c r="G35193" i="1"/>
  <c r="G35194" i="1"/>
  <c r="G35195" i="1"/>
  <c r="G35196" i="1"/>
  <c r="G35197" i="1"/>
  <c r="G35198" i="1"/>
  <c r="G35199" i="1"/>
  <c r="G35200" i="1"/>
  <c r="G35201" i="1"/>
  <c r="G35202" i="1"/>
  <c r="G35203" i="1"/>
  <c r="G35204" i="1"/>
  <c r="G35205" i="1"/>
  <c r="G35206" i="1"/>
  <c r="G35207" i="1"/>
  <c r="G35208" i="1"/>
  <c r="G35209" i="1"/>
  <c r="G35210" i="1"/>
  <c r="G35211" i="1"/>
  <c r="G35212" i="1"/>
  <c r="G35213" i="1"/>
  <c r="G35214" i="1"/>
  <c r="G35215" i="1"/>
  <c r="G35216" i="1"/>
  <c r="G35217" i="1"/>
  <c r="G35218" i="1"/>
  <c r="G35219" i="1"/>
  <c r="G35220" i="1"/>
  <c r="G35221" i="1"/>
  <c r="G35222" i="1"/>
  <c r="G35223" i="1"/>
  <c r="G35224" i="1"/>
  <c r="G35225" i="1"/>
  <c r="G35226" i="1"/>
  <c r="G35227" i="1"/>
  <c r="G35228" i="1"/>
  <c r="G35229" i="1"/>
  <c r="G35230" i="1"/>
  <c r="G35231" i="1"/>
  <c r="G35232" i="1"/>
  <c r="G35233" i="1"/>
  <c r="G35234" i="1"/>
  <c r="G35235" i="1"/>
  <c r="G35236" i="1"/>
  <c r="G35237" i="1"/>
  <c r="G35238" i="1"/>
  <c r="G35239" i="1"/>
  <c r="G35240" i="1"/>
  <c r="G35241" i="1"/>
  <c r="G35242" i="1"/>
  <c r="G35243" i="1"/>
  <c r="G35244" i="1"/>
  <c r="G35245" i="1"/>
  <c r="G35246" i="1"/>
  <c r="G35247" i="1"/>
  <c r="G35248" i="1"/>
  <c r="G35249" i="1"/>
  <c r="G35250" i="1"/>
  <c r="G35251" i="1"/>
  <c r="G35252" i="1"/>
  <c r="G35253" i="1"/>
  <c r="G35254" i="1"/>
  <c r="G35255" i="1"/>
  <c r="G35256" i="1"/>
  <c r="G35257" i="1"/>
  <c r="G35258" i="1"/>
  <c r="G35259" i="1"/>
  <c r="G35260" i="1"/>
  <c r="G35261" i="1"/>
  <c r="G35262" i="1"/>
  <c r="G35263" i="1"/>
  <c r="G35264" i="1"/>
  <c r="G35265" i="1"/>
  <c r="G35266" i="1"/>
  <c r="G35267" i="1"/>
  <c r="G35268" i="1"/>
  <c r="G35269" i="1"/>
  <c r="G35270" i="1"/>
  <c r="G35271" i="1"/>
  <c r="G35272" i="1"/>
  <c r="G35273" i="1"/>
  <c r="G35274" i="1"/>
  <c r="G35275" i="1"/>
  <c r="G35276" i="1"/>
  <c r="G35277" i="1"/>
  <c r="G35278" i="1"/>
  <c r="G35279" i="1"/>
  <c r="G35280" i="1"/>
  <c r="G35281" i="1"/>
  <c r="G35282" i="1"/>
  <c r="G35283" i="1"/>
  <c r="G35284" i="1"/>
  <c r="G35285" i="1"/>
  <c r="G35286" i="1"/>
  <c r="G35287" i="1"/>
  <c r="G35288" i="1"/>
  <c r="G35289" i="1"/>
  <c r="G35290" i="1"/>
  <c r="G35291" i="1"/>
  <c r="G35292" i="1"/>
  <c r="G35293" i="1"/>
  <c r="G35294" i="1"/>
  <c r="G35295" i="1"/>
  <c r="G35296" i="1"/>
  <c r="G35297" i="1"/>
  <c r="G35298" i="1"/>
  <c r="G35299" i="1"/>
  <c r="G35300" i="1"/>
  <c r="G35301" i="1"/>
  <c r="G35302" i="1"/>
  <c r="G35303" i="1"/>
  <c r="G35304" i="1"/>
  <c r="G35305" i="1"/>
  <c r="G35306" i="1"/>
  <c r="G35307" i="1"/>
  <c r="G35308" i="1"/>
  <c r="G35309" i="1"/>
  <c r="G35310" i="1"/>
  <c r="G35311" i="1"/>
  <c r="G35312" i="1"/>
  <c r="G35313" i="1"/>
  <c r="G35314" i="1"/>
  <c r="G35315" i="1"/>
  <c r="G35316" i="1"/>
  <c r="G35317" i="1"/>
  <c r="G35318" i="1"/>
  <c r="G35319" i="1"/>
  <c r="G35320" i="1"/>
  <c r="G35321" i="1"/>
  <c r="G35322" i="1"/>
  <c r="G35323" i="1"/>
  <c r="G35324" i="1"/>
  <c r="G35325" i="1"/>
  <c r="G35326" i="1"/>
  <c r="G35327" i="1"/>
  <c r="G35328" i="1"/>
  <c r="G35329" i="1"/>
  <c r="G35330" i="1"/>
  <c r="G35331" i="1"/>
  <c r="G35332" i="1"/>
  <c r="G35333" i="1"/>
  <c r="G35334" i="1"/>
  <c r="G35335" i="1"/>
  <c r="G35336" i="1"/>
  <c r="G35337" i="1"/>
  <c r="G35338" i="1"/>
  <c r="G35339" i="1"/>
  <c r="G35340" i="1"/>
  <c r="G35341" i="1"/>
  <c r="G35342" i="1"/>
  <c r="G35343" i="1"/>
  <c r="G35344" i="1"/>
  <c r="G35345" i="1"/>
  <c r="G35346" i="1"/>
  <c r="G35347" i="1"/>
  <c r="G35348" i="1"/>
  <c r="G35349" i="1"/>
  <c r="G35350" i="1"/>
  <c r="G35351" i="1"/>
  <c r="G35352" i="1"/>
  <c r="G35353" i="1"/>
  <c r="G35354" i="1"/>
  <c r="G35355" i="1"/>
  <c r="G35356" i="1"/>
  <c r="G35357" i="1"/>
  <c r="G35358" i="1"/>
  <c r="G35359" i="1"/>
  <c r="G35360" i="1"/>
  <c r="G35361" i="1"/>
  <c r="G35362" i="1"/>
  <c r="G35363" i="1"/>
  <c r="G35364" i="1"/>
  <c r="G35365" i="1"/>
  <c r="G35366" i="1"/>
  <c r="G35367" i="1"/>
  <c r="G35368" i="1"/>
  <c r="G35369" i="1"/>
  <c r="G35370" i="1"/>
  <c r="G35371" i="1"/>
  <c r="G35372" i="1"/>
  <c r="G35373" i="1"/>
  <c r="G35374" i="1"/>
  <c r="G35375" i="1"/>
  <c r="G35376" i="1"/>
  <c r="G35377" i="1"/>
  <c r="G35378" i="1"/>
  <c r="G35379" i="1"/>
  <c r="G35380" i="1"/>
  <c r="G35381" i="1"/>
  <c r="G35382" i="1"/>
  <c r="G35383" i="1"/>
  <c r="G35384" i="1"/>
  <c r="G35385" i="1"/>
  <c r="G35386" i="1"/>
  <c r="G35387" i="1"/>
  <c r="G35388" i="1"/>
  <c r="G35389" i="1"/>
  <c r="G35390" i="1"/>
  <c r="G35391" i="1"/>
  <c r="G35392" i="1"/>
  <c r="G35393" i="1"/>
  <c r="G35394" i="1"/>
  <c r="G35395" i="1"/>
  <c r="G35396" i="1"/>
  <c r="G35397" i="1"/>
  <c r="G35398" i="1"/>
  <c r="G35399" i="1"/>
  <c r="G35400" i="1"/>
  <c r="G35401" i="1"/>
  <c r="G35402" i="1"/>
  <c r="G35403" i="1"/>
  <c r="G35404" i="1"/>
  <c r="G35405" i="1"/>
  <c r="G35406" i="1"/>
  <c r="G35407" i="1"/>
  <c r="G35408" i="1"/>
  <c r="G35409" i="1"/>
  <c r="G35410" i="1"/>
  <c r="G35411" i="1"/>
  <c r="G35412" i="1"/>
  <c r="G35413" i="1"/>
  <c r="G35414" i="1"/>
  <c r="G35415" i="1"/>
  <c r="G35416" i="1"/>
  <c r="G35417" i="1"/>
  <c r="G35418" i="1"/>
  <c r="G35419" i="1"/>
  <c r="G35420" i="1"/>
  <c r="G35421" i="1"/>
  <c r="G35422" i="1"/>
  <c r="G35423" i="1"/>
  <c r="G35424" i="1"/>
  <c r="G35425" i="1"/>
  <c r="G35426" i="1"/>
  <c r="G35427" i="1"/>
  <c r="G35428" i="1"/>
  <c r="G35429" i="1"/>
  <c r="G35430" i="1"/>
  <c r="G35431" i="1"/>
  <c r="G35432" i="1"/>
  <c r="G35433" i="1"/>
  <c r="G35434" i="1"/>
  <c r="G35435" i="1"/>
  <c r="G35436" i="1"/>
  <c r="G35437" i="1"/>
  <c r="G35438" i="1"/>
  <c r="G35439" i="1"/>
  <c r="G35440" i="1"/>
  <c r="G35441" i="1"/>
  <c r="G35442" i="1"/>
  <c r="G35443" i="1"/>
  <c r="G35444" i="1"/>
  <c r="G35445" i="1"/>
  <c r="G35446" i="1"/>
  <c r="G35447" i="1"/>
  <c r="G35448" i="1"/>
  <c r="G35449" i="1"/>
  <c r="G35450" i="1"/>
  <c r="G35451" i="1"/>
  <c r="G35452" i="1"/>
  <c r="G35453" i="1"/>
  <c r="G35454" i="1"/>
  <c r="G35455" i="1"/>
  <c r="G35456" i="1"/>
  <c r="G35457" i="1"/>
  <c r="G35458" i="1"/>
  <c r="G35459" i="1"/>
  <c r="G35460" i="1"/>
  <c r="G35461" i="1"/>
  <c r="G35462" i="1"/>
  <c r="G35463" i="1"/>
  <c r="G35464" i="1"/>
  <c r="G35465" i="1"/>
  <c r="G35466" i="1"/>
  <c r="G35467" i="1"/>
  <c r="G35468" i="1"/>
  <c r="G35469" i="1"/>
  <c r="G35470" i="1"/>
  <c r="G35471" i="1"/>
  <c r="G35472" i="1"/>
  <c r="G35473" i="1"/>
  <c r="G35474" i="1"/>
  <c r="G35475" i="1"/>
  <c r="G35476" i="1"/>
  <c r="G35477" i="1"/>
  <c r="G35478" i="1"/>
  <c r="G35479" i="1"/>
  <c r="G35480" i="1"/>
  <c r="G35481" i="1"/>
  <c r="G35482" i="1"/>
  <c r="G35483" i="1"/>
  <c r="G35484" i="1"/>
  <c r="G35485" i="1"/>
  <c r="G35486" i="1"/>
  <c r="G35487" i="1"/>
  <c r="G35488" i="1"/>
  <c r="G35489" i="1"/>
  <c r="G35490" i="1"/>
  <c r="G35491" i="1"/>
  <c r="G35492" i="1"/>
  <c r="G35493" i="1"/>
  <c r="G35494" i="1"/>
  <c r="G35495" i="1"/>
  <c r="G35496" i="1"/>
  <c r="G35497" i="1"/>
  <c r="G35498" i="1"/>
  <c r="G35499" i="1"/>
  <c r="G35500" i="1"/>
  <c r="G35501" i="1"/>
  <c r="G35502" i="1"/>
  <c r="G35503" i="1"/>
  <c r="G35504" i="1"/>
  <c r="G35505" i="1"/>
  <c r="G35506" i="1"/>
  <c r="G35507" i="1"/>
  <c r="G35508" i="1"/>
  <c r="G35509" i="1"/>
  <c r="G35510" i="1"/>
  <c r="G35511" i="1"/>
  <c r="G35512" i="1"/>
  <c r="G35513" i="1"/>
  <c r="G35514" i="1"/>
  <c r="G35515" i="1"/>
  <c r="G35516" i="1"/>
  <c r="G35517" i="1"/>
  <c r="G35518" i="1"/>
  <c r="G35519" i="1"/>
  <c r="G35520" i="1"/>
  <c r="G35521" i="1"/>
  <c r="G35522" i="1"/>
  <c r="G35523" i="1"/>
  <c r="G35524" i="1"/>
  <c r="G35525" i="1"/>
  <c r="G35526" i="1"/>
  <c r="G35527" i="1"/>
  <c r="G35528" i="1"/>
  <c r="G35529" i="1"/>
  <c r="G35530" i="1"/>
  <c r="G35531" i="1"/>
  <c r="G35532" i="1"/>
  <c r="G35533" i="1"/>
  <c r="G35534" i="1"/>
  <c r="G35535" i="1"/>
  <c r="G35536" i="1"/>
  <c r="G35537" i="1"/>
  <c r="G35538" i="1"/>
  <c r="G35539" i="1"/>
  <c r="G35540" i="1"/>
  <c r="G35541" i="1"/>
  <c r="G35542" i="1"/>
  <c r="G35543" i="1"/>
  <c r="G35544" i="1"/>
  <c r="G35545" i="1"/>
  <c r="G35546" i="1"/>
  <c r="G35547" i="1"/>
  <c r="G35548" i="1"/>
  <c r="G35549" i="1"/>
  <c r="G35550" i="1"/>
  <c r="G35551" i="1"/>
  <c r="G35552" i="1"/>
  <c r="G35553" i="1"/>
  <c r="G35554" i="1"/>
  <c r="G35555" i="1"/>
  <c r="G35556" i="1"/>
  <c r="G35557" i="1"/>
  <c r="G35558" i="1"/>
  <c r="G35559" i="1"/>
  <c r="G35560" i="1"/>
  <c r="G35561" i="1"/>
  <c r="G35562" i="1"/>
  <c r="G35563" i="1"/>
  <c r="G35564" i="1"/>
  <c r="G35565" i="1"/>
  <c r="G35566" i="1"/>
  <c r="G35567" i="1"/>
  <c r="G35568" i="1"/>
  <c r="G35569" i="1"/>
  <c r="G35570" i="1"/>
  <c r="G35571" i="1"/>
  <c r="G35572" i="1"/>
  <c r="G35573" i="1"/>
  <c r="G35574" i="1"/>
  <c r="G35575" i="1"/>
  <c r="G35576" i="1"/>
  <c r="G35577" i="1"/>
  <c r="G35578" i="1"/>
  <c r="G35579" i="1"/>
  <c r="G35580" i="1"/>
  <c r="G35581" i="1"/>
  <c r="G35582" i="1"/>
  <c r="G35583" i="1"/>
  <c r="G35584" i="1"/>
  <c r="G35585" i="1"/>
  <c r="G35586" i="1"/>
  <c r="G35587" i="1"/>
  <c r="G35588" i="1"/>
  <c r="G35589" i="1"/>
  <c r="G35590" i="1"/>
  <c r="G35591" i="1"/>
  <c r="G35592" i="1"/>
  <c r="G35593" i="1"/>
  <c r="G35594" i="1"/>
  <c r="G35595" i="1"/>
  <c r="G35596" i="1"/>
  <c r="G35597" i="1"/>
  <c r="G35598" i="1"/>
  <c r="G35599" i="1"/>
  <c r="G35600" i="1"/>
  <c r="G35601" i="1"/>
  <c r="G35602" i="1"/>
  <c r="G35603" i="1"/>
  <c r="G35604" i="1"/>
  <c r="G35605" i="1"/>
  <c r="G35606" i="1"/>
  <c r="G35607" i="1"/>
  <c r="G35608" i="1"/>
  <c r="G35609" i="1"/>
  <c r="G35610" i="1"/>
  <c r="G35611" i="1"/>
  <c r="G35612" i="1"/>
  <c r="G35613" i="1"/>
  <c r="G35614" i="1"/>
  <c r="G35615" i="1"/>
  <c r="G35616" i="1"/>
  <c r="G35617" i="1"/>
  <c r="G35618" i="1"/>
  <c r="G35619" i="1"/>
  <c r="G35620" i="1"/>
  <c r="G35621" i="1"/>
  <c r="G35622" i="1"/>
  <c r="G35623" i="1"/>
  <c r="G35624" i="1"/>
  <c r="G35625" i="1"/>
  <c r="G35626" i="1"/>
  <c r="G35627" i="1"/>
  <c r="G35628" i="1"/>
  <c r="G35629" i="1"/>
  <c r="G35630" i="1"/>
  <c r="G35631" i="1"/>
  <c r="G35632" i="1"/>
  <c r="G35633" i="1"/>
  <c r="G35634" i="1"/>
  <c r="G35635" i="1"/>
  <c r="G35636" i="1"/>
  <c r="G35637" i="1"/>
  <c r="G35638" i="1"/>
  <c r="G35639" i="1"/>
  <c r="G35640" i="1"/>
  <c r="G35641" i="1"/>
  <c r="G35642" i="1"/>
  <c r="G35643" i="1"/>
  <c r="G35644" i="1"/>
  <c r="G35645" i="1"/>
  <c r="G35646" i="1"/>
  <c r="G35647" i="1"/>
  <c r="G35648" i="1"/>
  <c r="G35649" i="1"/>
  <c r="G35650" i="1"/>
  <c r="G35651" i="1"/>
  <c r="G35652" i="1"/>
  <c r="G35653" i="1"/>
  <c r="G35654" i="1"/>
  <c r="G35655" i="1"/>
  <c r="G35656" i="1"/>
  <c r="G35657" i="1"/>
  <c r="G35658" i="1"/>
  <c r="G35659" i="1"/>
  <c r="G35660" i="1"/>
  <c r="G35661" i="1"/>
  <c r="G35662" i="1"/>
  <c r="G35663" i="1"/>
  <c r="G35664" i="1"/>
  <c r="G35665" i="1"/>
  <c r="G35666" i="1"/>
  <c r="G35667" i="1"/>
  <c r="G35668" i="1"/>
  <c r="G35669" i="1"/>
  <c r="G35670" i="1"/>
  <c r="G35671" i="1"/>
  <c r="G35672" i="1"/>
  <c r="G35673" i="1"/>
  <c r="G35674" i="1"/>
  <c r="G35675" i="1"/>
  <c r="G35676" i="1"/>
  <c r="G35677" i="1"/>
  <c r="G35678" i="1"/>
  <c r="G35679" i="1"/>
  <c r="G35680" i="1"/>
  <c r="G35681" i="1"/>
  <c r="G35682" i="1"/>
  <c r="G35683" i="1"/>
  <c r="G35684" i="1"/>
  <c r="G35685" i="1"/>
  <c r="G35686" i="1"/>
  <c r="G35687" i="1"/>
  <c r="G35688" i="1"/>
  <c r="G35689" i="1"/>
  <c r="G35690" i="1"/>
  <c r="G35691" i="1"/>
  <c r="G35692" i="1"/>
  <c r="G35693" i="1"/>
  <c r="G35694" i="1"/>
  <c r="G35695" i="1"/>
  <c r="G35696" i="1"/>
  <c r="G35697" i="1"/>
  <c r="G35698" i="1"/>
  <c r="G35699" i="1"/>
  <c r="G35700" i="1"/>
  <c r="G35701" i="1"/>
  <c r="G35702" i="1"/>
  <c r="G35703" i="1"/>
  <c r="G35704" i="1"/>
  <c r="G35705" i="1"/>
  <c r="G35706" i="1"/>
  <c r="G35707" i="1"/>
  <c r="G35708" i="1"/>
  <c r="G35709" i="1"/>
  <c r="G35710" i="1"/>
  <c r="G35711" i="1"/>
  <c r="G35712" i="1"/>
  <c r="G35713" i="1"/>
  <c r="G35714" i="1"/>
  <c r="G35715" i="1"/>
  <c r="G35716" i="1"/>
  <c r="G35717" i="1"/>
  <c r="G35718" i="1"/>
  <c r="G35719" i="1"/>
  <c r="G35720" i="1"/>
  <c r="G35721" i="1"/>
  <c r="G35722" i="1"/>
  <c r="G35723" i="1"/>
  <c r="G35724" i="1"/>
  <c r="G35725" i="1"/>
  <c r="G35726" i="1"/>
  <c r="G35727" i="1"/>
  <c r="G35728" i="1"/>
  <c r="G35729" i="1"/>
  <c r="G35730" i="1"/>
  <c r="G35731" i="1"/>
  <c r="G35732" i="1"/>
  <c r="G35733" i="1"/>
  <c r="G35734" i="1"/>
  <c r="G35735" i="1"/>
  <c r="G35736" i="1"/>
  <c r="G35737" i="1"/>
  <c r="G35738" i="1"/>
  <c r="G35739" i="1"/>
  <c r="G35740" i="1"/>
  <c r="G35741" i="1"/>
  <c r="G35742" i="1"/>
  <c r="G35743" i="1"/>
  <c r="G35744" i="1"/>
  <c r="G35745" i="1"/>
  <c r="G35746" i="1"/>
  <c r="G35747" i="1"/>
  <c r="G35748" i="1"/>
  <c r="G35749" i="1"/>
  <c r="G35750" i="1"/>
  <c r="G35751" i="1"/>
  <c r="G35752" i="1"/>
  <c r="G35753" i="1"/>
  <c r="G35754" i="1"/>
  <c r="G35755" i="1"/>
  <c r="G35756" i="1"/>
  <c r="G35757" i="1"/>
  <c r="G35758" i="1"/>
  <c r="G35759" i="1"/>
  <c r="G35760" i="1"/>
  <c r="G35761" i="1"/>
  <c r="G35762" i="1"/>
  <c r="G35763" i="1"/>
  <c r="G35764" i="1"/>
  <c r="G35765" i="1"/>
  <c r="G35766" i="1"/>
  <c r="G35767" i="1"/>
  <c r="G35768" i="1"/>
  <c r="G35769" i="1"/>
  <c r="G35770" i="1"/>
  <c r="G35771" i="1"/>
  <c r="G35772" i="1"/>
  <c r="G35773" i="1"/>
  <c r="G35774" i="1"/>
  <c r="G35775" i="1"/>
  <c r="G35776" i="1"/>
  <c r="G35777" i="1"/>
  <c r="G35778" i="1"/>
  <c r="G35779" i="1"/>
  <c r="G35780" i="1"/>
  <c r="G35781" i="1"/>
  <c r="G35782" i="1"/>
  <c r="G35783" i="1"/>
  <c r="G35784" i="1"/>
  <c r="G35785" i="1"/>
  <c r="G35786" i="1"/>
  <c r="G35787" i="1"/>
  <c r="G35788" i="1"/>
  <c r="G35789" i="1"/>
  <c r="G35790" i="1"/>
  <c r="G35791" i="1"/>
  <c r="G35792" i="1"/>
  <c r="G35793" i="1"/>
  <c r="G35794" i="1"/>
  <c r="G35795" i="1"/>
  <c r="G35796" i="1"/>
  <c r="G35797" i="1"/>
  <c r="G35798" i="1"/>
  <c r="G35799" i="1"/>
  <c r="G35800" i="1"/>
  <c r="G35801" i="1"/>
  <c r="G35802" i="1"/>
  <c r="G35803" i="1"/>
  <c r="G35804" i="1"/>
  <c r="G35805" i="1"/>
  <c r="G35806" i="1"/>
  <c r="G35807" i="1"/>
  <c r="G35808" i="1"/>
  <c r="G35809" i="1"/>
  <c r="G35810" i="1"/>
  <c r="G35811" i="1"/>
  <c r="G35812" i="1"/>
  <c r="G35813" i="1"/>
  <c r="G35814" i="1"/>
  <c r="G35815" i="1"/>
  <c r="G35816" i="1"/>
  <c r="G35817" i="1"/>
  <c r="G35818" i="1"/>
  <c r="G35819" i="1"/>
  <c r="G35820" i="1"/>
  <c r="G35821" i="1"/>
  <c r="G35822" i="1"/>
  <c r="G35823" i="1"/>
  <c r="G35824" i="1"/>
  <c r="G35825" i="1"/>
  <c r="G35826" i="1"/>
  <c r="G35827" i="1"/>
  <c r="G35828" i="1"/>
  <c r="G35829" i="1"/>
  <c r="G35830" i="1"/>
  <c r="G35831" i="1"/>
  <c r="G35832" i="1"/>
  <c r="G35833" i="1"/>
  <c r="G35834" i="1"/>
  <c r="G35835" i="1"/>
  <c r="G35836" i="1"/>
  <c r="G35837" i="1"/>
  <c r="G35838" i="1"/>
  <c r="G35839" i="1"/>
  <c r="G35840" i="1"/>
  <c r="G35841" i="1"/>
  <c r="G35842" i="1"/>
  <c r="G35843" i="1"/>
  <c r="G35844" i="1"/>
  <c r="G35845" i="1"/>
  <c r="G35846" i="1"/>
  <c r="G35847" i="1"/>
  <c r="G35848" i="1"/>
  <c r="G35849" i="1"/>
  <c r="G35850" i="1"/>
  <c r="G35851" i="1"/>
  <c r="G35852" i="1"/>
  <c r="G35853" i="1"/>
  <c r="G35854" i="1"/>
  <c r="G35855" i="1"/>
  <c r="G35856" i="1"/>
  <c r="G35857" i="1"/>
  <c r="G35858" i="1"/>
  <c r="G35859" i="1"/>
  <c r="G35860" i="1"/>
  <c r="G35861" i="1"/>
  <c r="G35862" i="1"/>
  <c r="G35863" i="1"/>
  <c r="G35864" i="1"/>
  <c r="G35865" i="1"/>
  <c r="G35866" i="1"/>
  <c r="G35867" i="1"/>
  <c r="G35868" i="1"/>
  <c r="G35869" i="1"/>
  <c r="G35870" i="1"/>
  <c r="G35871" i="1"/>
  <c r="G35872" i="1"/>
  <c r="G35873" i="1"/>
  <c r="G35874" i="1"/>
  <c r="G35875" i="1"/>
  <c r="G35876" i="1"/>
  <c r="G35877" i="1"/>
  <c r="G35878" i="1"/>
  <c r="G35879" i="1"/>
  <c r="G35880" i="1"/>
  <c r="G35881" i="1"/>
  <c r="G35882" i="1"/>
  <c r="G35883" i="1"/>
  <c r="G35884" i="1"/>
  <c r="G35885" i="1"/>
  <c r="G35886" i="1"/>
  <c r="G35887" i="1"/>
  <c r="G35888" i="1"/>
  <c r="G35889" i="1"/>
  <c r="G35890" i="1"/>
  <c r="G35891" i="1"/>
  <c r="G35892" i="1"/>
  <c r="G35893" i="1"/>
  <c r="G35894" i="1"/>
  <c r="G35895" i="1"/>
  <c r="G35896" i="1"/>
  <c r="G35897" i="1"/>
  <c r="G35898" i="1"/>
  <c r="G35899" i="1"/>
  <c r="G35900" i="1"/>
  <c r="G35901" i="1"/>
  <c r="G35902" i="1"/>
  <c r="G35903" i="1"/>
  <c r="G35904" i="1"/>
  <c r="G35905" i="1"/>
  <c r="G35906" i="1"/>
  <c r="G35907" i="1"/>
  <c r="G35908" i="1"/>
  <c r="G35909" i="1"/>
  <c r="G35910" i="1"/>
  <c r="G35911" i="1"/>
  <c r="G35912" i="1"/>
  <c r="G35913" i="1"/>
  <c r="G35914" i="1"/>
  <c r="G35915" i="1"/>
  <c r="G35916" i="1"/>
  <c r="G35917" i="1"/>
  <c r="G35918" i="1"/>
  <c r="G35919" i="1"/>
  <c r="G35920" i="1"/>
  <c r="G35921" i="1"/>
  <c r="G35922" i="1"/>
  <c r="G35923" i="1"/>
  <c r="G35924" i="1"/>
  <c r="G35925" i="1"/>
  <c r="G35926" i="1"/>
  <c r="G35927" i="1"/>
  <c r="G35928" i="1"/>
  <c r="G35929" i="1"/>
  <c r="G35930" i="1"/>
  <c r="G35931" i="1"/>
  <c r="G35932" i="1"/>
  <c r="G35933" i="1"/>
  <c r="G35934" i="1"/>
  <c r="G35935" i="1"/>
  <c r="G35936" i="1"/>
  <c r="G35937" i="1"/>
  <c r="G35938" i="1"/>
  <c r="G35939" i="1"/>
  <c r="G35940" i="1"/>
  <c r="G35941" i="1"/>
  <c r="G35942" i="1"/>
  <c r="G35943" i="1"/>
  <c r="G35944" i="1"/>
  <c r="G35945" i="1"/>
  <c r="G35946" i="1"/>
  <c r="G35947" i="1"/>
  <c r="G35948" i="1"/>
  <c r="G35949" i="1"/>
  <c r="G35950" i="1"/>
  <c r="G35951" i="1"/>
  <c r="G35952" i="1"/>
  <c r="G35953" i="1"/>
  <c r="G35954" i="1"/>
  <c r="G35955" i="1"/>
  <c r="G35956" i="1"/>
  <c r="G35957" i="1"/>
  <c r="G35958" i="1"/>
  <c r="G35959" i="1"/>
  <c r="G35960" i="1"/>
  <c r="G35961" i="1"/>
  <c r="G35962" i="1"/>
  <c r="G35963" i="1"/>
  <c r="G35964" i="1"/>
  <c r="G35965" i="1"/>
  <c r="G35966" i="1"/>
  <c r="G35967" i="1"/>
  <c r="G35968" i="1"/>
  <c r="G35969" i="1"/>
  <c r="G35970" i="1"/>
  <c r="G35971" i="1"/>
  <c r="G35972" i="1"/>
  <c r="G35973" i="1"/>
  <c r="G35974" i="1"/>
  <c r="G35975" i="1"/>
  <c r="G35976" i="1"/>
  <c r="G35977" i="1"/>
  <c r="G35978" i="1"/>
  <c r="G35979" i="1"/>
  <c r="G35980" i="1"/>
  <c r="G35981" i="1"/>
  <c r="G35982" i="1"/>
  <c r="G35983" i="1"/>
  <c r="G35984" i="1"/>
  <c r="G35985" i="1"/>
  <c r="G35986" i="1"/>
  <c r="G35987" i="1"/>
  <c r="G35988" i="1"/>
  <c r="G35989" i="1"/>
  <c r="G35990" i="1"/>
  <c r="G35991" i="1"/>
  <c r="G35992" i="1"/>
  <c r="G35993" i="1"/>
  <c r="G35994" i="1"/>
  <c r="G35995" i="1"/>
  <c r="G35996" i="1"/>
  <c r="G35997" i="1"/>
  <c r="G35998" i="1"/>
  <c r="G35999" i="1"/>
  <c r="G36000" i="1"/>
  <c r="G36001" i="1"/>
  <c r="G36002" i="1"/>
  <c r="G36003" i="1"/>
  <c r="G36004" i="1"/>
  <c r="G36005" i="1"/>
  <c r="G36006" i="1"/>
  <c r="G36007" i="1"/>
  <c r="G36008" i="1"/>
  <c r="G36009" i="1"/>
  <c r="G36010" i="1"/>
  <c r="G36011" i="1"/>
  <c r="G36012" i="1"/>
  <c r="G36013" i="1"/>
  <c r="G36014" i="1"/>
  <c r="G36015" i="1"/>
  <c r="G36016" i="1"/>
  <c r="G36017" i="1"/>
  <c r="G36018" i="1"/>
  <c r="G36019" i="1"/>
  <c r="G36020" i="1"/>
  <c r="G36021" i="1"/>
  <c r="G36022" i="1"/>
  <c r="G36023" i="1"/>
  <c r="G36024" i="1"/>
  <c r="G36025" i="1"/>
  <c r="G36026" i="1"/>
  <c r="G36027" i="1"/>
  <c r="G36028" i="1"/>
  <c r="G36029" i="1"/>
  <c r="G36030" i="1"/>
  <c r="G36031" i="1"/>
  <c r="G36032" i="1"/>
  <c r="G36033" i="1"/>
  <c r="G36034" i="1"/>
  <c r="G36035" i="1"/>
  <c r="G36036" i="1"/>
  <c r="G36037" i="1"/>
  <c r="G36038" i="1"/>
  <c r="G36039" i="1"/>
  <c r="G36040" i="1"/>
  <c r="G36041" i="1"/>
  <c r="G36042" i="1"/>
  <c r="G36043" i="1"/>
  <c r="G36044" i="1"/>
  <c r="G36045" i="1"/>
  <c r="G36046" i="1"/>
  <c r="G36047" i="1"/>
  <c r="G36048" i="1"/>
  <c r="G36049" i="1"/>
  <c r="G36050" i="1"/>
  <c r="G36051" i="1"/>
  <c r="G36052" i="1"/>
  <c r="G36053" i="1"/>
  <c r="G36054" i="1"/>
  <c r="G36055" i="1"/>
  <c r="G36056" i="1"/>
  <c r="G36057" i="1"/>
  <c r="G36058" i="1"/>
  <c r="G36059" i="1"/>
  <c r="G36060" i="1"/>
  <c r="G36061" i="1"/>
  <c r="G36062" i="1"/>
  <c r="G36063" i="1"/>
  <c r="G36064" i="1"/>
  <c r="G36065" i="1"/>
  <c r="G36066" i="1"/>
  <c r="G36067" i="1"/>
  <c r="G36068" i="1"/>
  <c r="G36069" i="1"/>
  <c r="G36070" i="1"/>
  <c r="G36071" i="1"/>
  <c r="G36072" i="1"/>
  <c r="G36073" i="1"/>
  <c r="G36074" i="1"/>
  <c r="G36075" i="1"/>
  <c r="G36076" i="1"/>
  <c r="G36077" i="1"/>
  <c r="G36078" i="1"/>
  <c r="G36079" i="1"/>
  <c r="G36080" i="1"/>
  <c r="G36081" i="1"/>
  <c r="G36082" i="1"/>
  <c r="G36083" i="1"/>
  <c r="G36084" i="1"/>
  <c r="G36085" i="1"/>
  <c r="G36086" i="1"/>
  <c r="G36087" i="1"/>
  <c r="G36088" i="1"/>
  <c r="G36089" i="1"/>
  <c r="G36090" i="1"/>
  <c r="G36091" i="1"/>
  <c r="G36092" i="1"/>
  <c r="G36093" i="1"/>
  <c r="G36094" i="1"/>
  <c r="G36095" i="1"/>
  <c r="G36096" i="1"/>
  <c r="G36097" i="1"/>
  <c r="G36098" i="1"/>
  <c r="G36099" i="1"/>
  <c r="G36100" i="1"/>
  <c r="G36101" i="1"/>
  <c r="G36102" i="1"/>
  <c r="G36103" i="1"/>
  <c r="G36104" i="1"/>
  <c r="G36105" i="1"/>
  <c r="G36106" i="1"/>
  <c r="G36107" i="1"/>
  <c r="G36108" i="1"/>
  <c r="G36109" i="1"/>
  <c r="G36110" i="1"/>
  <c r="G36111" i="1"/>
  <c r="G36112" i="1"/>
  <c r="G36113" i="1"/>
  <c r="G36114" i="1"/>
  <c r="G36115" i="1"/>
  <c r="G36116" i="1"/>
  <c r="G36117" i="1"/>
  <c r="G36118" i="1"/>
  <c r="G36119" i="1"/>
  <c r="G36120" i="1"/>
  <c r="G36121" i="1"/>
  <c r="G36122" i="1"/>
  <c r="G36123" i="1"/>
  <c r="G36124" i="1"/>
  <c r="G36125" i="1"/>
  <c r="G36126" i="1"/>
  <c r="G36127" i="1"/>
  <c r="G36128" i="1"/>
  <c r="G36129" i="1"/>
  <c r="G36130" i="1"/>
  <c r="G36131" i="1"/>
  <c r="G36132" i="1"/>
  <c r="G36133" i="1"/>
  <c r="G36134" i="1"/>
  <c r="G36135" i="1"/>
  <c r="G36136" i="1"/>
  <c r="G36137" i="1"/>
  <c r="G36138" i="1"/>
  <c r="G36139" i="1"/>
  <c r="G36140" i="1"/>
  <c r="G36141" i="1"/>
  <c r="G36142" i="1"/>
  <c r="G36143" i="1"/>
  <c r="G36144" i="1"/>
  <c r="G36145" i="1"/>
  <c r="G36146" i="1"/>
  <c r="G36147" i="1"/>
  <c r="G36148" i="1"/>
  <c r="G36149" i="1"/>
  <c r="G36150" i="1"/>
  <c r="G36151" i="1"/>
  <c r="G36152" i="1"/>
  <c r="G36153" i="1"/>
  <c r="G36154" i="1"/>
  <c r="G36155" i="1"/>
  <c r="G36156" i="1"/>
  <c r="G36157" i="1"/>
  <c r="G36158" i="1"/>
  <c r="G36159" i="1"/>
  <c r="G36160" i="1"/>
  <c r="G36161" i="1"/>
  <c r="G36162" i="1"/>
  <c r="G36163" i="1"/>
  <c r="G36164" i="1"/>
  <c r="G36165" i="1"/>
  <c r="G36166" i="1"/>
  <c r="G36167" i="1"/>
  <c r="G36168" i="1"/>
  <c r="G36169" i="1"/>
  <c r="G36170" i="1"/>
  <c r="G36171" i="1"/>
  <c r="G36172" i="1"/>
  <c r="G36173" i="1"/>
  <c r="G36174" i="1"/>
  <c r="G36175" i="1"/>
  <c r="G36176" i="1"/>
  <c r="G36177" i="1"/>
  <c r="G36178" i="1"/>
  <c r="G36179" i="1"/>
  <c r="G36180" i="1"/>
  <c r="G36181" i="1"/>
  <c r="G36182" i="1"/>
  <c r="G36183" i="1"/>
  <c r="G36184" i="1"/>
  <c r="G36185" i="1"/>
  <c r="G36186" i="1"/>
  <c r="G36187" i="1"/>
  <c r="G36188" i="1"/>
  <c r="G36189" i="1"/>
  <c r="G36190" i="1"/>
  <c r="G36191" i="1"/>
  <c r="G36192" i="1"/>
  <c r="G36193" i="1"/>
  <c r="G36194" i="1"/>
  <c r="G36195" i="1"/>
  <c r="G36196" i="1"/>
  <c r="G36197" i="1"/>
  <c r="G36198" i="1"/>
  <c r="G36199" i="1"/>
  <c r="G36200" i="1"/>
  <c r="G36201" i="1"/>
  <c r="G36202" i="1"/>
  <c r="G36203" i="1"/>
  <c r="G36204" i="1"/>
  <c r="G36205" i="1"/>
  <c r="G36206" i="1"/>
  <c r="G36207" i="1"/>
  <c r="G36208" i="1"/>
  <c r="G36209" i="1"/>
  <c r="G36210" i="1"/>
  <c r="G36211" i="1"/>
  <c r="G36212" i="1"/>
  <c r="G36213" i="1"/>
  <c r="G36214" i="1"/>
  <c r="G36215" i="1"/>
  <c r="G36216" i="1"/>
  <c r="G36217" i="1"/>
  <c r="G36218" i="1"/>
  <c r="G36219" i="1"/>
  <c r="G36220" i="1"/>
  <c r="G36221" i="1"/>
  <c r="G36222" i="1"/>
  <c r="G36223" i="1"/>
  <c r="G36224" i="1"/>
  <c r="G36225" i="1"/>
  <c r="G36226" i="1"/>
  <c r="G36227" i="1"/>
  <c r="G36228" i="1"/>
  <c r="G36229" i="1"/>
  <c r="G36230" i="1"/>
  <c r="G36231" i="1"/>
  <c r="G36232" i="1"/>
  <c r="G36233" i="1"/>
  <c r="G36234" i="1"/>
  <c r="G36235" i="1"/>
  <c r="G36236" i="1"/>
  <c r="G36237" i="1"/>
  <c r="G36238" i="1"/>
  <c r="G36239" i="1"/>
  <c r="G36240" i="1"/>
  <c r="G36241" i="1"/>
  <c r="G36242" i="1"/>
  <c r="G36243" i="1"/>
  <c r="G36244" i="1"/>
  <c r="G36245" i="1"/>
  <c r="G36246" i="1"/>
  <c r="G36247" i="1"/>
  <c r="G36248" i="1"/>
  <c r="G36249" i="1"/>
  <c r="G36250" i="1"/>
  <c r="G36251" i="1"/>
  <c r="G36252" i="1"/>
  <c r="G36253" i="1"/>
  <c r="G36254" i="1"/>
  <c r="G36255" i="1"/>
  <c r="G36256" i="1"/>
  <c r="G36257" i="1"/>
  <c r="G36258" i="1"/>
  <c r="G36259" i="1"/>
  <c r="G36260" i="1"/>
  <c r="G36261" i="1"/>
  <c r="G36262" i="1"/>
  <c r="G36263" i="1"/>
  <c r="G36264" i="1"/>
  <c r="G36265" i="1"/>
  <c r="G36266" i="1"/>
  <c r="G36267" i="1"/>
  <c r="G36268" i="1"/>
  <c r="G36269" i="1"/>
  <c r="G36270" i="1"/>
  <c r="G36271" i="1"/>
  <c r="G36272" i="1"/>
  <c r="G36273" i="1"/>
  <c r="G36274" i="1"/>
  <c r="G36275" i="1"/>
  <c r="G36276" i="1"/>
  <c r="G36277" i="1"/>
  <c r="G36278" i="1"/>
  <c r="G36279" i="1"/>
  <c r="G36280" i="1"/>
  <c r="G36281" i="1"/>
  <c r="G36282" i="1"/>
  <c r="G36283" i="1"/>
  <c r="G36284" i="1"/>
  <c r="G36285" i="1"/>
  <c r="G36286" i="1"/>
  <c r="G36287" i="1"/>
  <c r="G36288" i="1"/>
  <c r="G36289" i="1"/>
  <c r="G36290" i="1"/>
  <c r="G36291" i="1"/>
  <c r="G36292" i="1"/>
  <c r="G36293" i="1"/>
  <c r="G36294" i="1"/>
  <c r="G36295" i="1"/>
  <c r="G36296" i="1"/>
  <c r="G36297" i="1"/>
  <c r="G36298" i="1"/>
  <c r="G36299" i="1"/>
  <c r="G36300" i="1"/>
  <c r="G36301" i="1"/>
  <c r="G36302" i="1"/>
  <c r="G36303" i="1"/>
  <c r="G36304" i="1"/>
  <c r="G36305" i="1"/>
  <c r="G36306" i="1"/>
  <c r="G36307" i="1"/>
  <c r="G36308" i="1"/>
  <c r="G36309" i="1"/>
  <c r="G36310" i="1"/>
  <c r="G36311" i="1"/>
  <c r="G36312" i="1"/>
  <c r="G36313" i="1"/>
  <c r="G36314" i="1"/>
  <c r="G36315" i="1"/>
  <c r="G36316" i="1"/>
  <c r="G36317" i="1"/>
  <c r="G36318" i="1"/>
  <c r="G36319" i="1"/>
  <c r="G36320" i="1"/>
  <c r="G36321" i="1"/>
  <c r="G36322" i="1"/>
  <c r="G36323" i="1"/>
  <c r="G36324" i="1"/>
  <c r="G36325" i="1"/>
  <c r="G36326" i="1"/>
  <c r="G36327" i="1"/>
  <c r="G36328" i="1"/>
  <c r="G36329" i="1"/>
  <c r="G36330" i="1"/>
  <c r="G36331" i="1"/>
  <c r="G36332" i="1"/>
  <c r="G36333" i="1"/>
  <c r="G36334" i="1"/>
  <c r="G36335" i="1"/>
  <c r="G36336" i="1"/>
  <c r="G36337" i="1"/>
  <c r="G36338" i="1"/>
  <c r="G36339" i="1"/>
  <c r="G36340" i="1"/>
  <c r="G36341" i="1"/>
  <c r="G36342" i="1"/>
  <c r="G36343" i="1"/>
  <c r="G36344" i="1"/>
  <c r="G36345" i="1"/>
  <c r="G36346" i="1"/>
  <c r="G36347" i="1"/>
  <c r="G36348" i="1"/>
  <c r="G36349" i="1"/>
  <c r="G36350" i="1"/>
  <c r="G36351" i="1"/>
  <c r="G36352" i="1"/>
  <c r="G36353" i="1"/>
  <c r="G36354" i="1"/>
  <c r="G36355" i="1"/>
  <c r="G36356" i="1"/>
  <c r="G36357" i="1"/>
  <c r="G36358" i="1"/>
  <c r="G36359" i="1"/>
  <c r="G36360" i="1"/>
  <c r="G36361" i="1"/>
  <c r="G36362" i="1"/>
  <c r="G36363" i="1"/>
  <c r="G36364" i="1"/>
  <c r="G36365" i="1"/>
  <c r="G36366" i="1"/>
  <c r="G36367" i="1"/>
  <c r="G36368" i="1"/>
  <c r="G36369" i="1"/>
  <c r="G36370" i="1"/>
  <c r="G36371" i="1"/>
  <c r="G36372" i="1"/>
  <c r="G36373" i="1"/>
  <c r="G36374" i="1"/>
  <c r="G36375" i="1"/>
  <c r="G36376" i="1"/>
  <c r="G36377" i="1"/>
  <c r="G36378" i="1"/>
  <c r="G36379" i="1"/>
  <c r="G36380" i="1"/>
  <c r="G36381" i="1"/>
  <c r="G36382" i="1"/>
  <c r="G36383" i="1"/>
  <c r="G36384" i="1"/>
  <c r="G36385" i="1"/>
  <c r="G36386" i="1"/>
  <c r="G36387" i="1"/>
  <c r="G36388" i="1"/>
  <c r="G36389" i="1"/>
  <c r="G36390" i="1"/>
  <c r="G36391" i="1"/>
  <c r="G36392" i="1"/>
  <c r="G36393" i="1"/>
  <c r="G36394" i="1"/>
  <c r="G36395" i="1"/>
  <c r="G36396" i="1"/>
  <c r="G36397" i="1"/>
  <c r="G36398" i="1"/>
  <c r="G36399" i="1"/>
  <c r="G36400" i="1"/>
  <c r="G36401" i="1"/>
  <c r="G36402" i="1"/>
  <c r="G36403" i="1"/>
  <c r="G36404" i="1"/>
  <c r="G36405" i="1"/>
  <c r="G36406" i="1"/>
  <c r="G36407" i="1"/>
  <c r="G36408" i="1"/>
  <c r="G36409" i="1"/>
  <c r="G36410" i="1"/>
  <c r="G36411" i="1"/>
  <c r="G36412" i="1"/>
  <c r="G36413" i="1"/>
  <c r="G36414" i="1"/>
  <c r="G36415" i="1"/>
  <c r="G36416" i="1"/>
  <c r="G36417" i="1"/>
  <c r="G36418" i="1"/>
  <c r="G36419" i="1"/>
  <c r="G36420" i="1"/>
  <c r="G36421" i="1"/>
  <c r="G36422" i="1"/>
  <c r="G36423" i="1"/>
  <c r="G36424" i="1"/>
  <c r="G36425" i="1"/>
  <c r="G36426" i="1"/>
  <c r="G36427" i="1"/>
  <c r="G36428" i="1"/>
  <c r="G36429" i="1"/>
  <c r="G36430" i="1"/>
  <c r="G36431" i="1"/>
  <c r="G36432" i="1"/>
  <c r="G36433" i="1"/>
  <c r="G36434" i="1"/>
  <c r="G36435" i="1"/>
  <c r="G36436" i="1"/>
  <c r="G36437" i="1"/>
  <c r="G36438" i="1"/>
  <c r="G36439" i="1"/>
  <c r="G36440" i="1"/>
  <c r="G36441" i="1"/>
  <c r="G36442" i="1"/>
  <c r="G36443" i="1"/>
  <c r="G36444" i="1"/>
  <c r="G36445" i="1"/>
  <c r="G36446" i="1"/>
  <c r="G36447" i="1"/>
  <c r="G36448" i="1"/>
  <c r="G36449" i="1"/>
  <c r="G36450" i="1"/>
  <c r="G36451" i="1"/>
  <c r="G36452" i="1"/>
  <c r="G36453" i="1"/>
  <c r="G36454" i="1"/>
  <c r="G36455" i="1"/>
  <c r="G36456" i="1"/>
  <c r="G36457" i="1"/>
  <c r="G36458" i="1"/>
  <c r="G36459" i="1"/>
  <c r="G36460" i="1"/>
  <c r="G36461" i="1"/>
  <c r="G36462" i="1"/>
  <c r="G36463" i="1"/>
  <c r="G36464" i="1"/>
  <c r="G36465" i="1"/>
  <c r="G36466" i="1"/>
  <c r="G36467" i="1"/>
  <c r="G36468" i="1"/>
  <c r="G36469" i="1"/>
  <c r="G36470" i="1"/>
  <c r="G36471" i="1"/>
  <c r="G36472" i="1"/>
  <c r="G36473" i="1"/>
  <c r="G36474" i="1"/>
  <c r="G36475" i="1"/>
  <c r="G36476" i="1"/>
  <c r="G36477" i="1"/>
  <c r="G36478" i="1"/>
  <c r="G36479" i="1"/>
  <c r="G36480" i="1"/>
  <c r="G36481" i="1"/>
  <c r="G36482" i="1"/>
  <c r="G36483" i="1"/>
  <c r="G36484" i="1"/>
  <c r="G36485" i="1"/>
  <c r="G36486" i="1"/>
  <c r="G36487" i="1"/>
  <c r="G36488" i="1"/>
  <c r="G36489" i="1"/>
  <c r="G36490" i="1"/>
  <c r="G36491" i="1"/>
  <c r="G36492" i="1"/>
  <c r="G36493" i="1"/>
  <c r="G36494" i="1"/>
  <c r="G36495" i="1"/>
  <c r="G36496" i="1"/>
  <c r="G36497" i="1"/>
  <c r="G36498" i="1"/>
  <c r="G36499" i="1"/>
  <c r="G36500" i="1"/>
  <c r="G36501" i="1"/>
  <c r="G36502" i="1"/>
  <c r="G36503" i="1"/>
  <c r="G36504" i="1"/>
  <c r="G36505" i="1"/>
  <c r="G36506" i="1"/>
  <c r="G36507" i="1"/>
  <c r="G36508" i="1"/>
  <c r="G36509" i="1"/>
  <c r="G36510" i="1"/>
  <c r="G36511" i="1"/>
  <c r="G36512" i="1"/>
  <c r="G36513" i="1"/>
  <c r="G36514" i="1"/>
  <c r="G36515" i="1"/>
  <c r="G36516" i="1"/>
  <c r="G36517" i="1"/>
  <c r="G36518" i="1"/>
  <c r="G36519" i="1"/>
  <c r="G36520" i="1"/>
  <c r="G36521" i="1"/>
  <c r="G36522" i="1"/>
  <c r="G36523" i="1"/>
  <c r="G36524" i="1"/>
  <c r="G36525" i="1"/>
  <c r="G36526" i="1"/>
  <c r="G36527" i="1"/>
  <c r="G36528" i="1"/>
  <c r="G36529" i="1"/>
  <c r="G36530" i="1"/>
  <c r="G36531" i="1"/>
  <c r="G36532" i="1"/>
  <c r="G36533" i="1"/>
  <c r="G36534" i="1"/>
  <c r="G36535" i="1"/>
  <c r="G36536" i="1"/>
  <c r="G36537" i="1"/>
  <c r="G36538" i="1"/>
  <c r="G36539" i="1"/>
  <c r="G36540" i="1"/>
  <c r="G36541" i="1"/>
  <c r="G36542" i="1"/>
  <c r="G36543" i="1"/>
  <c r="G36544" i="1"/>
  <c r="G36545" i="1"/>
  <c r="G36546" i="1"/>
  <c r="G36547" i="1"/>
  <c r="G36548" i="1"/>
  <c r="G36549" i="1"/>
  <c r="G36550" i="1"/>
  <c r="G36551" i="1"/>
  <c r="G36552" i="1"/>
  <c r="G36553" i="1"/>
  <c r="G36554" i="1"/>
  <c r="G36555" i="1"/>
  <c r="G36556" i="1"/>
  <c r="G36557" i="1"/>
  <c r="G36558" i="1"/>
  <c r="G36559" i="1"/>
  <c r="G36560" i="1"/>
  <c r="G36561" i="1"/>
  <c r="G36562" i="1"/>
  <c r="G36563" i="1"/>
  <c r="G36564" i="1"/>
  <c r="G36565" i="1"/>
  <c r="G36566" i="1"/>
  <c r="G36567" i="1"/>
  <c r="G36568" i="1"/>
  <c r="G36569" i="1"/>
  <c r="G36570" i="1"/>
  <c r="G36571" i="1"/>
  <c r="G36572" i="1"/>
  <c r="G36573" i="1"/>
  <c r="G36574" i="1"/>
  <c r="G36575" i="1"/>
  <c r="G36576" i="1"/>
  <c r="G36577" i="1"/>
  <c r="G36578" i="1"/>
  <c r="G36579" i="1"/>
  <c r="G36580" i="1"/>
  <c r="G36581" i="1"/>
  <c r="G36582" i="1"/>
  <c r="G36583" i="1"/>
  <c r="G36584" i="1"/>
  <c r="G36585" i="1"/>
  <c r="G36586" i="1"/>
  <c r="G36587" i="1"/>
  <c r="G36588" i="1"/>
  <c r="G36589" i="1"/>
  <c r="G36590" i="1"/>
  <c r="G36591" i="1"/>
  <c r="G36592" i="1"/>
  <c r="G36593" i="1"/>
  <c r="G36594" i="1"/>
  <c r="G36595" i="1"/>
  <c r="G36596" i="1"/>
  <c r="G36597" i="1"/>
  <c r="G36598" i="1"/>
  <c r="G36599" i="1"/>
  <c r="G36600" i="1"/>
  <c r="G36601" i="1"/>
  <c r="G36602" i="1"/>
  <c r="G36603" i="1"/>
  <c r="G36604" i="1"/>
  <c r="G36605" i="1"/>
  <c r="G36606" i="1"/>
  <c r="G36607" i="1"/>
  <c r="G36608" i="1"/>
  <c r="G36609" i="1"/>
  <c r="G36610" i="1"/>
  <c r="G36611" i="1"/>
  <c r="G36612" i="1"/>
  <c r="G36613" i="1"/>
  <c r="G36614" i="1"/>
  <c r="G36615" i="1"/>
  <c r="G36616" i="1"/>
  <c r="G36617" i="1"/>
  <c r="G36618" i="1"/>
  <c r="G36619" i="1"/>
  <c r="G36620" i="1"/>
  <c r="G36621" i="1"/>
  <c r="G36622" i="1"/>
  <c r="G36623" i="1"/>
  <c r="G36624" i="1"/>
  <c r="G36625" i="1"/>
  <c r="G36626" i="1"/>
  <c r="G36627" i="1"/>
  <c r="G36628" i="1"/>
  <c r="G36629" i="1"/>
  <c r="G36630" i="1"/>
  <c r="G36631" i="1"/>
  <c r="G36632" i="1"/>
  <c r="G36633" i="1"/>
  <c r="G36634" i="1"/>
  <c r="G36635" i="1"/>
  <c r="G36636" i="1"/>
  <c r="G36637" i="1"/>
  <c r="G36638" i="1"/>
  <c r="G36639" i="1"/>
  <c r="G36640" i="1"/>
  <c r="G36641" i="1"/>
  <c r="G36642" i="1"/>
  <c r="G36643" i="1"/>
  <c r="G36644" i="1"/>
  <c r="G36645" i="1"/>
  <c r="G36646" i="1"/>
  <c r="G36647" i="1"/>
  <c r="G36648" i="1"/>
  <c r="G36649" i="1"/>
  <c r="G36650" i="1"/>
  <c r="G36651" i="1"/>
  <c r="G36652" i="1"/>
  <c r="G36653" i="1"/>
  <c r="G36654" i="1"/>
  <c r="G36655" i="1"/>
  <c r="G36656" i="1"/>
  <c r="G36657" i="1"/>
  <c r="G36658" i="1"/>
  <c r="G36659" i="1"/>
  <c r="G36660" i="1"/>
  <c r="G36661" i="1"/>
  <c r="G36662" i="1"/>
  <c r="G36663" i="1"/>
  <c r="G36664" i="1"/>
  <c r="G36665" i="1"/>
  <c r="G36666" i="1"/>
  <c r="G36667" i="1"/>
  <c r="G36668" i="1"/>
  <c r="G36669" i="1"/>
  <c r="G36670" i="1"/>
  <c r="G36671" i="1"/>
  <c r="G36672" i="1"/>
  <c r="G36673" i="1"/>
  <c r="G36674" i="1"/>
  <c r="G36675" i="1"/>
  <c r="G36676" i="1"/>
  <c r="G36677" i="1"/>
  <c r="G36678" i="1"/>
  <c r="G36679" i="1"/>
  <c r="G36680" i="1"/>
  <c r="G36681" i="1"/>
  <c r="G36682" i="1"/>
  <c r="G36683" i="1"/>
  <c r="G36684" i="1"/>
  <c r="G36685" i="1"/>
  <c r="G36686" i="1"/>
  <c r="G36687" i="1"/>
  <c r="G36688" i="1"/>
  <c r="G36689" i="1"/>
  <c r="G36690" i="1"/>
  <c r="G36691" i="1"/>
  <c r="G36692" i="1"/>
  <c r="G36693" i="1"/>
  <c r="G36694" i="1"/>
  <c r="G36695" i="1"/>
  <c r="G36696" i="1"/>
  <c r="G36697" i="1"/>
  <c r="G36698" i="1"/>
  <c r="G36699" i="1"/>
  <c r="G36700" i="1"/>
  <c r="G36701" i="1"/>
  <c r="G36702" i="1"/>
  <c r="G36703" i="1"/>
  <c r="G36704" i="1"/>
  <c r="G36705" i="1"/>
  <c r="G36706" i="1"/>
  <c r="G36707" i="1"/>
  <c r="G36708" i="1"/>
  <c r="G36709" i="1"/>
  <c r="G36710" i="1"/>
  <c r="G36711" i="1"/>
  <c r="G36712" i="1"/>
  <c r="G36713" i="1"/>
  <c r="G36714" i="1"/>
  <c r="G36715" i="1"/>
  <c r="G36716" i="1"/>
  <c r="G36717" i="1"/>
  <c r="G36718" i="1"/>
  <c r="G36719" i="1"/>
  <c r="G36720" i="1"/>
  <c r="G36721" i="1"/>
  <c r="G36722" i="1"/>
  <c r="G36723" i="1"/>
  <c r="G36724" i="1"/>
  <c r="G36725" i="1"/>
  <c r="G36726" i="1"/>
  <c r="G36727" i="1"/>
  <c r="G36728" i="1"/>
  <c r="G36729" i="1"/>
  <c r="G36730" i="1"/>
  <c r="G36731" i="1"/>
  <c r="G36732" i="1"/>
  <c r="G36733" i="1"/>
  <c r="G36734" i="1"/>
  <c r="G36735" i="1"/>
  <c r="G36736" i="1"/>
  <c r="G36737" i="1"/>
  <c r="G36738" i="1"/>
  <c r="G36739" i="1"/>
  <c r="G36740" i="1"/>
  <c r="G36741" i="1"/>
  <c r="G36742" i="1"/>
  <c r="G36743" i="1"/>
  <c r="G36744" i="1"/>
  <c r="G36745" i="1"/>
  <c r="G36746" i="1"/>
  <c r="G36747" i="1"/>
  <c r="G36748" i="1"/>
  <c r="G36749" i="1"/>
  <c r="G36750" i="1"/>
  <c r="G36751" i="1"/>
  <c r="G36752" i="1"/>
  <c r="G36753" i="1"/>
  <c r="G36754" i="1"/>
  <c r="G36755" i="1"/>
  <c r="G36756" i="1"/>
  <c r="G36757" i="1"/>
  <c r="G36758" i="1"/>
  <c r="G36759" i="1"/>
  <c r="G36760" i="1"/>
  <c r="G36761" i="1"/>
  <c r="G36762" i="1"/>
  <c r="G36763" i="1"/>
  <c r="G36764" i="1"/>
  <c r="G36765" i="1"/>
  <c r="G36766" i="1"/>
  <c r="G36767" i="1"/>
  <c r="G36768" i="1"/>
  <c r="G36769" i="1"/>
  <c r="G36770" i="1"/>
  <c r="G36771" i="1"/>
  <c r="G36772" i="1"/>
  <c r="G36773" i="1"/>
  <c r="G36774" i="1"/>
  <c r="G36775" i="1"/>
  <c r="G36776" i="1"/>
  <c r="G36777" i="1"/>
  <c r="G36778" i="1"/>
  <c r="G36779" i="1"/>
  <c r="G36780" i="1"/>
  <c r="G36781" i="1"/>
  <c r="G36782" i="1"/>
  <c r="G36783" i="1"/>
  <c r="G36784" i="1"/>
  <c r="G36785" i="1"/>
  <c r="G36786" i="1"/>
  <c r="G36787" i="1"/>
  <c r="G36788" i="1"/>
  <c r="G36789" i="1"/>
  <c r="G36790" i="1"/>
  <c r="G36791" i="1"/>
  <c r="G36792" i="1"/>
  <c r="G36793" i="1"/>
  <c r="G36794" i="1"/>
  <c r="G36795" i="1"/>
  <c r="G36796" i="1"/>
  <c r="G36797" i="1"/>
  <c r="G36798" i="1"/>
  <c r="G36799" i="1"/>
  <c r="G36800" i="1"/>
  <c r="G36801" i="1"/>
  <c r="G36802" i="1"/>
  <c r="G36803" i="1"/>
  <c r="G36804" i="1"/>
  <c r="G36805" i="1"/>
  <c r="G36806" i="1"/>
  <c r="G36807" i="1"/>
  <c r="G36808" i="1"/>
  <c r="G36809" i="1"/>
  <c r="G36810" i="1"/>
  <c r="G36811" i="1"/>
  <c r="G36812" i="1"/>
  <c r="G36813" i="1"/>
  <c r="G36814" i="1"/>
  <c r="G36815" i="1"/>
  <c r="G36816" i="1"/>
  <c r="G36817" i="1"/>
  <c r="G36818" i="1"/>
  <c r="G36819" i="1"/>
  <c r="G36820" i="1"/>
  <c r="G36821" i="1"/>
  <c r="G36822" i="1"/>
  <c r="G36823" i="1"/>
  <c r="G36824" i="1"/>
  <c r="G36825" i="1"/>
  <c r="G36826" i="1"/>
  <c r="G36827" i="1"/>
  <c r="G36828" i="1"/>
  <c r="G36829" i="1"/>
  <c r="G36830" i="1"/>
  <c r="G36831" i="1"/>
  <c r="G36832" i="1"/>
  <c r="G36833" i="1"/>
  <c r="G36834" i="1"/>
  <c r="G36835" i="1"/>
  <c r="G36836" i="1"/>
  <c r="G36837" i="1"/>
  <c r="G36838" i="1"/>
  <c r="G36839" i="1"/>
  <c r="G36840" i="1"/>
  <c r="G36841" i="1"/>
  <c r="G36842" i="1"/>
  <c r="G36843" i="1"/>
  <c r="G36844" i="1"/>
  <c r="G36845" i="1"/>
  <c r="G36846" i="1"/>
  <c r="G36847" i="1"/>
  <c r="G36848" i="1"/>
  <c r="G36849" i="1"/>
  <c r="G36850" i="1"/>
  <c r="G36851" i="1"/>
  <c r="G36852" i="1"/>
  <c r="G36853" i="1"/>
  <c r="G36854" i="1"/>
  <c r="G36855" i="1"/>
  <c r="G36856" i="1"/>
  <c r="G36857" i="1"/>
  <c r="G36858" i="1"/>
  <c r="G36859" i="1"/>
  <c r="G36860" i="1"/>
  <c r="G36861" i="1"/>
  <c r="G36862" i="1"/>
  <c r="G36863" i="1"/>
  <c r="G36864" i="1"/>
  <c r="G36865" i="1"/>
  <c r="G36866" i="1"/>
  <c r="G36867" i="1"/>
  <c r="G36868" i="1"/>
  <c r="G36869" i="1"/>
  <c r="G36870" i="1"/>
  <c r="G36871" i="1"/>
  <c r="G36872" i="1"/>
  <c r="G36873" i="1"/>
  <c r="G36874" i="1"/>
  <c r="G36875" i="1"/>
  <c r="G36876" i="1"/>
  <c r="G36877" i="1"/>
  <c r="G36878" i="1"/>
  <c r="G36879" i="1"/>
  <c r="G36880" i="1"/>
  <c r="G36881" i="1"/>
  <c r="G36882" i="1"/>
  <c r="G36883" i="1"/>
  <c r="G36884" i="1"/>
  <c r="G36885" i="1"/>
  <c r="G36886" i="1"/>
  <c r="G36887" i="1"/>
  <c r="G36888" i="1"/>
  <c r="G36889" i="1"/>
  <c r="G36890" i="1"/>
  <c r="G36891" i="1"/>
  <c r="G36892" i="1"/>
  <c r="G36893" i="1"/>
  <c r="G36894" i="1"/>
  <c r="G36895" i="1"/>
  <c r="G36896" i="1"/>
  <c r="G36897" i="1"/>
  <c r="G36898" i="1"/>
  <c r="G36899" i="1"/>
  <c r="G36900" i="1"/>
  <c r="G36901" i="1"/>
  <c r="G36902" i="1"/>
  <c r="G36903" i="1"/>
  <c r="G36904" i="1"/>
  <c r="G36905" i="1"/>
  <c r="G36906" i="1"/>
  <c r="G36907" i="1"/>
  <c r="G36908" i="1"/>
  <c r="G36909" i="1"/>
  <c r="G36910" i="1"/>
  <c r="G36911" i="1"/>
  <c r="G36912" i="1"/>
  <c r="G36913" i="1"/>
  <c r="G36914" i="1"/>
  <c r="G36915" i="1"/>
  <c r="G36916" i="1"/>
  <c r="G36917" i="1"/>
  <c r="G36918" i="1"/>
  <c r="G36919" i="1"/>
  <c r="G36920" i="1"/>
  <c r="G36921" i="1"/>
  <c r="G36922" i="1"/>
  <c r="G36923" i="1"/>
  <c r="G36924" i="1"/>
  <c r="G36925" i="1"/>
  <c r="G36926" i="1"/>
  <c r="G36927" i="1"/>
  <c r="G36928" i="1"/>
  <c r="G36929" i="1"/>
  <c r="G36930" i="1"/>
  <c r="G36931" i="1"/>
  <c r="G36932" i="1"/>
  <c r="G36933" i="1"/>
  <c r="G36934" i="1"/>
  <c r="G36935" i="1"/>
  <c r="G36936" i="1"/>
  <c r="G36937" i="1"/>
  <c r="G36938" i="1"/>
  <c r="G36939" i="1"/>
  <c r="G36940" i="1"/>
  <c r="G36941" i="1"/>
  <c r="G36942" i="1"/>
  <c r="G36943" i="1"/>
  <c r="G36944" i="1"/>
  <c r="G36945" i="1"/>
  <c r="G36946" i="1"/>
  <c r="G36947" i="1"/>
  <c r="G36948" i="1"/>
  <c r="G36949" i="1"/>
  <c r="G36950" i="1"/>
  <c r="G36951" i="1"/>
  <c r="G36952" i="1"/>
  <c r="G36953" i="1"/>
  <c r="G36954" i="1"/>
  <c r="G36955" i="1"/>
  <c r="G36956" i="1"/>
  <c r="G36957" i="1"/>
  <c r="G36958" i="1"/>
  <c r="G36959" i="1"/>
  <c r="G36960" i="1"/>
  <c r="G36961" i="1"/>
  <c r="G36962" i="1"/>
  <c r="G36963" i="1"/>
  <c r="G36964" i="1"/>
  <c r="G36965" i="1"/>
  <c r="G36966" i="1"/>
  <c r="G36967" i="1"/>
  <c r="G36968" i="1"/>
  <c r="G36969" i="1"/>
  <c r="G36970" i="1"/>
  <c r="G36971" i="1"/>
  <c r="G36972" i="1"/>
  <c r="G36973" i="1"/>
  <c r="G36974" i="1"/>
  <c r="G36975" i="1"/>
  <c r="G36976" i="1"/>
  <c r="G36977" i="1"/>
  <c r="G36978" i="1"/>
  <c r="G36979" i="1"/>
  <c r="G36980" i="1"/>
  <c r="G36981" i="1"/>
  <c r="G36982" i="1"/>
  <c r="G36983" i="1"/>
  <c r="G36984" i="1"/>
  <c r="G36985" i="1"/>
  <c r="G36986" i="1"/>
  <c r="G36987" i="1"/>
  <c r="G36988" i="1"/>
  <c r="G36989" i="1"/>
  <c r="G36990" i="1"/>
  <c r="G36991" i="1"/>
  <c r="G36992" i="1"/>
  <c r="G36993" i="1"/>
  <c r="G36994" i="1"/>
  <c r="G36995" i="1"/>
  <c r="G36996" i="1"/>
  <c r="G36997" i="1"/>
  <c r="G36998" i="1"/>
  <c r="G36999" i="1"/>
  <c r="G37000" i="1"/>
  <c r="G37001" i="1"/>
  <c r="G37002" i="1"/>
  <c r="G37003" i="1"/>
  <c r="G37004" i="1"/>
  <c r="G37005" i="1"/>
  <c r="G37006" i="1"/>
  <c r="G37007" i="1"/>
  <c r="G37008" i="1"/>
  <c r="G37009" i="1"/>
  <c r="G37010" i="1"/>
  <c r="G37011" i="1"/>
  <c r="G37012" i="1"/>
  <c r="G37013" i="1"/>
  <c r="G37014" i="1"/>
  <c r="G37015" i="1"/>
  <c r="G37016" i="1"/>
  <c r="G37017" i="1"/>
  <c r="G37018" i="1"/>
  <c r="G37019" i="1"/>
  <c r="G37020" i="1"/>
  <c r="G37021" i="1"/>
  <c r="G37022" i="1"/>
  <c r="G37023" i="1"/>
  <c r="G37024" i="1"/>
  <c r="G37025" i="1"/>
  <c r="G37026" i="1"/>
  <c r="G37027" i="1"/>
  <c r="G37028" i="1"/>
  <c r="G37029" i="1"/>
  <c r="G37030" i="1"/>
  <c r="G37031" i="1"/>
  <c r="G37032" i="1"/>
  <c r="G37033" i="1"/>
  <c r="G37034" i="1"/>
  <c r="G37035" i="1"/>
  <c r="G37036" i="1"/>
  <c r="G37037" i="1"/>
  <c r="G37038" i="1"/>
  <c r="G37039" i="1"/>
  <c r="G37040" i="1"/>
  <c r="G37041" i="1"/>
  <c r="G37042" i="1"/>
  <c r="G37043" i="1"/>
  <c r="G37044" i="1"/>
  <c r="G37045" i="1"/>
  <c r="G37046" i="1"/>
  <c r="G37047" i="1"/>
  <c r="G37048" i="1"/>
  <c r="G37049" i="1"/>
  <c r="G37050" i="1"/>
  <c r="G37051" i="1"/>
  <c r="G37052" i="1"/>
  <c r="G37053" i="1"/>
  <c r="G37054" i="1"/>
  <c r="G37055" i="1"/>
  <c r="G37056" i="1"/>
  <c r="G37057" i="1"/>
  <c r="G37058" i="1"/>
  <c r="G37059" i="1"/>
  <c r="G37060" i="1"/>
  <c r="G37061" i="1"/>
  <c r="G37062" i="1"/>
  <c r="G37063" i="1"/>
  <c r="G37064" i="1"/>
  <c r="G37065" i="1"/>
  <c r="G37066" i="1"/>
  <c r="G37067" i="1"/>
  <c r="G37068" i="1"/>
  <c r="G37069" i="1"/>
  <c r="G37070" i="1"/>
  <c r="G37071" i="1"/>
  <c r="G37072" i="1"/>
  <c r="G37073" i="1"/>
  <c r="G37074" i="1"/>
  <c r="G37075" i="1"/>
  <c r="G37076" i="1"/>
  <c r="G37077" i="1"/>
  <c r="G37078" i="1"/>
  <c r="G37079" i="1"/>
  <c r="G37080" i="1"/>
  <c r="G37081" i="1"/>
  <c r="G37082" i="1"/>
  <c r="G37083" i="1"/>
  <c r="G37084" i="1"/>
  <c r="G37085" i="1"/>
  <c r="G37086" i="1"/>
  <c r="G37087" i="1"/>
  <c r="G37088" i="1"/>
  <c r="G37089" i="1"/>
  <c r="G37090" i="1"/>
  <c r="G37091" i="1"/>
  <c r="G37092" i="1"/>
  <c r="G37093" i="1"/>
  <c r="G37094" i="1"/>
  <c r="G37095" i="1"/>
  <c r="G37096" i="1"/>
  <c r="G37097" i="1"/>
  <c r="G37098" i="1"/>
  <c r="G37099" i="1"/>
  <c r="G37100" i="1"/>
  <c r="G37101" i="1"/>
  <c r="G37102" i="1"/>
  <c r="G37103" i="1"/>
  <c r="G37104" i="1"/>
  <c r="G37105" i="1"/>
  <c r="G37106" i="1"/>
  <c r="G37107" i="1"/>
  <c r="G37108" i="1"/>
  <c r="G37109" i="1"/>
  <c r="G37110" i="1"/>
  <c r="G37111" i="1"/>
  <c r="G37112" i="1"/>
  <c r="G37113" i="1"/>
  <c r="G37114" i="1"/>
  <c r="G37115" i="1"/>
  <c r="G37116" i="1"/>
  <c r="G37117" i="1"/>
  <c r="G37118" i="1"/>
  <c r="G37119" i="1"/>
  <c r="G37120" i="1"/>
  <c r="G37121" i="1"/>
  <c r="G37122" i="1"/>
  <c r="G37123" i="1"/>
  <c r="G37124" i="1"/>
  <c r="G37125" i="1"/>
  <c r="G37126" i="1"/>
  <c r="G37127" i="1"/>
  <c r="G37128" i="1"/>
  <c r="G37129" i="1"/>
  <c r="G37130" i="1"/>
  <c r="G37131" i="1"/>
  <c r="G37132" i="1"/>
  <c r="G37133" i="1"/>
  <c r="G37134" i="1"/>
  <c r="G37135" i="1"/>
  <c r="G37136" i="1"/>
  <c r="G37137" i="1"/>
  <c r="G37138" i="1"/>
  <c r="G37139" i="1"/>
  <c r="G37140" i="1"/>
  <c r="G37141" i="1"/>
  <c r="G37142" i="1"/>
  <c r="G37143" i="1"/>
  <c r="G37144" i="1"/>
  <c r="G37145" i="1"/>
  <c r="G37146" i="1"/>
  <c r="G37147" i="1"/>
  <c r="G37148" i="1"/>
  <c r="G37149" i="1"/>
  <c r="G37150" i="1"/>
  <c r="G37151" i="1"/>
  <c r="G37152" i="1"/>
  <c r="G37153" i="1"/>
  <c r="G37154" i="1"/>
  <c r="G37155" i="1"/>
  <c r="G37156" i="1"/>
  <c r="G37157" i="1"/>
  <c r="G37158" i="1"/>
  <c r="G37159" i="1"/>
  <c r="G37160" i="1"/>
  <c r="G37161" i="1"/>
  <c r="G37162" i="1"/>
  <c r="G37163" i="1"/>
  <c r="G37164" i="1"/>
  <c r="G37165" i="1"/>
  <c r="G37166" i="1"/>
  <c r="G37167" i="1"/>
  <c r="G37168" i="1"/>
  <c r="G37169" i="1"/>
  <c r="G37170" i="1"/>
  <c r="G37171" i="1"/>
  <c r="G37172" i="1"/>
  <c r="G37173" i="1"/>
  <c r="G37174" i="1"/>
  <c r="G37175" i="1"/>
  <c r="G37176" i="1"/>
  <c r="G37177" i="1"/>
  <c r="G37178" i="1"/>
  <c r="G37179" i="1"/>
  <c r="G37180" i="1"/>
  <c r="G37181" i="1"/>
  <c r="G37182" i="1"/>
  <c r="G37183" i="1"/>
  <c r="G37184" i="1"/>
  <c r="G37185" i="1"/>
  <c r="G37186" i="1"/>
  <c r="G37187" i="1"/>
  <c r="G37188" i="1"/>
  <c r="G37189" i="1"/>
  <c r="G37190" i="1"/>
  <c r="G37191" i="1"/>
  <c r="G37192" i="1"/>
  <c r="G37193" i="1"/>
  <c r="G37194" i="1"/>
  <c r="G37195" i="1"/>
  <c r="G37196" i="1"/>
  <c r="G37197" i="1"/>
  <c r="G37198" i="1"/>
  <c r="G37199" i="1"/>
  <c r="G37200" i="1"/>
  <c r="G37201" i="1"/>
  <c r="G37202" i="1"/>
  <c r="G37203" i="1"/>
  <c r="G37204" i="1"/>
  <c r="G37205" i="1"/>
  <c r="G37206" i="1"/>
  <c r="G37207" i="1"/>
  <c r="G37208" i="1"/>
  <c r="G37209" i="1"/>
  <c r="G37210" i="1"/>
  <c r="G37211" i="1"/>
  <c r="G37212" i="1"/>
  <c r="G37213" i="1"/>
  <c r="G37214" i="1"/>
  <c r="G37215" i="1"/>
  <c r="G37216" i="1"/>
  <c r="G37217" i="1"/>
  <c r="G37218" i="1"/>
  <c r="G37219" i="1"/>
  <c r="G37220" i="1"/>
  <c r="G37221" i="1"/>
  <c r="G37222" i="1"/>
  <c r="G37223" i="1"/>
  <c r="G37224" i="1"/>
  <c r="G37225" i="1"/>
  <c r="G37226" i="1"/>
  <c r="G37227" i="1"/>
  <c r="G37228" i="1"/>
  <c r="G37229" i="1"/>
  <c r="G37230" i="1"/>
  <c r="G37231" i="1"/>
  <c r="G37232" i="1"/>
  <c r="G37233" i="1"/>
  <c r="G37234" i="1"/>
  <c r="G37235" i="1"/>
  <c r="G37236" i="1"/>
  <c r="G37237" i="1"/>
  <c r="G37238" i="1"/>
  <c r="G37239" i="1"/>
  <c r="G37240" i="1"/>
  <c r="G37241" i="1"/>
  <c r="G37242" i="1"/>
  <c r="G37243" i="1"/>
  <c r="G37244" i="1"/>
  <c r="G37245" i="1"/>
  <c r="G37246" i="1"/>
  <c r="G37247" i="1"/>
  <c r="G37248" i="1"/>
  <c r="G37249" i="1"/>
  <c r="G37250" i="1"/>
  <c r="G37251" i="1"/>
  <c r="G37252" i="1"/>
  <c r="G37253" i="1"/>
  <c r="G37254" i="1"/>
  <c r="G37255" i="1"/>
  <c r="G37256" i="1"/>
  <c r="G37257" i="1"/>
  <c r="G37258" i="1"/>
  <c r="G37259" i="1"/>
  <c r="G37260" i="1"/>
  <c r="G37261" i="1"/>
  <c r="G37262" i="1"/>
  <c r="G37263" i="1"/>
  <c r="G37264" i="1"/>
  <c r="G37265" i="1"/>
  <c r="G37266" i="1"/>
  <c r="G37267" i="1"/>
  <c r="G37268" i="1"/>
  <c r="G37269" i="1"/>
  <c r="G37270" i="1"/>
  <c r="G37271" i="1"/>
  <c r="G37272" i="1"/>
  <c r="G37273" i="1"/>
  <c r="G37274" i="1"/>
  <c r="G37275" i="1"/>
  <c r="G37276" i="1"/>
  <c r="G37277" i="1"/>
  <c r="G37278" i="1"/>
  <c r="G37279" i="1"/>
  <c r="G37280" i="1"/>
  <c r="G37281" i="1"/>
  <c r="G37282" i="1"/>
  <c r="G37283" i="1"/>
  <c r="G37284" i="1"/>
  <c r="G37285" i="1"/>
  <c r="G37286" i="1"/>
  <c r="G37287" i="1"/>
  <c r="G37288" i="1"/>
  <c r="G37289" i="1"/>
  <c r="G37290" i="1"/>
  <c r="G37291" i="1"/>
  <c r="G37292" i="1"/>
  <c r="G37293" i="1"/>
  <c r="G37294" i="1"/>
  <c r="G37295" i="1"/>
  <c r="G37296" i="1"/>
  <c r="G37297" i="1"/>
  <c r="G37298" i="1"/>
  <c r="G37299" i="1"/>
  <c r="G37300" i="1"/>
  <c r="G37301" i="1"/>
  <c r="G37302" i="1"/>
  <c r="G37303" i="1"/>
  <c r="G37304" i="1"/>
  <c r="G37305" i="1"/>
  <c r="G37306" i="1"/>
  <c r="G37307" i="1"/>
  <c r="G37308" i="1"/>
  <c r="G37309" i="1"/>
  <c r="G37310" i="1"/>
  <c r="G37311" i="1"/>
  <c r="G37312" i="1"/>
  <c r="G37313" i="1"/>
  <c r="G37314" i="1"/>
  <c r="G37315" i="1"/>
  <c r="G37316" i="1"/>
  <c r="G37317" i="1"/>
  <c r="G37318" i="1"/>
  <c r="G37319" i="1"/>
  <c r="G37320" i="1"/>
  <c r="G37321" i="1"/>
  <c r="G37322" i="1"/>
  <c r="G37323" i="1"/>
  <c r="G37324" i="1"/>
  <c r="G37325" i="1"/>
  <c r="G37326" i="1"/>
  <c r="G37327" i="1"/>
  <c r="G37328" i="1"/>
  <c r="G37329" i="1"/>
  <c r="G37330" i="1"/>
  <c r="G37331" i="1"/>
  <c r="G37332" i="1"/>
  <c r="G37333" i="1"/>
  <c r="G37334" i="1"/>
  <c r="G37335" i="1"/>
  <c r="G37336" i="1"/>
  <c r="G37337" i="1"/>
  <c r="G37338" i="1"/>
  <c r="G37339" i="1"/>
  <c r="G37340" i="1"/>
  <c r="G37341" i="1"/>
  <c r="G37342" i="1"/>
  <c r="G37343" i="1"/>
  <c r="G37344" i="1"/>
  <c r="G37345" i="1"/>
  <c r="G37346" i="1"/>
  <c r="G37347" i="1"/>
  <c r="G37348" i="1"/>
  <c r="G37349" i="1"/>
  <c r="G37350" i="1"/>
  <c r="G37351" i="1"/>
  <c r="G37352" i="1"/>
  <c r="G37353" i="1"/>
  <c r="G37354" i="1"/>
  <c r="G37355" i="1"/>
  <c r="G37356" i="1"/>
  <c r="G37357" i="1"/>
  <c r="G37358" i="1"/>
  <c r="G37359" i="1"/>
  <c r="G37360" i="1"/>
  <c r="G37361" i="1"/>
  <c r="G37362" i="1"/>
  <c r="G37363" i="1"/>
  <c r="G37364" i="1"/>
  <c r="G37365" i="1"/>
  <c r="G37366" i="1"/>
  <c r="G37367" i="1"/>
  <c r="G37368" i="1"/>
  <c r="G37369" i="1"/>
  <c r="G37370" i="1"/>
  <c r="G37371" i="1"/>
  <c r="G37372" i="1"/>
  <c r="G37373" i="1"/>
  <c r="G37374" i="1"/>
  <c r="G37375" i="1"/>
  <c r="G37376" i="1"/>
  <c r="G37377" i="1"/>
  <c r="G37378" i="1"/>
  <c r="G37379" i="1"/>
  <c r="G37380" i="1"/>
  <c r="G37381" i="1"/>
  <c r="G37382" i="1"/>
  <c r="G37383" i="1"/>
  <c r="G37384" i="1"/>
  <c r="G37385" i="1"/>
  <c r="G37386" i="1"/>
  <c r="G37387" i="1"/>
  <c r="G37388" i="1"/>
  <c r="G37389" i="1"/>
  <c r="G37390" i="1"/>
  <c r="G37391" i="1"/>
  <c r="G37392" i="1"/>
  <c r="G37393" i="1"/>
  <c r="G37394" i="1"/>
  <c r="G37395" i="1"/>
  <c r="G37396" i="1"/>
  <c r="G37397" i="1"/>
  <c r="G37398" i="1"/>
  <c r="G37399" i="1"/>
  <c r="G37400" i="1"/>
  <c r="G37401" i="1"/>
  <c r="G37402" i="1"/>
  <c r="G37403" i="1"/>
  <c r="G37404" i="1"/>
  <c r="G37405" i="1"/>
  <c r="G37406" i="1"/>
  <c r="G37407" i="1"/>
  <c r="G37408" i="1"/>
  <c r="G37409" i="1"/>
  <c r="G37410" i="1"/>
  <c r="G37411" i="1"/>
  <c r="G37412" i="1"/>
  <c r="G37413" i="1"/>
  <c r="G37414" i="1"/>
  <c r="G37415" i="1"/>
  <c r="G37416" i="1"/>
  <c r="G37417" i="1"/>
  <c r="G37418" i="1"/>
  <c r="G37419" i="1"/>
  <c r="G37420" i="1"/>
  <c r="G37421" i="1"/>
  <c r="G37422" i="1"/>
  <c r="G37423" i="1"/>
  <c r="G37424" i="1"/>
  <c r="G37425" i="1"/>
  <c r="G37426" i="1"/>
  <c r="G37427" i="1"/>
  <c r="G37428" i="1"/>
  <c r="G37429" i="1"/>
  <c r="G37430" i="1"/>
  <c r="G37431" i="1"/>
  <c r="G37432" i="1"/>
  <c r="G37433" i="1"/>
  <c r="G37434" i="1"/>
  <c r="G37435" i="1"/>
  <c r="G37436" i="1"/>
  <c r="G37437" i="1"/>
  <c r="G37438" i="1"/>
  <c r="G37439" i="1"/>
  <c r="G37440" i="1"/>
  <c r="G37441" i="1"/>
  <c r="G37442" i="1"/>
  <c r="G37443" i="1"/>
  <c r="G37444" i="1"/>
  <c r="G37445" i="1"/>
  <c r="G37446" i="1"/>
  <c r="G37447" i="1"/>
  <c r="G37448" i="1"/>
  <c r="G37449" i="1"/>
  <c r="G37450" i="1"/>
  <c r="G37451" i="1"/>
  <c r="G37452" i="1"/>
  <c r="G37453" i="1"/>
  <c r="G37454" i="1"/>
  <c r="G37455" i="1"/>
  <c r="G37456" i="1"/>
  <c r="G37457" i="1"/>
  <c r="G37458" i="1"/>
  <c r="G37459" i="1"/>
  <c r="G37460" i="1"/>
  <c r="G37461" i="1"/>
  <c r="G37462" i="1"/>
  <c r="G37463" i="1"/>
  <c r="G37464" i="1"/>
  <c r="G37465" i="1"/>
  <c r="G37466" i="1"/>
  <c r="G37467" i="1"/>
  <c r="G37468" i="1"/>
  <c r="G37469" i="1"/>
  <c r="G37470" i="1"/>
  <c r="G37471" i="1"/>
  <c r="G37472" i="1"/>
  <c r="G37473" i="1"/>
  <c r="G37474" i="1"/>
  <c r="G37475" i="1"/>
  <c r="G37476" i="1"/>
  <c r="G37477" i="1"/>
  <c r="G37478" i="1"/>
  <c r="G37479" i="1"/>
  <c r="G37480" i="1"/>
  <c r="G37481" i="1"/>
  <c r="G37482" i="1"/>
  <c r="G37483" i="1"/>
  <c r="G37484" i="1"/>
  <c r="G37485" i="1"/>
  <c r="G37486" i="1"/>
  <c r="G37487" i="1"/>
  <c r="G37488" i="1"/>
  <c r="G37489" i="1"/>
  <c r="G37490" i="1"/>
  <c r="G37491" i="1"/>
  <c r="G37492" i="1"/>
  <c r="G37493" i="1"/>
  <c r="G37494" i="1"/>
  <c r="G37495" i="1"/>
  <c r="G37496" i="1"/>
  <c r="G37497" i="1"/>
  <c r="G37498" i="1"/>
  <c r="G37499" i="1"/>
  <c r="G37500" i="1"/>
  <c r="G37501" i="1"/>
  <c r="G37502" i="1"/>
  <c r="G37503" i="1"/>
  <c r="G37504" i="1"/>
  <c r="G37505" i="1"/>
  <c r="G37506" i="1"/>
  <c r="G37507" i="1"/>
  <c r="G37508" i="1"/>
  <c r="G37509" i="1"/>
  <c r="G37510" i="1"/>
  <c r="G37511" i="1"/>
  <c r="G37512" i="1"/>
  <c r="G37513" i="1"/>
  <c r="G37514" i="1"/>
  <c r="G37515" i="1"/>
  <c r="G37516" i="1"/>
  <c r="G37517" i="1"/>
  <c r="G37518" i="1"/>
  <c r="G37519" i="1"/>
  <c r="G37520" i="1"/>
  <c r="G37521" i="1"/>
  <c r="G37522" i="1"/>
  <c r="G37523" i="1"/>
  <c r="G37524" i="1"/>
  <c r="G37525" i="1"/>
  <c r="G37526" i="1"/>
  <c r="G37527" i="1"/>
  <c r="G37528" i="1"/>
  <c r="G37529" i="1"/>
  <c r="G37530" i="1"/>
  <c r="G37531" i="1"/>
  <c r="G37532" i="1"/>
  <c r="G37533" i="1"/>
  <c r="G37534" i="1"/>
  <c r="G37535" i="1"/>
  <c r="G37536" i="1"/>
  <c r="G37537" i="1"/>
  <c r="G37538" i="1"/>
  <c r="G37539" i="1"/>
  <c r="G37540" i="1"/>
  <c r="G37541" i="1"/>
  <c r="G37542" i="1"/>
  <c r="G37543" i="1"/>
  <c r="G37544" i="1"/>
  <c r="G37545" i="1"/>
  <c r="G37546" i="1"/>
  <c r="G37547" i="1"/>
  <c r="G37548" i="1"/>
  <c r="G37549" i="1"/>
  <c r="G37550" i="1"/>
  <c r="G37551" i="1"/>
  <c r="G37552" i="1"/>
  <c r="G37553" i="1"/>
  <c r="G37554" i="1"/>
  <c r="G37555" i="1"/>
  <c r="G37556" i="1"/>
  <c r="G37557" i="1"/>
  <c r="G37558" i="1"/>
  <c r="G37559" i="1"/>
  <c r="G37560" i="1"/>
  <c r="G37561" i="1"/>
  <c r="G37562" i="1"/>
  <c r="G37563" i="1"/>
  <c r="G37564" i="1"/>
  <c r="G37565" i="1"/>
  <c r="G37566" i="1"/>
  <c r="G37567" i="1"/>
  <c r="G37568" i="1"/>
  <c r="G37569" i="1"/>
  <c r="G37570" i="1"/>
  <c r="G37571" i="1"/>
  <c r="G37572" i="1"/>
  <c r="G37573" i="1"/>
  <c r="G37574" i="1"/>
  <c r="G37575" i="1"/>
  <c r="G37576" i="1"/>
  <c r="G37577" i="1"/>
  <c r="G37578" i="1"/>
  <c r="G37579" i="1"/>
  <c r="G37580" i="1"/>
  <c r="G37581" i="1"/>
  <c r="G37582" i="1"/>
  <c r="G37583" i="1"/>
  <c r="G37584" i="1"/>
  <c r="G37585" i="1"/>
  <c r="G37586" i="1"/>
  <c r="G37587" i="1"/>
  <c r="G37588" i="1"/>
  <c r="G37589" i="1"/>
  <c r="G37590" i="1"/>
  <c r="G37591" i="1"/>
  <c r="G37592" i="1"/>
  <c r="G37593" i="1"/>
  <c r="G37594" i="1"/>
  <c r="G37595" i="1"/>
  <c r="G37596" i="1"/>
  <c r="G37597" i="1"/>
  <c r="G37598" i="1"/>
  <c r="G37599" i="1"/>
  <c r="G37600" i="1"/>
  <c r="G37601" i="1"/>
  <c r="G37602" i="1"/>
  <c r="G37603" i="1"/>
  <c r="G37604" i="1"/>
  <c r="G37605" i="1"/>
  <c r="G37606" i="1"/>
  <c r="G37607" i="1"/>
  <c r="G37608" i="1"/>
  <c r="G37609" i="1"/>
  <c r="G37610" i="1"/>
  <c r="G37611" i="1"/>
  <c r="G37612" i="1"/>
  <c r="G37613" i="1"/>
  <c r="G37614" i="1"/>
  <c r="G37615" i="1"/>
  <c r="G37616" i="1"/>
  <c r="G37617" i="1"/>
  <c r="G37618" i="1"/>
  <c r="G37619" i="1"/>
  <c r="G37620" i="1"/>
  <c r="G37621" i="1"/>
  <c r="G37622" i="1"/>
  <c r="G37623" i="1"/>
  <c r="G37624" i="1"/>
  <c r="G37625" i="1"/>
  <c r="G37626" i="1"/>
  <c r="G37627" i="1"/>
  <c r="G37628" i="1"/>
  <c r="G37629" i="1"/>
  <c r="G37630" i="1"/>
  <c r="G37631" i="1"/>
  <c r="G37632" i="1"/>
  <c r="G37633" i="1"/>
  <c r="G37634" i="1"/>
  <c r="G37635" i="1"/>
  <c r="G37636" i="1"/>
  <c r="G37637" i="1"/>
  <c r="G37638" i="1"/>
  <c r="G37639" i="1"/>
  <c r="G37640" i="1"/>
  <c r="G37641" i="1"/>
  <c r="G37642" i="1"/>
  <c r="G37643" i="1"/>
  <c r="G37644" i="1"/>
  <c r="G37645" i="1"/>
  <c r="G37646" i="1"/>
  <c r="G37647" i="1"/>
  <c r="G37648" i="1"/>
  <c r="G37649" i="1"/>
  <c r="G37650" i="1"/>
  <c r="G37651" i="1"/>
  <c r="G37652" i="1"/>
  <c r="G37653" i="1"/>
  <c r="G37654" i="1"/>
  <c r="G37655" i="1"/>
  <c r="G37656" i="1"/>
  <c r="G37657" i="1"/>
  <c r="G37658" i="1"/>
  <c r="G37659" i="1"/>
  <c r="G37660" i="1"/>
  <c r="G37661" i="1"/>
  <c r="G37662" i="1"/>
  <c r="G37663" i="1"/>
  <c r="G37664" i="1"/>
  <c r="G37665" i="1"/>
  <c r="G37666" i="1"/>
  <c r="G37667" i="1"/>
  <c r="G37668" i="1"/>
  <c r="G37669" i="1"/>
  <c r="G37670" i="1"/>
  <c r="G37671" i="1"/>
  <c r="G37672" i="1"/>
  <c r="G37673" i="1"/>
  <c r="G37674" i="1"/>
  <c r="G37675" i="1"/>
  <c r="G37676" i="1"/>
  <c r="G37677" i="1"/>
  <c r="G37678" i="1"/>
  <c r="G37679" i="1"/>
  <c r="G37680" i="1"/>
  <c r="G37681" i="1"/>
  <c r="G37682" i="1"/>
  <c r="G37683" i="1"/>
  <c r="G37684" i="1"/>
  <c r="G37685" i="1"/>
  <c r="G37686" i="1"/>
  <c r="G37687" i="1"/>
  <c r="G37688" i="1"/>
  <c r="G37689" i="1"/>
  <c r="G37690" i="1"/>
  <c r="G37691" i="1"/>
  <c r="G37692" i="1"/>
  <c r="G37693" i="1"/>
  <c r="G37694" i="1"/>
  <c r="G37695" i="1"/>
  <c r="G37696" i="1"/>
  <c r="G37697" i="1"/>
  <c r="G37698" i="1"/>
  <c r="G37699" i="1"/>
  <c r="G37700" i="1"/>
  <c r="G37701" i="1"/>
  <c r="G37702" i="1"/>
  <c r="G37703" i="1"/>
  <c r="G37704" i="1"/>
  <c r="G37705" i="1"/>
  <c r="G37706" i="1"/>
  <c r="G37707" i="1"/>
  <c r="G37708" i="1"/>
  <c r="G37709" i="1"/>
  <c r="G37710" i="1"/>
  <c r="G37711" i="1"/>
  <c r="G37712" i="1"/>
  <c r="G37713" i="1"/>
  <c r="G37714" i="1"/>
  <c r="G37715" i="1"/>
  <c r="G37716" i="1"/>
  <c r="G37717" i="1"/>
  <c r="G37718" i="1"/>
  <c r="G37719" i="1"/>
  <c r="G37720" i="1"/>
  <c r="G37721" i="1"/>
  <c r="G37722" i="1"/>
  <c r="G37723" i="1"/>
  <c r="G37724" i="1"/>
  <c r="G37725" i="1"/>
  <c r="G37726" i="1"/>
  <c r="G37727" i="1"/>
  <c r="G37728" i="1"/>
  <c r="G37729" i="1"/>
  <c r="G37730" i="1"/>
  <c r="G37731" i="1"/>
  <c r="G37732" i="1"/>
  <c r="G37733" i="1"/>
  <c r="G37734" i="1"/>
  <c r="G37735" i="1"/>
  <c r="G37736" i="1"/>
  <c r="G37737" i="1"/>
  <c r="G37738" i="1"/>
  <c r="G37739" i="1"/>
  <c r="G37740" i="1"/>
  <c r="G37741" i="1"/>
  <c r="G37742" i="1"/>
  <c r="G37743" i="1"/>
  <c r="G37744" i="1"/>
  <c r="G37745" i="1"/>
  <c r="G37746" i="1"/>
  <c r="G37747" i="1"/>
  <c r="G37748" i="1"/>
  <c r="G37749" i="1"/>
  <c r="G37750" i="1"/>
  <c r="G37751" i="1"/>
  <c r="G37752" i="1"/>
  <c r="G37753" i="1"/>
  <c r="G37754" i="1"/>
  <c r="G37755" i="1"/>
  <c r="G37756" i="1"/>
  <c r="G37757" i="1"/>
  <c r="G37758" i="1"/>
  <c r="G37759" i="1"/>
  <c r="G37760" i="1"/>
  <c r="G37761" i="1"/>
  <c r="G37762" i="1"/>
  <c r="G37763" i="1"/>
  <c r="G37764" i="1"/>
  <c r="G37765" i="1"/>
  <c r="G37766" i="1"/>
  <c r="G37767" i="1"/>
  <c r="G37768" i="1"/>
  <c r="G37769" i="1"/>
  <c r="G37770" i="1"/>
  <c r="G37771" i="1"/>
  <c r="G37772" i="1"/>
  <c r="G37773" i="1"/>
  <c r="G37774" i="1"/>
  <c r="G37775" i="1"/>
  <c r="G37776" i="1"/>
  <c r="G37777" i="1"/>
  <c r="G37778" i="1"/>
  <c r="G37779" i="1"/>
  <c r="G37780" i="1"/>
  <c r="G37781" i="1"/>
  <c r="G37782" i="1"/>
  <c r="G37783" i="1"/>
  <c r="G37784" i="1"/>
  <c r="G37785" i="1"/>
  <c r="G37786" i="1"/>
  <c r="G37787" i="1"/>
  <c r="G37788" i="1"/>
  <c r="G37789" i="1"/>
  <c r="G37790" i="1"/>
  <c r="G37791" i="1"/>
  <c r="G37792" i="1"/>
  <c r="G37793" i="1"/>
  <c r="G37794" i="1"/>
  <c r="G37795" i="1"/>
  <c r="G37796" i="1"/>
  <c r="G37797" i="1"/>
  <c r="G37798" i="1"/>
  <c r="G37799" i="1"/>
  <c r="G37800" i="1"/>
  <c r="G37801" i="1"/>
  <c r="G37802" i="1"/>
  <c r="G37803" i="1"/>
  <c r="G37804" i="1"/>
  <c r="G37805" i="1"/>
  <c r="G37806" i="1"/>
  <c r="G37807" i="1"/>
  <c r="G37808" i="1"/>
  <c r="G37809" i="1"/>
  <c r="G37810" i="1"/>
  <c r="G37811" i="1"/>
  <c r="G37812" i="1"/>
  <c r="G37813" i="1"/>
  <c r="G37814" i="1"/>
  <c r="G37815" i="1"/>
  <c r="G37816" i="1"/>
  <c r="G37817" i="1"/>
  <c r="G37818" i="1"/>
  <c r="G37819" i="1"/>
  <c r="G37820" i="1"/>
  <c r="G37821" i="1"/>
  <c r="G37822" i="1"/>
  <c r="G37823" i="1"/>
  <c r="G37824" i="1"/>
  <c r="G37825" i="1"/>
  <c r="G37826" i="1"/>
  <c r="G37827" i="1"/>
  <c r="G37828" i="1"/>
  <c r="G37829" i="1"/>
  <c r="G37830" i="1"/>
  <c r="G37831" i="1"/>
  <c r="G37832" i="1"/>
  <c r="G37833" i="1"/>
  <c r="G37834" i="1"/>
  <c r="G37835" i="1"/>
  <c r="G37836" i="1"/>
  <c r="G37837" i="1"/>
  <c r="G37838" i="1"/>
  <c r="G37839" i="1"/>
  <c r="G37840" i="1"/>
  <c r="G37841" i="1"/>
  <c r="G37842" i="1"/>
  <c r="G37843" i="1"/>
  <c r="G37844" i="1"/>
  <c r="G37845" i="1"/>
  <c r="G37846" i="1"/>
  <c r="G37847" i="1"/>
  <c r="G37848" i="1"/>
  <c r="G37849" i="1"/>
  <c r="G37850" i="1"/>
  <c r="G37851" i="1"/>
  <c r="G37852" i="1"/>
  <c r="G37853" i="1"/>
  <c r="G37854" i="1"/>
  <c r="G37855" i="1"/>
  <c r="G37856" i="1"/>
  <c r="G37857" i="1"/>
  <c r="G37858" i="1"/>
  <c r="G37859" i="1"/>
  <c r="G37860" i="1"/>
  <c r="G37861" i="1"/>
  <c r="G37862" i="1"/>
  <c r="G37863" i="1"/>
  <c r="G37864" i="1"/>
  <c r="G37865" i="1"/>
  <c r="G37866" i="1"/>
  <c r="G37867" i="1"/>
  <c r="G37868" i="1"/>
  <c r="G37869" i="1"/>
  <c r="G37870" i="1"/>
  <c r="G37871" i="1"/>
  <c r="G37872" i="1"/>
  <c r="G37873" i="1"/>
  <c r="G37874" i="1"/>
  <c r="G37875" i="1"/>
  <c r="G37876" i="1"/>
  <c r="G37877" i="1"/>
  <c r="G37878" i="1"/>
  <c r="G37879" i="1"/>
  <c r="G37880" i="1"/>
  <c r="G37881" i="1"/>
  <c r="G37882" i="1"/>
  <c r="G37883" i="1"/>
  <c r="G37884" i="1"/>
  <c r="G37885" i="1"/>
  <c r="G37886" i="1"/>
  <c r="G37887" i="1"/>
  <c r="G37888" i="1"/>
  <c r="G37889" i="1"/>
  <c r="G37890" i="1"/>
  <c r="G37891" i="1"/>
  <c r="G37892" i="1"/>
  <c r="G37893" i="1"/>
  <c r="G37894" i="1"/>
  <c r="G37895" i="1"/>
  <c r="G37896" i="1"/>
  <c r="G37897" i="1"/>
  <c r="G37898" i="1"/>
  <c r="G37899" i="1"/>
  <c r="G37900" i="1"/>
  <c r="G37901" i="1"/>
  <c r="G37902" i="1"/>
  <c r="G37903" i="1"/>
  <c r="G37904" i="1"/>
  <c r="G37905" i="1"/>
  <c r="G37906" i="1"/>
  <c r="G37907" i="1"/>
  <c r="G37908" i="1"/>
  <c r="G37909" i="1"/>
  <c r="G37910" i="1"/>
  <c r="G37911" i="1"/>
  <c r="G37912" i="1"/>
  <c r="G37913" i="1"/>
  <c r="G37914" i="1"/>
  <c r="G37915" i="1"/>
  <c r="G37916" i="1"/>
  <c r="G37917" i="1"/>
  <c r="G37918" i="1"/>
  <c r="G37919" i="1"/>
  <c r="G37920" i="1"/>
  <c r="G37921" i="1"/>
  <c r="G37922" i="1"/>
  <c r="G37923" i="1"/>
  <c r="G37924" i="1"/>
  <c r="G37925" i="1"/>
  <c r="G37926" i="1"/>
  <c r="G37927" i="1"/>
  <c r="G37928" i="1"/>
  <c r="G37929" i="1"/>
  <c r="G37930" i="1"/>
  <c r="G37931" i="1"/>
  <c r="G37932" i="1"/>
  <c r="G37933" i="1"/>
  <c r="G37934" i="1"/>
  <c r="G37935" i="1"/>
  <c r="G37936" i="1"/>
  <c r="G37937" i="1"/>
  <c r="G37938" i="1"/>
  <c r="G37939" i="1"/>
  <c r="G37940" i="1"/>
  <c r="G37941" i="1"/>
  <c r="G37942" i="1"/>
  <c r="G37943" i="1"/>
  <c r="G37944" i="1"/>
  <c r="G37945" i="1"/>
  <c r="G37946" i="1"/>
  <c r="G37947" i="1"/>
  <c r="G37948" i="1"/>
  <c r="G37949" i="1"/>
  <c r="G37950" i="1"/>
  <c r="G37951" i="1"/>
  <c r="G37952" i="1"/>
  <c r="G37953" i="1"/>
  <c r="G37954" i="1"/>
  <c r="G37955" i="1"/>
  <c r="G37956" i="1"/>
  <c r="G37957" i="1"/>
  <c r="G37958" i="1"/>
  <c r="G37959" i="1"/>
  <c r="G37960" i="1"/>
  <c r="G37961" i="1"/>
  <c r="G37962" i="1"/>
  <c r="G37963" i="1"/>
  <c r="G37964" i="1"/>
  <c r="G37965" i="1"/>
  <c r="G37966" i="1"/>
  <c r="G37967" i="1"/>
  <c r="G37968" i="1"/>
  <c r="G37969" i="1"/>
  <c r="G37970" i="1"/>
  <c r="G37971" i="1"/>
  <c r="G37972" i="1"/>
  <c r="G37973" i="1"/>
  <c r="G37974" i="1"/>
  <c r="G37975" i="1"/>
  <c r="G37976" i="1"/>
  <c r="G37977" i="1"/>
  <c r="G37978" i="1"/>
  <c r="G37979" i="1"/>
  <c r="G37980" i="1"/>
  <c r="G37981" i="1"/>
  <c r="G37982" i="1"/>
  <c r="G37983" i="1"/>
  <c r="G37984" i="1"/>
  <c r="G37985" i="1"/>
  <c r="G37986" i="1"/>
  <c r="G37987" i="1"/>
  <c r="G37988" i="1"/>
  <c r="G37989" i="1"/>
  <c r="G37990" i="1"/>
  <c r="G37991" i="1"/>
  <c r="G37992" i="1"/>
  <c r="G37993" i="1"/>
  <c r="G37994" i="1"/>
  <c r="G37995" i="1"/>
  <c r="G37996" i="1"/>
  <c r="G37997" i="1"/>
  <c r="G37998" i="1"/>
  <c r="G37999" i="1"/>
  <c r="G38000" i="1"/>
  <c r="G38001" i="1"/>
  <c r="G38002" i="1"/>
  <c r="G38003" i="1"/>
  <c r="G38004" i="1"/>
  <c r="G38005" i="1"/>
  <c r="G38006" i="1"/>
  <c r="G38007" i="1"/>
  <c r="G38008" i="1"/>
  <c r="G38009" i="1"/>
  <c r="G38010" i="1"/>
  <c r="G38011" i="1"/>
  <c r="G38012" i="1"/>
  <c r="G38013" i="1"/>
  <c r="G38014" i="1"/>
  <c r="G38015" i="1"/>
  <c r="G38016" i="1"/>
  <c r="G38017" i="1"/>
  <c r="G38018" i="1"/>
  <c r="G38019" i="1"/>
  <c r="G38020" i="1"/>
  <c r="G38021" i="1"/>
  <c r="G38022" i="1"/>
  <c r="G38023" i="1"/>
  <c r="G38024" i="1"/>
  <c r="G38025" i="1"/>
  <c r="G38026" i="1"/>
  <c r="G38027" i="1"/>
  <c r="G38028" i="1"/>
  <c r="G38029" i="1"/>
  <c r="G38030" i="1"/>
  <c r="G38031" i="1"/>
  <c r="G38032" i="1"/>
  <c r="G38033" i="1"/>
  <c r="G38034" i="1"/>
  <c r="G38035" i="1"/>
  <c r="G38036" i="1"/>
  <c r="G38037" i="1"/>
  <c r="G38038" i="1"/>
  <c r="G38039" i="1"/>
  <c r="G38040" i="1"/>
  <c r="G38041" i="1"/>
  <c r="G38042" i="1"/>
  <c r="G38043" i="1"/>
  <c r="G38044" i="1"/>
  <c r="G38045" i="1"/>
  <c r="G38046" i="1"/>
  <c r="G38047" i="1"/>
  <c r="G38048" i="1"/>
  <c r="G38049" i="1"/>
  <c r="G38050" i="1"/>
  <c r="G38051" i="1"/>
  <c r="G38052" i="1"/>
  <c r="G38053" i="1"/>
  <c r="G38054" i="1"/>
  <c r="G38055" i="1"/>
  <c r="G38056" i="1"/>
  <c r="G38057" i="1"/>
  <c r="G38058" i="1"/>
  <c r="G38059" i="1"/>
  <c r="G38060" i="1"/>
  <c r="G38061" i="1"/>
  <c r="G38062" i="1"/>
  <c r="G38063" i="1"/>
  <c r="G38064" i="1"/>
  <c r="G38065" i="1"/>
  <c r="G38066" i="1"/>
  <c r="G38067" i="1"/>
  <c r="G38068" i="1"/>
  <c r="G38069" i="1"/>
  <c r="G38070" i="1"/>
  <c r="G38071" i="1"/>
  <c r="G38072" i="1"/>
  <c r="G38073" i="1"/>
  <c r="G38074" i="1"/>
  <c r="G38075" i="1"/>
  <c r="G38076" i="1"/>
  <c r="G38077" i="1"/>
  <c r="G38078" i="1"/>
  <c r="G38079" i="1"/>
  <c r="G38080" i="1"/>
  <c r="G38081" i="1"/>
  <c r="G38082" i="1"/>
  <c r="G38083" i="1"/>
  <c r="G38084" i="1"/>
  <c r="G38085" i="1"/>
  <c r="G38086" i="1"/>
  <c r="G38087" i="1"/>
  <c r="G38088" i="1"/>
  <c r="G38089" i="1"/>
  <c r="G38090" i="1"/>
  <c r="G38091" i="1"/>
  <c r="G38092" i="1"/>
  <c r="G38093" i="1"/>
  <c r="G38094" i="1"/>
  <c r="G38095" i="1"/>
  <c r="G38096" i="1"/>
  <c r="G38097" i="1"/>
  <c r="G38098" i="1"/>
  <c r="G38099" i="1"/>
  <c r="G38100" i="1"/>
  <c r="G38101" i="1"/>
  <c r="G38102" i="1"/>
  <c r="G38103" i="1"/>
  <c r="G38104" i="1"/>
  <c r="G38105" i="1"/>
  <c r="G38106" i="1"/>
  <c r="G38107" i="1"/>
  <c r="G38108" i="1"/>
  <c r="G38109" i="1"/>
  <c r="G38110" i="1"/>
  <c r="G38111" i="1"/>
  <c r="G38112" i="1"/>
  <c r="G38113" i="1"/>
  <c r="G38114" i="1"/>
  <c r="G38115" i="1"/>
  <c r="G38116" i="1"/>
  <c r="G38117" i="1"/>
  <c r="G38118" i="1"/>
  <c r="G38119" i="1"/>
  <c r="G38120" i="1"/>
  <c r="G38121" i="1"/>
  <c r="G38122" i="1"/>
  <c r="G38123" i="1"/>
  <c r="G38124" i="1"/>
  <c r="G38125" i="1"/>
  <c r="G38126" i="1"/>
  <c r="G38127" i="1"/>
  <c r="G38128" i="1"/>
  <c r="G38129" i="1"/>
  <c r="G38130" i="1"/>
  <c r="G38131" i="1"/>
  <c r="G38132" i="1"/>
  <c r="G38133" i="1"/>
  <c r="G38134" i="1"/>
  <c r="G38135" i="1"/>
  <c r="G38136" i="1"/>
  <c r="G38137" i="1"/>
  <c r="G38138" i="1"/>
  <c r="G38139" i="1"/>
  <c r="G38140" i="1"/>
  <c r="G38141" i="1"/>
  <c r="G38142" i="1"/>
  <c r="G38143" i="1"/>
  <c r="G38144" i="1"/>
  <c r="G38145" i="1"/>
  <c r="G38146" i="1"/>
  <c r="G38147" i="1"/>
  <c r="G38148" i="1"/>
  <c r="G38149" i="1"/>
  <c r="G38150" i="1"/>
  <c r="G38151" i="1"/>
  <c r="G38152" i="1"/>
  <c r="G38153" i="1"/>
  <c r="G38154" i="1"/>
  <c r="G38155" i="1"/>
  <c r="G38156" i="1"/>
  <c r="G38157" i="1"/>
  <c r="G38158" i="1"/>
  <c r="G38159" i="1"/>
  <c r="G38160" i="1"/>
  <c r="G38161" i="1"/>
  <c r="G38162" i="1"/>
  <c r="G38163" i="1"/>
  <c r="G38164" i="1"/>
  <c r="G38165" i="1"/>
  <c r="G38166" i="1"/>
  <c r="G38167" i="1"/>
  <c r="G38168" i="1"/>
  <c r="G38169" i="1"/>
  <c r="G38170" i="1"/>
  <c r="G38171" i="1"/>
  <c r="G38172" i="1"/>
  <c r="G38173" i="1"/>
  <c r="G38174" i="1"/>
  <c r="G38175" i="1"/>
  <c r="G38176" i="1"/>
  <c r="G38177" i="1"/>
  <c r="G38178" i="1"/>
  <c r="G38179" i="1"/>
  <c r="G38180" i="1"/>
  <c r="G38181" i="1"/>
  <c r="G38182" i="1"/>
  <c r="G38183" i="1"/>
  <c r="G38184" i="1"/>
  <c r="G38185" i="1"/>
  <c r="G38186" i="1"/>
  <c r="G38187" i="1"/>
  <c r="G38188" i="1"/>
  <c r="G38189" i="1"/>
  <c r="G38190" i="1"/>
  <c r="G38191" i="1"/>
  <c r="G38192" i="1"/>
  <c r="G38193" i="1"/>
  <c r="G38194" i="1"/>
  <c r="G38195" i="1"/>
  <c r="G38196" i="1"/>
  <c r="G38197" i="1"/>
  <c r="G38198" i="1"/>
  <c r="G38199" i="1"/>
  <c r="G38200" i="1"/>
  <c r="G38201" i="1"/>
  <c r="G38202" i="1"/>
  <c r="G38203" i="1"/>
  <c r="G38204" i="1"/>
  <c r="G38205" i="1"/>
  <c r="G38206" i="1"/>
  <c r="G38207" i="1"/>
  <c r="G38208" i="1"/>
  <c r="G38209" i="1"/>
  <c r="G38210" i="1"/>
  <c r="G38211" i="1"/>
  <c r="G38212" i="1"/>
  <c r="G38213" i="1"/>
  <c r="G38214" i="1"/>
  <c r="G38215" i="1"/>
  <c r="G38216" i="1"/>
  <c r="G38217" i="1"/>
  <c r="G38218" i="1"/>
  <c r="G38219" i="1"/>
  <c r="G38220" i="1"/>
  <c r="G38221" i="1"/>
  <c r="G38222" i="1"/>
  <c r="G38223" i="1"/>
  <c r="G38224" i="1"/>
  <c r="G38225" i="1"/>
  <c r="G38226" i="1"/>
  <c r="G38227" i="1"/>
  <c r="G38228" i="1"/>
  <c r="G38229" i="1"/>
  <c r="G38230" i="1"/>
  <c r="G38231" i="1"/>
  <c r="G38232" i="1"/>
  <c r="G38233" i="1"/>
  <c r="G38234" i="1"/>
  <c r="G38235" i="1"/>
  <c r="G38236" i="1"/>
  <c r="G38237" i="1"/>
  <c r="G38238" i="1"/>
  <c r="G38239" i="1"/>
  <c r="G38240" i="1"/>
  <c r="G38241" i="1"/>
  <c r="G38242" i="1"/>
  <c r="G38243" i="1"/>
  <c r="G38244" i="1"/>
  <c r="G38245" i="1"/>
  <c r="G38246" i="1"/>
  <c r="G38247" i="1"/>
  <c r="G38248" i="1"/>
  <c r="G38249" i="1"/>
  <c r="G38250" i="1"/>
  <c r="G38251" i="1"/>
  <c r="G38252" i="1"/>
  <c r="G38253" i="1"/>
  <c r="G38254" i="1"/>
  <c r="G38255" i="1"/>
  <c r="G38256" i="1"/>
  <c r="G38257" i="1"/>
  <c r="G38258" i="1"/>
  <c r="G38259" i="1"/>
  <c r="G38260" i="1"/>
  <c r="G38261" i="1"/>
  <c r="G38262" i="1"/>
  <c r="G38263" i="1"/>
  <c r="G38264" i="1"/>
  <c r="G38265" i="1"/>
  <c r="G38266" i="1"/>
  <c r="G38267" i="1"/>
  <c r="G38268" i="1"/>
  <c r="G38269" i="1"/>
  <c r="G38270" i="1"/>
  <c r="G38271" i="1"/>
  <c r="G38272" i="1"/>
  <c r="G38273" i="1"/>
  <c r="G38274" i="1"/>
  <c r="G38275" i="1"/>
  <c r="G38276" i="1"/>
  <c r="G38277" i="1"/>
  <c r="G38278" i="1"/>
  <c r="G38279" i="1"/>
  <c r="G38280" i="1"/>
  <c r="G38281" i="1"/>
  <c r="G38282" i="1"/>
  <c r="G38283" i="1"/>
  <c r="G38284" i="1"/>
  <c r="G38285" i="1"/>
  <c r="G38286" i="1"/>
  <c r="G38287" i="1"/>
  <c r="G38288" i="1"/>
  <c r="G38289" i="1"/>
  <c r="G38290" i="1"/>
  <c r="G38291" i="1"/>
  <c r="G38292" i="1"/>
  <c r="G38293" i="1"/>
  <c r="G38294" i="1"/>
  <c r="G38295" i="1"/>
  <c r="G38296" i="1"/>
  <c r="G38297" i="1"/>
  <c r="G38298" i="1"/>
  <c r="G38299" i="1"/>
  <c r="G38300" i="1"/>
  <c r="G38301" i="1"/>
  <c r="G38302" i="1"/>
  <c r="G38303" i="1"/>
  <c r="G38304" i="1"/>
  <c r="G38305" i="1"/>
  <c r="G38306" i="1"/>
  <c r="G38307" i="1"/>
  <c r="G38308" i="1"/>
  <c r="G38309" i="1"/>
  <c r="G38310" i="1"/>
  <c r="G38311" i="1"/>
  <c r="G38312" i="1"/>
  <c r="G38313" i="1"/>
  <c r="G38314" i="1"/>
  <c r="G38315" i="1"/>
  <c r="G38316" i="1"/>
  <c r="G38317" i="1"/>
  <c r="G38318" i="1"/>
  <c r="G38319" i="1"/>
  <c r="G38320" i="1"/>
  <c r="G38321" i="1"/>
  <c r="G38322" i="1"/>
  <c r="G38323" i="1"/>
  <c r="G38324" i="1"/>
  <c r="G38325" i="1"/>
  <c r="G38326" i="1"/>
  <c r="G38327" i="1"/>
  <c r="G38328" i="1"/>
  <c r="G38329" i="1"/>
  <c r="G38330" i="1"/>
  <c r="G38331" i="1"/>
  <c r="G38332" i="1"/>
  <c r="G38333" i="1"/>
  <c r="G38334" i="1"/>
  <c r="G38335" i="1"/>
  <c r="G38336" i="1"/>
  <c r="G38337" i="1"/>
  <c r="G38338" i="1"/>
  <c r="G38339" i="1"/>
  <c r="G38340" i="1"/>
  <c r="G38341" i="1"/>
  <c r="G38342" i="1"/>
  <c r="G38343" i="1"/>
  <c r="G38344" i="1"/>
  <c r="G38345" i="1"/>
  <c r="G38346" i="1"/>
  <c r="G38347" i="1"/>
  <c r="G38348" i="1"/>
  <c r="G38349" i="1"/>
  <c r="G38350" i="1"/>
  <c r="G38351" i="1"/>
  <c r="G38352" i="1"/>
  <c r="G38353" i="1"/>
  <c r="G38354" i="1"/>
  <c r="G38355" i="1"/>
  <c r="G38356" i="1"/>
  <c r="G38357" i="1"/>
  <c r="G38358" i="1"/>
  <c r="G38359" i="1"/>
  <c r="G38360" i="1"/>
  <c r="G38361" i="1"/>
  <c r="G38362" i="1"/>
  <c r="G38363" i="1"/>
  <c r="G38364" i="1"/>
  <c r="G38365" i="1"/>
  <c r="G38366" i="1"/>
  <c r="G38367" i="1"/>
  <c r="G38368" i="1"/>
  <c r="G38369" i="1"/>
  <c r="G38370" i="1"/>
  <c r="G38371" i="1"/>
  <c r="G38372" i="1"/>
  <c r="G38373" i="1"/>
  <c r="G38374" i="1"/>
  <c r="G38375" i="1"/>
  <c r="G38376" i="1"/>
  <c r="G38377" i="1"/>
  <c r="G38378" i="1"/>
  <c r="G38379" i="1"/>
  <c r="G38380" i="1"/>
  <c r="G38381" i="1"/>
  <c r="G38382" i="1"/>
  <c r="G38383" i="1"/>
  <c r="G38384" i="1"/>
  <c r="G38385" i="1"/>
  <c r="G38386" i="1"/>
  <c r="G38387" i="1"/>
  <c r="G38388" i="1"/>
  <c r="G38389" i="1"/>
  <c r="G38390" i="1"/>
  <c r="G38391" i="1"/>
  <c r="G38392" i="1"/>
  <c r="G38393" i="1"/>
  <c r="G38394" i="1"/>
  <c r="G38395" i="1"/>
  <c r="G38396" i="1"/>
  <c r="G38397" i="1"/>
  <c r="G38398" i="1"/>
  <c r="G38399" i="1"/>
  <c r="G38400" i="1"/>
  <c r="G38401" i="1"/>
  <c r="G38402" i="1"/>
  <c r="G38403" i="1"/>
  <c r="G38404" i="1"/>
  <c r="G38405" i="1"/>
  <c r="G38406" i="1"/>
  <c r="G38407" i="1"/>
  <c r="G38408" i="1"/>
  <c r="G38409" i="1"/>
  <c r="G38410" i="1"/>
  <c r="G38411" i="1"/>
  <c r="G38412" i="1"/>
  <c r="G38413" i="1"/>
  <c r="G38414" i="1"/>
  <c r="G38415" i="1"/>
  <c r="G38416" i="1"/>
  <c r="G38417" i="1"/>
  <c r="G38418" i="1"/>
  <c r="G38419" i="1"/>
  <c r="G38420" i="1"/>
  <c r="G38421" i="1"/>
  <c r="G38422" i="1"/>
  <c r="G38423" i="1"/>
  <c r="G38424" i="1"/>
  <c r="G38425" i="1"/>
  <c r="G38426" i="1"/>
  <c r="G38427" i="1"/>
  <c r="G38428" i="1"/>
  <c r="G38429" i="1"/>
  <c r="G38430" i="1"/>
  <c r="G38431" i="1"/>
  <c r="G38432" i="1"/>
  <c r="G38433" i="1"/>
  <c r="G38434" i="1"/>
  <c r="G38435" i="1"/>
  <c r="G38436" i="1"/>
  <c r="G38437" i="1"/>
  <c r="G38438" i="1"/>
  <c r="G38439" i="1"/>
  <c r="G38440" i="1"/>
  <c r="G38441" i="1"/>
  <c r="G38442" i="1"/>
  <c r="G38443" i="1"/>
  <c r="G38444" i="1"/>
  <c r="G38445" i="1"/>
  <c r="G38446" i="1"/>
  <c r="G38447" i="1"/>
  <c r="G38448" i="1"/>
  <c r="G38449" i="1"/>
  <c r="G38450" i="1"/>
  <c r="G38451" i="1"/>
  <c r="G38452" i="1"/>
  <c r="G38453" i="1"/>
  <c r="G38454" i="1"/>
  <c r="G38455" i="1"/>
  <c r="G38456" i="1"/>
  <c r="G38457" i="1"/>
  <c r="G38458" i="1"/>
  <c r="G38459" i="1"/>
  <c r="G38460" i="1"/>
  <c r="G38461" i="1"/>
  <c r="G38462" i="1"/>
  <c r="G38463" i="1"/>
  <c r="G38464" i="1"/>
  <c r="G38465" i="1"/>
  <c r="G38466" i="1"/>
  <c r="G38467" i="1"/>
  <c r="G38468" i="1"/>
  <c r="G38469" i="1"/>
  <c r="G38470" i="1"/>
  <c r="G38471" i="1"/>
  <c r="G38472" i="1"/>
  <c r="G38473" i="1"/>
  <c r="G38474" i="1"/>
  <c r="G38475" i="1"/>
  <c r="G38476" i="1"/>
  <c r="G38477" i="1"/>
  <c r="G38478" i="1"/>
  <c r="G38479" i="1"/>
  <c r="G38480" i="1"/>
  <c r="G38481" i="1"/>
  <c r="G38482" i="1"/>
  <c r="G38483" i="1"/>
  <c r="G38484" i="1"/>
  <c r="G38485" i="1"/>
  <c r="G38486" i="1"/>
  <c r="G38487" i="1"/>
  <c r="G38488" i="1"/>
  <c r="G38489" i="1"/>
  <c r="G38490" i="1"/>
  <c r="G38491" i="1"/>
  <c r="G38492" i="1"/>
  <c r="G38493" i="1"/>
  <c r="G38494" i="1"/>
  <c r="G38495" i="1"/>
  <c r="G38496" i="1"/>
  <c r="G38497" i="1"/>
  <c r="G38498" i="1"/>
  <c r="G38499" i="1"/>
  <c r="G38500" i="1"/>
  <c r="G38501" i="1"/>
  <c r="G38502" i="1"/>
  <c r="G38503" i="1"/>
  <c r="G38504" i="1"/>
  <c r="G38505" i="1"/>
  <c r="G38506" i="1"/>
  <c r="G38507" i="1"/>
  <c r="G38508" i="1"/>
  <c r="G38509" i="1"/>
  <c r="G38510" i="1"/>
  <c r="G38511" i="1"/>
  <c r="G38512" i="1"/>
  <c r="G38513" i="1"/>
  <c r="G38514" i="1"/>
  <c r="G38515" i="1"/>
  <c r="G38516" i="1"/>
  <c r="G38517" i="1"/>
  <c r="G38518" i="1"/>
  <c r="G38519" i="1"/>
  <c r="G38520" i="1"/>
  <c r="G38521" i="1"/>
  <c r="G38522" i="1"/>
  <c r="G38523" i="1"/>
  <c r="G38524" i="1"/>
  <c r="G38525" i="1"/>
  <c r="G38526" i="1"/>
  <c r="G38527" i="1"/>
  <c r="G38528" i="1"/>
  <c r="G38529" i="1"/>
  <c r="G38530" i="1"/>
  <c r="G38531" i="1"/>
  <c r="G38532" i="1"/>
  <c r="G38533" i="1"/>
  <c r="G38534" i="1"/>
  <c r="G38535" i="1"/>
  <c r="G38536" i="1"/>
  <c r="G38537" i="1"/>
  <c r="G38538" i="1"/>
  <c r="G38539" i="1"/>
  <c r="G38540" i="1"/>
  <c r="G38541" i="1"/>
  <c r="G38542" i="1"/>
  <c r="G38543" i="1"/>
  <c r="G38544" i="1"/>
  <c r="G38545" i="1"/>
  <c r="G38546" i="1"/>
  <c r="G38547" i="1"/>
  <c r="G38548" i="1"/>
  <c r="G38549" i="1"/>
  <c r="G38550" i="1"/>
  <c r="G38551" i="1"/>
  <c r="G38552" i="1"/>
  <c r="G38553" i="1"/>
  <c r="G38554" i="1"/>
  <c r="G38555" i="1"/>
  <c r="G38556" i="1"/>
  <c r="G38557" i="1"/>
  <c r="G38558" i="1"/>
  <c r="G38559" i="1"/>
  <c r="G38560" i="1"/>
  <c r="G38561" i="1"/>
  <c r="G38562" i="1"/>
  <c r="G38563" i="1"/>
  <c r="G38564" i="1"/>
  <c r="G38565" i="1"/>
  <c r="G38566" i="1"/>
  <c r="G38567" i="1"/>
  <c r="G38568" i="1"/>
  <c r="G38569" i="1"/>
  <c r="G38570" i="1"/>
  <c r="G38571" i="1"/>
  <c r="G38572" i="1"/>
  <c r="G38573" i="1"/>
  <c r="G38574" i="1"/>
  <c r="G38575" i="1"/>
  <c r="G38576" i="1"/>
  <c r="G38577" i="1"/>
  <c r="G38578" i="1"/>
  <c r="G38579" i="1"/>
  <c r="G38580" i="1"/>
  <c r="G38581" i="1"/>
  <c r="G38582" i="1"/>
  <c r="G38583" i="1"/>
  <c r="G38584" i="1"/>
  <c r="G38585" i="1"/>
  <c r="G38586" i="1"/>
  <c r="G38587" i="1"/>
  <c r="G38588" i="1"/>
  <c r="G38589" i="1"/>
  <c r="G38590" i="1"/>
  <c r="G38591" i="1"/>
  <c r="G38592" i="1"/>
  <c r="G38593" i="1"/>
  <c r="G38594" i="1"/>
  <c r="G38595" i="1"/>
  <c r="G38596" i="1"/>
  <c r="G38597" i="1"/>
  <c r="G38598" i="1"/>
  <c r="G38599" i="1"/>
  <c r="G38600" i="1"/>
  <c r="G38601" i="1"/>
  <c r="G38602" i="1"/>
  <c r="G38603" i="1"/>
  <c r="G38604" i="1"/>
  <c r="G38605" i="1"/>
  <c r="G38606" i="1"/>
  <c r="G38607" i="1"/>
  <c r="G38608" i="1"/>
  <c r="G38609" i="1"/>
  <c r="G38610" i="1"/>
  <c r="G38611" i="1"/>
  <c r="G38612" i="1"/>
  <c r="G38613" i="1"/>
  <c r="G38614" i="1"/>
  <c r="G38615" i="1"/>
  <c r="G38616" i="1"/>
  <c r="G38617" i="1"/>
  <c r="G38618" i="1"/>
  <c r="G38619" i="1"/>
  <c r="G38620" i="1"/>
  <c r="G38621" i="1"/>
  <c r="G38622" i="1"/>
  <c r="G38623" i="1"/>
  <c r="G38624" i="1"/>
  <c r="G38625" i="1"/>
  <c r="G38626" i="1"/>
  <c r="G38627" i="1"/>
  <c r="G38628" i="1"/>
  <c r="G38629" i="1"/>
  <c r="G38630" i="1"/>
  <c r="G38631" i="1"/>
  <c r="G38632" i="1"/>
  <c r="G38633" i="1"/>
  <c r="G38634" i="1"/>
  <c r="G38635" i="1"/>
  <c r="G38636" i="1"/>
  <c r="G38637" i="1"/>
  <c r="G38638" i="1"/>
  <c r="G38639" i="1"/>
  <c r="G38640" i="1"/>
  <c r="G38641" i="1"/>
  <c r="G38642" i="1"/>
  <c r="G38643" i="1"/>
  <c r="G38644" i="1"/>
  <c r="G38645" i="1"/>
  <c r="G38646" i="1"/>
  <c r="G38647" i="1"/>
  <c r="G38648" i="1"/>
  <c r="G38649" i="1"/>
  <c r="G38650" i="1"/>
  <c r="G38651" i="1"/>
  <c r="G38652" i="1"/>
  <c r="G38653" i="1"/>
  <c r="G38654" i="1"/>
  <c r="G38655" i="1"/>
  <c r="G38656" i="1"/>
  <c r="G38657" i="1"/>
  <c r="G38658" i="1"/>
  <c r="G38659" i="1"/>
  <c r="G38660" i="1"/>
  <c r="G38661" i="1"/>
  <c r="G38662" i="1"/>
  <c r="G38663" i="1"/>
  <c r="G38664" i="1"/>
  <c r="G38665" i="1"/>
  <c r="G38666" i="1"/>
  <c r="G38667" i="1"/>
  <c r="G38668" i="1"/>
  <c r="G38669" i="1"/>
  <c r="G38670" i="1"/>
  <c r="G38671" i="1"/>
  <c r="G38672" i="1"/>
  <c r="G38673" i="1"/>
  <c r="G38674" i="1"/>
  <c r="G38675" i="1"/>
  <c r="G38676" i="1"/>
  <c r="G38677" i="1"/>
  <c r="G38678" i="1"/>
  <c r="G38679" i="1"/>
  <c r="G38680" i="1"/>
  <c r="G38681" i="1"/>
  <c r="G38682" i="1"/>
  <c r="G38683" i="1"/>
  <c r="G38684" i="1"/>
  <c r="G38685" i="1"/>
  <c r="G38686" i="1"/>
  <c r="G38687" i="1"/>
  <c r="G38688" i="1"/>
  <c r="G38689" i="1"/>
  <c r="G38690" i="1"/>
  <c r="G38691" i="1"/>
  <c r="G38692" i="1"/>
  <c r="G38693" i="1"/>
  <c r="G38694" i="1"/>
  <c r="G38695" i="1"/>
  <c r="G38696" i="1"/>
  <c r="G38697" i="1"/>
  <c r="G38698" i="1"/>
  <c r="G38699" i="1"/>
  <c r="G38700" i="1"/>
  <c r="G38701" i="1"/>
  <c r="G38702" i="1"/>
  <c r="G38703" i="1"/>
  <c r="G38704" i="1"/>
  <c r="G38705" i="1"/>
  <c r="G38706" i="1"/>
  <c r="G38707" i="1"/>
  <c r="G38708" i="1"/>
  <c r="G38709" i="1"/>
  <c r="G38710" i="1"/>
  <c r="G38711" i="1"/>
  <c r="G38712" i="1"/>
  <c r="G38713" i="1"/>
  <c r="G38714" i="1"/>
  <c r="G38715" i="1"/>
  <c r="G38716" i="1"/>
  <c r="G38717" i="1"/>
  <c r="G38718" i="1"/>
  <c r="G38719" i="1"/>
  <c r="G38720" i="1"/>
  <c r="G38721" i="1"/>
  <c r="G38722" i="1"/>
  <c r="G38723" i="1"/>
  <c r="G38724" i="1"/>
  <c r="G38725" i="1"/>
  <c r="G38726" i="1"/>
  <c r="G38727" i="1"/>
  <c r="G38728" i="1"/>
  <c r="G38729" i="1"/>
  <c r="G38730" i="1"/>
  <c r="G38731" i="1"/>
  <c r="G38732" i="1"/>
  <c r="G38733" i="1"/>
  <c r="G38734" i="1"/>
  <c r="G38735" i="1"/>
  <c r="G38736" i="1"/>
  <c r="G38737" i="1"/>
  <c r="G38738" i="1"/>
  <c r="G38739" i="1"/>
  <c r="G38740" i="1"/>
  <c r="G38741" i="1"/>
  <c r="G38742" i="1"/>
  <c r="G38743" i="1"/>
  <c r="G38744" i="1"/>
  <c r="G38745" i="1"/>
  <c r="G38746" i="1"/>
  <c r="G38747" i="1"/>
  <c r="G38748" i="1"/>
  <c r="G38749" i="1"/>
  <c r="G38750" i="1"/>
  <c r="G38751" i="1"/>
  <c r="G38752" i="1"/>
  <c r="G38753" i="1"/>
  <c r="G38754" i="1"/>
  <c r="G38755" i="1"/>
  <c r="G38756" i="1"/>
  <c r="G38757" i="1"/>
  <c r="G38758" i="1"/>
  <c r="G38759" i="1"/>
  <c r="G38760" i="1"/>
  <c r="G38761" i="1"/>
  <c r="G38762" i="1"/>
  <c r="G38763" i="1"/>
  <c r="G38764" i="1"/>
  <c r="G38765" i="1"/>
  <c r="G38766" i="1"/>
  <c r="G38767" i="1"/>
  <c r="G38768" i="1"/>
  <c r="G38769" i="1"/>
  <c r="G38770" i="1"/>
  <c r="G38771" i="1"/>
  <c r="G38772" i="1"/>
  <c r="G38773" i="1"/>
  <c r="G38774" i="1"/>
  <c r="G38775" i="1"/>
  <c r="G38776" i="1"/>
  <c r="G38777" i="1"/>
  <c r="G38778" i="1"/>
  <c r="G38779" i="1"/>
  <c r="G38780" i="1"/>
  <c r="G38781" i="1"/>
  <c r="G38782" i="1"/>
  <c r="G38783" i="1"/>
  <c r="G38784" i="1"/>
  <c r="G38785" i="1"/>
  <c r="G38786" i="1"/>
  <c r="G38787" i="1"/>
  <c r="G38788" i="1"/>
  <c r="G38789" i="1"/>
  <c r="G38790" i="1"/>
  <c r="G38791" i="1"/>
  <c r="G38792" i="1"/>
  <c r="G38793" i="1"/>
  <c r="G38794" i="1"/>
  <c r="G38795" i="1"/>
  <c r="G38796" i="1"/>
  <c r="G38797" i="1"/>
  <c r="G38798" i="1"/>
  <c r="G38799" i="1"/>
  <c r="G38800" i="1"/>
  <c r="G38801" i="1"/>
  <c r="G38802" i="1"/>
  <c r="G38803" i="1"/>
  <c r="G38804" i="1"/>
  <c r="G38805" i="1"/>
  <c r="G38806" i="1"/>
  <c r="G38807" i="1"/>
  <c r="G38808" i="1"/>
  <c r="G38809" i="1"/>
  <c r="G38810" i="1"/>
  <c r="G38811" i="1"/>
  <c r="G38812" i="1"/>
  <c r="G38813" i="1"/>
  <c r="G38814" i="1"/>
  <c r="G38815" i="1"/>
  <c r="G38816" i="1"/>
  <c r="G38817" i="1"/>
  <c r="G38818" i="1"/>
  <c r="G38819" i="1"/>
  <c r="G38820" i="1"/>
  <c r="G38821" i="1"/>
  <c r="G38822" i="1"/>
  <c r="G38823" i="1"/>
  <c r="G38824" i="1"/>
  <c r="G38825" i="1"/>
  <c r="G38826" i="1"/>
  <c r="G38827" i="1"/>
  <c r="G38828" i="1"/>
  <c r="G38829" i="1"/>
  <c r="G38830" i="1"/>
  <c r="G38831" i="1"/>
  <c r="G38832" i="1"/>
  <c r="G38833" i="1"/>
  <c r="G38834" i="1"/>
  <c r="G38835" i="1"/>
  <c r="G38836" i="1"/>
  <c r="G38837" i="1"/>
  <c r="G38838" i="1"/>
  <c r="G38839" i="1"/>
  <c r="G38840" i="1"/>
  <c r="G38841" i="1"/>
  <c r="G38842" i="1"/>
  <c r="G38843" i="1"/>
  <c r="G38844" i="1"/>
  <c r="G38845" i="1"/>
  <c r="G38846" i="1"/>
  <c r="G38847" i="1"/>
  <c r="G38848" i="1"/>
  <c r="G38849" i="1"/>
  <c r="G38850" i="1"/>
  <c r="G38851" i="1"/>
  <c r="G38852" i="1"/>
  <c r="G38853" i="1"/>
  <c r="G38854" i="1"/>
  <c r="G38855" i="1"/>
  <c r="G38856" i="1"/>
  <c r="G38857" i="1"/>
  <c r="G38858" i="1"/>
  <c r="G38859" i="1"/>
  <c r="G38860" i="1"/>
  <c r="G38861" i="1"/>
  <c r="G38862" i="1"/>
  <c r="G38863" i="1"/>
  <c r="G38864" i="1"/>
  <c r="G38865" i="1"/>
  <c r="G38866" i="1"/>
  <c r="G38867" i="1"/>
  <c r="G38868" i="1"/>
  <c r="G38869" i="1"/>
  <c r="G38870" i="1"/>
  <c r="G38871" i="1"/>
  <c r="G38872" i="1"/>
  <c r="G38873" i="1"/>
  <c r="G38874" i="1"/>
  <c r="G38875" i="1"/>
  <c r="G38876" i="1"/>
  <c r="G38877" i="1"/>
  <c r="G38878" i="1"/>
  <c r="G38879" i="1"/>
  <c r="G38880" i="1"/>
  <c r="G38881" i="1"/>
  <c r="G38882" i="1"/>
  <c r="G38883" i="1"/>
  <c r="G38884" i="1"/>
  <c r="G38885" i="1"/>
  <c r="G38886" i="1"/>
  <c r="G38887" i="1"/>
  <c r="G38888" i="1"/>
  <c r="G38889" i="1"/>
  <c r="G38890" i="1"/>
  <c r="G38891" i="1"/>
  <c r="G38892" i="1"/>
  <c r="G38893" i="1"/>
  <c r="G38894" i="1"/>
  <c r="G38895" i="1"/>
  <c r="G38896" i="1"/>
  <c r="G38897" i="1"/>
  <c r="G38898" i="1"/>
  <c r="G38899" i="1"/>
  <c r="G38900" i="1"/>
  <c r="G38901" i="1"/>
  <c r="G38902" i="1"/>
  <c r="G38903" i="1"/>
  <c r="G38904" i="1"/>
  <c r="G38905" i="1"/>
  <c r="G38906" i="1"/>
  <c r="G38907" i="1"/>
  <c r="G38908" i="1"/>
  <c r="G38909" i="1"/>
  <c r="G38910" i="1"/>
  <c r="G38911" i="1"/>
  <c r="G38912" i="1"/>
  <c r="G38913" i="1"/>
  <c r="G38914" i="1"/>
  <c r="G38915" i="1"/>
  <c r="G38916" i="1"/>
  <c r="G38917" i="1"/>
  <c r="G38918" i="1"/>
  <c r="G38919" i="1"/>
  <c r="G38920" i="1"/>
  <c r="G38921" i="1"/>
  <c r="G38922" i="1"/>
  <c r="G38923" i="1"/>
  <c r="G38924" i="1"/>
  <c r="G38925" i="1"/>
  <c r="G38926" i="1"/>
  <c r="G38927" i="1"/>
  <c r="G38928" i="1"/>
  <c r="G38929" i="1"/>
  <c r="G38930" i="1"/>
  <c r="G38931" i="1"/>
  <c r="G38932" i="1"/>
  <c r="G38933" i="1"/>
  <c r="G38934" i="1"/>
  <c r="G38935" i="1"/>
  <c r="G38936" i="1"/>
  <c r="G38937" i="1"/>
  <c r="G38938" i="1"/>
  <c r="G38939" i="1"/>
  <c r="G38940" i="1"/>
  <c r="G38941" i="1"/>
  <c r="G38942" i="1"/>
  <c r="G38943" i="1"/>
  <c r="G38944" i="1"/>
  <c r="G38945" i="1"/>
  <c r="G38946" i="1"/>
  <c r="G38947" i="1"/>
  <c r="G38948" i="1"/>
  <c r="G38949" i="1"/>
  <c r="G38950" i="1"/>
  <c r="G38951" i="1"/>
  <c r="G38952" i="1"/>
  <c r="G38953" i="1"/>
  <c r="G38954" i="1"/>
  <c r="G38955" i="1"/>
  <c r="G38956" i="1"/>
  <c r="G38957" i="1"/>
  <c r="G38958" i="1"/>
  <c r="G38959" i="1"/>
  <c r="G38960" i="1"/>
  <c r="G38961" i="1"/>
  <c r="G38962" i="1"/>
  <c r="G38963" i="1"/>
  <c r="G38964" i="1"/>
  <c r="G38965" i="1"/>
  <c r="G38966" i="1"/>
  <c r="G38967" i="1"/>
  <c r="G38968" i="1"/>
  <c r="G38969" i="1"/>
  <c r="G38970" i="1"/>
  <c r="G38971" i="1"/>
  <c r="G38972" i="1"/>
  <c r="G38973" i="1"/>
  <c r="G38974" i="1"/>
  <c r="G38975" i="1"/>
  <c r="G38976" i="1"/>
  <c r="G38977" i="1"/>
  <c r="G38978" i="1"/>
  <c r="G38979" i="1"/>
  <c r="G38980" i="1"/>
  <c r="G38981" i="1"/>
  <c r="G38982" i="1"/>
  <c r="G38983" i="1"/>
  <c r="G38984" i="1"/>
  <c r="G38985" i="1"/>
  <c r="G38986" i="1"/>
  <c r="G38987" i="1"/>
  <c r="G38988" i="1"/>
  <c r="G38989" i="1"/>
  <c r="G38990" i="1"/>
  <c r="G38991" i="1"/>
  <c r="G38992" i="1"/>
  <c r="G38993" i="1"/>
  <c r="G38994" i="1"/>
  <c r="G38995" i="1"/>
  <c r="G38996" i="1"/>
  <c r="G38997" i="1"/>
  <c r="G38998" i="1"/>
  <c r="G38999" i="1"/>
  <c r="G39000" i="1"/>
  <c r="G39001" i="1"/>
  <c r="G39002" i="1"/>
  <c r="G39003" i="1"/>
  <c r="G39004" i="1"/>
  <c r="G39005" i="1"/>
  <c r="G39006" i="1"/>
  <c r="G39007" i="1"/>
  <c r="G39008" i="1"/>
  <c r="G39009" i="1"/>
  <c r="G39010" i="1"/>
  <c r="G39011" i="1"/>
  <c r="G39012" i="1"/>
  <c r="G39013" i="1"/>
  <c r="G39014" i="1"/>
  <c r="G39015" i="1"/>
  <c r="G39016" i="1"/>
  <c r="G39017" i="1"/>
  <c r="G39018" i="1"/>
  <c r="G39019" i="1"/>
  <c r="G39020" i="1"/>
  <c r="G39021" i="1"/>
  <c r="G39022" i="1"/>
  <c r="G39023" i="1"/>
  <c r="G39024" i="1"/>
  <c r="G39025" i="1"/>
  <c r="G39026" i="1"/>
  <c r="G39027" i="1"/>
  <c r="G39028" i="1"/>
  <c r="G39029" i="1"/>
  <c r="G39030" i="1"/>
  <c r="G39031" i="1"/>
  <c r="G39032" i="1"/>
  <c r="G39033" i="1"/>
  <c r="G39034" i="1"/>
  <c r="G39035" i="1"/>
  <c r="G39036" i="1"/>
  <c r="G39037" i="1"/>
  <c r="G39038" i="1"/>
  <c r="G39039" i="1"/>
  <c r="G39040" i="1"/>
  <c r="G39041" i="1"/>
  <c r="G39042" i="1"/>
  <c r="G39043" i="1"/>
  <c r="G39044" i="1"/>
  <c r="G39045" i="1"/>
  <c r="G39046" i="1"/>
  <c r="G39047" i="1"/>
  <c r="G39048" i="1"/>
  <c r="G39049" i="1"/>
  <c r="G39050" i="1"/>
  <c r="G39051" i="1"/>
  <c r="G39052" i="1"/>
  <c r="G39053" i="1"/>
  <c r="G39054" i="1"/>
  <c r="G39055" i="1"/>
  <c r="G39056" i="1"/>
  <c r="G39057" i="1"/>
  <c r="G39058" i="1"/>
  <c r="G39059" i="1"/>
  <c r="G39060" i="1"/>
  <c r="G39061" i="1"/>
  <c r="G39062" i="1"/>
  <c r="G39063" i="1"/>
  <c r="G39064" i="1"/>
  <c r="G39065" i="1"/>
  <c r="G39066" i="1"/>
  <c r="G39067" i="1"/>
  <c r="G39068" i="1"/>
  <c r="G39069" i="1"/>
  <c r="G39070" i="1"/>
  <c r="G39071" i="1"/>
  <c r="G39072" i="1"/>
  <c r="G39073" i="1"/>
  <c r="G39074" i="1"/>
  <c r="G39075" i="1"/>
  <c r="G39076" i="1"/>
  <c r="G39077" i="1"/>
  <c r="G39078" i="1"/>
  <c r="G39079" i="1"/>
  <c r="G39080" i="1"/>
  <c r="G39081" i="1"/>
  <c r="G39082" i="1"/>
  <c r="G39083" i="1"/>
  <c r="G39084" i="1"/>
  <c r="G39085" i="1"/>
  <c r="G39086" i="1"/>
  <c r="G39087" i="1"/>
  <c r="G39088" i="1"/>
  <c r="G39089" i="1"/>
  <c r="G39090" i="1"/>
  <c r="G39091" i="1"/>
  <c r="G39092" i="1"/>
  <c r="G39093" i="1"/>
  <c r="G39094" i="1"/>
  <c r="G39095" i="1"/>
  <c r="G39096" i="1"/>
  <c r="G39097" i="1"/>
  <c r="G39098" i="1"/>
  <c r="G39099" i="1"/>
  <c r="G39100" i="1"/>
  <c r="G39101" i="1"/>
  <c r="G39102" i="1"/>
  <c r="G39103" i="1"/>
  <c r="G39104" i="1"/>
  <c r="G39105" i="1"/>
  <c r="G39106" i="1"/>
  <c r="G39107" i="1"/>
  <c r="G39108" i="1"/>
  <c r="G39109" i="1"/>
  <c r="G39110" i="1"/>
  <c r="G39111" i="1"/>
  <c r="G39112" i="1"/>
  <c r="G39113" i="1"/>
  <c r="G39114" i="1"/>
  <c r="G39115" i="1"/>
  <c r="G39116" i="1"/>
  <c r="G39117" i="1"/>
  <c r="G39118" i="1"/>
  <c r="G39119" i="1"/>
  <c r="G39120" i="1"/>
  <c r="G39121" i="1"/>
  <c r="G39122" i="1"/>
  <c r="G39123" i="1"/>
  <c r="G39124" i="1"/>
  <c r="G39125" i="1"/>
  <c r="G39126" i="1"/>
  <c r="G39127" i="1"/>
  <c r="G39128" i="1"/>
  <c r="G39129" i="1"/>
  <c r="G39130" i="1"/>
  <c r="G39131" i="1"/>
  <c r="G39132" i="1"/>
  <c r="G39133" i="1"/>
  <c r="G39134" i="1"/>
  <c r="G39135" i="1"/>
  <c r="G39136" i="1"/>
  <c r="G39137" i="1"/>
  <c r="G39138" i="1"/>
  <c r="G39139" i="1"/>
  <c r="G39140" i="1"/>
  <c r="G39141" i="1"/>
  <c r="G39142" i="1"/>
  <c r="G39143" i="1"/>
  <c r="G39144" i="1"/>
  <c r="G39145" i="1"/>
  <c r="G39146" i="1"/>
  <c r="G39147" i="1"/>
  <c r="G39148" i="1"/>
  <c r="G39149" i="1"/>
  <c r="G39150" i="1"/>
  <c r="G39151" i="1"/>
  <c r="G39152" i="1"/>
  <c r="G39153" i="1"/>
  <c r="G39154" i="1"/>
  <c r="G39155" i="1"/>
  <c r="G39156" i="1"/>
  <c r="G39157" i="1"/>
  <c r="G39158" i="1"/>
  <c r="G39159" i="1"/>
  <c r="G39160" i="1"/>
  <c r="G39161" i="1"/>
  <c r="G39162" i="1"/>
  <c r="G39163" i="1"/>
  <c r="G39164" i="1"/>
  <c r="G39165" i="1"/>
  <c r="G39166" i="1"/>
  <c r="G39167" i="1"/>
  <c r="G39168" i="1"/>
  <c r="G39169" i="1"/>
  <c r="G39170" i="1"/>
  <c r="G39171" i="1"/>
  <c r="G39172" i="1"/>
  <c r="G39173" i="1"/>
  <c r="G39174" i="1"/>
  <c r="G39175" i="1"/>
  <c r="G39176" i="1"/>
  <c r="G39177" i="1"/>
  <c r="G39178" i="1"/>
  <c r="G39179" i="1"/>
  <c r="G39180" i="1"/>
  <c r="G39181" i="1"/>
  <c r="G39182" i="1"/>
  <c r="G39183" i="1"/>
  <c r="G39184" i="1"/>
  <c r="G39185" i="1"/>
  <c r="G39186" i="1"/>
  <c r="G39187" i="1"/>
  <c r="G39188" i="1"/>
  <c r="G39189" i="1"/>
  <c r="G39190" i="1"/>
  <c r="G39191" i="1"/>
  <c r="G39192" i="1"/>
  <c r="G39193" i="1"/>
  <c r="G39194" i="1"/>
  <c r="G39195" i="1"/>
  <c r="G39196" i="1"/>
  <c r="G39197" i="1"/>
  <c r="G39198" i="1"/>
  <c r="G39199" i="1"/>
  <c r="G39200" i="1"/>
  <c r="G39201" i="1"/>
  <c r="G39202" i="1"/>
  <c r="G39203" i="1"/>
  <c r="G39204" i="1"/>
  <c r="G39205" i="1"/>
  <c r="G39206" i="1"/>
  <c r="G39207" i="1"/>
  <c r="G39208" i="1"/>
  <c r="G39209" i="1"/>
  <c r="G39210" i="1"/>
  <c r="G39211" i="1"/>
  <c r="G39212" i="1"/>
  <c r="G39213" i="1"/>
  <c r="G39214" i="1"/>
  <c r="G39215" i="1"/>
  <c r="G39216" i="1"/>
  <c r="G39217" i="1"/>
  <c r="G39218" i="1"/>
  <c r="G39219" i="1"/>
  <c r="G39220" i="1"/>
  <c r="G39221" i="1"/>
  <c r="G39222" i="1"/>
  <c r="G39223" i="1"/>
  <c r="G39224" i="1"/>
  <c r="G39225" i="1"/>
  <c r="G39226" i="1"/>
  <c r="G39227" i="1"/>
  <c r="G39228" i="1"/>
  <c r="G39229" i="1"/>
  <c r="G39230" i="1"/>
  <c r="G39231" i="1"/>
  <c r="G39232" i="1"/>
  <c r="G39233" i="1"/>
  <c r="G39234" i="1"/>
  <c r="G39235" i="1"/>
  <c r="G39236" i="1"/>
  <c r="G39237" i="1"/>
  <c r="G39238" i="1"/>
  <c r="G39239" i="1"/>
  <c r="G39240" i="1"/>
  <c r="G39241" i="1"/>
  <c r="G39242" i="1"/>
  <c r="G39243" i="1"/>
  <c r="G39244" i="1"/>
  <c r="G39245" i="1"/>
  <c r="G39246" i="1"/>
  <c r="G39247" i="1"/>
  <c r="G39248" i="1"/>
  <c r="G39249" i="1"/>
  <c r="G39250" i="1"/>
  <c r="G39251" i="1"/>
  <c r="G39252" i="1"/>
  <c r="G39253" i="1"/>
  <c r="G39254" i="1"/>
  <c r="G39255" i="1"/>
  <c r="G39256" i="1"/>
  <c r="G39257" i="1"/>
  <c r="G39258" i="1"/>
  <c r="G39259" i="1"/>
  <c r="G39260" i="1"/>
  <c r="G39261" i="1"/>
  <c r="G39262" i="1"/>
  <c r="G39263" i="1"/>
  <c r="G39264" i="1"/>
  <c r="G39265" i="1"/>
  <c r="G39266" i="1"/>
  <c r="G39267" i="1"/>
  <c r="G39268" i="1"/>
  <c r="G39269" i="1"/>
  <c r="G39270" i="1"/>
  <c r="G39271" i="1"/>
  <c r="G39272" i="1"/>
  <c r="G39273" i="1"/>
  <c r="G39274" i="1"/>
  <c r="G39275" i="1"/>
  <c r="G39276" i="1"/>
  <c r="G39277" i="1"/>
  <c r="G39278" i="1"/>
  <c r="G39279" i="1"/>
  <c r="G39280" i="1"/>
  <c r="G39281" i="1"/>
  <c r="G39282" i="1"/>
  <c r="G39283" i="1"/>
  <c r="G39284" i="1"/>
  <c r="G39285" i="1"/>
  <c r="G39286" i="1"/>
  <c r="G39287" i="1"/>
  <c r="G39288" i="1"/>
  <c r="G39289" i="1"/>
  <c r="G39290" i="1"/>
  <c r="G39291" i="1"/>
  <c r="G39292" i="1"/>
  <c r="G39293" i="1"/>
  <c r="G39294" i="1"/>
  <c r="G39295" i="1"/>
  <c r="G39296" i="1"/>
  <c r="G39297" i="1"/>
  <c r="G39298" i="1"/>
  <c r="G39299" i="1"/>
  <c r="G39300" i="1"/>
  <c r="G39301" i="1"/>
  <c r="G39302" i="1"/>
  <c r="G39303" i="1"/>
  <c r="G39304" i="1"/>
  <c r="G39305" i="1"/>
  <c r="G39306" i="1"/>
  <c r="G39307" i="1"/>
  <c r="G39308" i="1"/>
  <c r="G39309" i="1"/>
  <c r="G39310" i="1"/>
  <c r="G39311" i="1"/>
  <c r="G39312" i="1"/>
  <c r="G39313" i="1"/>
  <c r="G39314" i="1"/>
  <c r="G39315" i="1"/>
  <c r="G39316" i="1"/>
  <c r="G39317" i="1"/>
  <c r="G39318" i="1"/>
  <c r="G39319" i="1"/>
  <c r="G39320" i="1"/>
  <c r="G39321" i="1"/>
  <c r="G39322" i="1"/>
  <c r="G39323" i="1"/>
  <c r="G39324" i="1"/>
  <c r="G39325" i="1"/>
  <c r="G39326" i="1"/>
  <c r="G39327" i="1"/>
  <c r="G39328" i="1"/>
  <c r="G39329" i="1"/>
  <c r="G39330" i="1"/>
  <c r="G39331" i="1"/>
  <c r="G39332" i="1"/>
  <c r="G39333" i="1"/>
  <c r="G39334" i="1"/>
  <c r="G39335" i="1"/>
  <c r="G39336" i="1"/>
  <c r="G39337" i="1"/>
  <c r="G39338" i="1"/>
  <c r="G39339" i="1"/>
  <c r="G39340" i="1"/>
  <c r="G39341" i="1"/>
  <c r="G39342" i="1"/>
  <c r="G39343" i="1"/>
  <c r="G39344" i="1"/>
  <c r="G39345" i="1"/>
  <c r="G39346" i="1"/>
  <c r="G39347" i="1"/>
  <c r="G39348" i="1"/>
  <c r="G39349" i="1"/>
  <c r="G39350" i="1"/>
  <c r="G39351" i="1"/>
  <c r="G39352" i="1"/>
  <c r="G39353" i="1"/>
  <c r="G39354" i="1"/>
  <c r="G39355" i="1"/>
  <c r="G39356" i="1"/>
  <c r="G39357" i="1"/>
  <c r="G39358" i="1"/>
  <c r="G39359" i="1"/>
  <c r="G39360" i="1"/>
  <c r="G39361" i="1"/>
  <c r="G39362" i="1"/>
  <c r="G39363" i="1"/>
  <c r="G39364" i="1"/>
  <c r="G39365" i="1"/>
  <c r="G39366" i="1"/>
  <c r="G39367" i="1"/>
  <c r="G39368" i="1"/>
  <c r="G39369" i="1"/>
  <c r="G39370" i="1"/>
  <c r="G39371" i="1"/>
  <c r="G39372" i="1"/>
  <c r="G39373" i="1"/>
  <c r="G39374" i="1"/>
  <c r="G39375" i="1"/>
  <c r="G39376" i="1"/>
  <c r="G39377" i="1"/>
  <c r="G39378" i="1"/>
  <c r="G39379" i="1"/>
  <c r="G39380" i="1"/>
  <c r="G39381" i="1"/>
  <c r="G39382" i="1"/>
  <c r="G39383" i="1"/>
  <c r="G39384" i="1"/>
  <c r="G39385" i="1"/>
  <c r="G39386" i="1"/>
  <c r="G39387" i="1"/>
  <c r="G39388" i="1"/>
  <c r="G39389" i="1"/>
  <c r="G39390" i="1"/>
  <c r="G39391" i="1"/>
  <c r="G39392" i="1"/>
  <c r="G39393" i="1"/>
  <c r="G39394" i="1"/>
  <c r="G39395" i="1"/>
  <c r="G39396" i="1"/>
  <c r="G39397" i="1"/>
  <c r="G39398" i="1"/>
  <c r="G39399" i="1"/>
  <c r="G39400" i="1"/>
  <c r="G39401" i="1"/>
  <c r="G39402" i="1"/>
  <c r="G39403" i="1"/>
  <c r="G39404" i="1"/>
  <c r="G39405" i="1"/>
  <c r="G39406" i="1"/>
  <c r="G39407" i="1"/>
  <c r="G39408" i="1"/>
  <c r="G39409" i="1"/>
  <c r="G39410" i="1"/>
  <c r="G39411" i="1"/>
  <c r="G39412" i="1"/>
  <c r="G39413" i="1"/>
  <c r="G39414" i="1"/>
  <c r="G39415" i="1"/>
  <c r="G39416" i="1"/>
  <c r="G39417" i="1"/>
  <c r="G39418" i="1"/>
  <c r="G39419" i="1"/>
  <c r="G39420" i="1"/>
  <c r="G39421" i="1"/>
  <c r="G39422" i="1"/>
  <c r="G39423" i="1"/>
  <c r="G39424" i="1"/>
  <c r="G39425" i="1"/>
  <c r="G39426" i="1"/>
  <c r="G39427" i="1"/>
  <c r="G39428" i="1"/>
  <c r="G39429" i="1"/>
  <c r="G39430" i="1"/>
  <c r="G39431" i="1"/>
  <c r="G39432" i="1"/>
  <c r="G39433" i="1"/>
  <c r="G39434" i="1"/>
  <c r="G39435" i="1"/>
  <c r="G39436" i="1"/>
  <c r="G39437" i="1"/>
  <c r="G39438" i="1"/>
  <c r="G39439" i="1"/>
  <c r="G39440" i="1"/>
  <c r="G39441" i="1"/>
  <c r="G39442" i="1"/>
  <c r="G39443" i="1"/>
  <c r="G39444" i="1"/>
  <c r="G39445" i="1"/>
  <c r="G39446" i="1"/>
  <c r="G39447" i="1"/>
  <c r="G39448" i="1"/>
  <c r="G39449" i="1"/>
  <c r="G39450" i="1"/>
  <c r="G39451" i="1"/>
  <c r="G39452" i="1"/>
  <c r="G39453" i="1"/>
  <c r="G39454" i="1"/>
  <c r="G39455" i="1"/>
  <c r="G39456" i="1"/>
  <c r="G39457" i="1"/>
  <c r="G39458" i="1"/>
  <c r="G39459" i="1"/>
  <c r="G39460" i="1"/>
  <c r="G39461" i="1"/>
  <c r="G39462" i="1"/>
  <c r="G39463" i="1"/>
  <c r="G39464" i="1"/>
  <c r="G39465" i="1"/>
  <c r="G39466" i="1"/>
  <c r="G39467" i="1"/>
  <c r="G39468" i="1"/>
  <c r="G39469" i="1"/>
  <c r="G39470" i="1"/>
  <c r="G39471" i="1"/>
  <c r="G39472" i="1"/>
  <c r="G39473" i="1"/>
  <c r="G39474" i="1"/>
  <c r="G39475" i="1"/>
  <c r="G39476" i="1"/>
  <c r="G39477" i="1"/>
  <c r="G39478" i="1"/>
  <c r="G39479" i="1"/>
  <c r="G39480" i="1"/>
  <c r="G39481" i="1"/>
  <c r="G39482" i="1"/>
  <c r="G39483" i="1"/>
  <c r="G39484" i="1"/>
  <c r="G39485" i="1"/>
  <c r="G39486" i="1"/>
  <c r="G39487" i="1"/>
  <c r="G39488" i="1"/>
  <c r="G39489" i="1"/>
  <c r="G39490" i="1"/>
  <c r="G39491" i="1"/>
  <c r="G39492" i="1"/>
  <c r="G39493" i="1"/>
  <c r="G39494" i="1"/>
  <c r="G39495" i="1"/>
  <c r="G39496" i="1"/>
  <c r="G39497" i="1"/>
  <c r="G39498" i="1"/>
  <c r="G39499" i="1"/>
  <c r="G39500" i="1"/>
  <c r="G39501" i="1"/>
  <c r="G39502" i="1"/>
  <c r="G39503" i="1"/>
  <c r="G39504" i="1"/>
  <c r="G39505" i="1"/>
  <c r="G39506" i="1"/>
  <c r="G39507" i="1"/>
  <c r="G39508" i="1"/>
  <c r="G39509" i="1"/>
  <c r="G39510" i="1"/>
  <c r="G39511" i="1"/>
  <c r="G39512" i="1"/>
  <c r="G39513" i="1"/>
  <c r="G39514" i="1"/>
  <c r="G39515" i="1"/>
  <c r="G39516" i="1"/>
  <c r="G39517" i="1"/>
  <c r="G39518" i="1"/>
  <c r="G39519" i="1"/>
  <c r="G39520" i="1"/>
  <c r="G39521" i="1"/>
  <c r="G39522" i="1"/>
  <c r="G39523" i="1"/>
  <c r="G39524" i="1"/>
  <c r="G39525" i="1"/>
  <c r="G39526" i="1"/>
  <c r="G39527" i="1"/>
  <c r="G39528" i="1"/>
  <c r="G39529" i="1"/>
  <c r="G39530" i="1"/>
  <c r="G39531" i="1"/>
  <c r="G39532" i="1"/>
  <c r="G39533" i="1"/>
  <c r="G39534" i="1"/>
  <c r="G39535" i="1"/>
  <c r="G39536" i="1"/>
  <c r="G39537" i="1"/>
  <c r="G39538" i="1"/>
  <c r="G39539" i="1"/>
  <c r="G39540" i="1"/>
  <c r="G39541" i="1"/>
  <c r="G39542" i="1"/>
  <c r="G39543" i="1"/>
  <c r="G39544" i="1"/>
  <c r="G39545" i="1"/>
  <c r="G39546" i="1"/>
  <c r="G39547" i="1"/>
  <c r="G39548" i="1"/>
  <c r="G39549" i="1"/>
  <c r="G39550" i="1"/>
  <c r="G39551" i="1"/>
  <c r="G39552" i="1"/>
  <c r="G39553" i="1"/>
  <c r="G39554" i="1"/>
  <c r="G39555" i="1"/>
  <c r="G39556" i="1"/>
  <c r="G39557" i="1"/>
  <c r="G39558" i="1"/>
  <c r="G39559" i="1"/>
  <c r="G39560" i="1"/>
  <c r="G39561" i="1"/>
  <c r="G39562" i="1"/>
  <c r="G39563" i="1"/>
  <c r="G39564" i="1"/>
  <c r="G39565" i="1"/>
  <c r="G39566" i="1"/>
  <c r="G39567" i="1"/>
  <c r="G39568" i="1"/>
  <c r="G39569" i="1"/>
  <c r="G39570" i="1"/>
  <c r="G39571" i="1"/>
  <c r="G39572" i="1"/>
  <c r="G39573" i="1"/>
  <c r="G39574" i="1"/>
  <c r="G39575" i="1"/>
  <c r="G39576" i="1"/>
  <c r="G39577" i="1"/>
  <c r="G39578" i="1"/>
  <c r="G39579" i="1"/>
  <c r="G39580" i="1"/>
  <c r="G39581" i="1"/>
  <c r="G39582" i="1"/>
  <c r="G39583" i="1"/>
  <c r="G39584" i="1"/>
  <c r="G39585" i="1"/>
  <c r="G39586" i="1"/>
  <c r="G39587" i="1"/>
  <c r="G39588" i="1"/>
  <c r="G39589" i="1"/>
  <c r="G39590" i="1"/>
  <c r="G39591" i="1"/>
  <c r="G39592" i="1"/>
  <c r="G39593" i="1"/>
  <c r="G39594" i="1"/>
  <c r="G39595" i="1"/>
  <c r="G39596" i="1"/>
  <c r="G39597" i="1"/>
  <c r="G39598" i="1"/>
  <c r="G39599" i="1"/>
  <c r="G39600" i="1"/>
  <c r="G39601" i="1"/>
  <c r="G39602" i="1"/>
  <c r="G39603" i="1"/>
  <c r="G39604" i="1"/>
  <c r="G39605" i="1"/>
  <c r="G39606" i="1"/>
  <c r="G39607" i="1"/>
  <c r="G39608" i="1"/>
  <c r="G39609" i="1"/>
  <c r="G39610" i="1"/>
  <c r="G39611" i="1"/>
  <c r="G39612" i="1"/>
  <c r="G39613" i="1"/>
  <c r="G39614" i="1"/>
  <c r="G39615" i="1"/>
  <c r="G39616" i="1"/>
  <c r="G39617" i="1"/>
  <c r="G39618" i="1"/>
  <c r="G39619" i="1"/>
  <c r="G39620" i="1"/>
  <c r="G39621" i="1"/>
  <c r="G39622" i="1"/>
  <c r="G39623" i="1"/>
  <c r="G39624" i="1"/>
  <c r="G39625" i="1"/>
  <c r="G39626" i="1"/>
  <c r="G39627" i="1"/>
  <c r="G39628" i="1"/>
  <c r="G39629" i="1"/>
  <c r="G39630" i="1"/>
  <c r="G39631" i="1"/>
  <c r="G39632" i="1"/>
  <c r="G39633" i="1"/>
  <c r="G39634" i="1"/>
  <c r="G39635" i="1"/>
  <c r="G39636" i="1"/>
  <c r="G39637" i="1"/>
  <c r="G39638" i="1"/>
  <c r="G39639" i="1"/>
  <c r="G39640" i="1"/>
  <c r="G39641" i="1"/>
  <c r="G39642" i="1"/>
  <c r="G39643" i="1"/>
  <c r="G39644" i="1"/>
  <c r="G39645" i="1"/>
  <c r="G39646" i="1"/>
  <c r="G39647" i="1"/>
  <c r="G39648" i="1"/>
  <c r="G39649" i="1"/>
  <c r="G39650" i="1"/>
  <c r="G39651" i="1"/>
  <c r="G39652" i="1"/>
  <c r="G39653" i="1"/>
  <c r="G39654" i="1"/>
  <c r="G39655" i="1"/>
  <c r="G39656" i="1"/>
  <c r="G39657" i="1"/>
  <c r="G39658" i="1"/>
  <c r="G39659" i="1"/>
  <c r="G39660" i="1"/>
  <c r="G39661" i="1"/>
  <c r="G39662" i="1"/>
  <c r="G39663" i="1"/>
  <c r="G39664" i="1"/>
  <c r="G39665" i="1"/>
  <c r="G39666" i="1"/>
  <c r="G39667" i="1"/>
  <c r="G39668" i="1"/>
  <c r="G39669" i="1"/>
  <c r="G39670" i="1"/>
  <c r="G39671" i="1"/>
  <c r="G39672" i="1"/>
  <c r="G39673" i="1"/>
  <c r="G39674" i="1"/>
  <c r="G39675" i="1"/>
  <c r="G39676" i="1"/>
  <c r="G39677" i="1"/>
  <c r="G39678" i="1"/>
  <c r="G39679" i="1"/>
  <c r="G39680" i="1"/>
  <c r="G39681" i="1"/>
  <c r="G39682" i="1"/>
  <c r="G39683" i="1"/>
  <c r="G39684" i="1"/>
  <c r="G39685" i="1"/>
  <c r="G39686" i="1"/>
  <c r="G39687" i="1"/>
  <c r="G39688" i="1"/>
  <c r="G39689" i="1"/>
  <c r="G39690" i="1"/>
  <c r="G39691" i="1"/>
  <c r="G39692" i="1"/>
  <c r="G39693" i="1"/>
  <c r="G39694" i="1"/>
  <c r="G39695" i="1"/>
  <c r="G39696" i="1"/>
  <c r="G39697" i="1"/>
  <c r="G39698" i="1"/>
  <c r="G39699" i="1"/>
  <c r="G39700" i="1"/>
  <c r="G39701" i="1"/>
  <c r="G39702" i="1"/>
  <c r="G39703" i="1"/>
  <c r="G39704" i="1"/>
  <c r="G39705" i="1"/>
  <c r="G39706" i="1"/>
  <c r="G39707" i="1"/>
  <c r="G39708" i="1"/>
  <c r="G39709" i="1"/>
  <c r="G39710" i="1"/>
  <c r="G39711" i="1"/>
  <c r="G39712" i="1"/>
  <c r="G39713" i="1"/>
  <c r="G39714" i="1"/>
  <c r="G39715" i="1"/>
  <c r="G39716" i="1"/>
  <c r="G39717" i="1"/>
  <c r="G39718" i="1"/>
  <c r="G39719" i="1"/>
  <c r="G39720" i="1"/>
  <c r="G39721" i="1"/>
  <c r="G39722" i="1"/>
  <c r="G39723" i="1"/>
  <c r="G39724" i="1"/>
  <c r="G39725" i="1"/>
  <c r="G39726" i="1"/>
  <c r="G39727" i="1"/>
  <c r="G39728" i="1"/>
  <c r="G39729" i="1"/>
  <c r="G39730" i="1"/>
  <c r="G39731" i="1"/>
  <c r="G39732" i="1"/>
  <c r="G39733" i="1"/>
  <c r="G39734" i="1"/>
  <c r="G39735" i="1"/>
  <c r="G39736" i="1"/>
  <c r="G39737" i="1"/>
  <c r="G39738" i="1"/>
  <c r="G39739" i="1"/>
  <c r="G39740" i="1"/>
  <c r="G39741" i="1"/>
  <c r="G39742" i="1"/>
  <c r="G39743" i="1"/>
  <c r="G39744" i="1"/>
  <c r="G39745" i="1"/>
  <c r="G39746" i="1"/>
  <c r="G39747" i="1"/>
  <c r="G39748" i="1"/>
  <c r="G39749" i="1"/>
  <c r="G39750" i="1"/>
  <c r="G39751" i="1"/>
  <c r="G39752" i="1"/>
  <c r="G39753" i="1"/>
  <c r="G39754" i="1"/>
  <c r="G39755" i="1"/>
  <c r="G39756" i="1"/>
  <c r="G39757" i="1"/>
  <c r="G39758" i="1"/>
  <c r="G39759" i="1"/>
  <c r="G39760" i="1"/>
  <c r="G39761" i="1"/>
  <c r="G39762" i="1"/>
  <c r="G39763" i="1"/>
  <c r="G39764" i="1"/>
  <c r="G39765" i="1"/>
  <c r="G39766" i="1"/>
  <c r="G39767" i="1"/>
  <c r="G39768" i="1"/>
  <c r="G39769" i="1"/>
  <c r="G39770" i="1"/>
  <c r="G39771" i="1"/>
  <c r="G39772" i="1"/>
  <c r="G39773" i="1"/>
  <c r="G39774" i="1"/>
  <c r="G39775" i="1"/>
  <c r="G39776" i="1"/>
  <c r="G39777" i="1"/>
  <c r="G39778" i="1"/>
  <c r="G39779" i="1"/>
  <c r="G39780" i="1"/>
  <c r="G39781" i="1"/>
  <c r="G39782" i="1"/>
  <c r="G39783" i="1"/>
  <c r="G39784" i="1"/>
  <c r="G39785" i="1"/>
  <c r="G39786" i="1"/>
  <c r="G39787" i="1"/>
  <c r="G39788" i="1"/>
  <c r="G39789" i="1"/>
  <c r="G39790" i="1"/>
  <c r="G39791" i="1"/>
  <c r="G39792" i="1"/>
  <c r="G39793" i="1"/>
  <c r="G39794" i="1"/>
  <c r="G39795" i="1"/>
  <c r="G39796" i="1"/>
  <c r="G39797" i="1"/>
  <c r="G39798" i="1"/>
  <c r="G39799" i="1"/>
  <c r="G39800" i="1"/>
  <c r="G39801" i="1"/>
  <c r="G39802" i="1"/>
  <c r="G39803" i="1"/>
  <c r="G39804" i="1"/>
  <c r="G39805" i="1"/>
  <c r="G39806" i="1"/>
  <c r="G39807" i="1"/>
  <c r="G39808" i="1"/>
  <c r="G39809" i="1"/>
  <c r="G39810" i="1"/>
  <c r="G39811" i="1"/>
  <c r="G39812" i="1"/>
  <c r="G39813" i="1"/>
  <c r="G39814" i="1"/>
  <c r="G39815" i="1"/>
  <c r="G39816" i="1"/>
  <c r="G39817" i="1"/>
  <c r="G39818" i="1"/>
  <c r="G39819" i="1"/>
  <c r="G39820" i="1"/>
  <c r="G39821" i="1"/>
  <c r="G39822" i="1"/>
  <c r="G39823" i="1"/>
  <c r="G39824" i="1"/>
  <c r="G39825" i="1"/>
  <c r="G39826" i="1"/>
  <c r="G39827" i="1"/>
  <c r="G39828" i="1"/>
  <c r="G39829" i="1"/>
  <c r="G39830" i="1"/>
  <c r="G39831" i="1"/>
  <c r="G39832" i="1"/>
  <c r="G39833" i="1"/>
  <c r="G39834" i="1"/>
  <c r="G39835" i="1"/>
  <c r="G39836" i="1"/>
  <c r="G39837" i="1"/>
  <c r="G39838" i="1"/>
  <c r="G39839" i="1"/>
  <c r="G39840" i="1"/>
  <c r="G39841" i="1"/>
  <c r="G39842" i="1"/>
  <c r="G39843" i="1"/>
  <c r="G39844" i="1"/>
  <c r="G39845" i="1"/>
  <c r="G39846" i="1"/>
  <c r="G39847" i="1"/>
  <c r="G39848" i="1"/>
  <c r="G39849" i="1"/>
  <c r="G39850" i="1"/>
  <c r="G39851" i="1"/>
  <c r="G39852" i="1"/>
  <c r="G39853" i="1"/>
  <c r="G39854" i="1"/>
  <c r="G39855" i="1"/>
  <c r="G39856" i="1"/>
  <c r="G39857" i="1"/>
  <c r="G39858" i="1"/>
  <c r="G39859" i="1"/>
  <c r="G39860" i="1"/>
  <c r="G39861" i="1"/>
  <c r="G39862" i="1"/>
  <c r="G39863" i="1"/>
  <c r="G39864" i="1"/>
  <c r="G39865" i="1"/>
  <c r="G39866" i="1"/>
  <c r="G39867" i="1"/>
  <c r="G39868" i="1"/>
  <c r="G39869" i="1"/>
  <c r="G39870" i="1"/>
  <c r="G39871" i="1"/>
  <c r="G39872" i="1"/>
  <c r="G39873" i="1"/>
  <c r="G39874" i="1"/>
  <c r="G39875" i="1"/>
  <c r="G39876" i="1"/>
  <c r="G39877" i="1"/>
  <c r="G39878" i="1"/>
  <c r="G39879" i="1"/>
  <c r="G39880" i="1"/>
  <c r="G39881" i="1"/>
  <c r="G39882" i="1"/>
  <c r="G39883" i="1"/>
  <c r="G39884" i="1"/>
  <c r="G39885" i="1"/>
  <c r="G39886" i="1"/>
  <c r="G39887" i="1"/>
  <c r="G39888" i="1"/>
  <c r="G39889" i="1"/>
  <c r="G39890" i="1"/>
  <c r="G39891" i="1"/>
  <c r="G39892" i="1"/>
  <c r="G39893" i="1"/>
  <c r="G39894" i="1"/>
  <c r="G39895" i="1"/>
  <c r="G39896" i="1"/>
  <c r="G39897" i="1"/>
  <c r="G39898" i="1"/>
  <c r="G39899" i="1"/>
  <c r="G39900" i="1"/>
  <c r="G39901" i="1"/>
  <c r="G39902" i="1"/>
  <c r="G39903" i="1"/>
  <c r="G39904" i="1"/>
  <c r="G39905" i="1"/>
  <c r="G39906" i="1"/>
  <c r="G39907" i="1"/>
  <c r="G39908" i="1"/>
  <c r="G39909" i="1"/>
  <c r="G39910" i="1"/>
  <c r="G39911" i="1"/>
  <c r="G39912" i="1"/>
  <c r="G39913" i="1"/>
  <c r="G39914" i="1"/>
  <c r="G39915" i="1"/>
  <c r="G39916" i="1"/>
  <c r="G39917" i="1"/>
  <c r="G39918" i="1"/>
  <c r="G39919" i="1"/>
  <c r="G39920" i="1"/>
  <c r="G39921" i="1"/>
  <c r="G39922" i="1"/>
  <c r="G39923" i="1"/>
  <c r="G39924" i="1"/>
  <c r="G39925" i="1"/>
  <c r="G39926" i="1"/>
  <c r="G39927" i="1"/>
  <c r="G39928" i="1"/>
  <c r="G39929" i="1"/>
  <c r="G39930" i="1"/>
  <c r="G39931" i="1"/>
  <c r="G39932" i="1"/>
  <c r="G39933" i="1"/>
  <c r="G39934" i="1"/>
  <c r="G39935" i="1"/>
  <c r="G39936" i="1"/>
  <c r="G39937" i="1"/>
  <c r="G39938" i="1"/>
  <c r="G39939" i="1"/>
  <c r="G39940" i="1"/>
  <c r="G39941" i="1"/>
  <c r="G39942" i="1"/>
  <c r="G39943" i="1"/>
  <c r="G39944" i="1"/>
  <c r="G39945" i="1"/>
  <c r="G39946" i="1"/>
  <c r="G39947" i="1"/>
  <c r="G39948" i="1"/>
  <c r="G39949" i="1"/>
  <c r="G39950" i="1"/>
  <c r="G39951" i="1"/>
  <c r="G39952" i="1"/>
  <c r="G39953" i="1"/>
  <c r="G39954" i="1"/>
  <c r="G39955" i="1"/>
  <c r="G39956" i="1"/>
  <c r="G39957" i="1"/>
  <c r="G39958" i="1"/>
  <c r="G39959" i="1"/>
  <c r="G39960" i="1"/>
  <c r="G39961" i="1"/>
  <c r="G39962" i="1"/>
  <c r="G39963" i="1"/>
  <c r="G39964" i="1"/>
  <c r="G39965" i="1"/>
  <c r="G39966" i="1"/>
  <c r="G39967" i="1"/>
  <c r="G39968" i="1"/>
  <c r="G39969" i="1"/>
  <c r="G39970" i="1"/>
  <c r="G39971" i="1"/>
  <c r="G39972" i="1"/>
  <c r="G39973" i="1"/>
  <c r="G39974" i="1"/>
  <c r="G39975" i="1"/>
  <c r="G39976" i="1"/>
  <c r="G39977" i="1"/>
  <c r="G39978" i="1"/>
  <c r="G39979" i="1"/>
  <c r="G39980" i="1"/>
  <c r="G39981" i="1"/>
  <c r="G39982" i="1"/>
  <c r="G39983" i="1"/>
  <c r="G39984" i="1"/>
  <c r="G39985" i="1"/>
  <c r="G39986" i="1"/>
  <c r="G39987" i="1"/>
  <c r="G39988" i="1"/>
  <c r="G39989" i="1"/>
  <c r="G39990" i="1"/>
  <c r="G39991" i="1"/>
  <c r="G39992" i="1"/>
  <c r="G39993" i="1"/>
  <c r="G39994" i="1"/>
  <c r="G39995" i="1"/>
  <c r="G39996" i="1"/>
  <c r="G39997" i="1"/>
  <c r="G39998" i="1"/>
  <c r="G39999" i="1"/>
  <c r="G40000" i="1"/>
  <c r="G40001" i="1"/>
  <c r="G40002" i="1"/>
  <c r="G40003" i="1"/>
  <c r="G40004" i="1"/>
  <c r="G40005" i="1"/>
  <c r="G40006" i="1"/>
  <c r="G40007" i="1"/>
  <c r="G40008" i="1"/>
  <c r="G40009" i="1"/>
  <c r="G40010" i="1"/>
  <c r="G40011" i="1"/>
  <c r="G40012" i="1"/>
  <c r="G40013" i="1"/>
  <c r="G40014" i="1"/>
  <c r="G40015" i="1"/>
  <c r="G40016" i="1"/>
  <c r="G40017" i="1"/>
  <c r="G40018" i="1"/>
  <c r="G40019" i="1"/>
  <c r="G40020" i="1"/>
  <c r="G40021" i="1"/>
  <c r="G40022" i="1"/>
  <c r="G40023" i="1"/>
  <c r="G40024" i="1"/>
  <c r="G40025" i="1"/>
  <c r="G40026" i="1"/>
  <c r="G40027" i="1"/>
  <c r="G40028" i="1"/>
  <c r="G40029" i="1"/>
  <c r="G40030" i="1"/>
  <c r="G40031" i="1"/>
  <c r="G40032" i="1"/>
  <c r="G40033" i="1"/>
  <c r="G40034" i="1"/>
  <c r="G40035" i="1"/>
  <c r="G40036" i="1"/>
  <c r="G40037" i="1"/>
  <c r="G40038" i="1"/>
  <c r="G40039" i="1"/>
  <c r="G40040" i="1"/>
  <c r="G40041" i="1"/>
  <c r="G40042" i="1"/>
  <c r="G40043" i="1"/>
  <c r="G40044" i="1"/>
  <c r="G40045" i="1"/>
  <c r="G40046" i="1"/>
  <c r="G40047" i="1"/>
  <c r="G40048" i="1"/>
  <c r="G40049" i="1"/>
  <c r="G40050" i="1"/>
  <c r="G40051" i="1"/>
  <c r="G40052" i="1"/>
  <c r="G40053" i="1"/>
  <c r="G40054" i="1"/>
  <c r="G40055" i="1"/>
  <c r="G40056" i="1"/>
  <c r="G40057" i="1"/>
  <c r="G40058" i="1"/>
  <c r="G40059" i="1"/>
  <c r="G40060" i="1"/>
  <c r="G40061" i="1"/>
  <c r="G40062" i="1"/>
  <c r="G40063" i="1"/>
  <c r="G40064" i="1"/>
  <c r="G40065" i="1"/>
  <c r="G40066" i="1"/>
  <c r="G40067" i="1"/>
  <c r="G40068" i="1"/>
  <c r="G40069" i="1"/>
  <c r="G40070" i="1"/>
  <c r="G40071" i="1"/>
  <c r="G40072" i="1"/>
  <c r="G40073" i="1"/>
  <c r="G40074" i="1"/>
  <c r="G40075" i="1"/>
  <c r="G40076" i="1"/>
  <c r="G40077" i="1"/>
  <c r="G40078" i="1"/>
  <c r="G40079" i="1"/>
  <c r="G40080" i="1"/>
  <c r="G40081" i="1"/>
  <c r="G40082" i="1"/>
  <c r="G40083" i="1"/>
  <c r="G40084" i="1"/>
  <c r="G40085" i="1"/>
  <c r="G40086" i="1"/>
  <c r="G40087" i="1"/>
  <c r="G40088" i="1"/>
  <c r="G40089" i="1"/>
  <c r="G40090" i="1"/>
  <c r="G40091" i="1"/>
  <c r="G40092" i="1"/>
  <c r="G40093" i="1"/>
  <c r="G40094" i="1"/>
  <c r="G40095" i="1"/>
  <c r="G40096" i="1"/>
  <c r="G40097" i="1"/>
  <c r="G40098" i="1"/>
  <c r="G40099" i="1"/>
  <c r="G40100" i="1"/>
  <c r="G40101" i="1"/>
  <c r="G40102" i="1"/>
  <c r="G40103" i="1"/>
  <c r="G40104" i="1"/>
  <c r="G40105" i="1"/>
  <c r="G40106" i="1"/>
  <c r="G40107" i="1"/>
  <c r="G40108" i="1"/>
  <c r="G40109" i="1"/>
  <c r="G40110" i="1"/>
  <c r="G40111" i="1"/>
  <c r="G40112" i="1"/>
  <c r="G40113" i="1"/>
  <c r="G40114" i="1"/>
  <c r="G40115" i="1"/>
  <c r="G40116" i="1"/>
  <c r="G40117" i="1"/>
  <c r="G40118" i="1"/>
  <c r="G40119" i="1"/>
  <c r="G40120" i="1"/>
  <c r="G40121" i="1"/>
  <c r="G40122" i="1"/>
  <c r="G40123" i="1"/>
  <c r="G40124" i="1"/>
  <c r="G40125" i="1"/>
  <c r="G40126" i="1"/>
  <c r="G40127" i="1"/>
  <c r="G40128" i="1"/>
  <c r="G40129" i="1"/>
  <c r="G40130" i="1"/>
  <c r="G40131" i="1"/>
  <c r="G40132" i="1"/>
  <c r="G40133" i="1"/>
  <c r="G40134" i="1"/>
  <c r="G40135" i="1"/>
  <c r="G40136" i="1"/>
  <c r="G40137" i="1"/>
  <c r="G40138" i="1"/>
  <c r="G40139" i="1"/>
  <c r="G40140" i="1"/>
  <c r="G40141" i="1"/>
  <c r="G40142" i="1"/>
  <c r="G40143" i="1"/>
  <c r="G40144" i="1"/>
  <c r="G40145" i="1"/>
  <c r="G40146" i="1"/>
  <c r="G40147" i="1"/>
  <c r="G40148" i="1"/>
  <c r="G40149" i="1"/>
  <c r="G40150" i="1"/>
  <c r="G40151" i="1"/>
  <c r="G40152" i="1"/>
  <c r="G40153" i="1"/>
  <c r="G40154" i="1"/>
  <c r="G40155" i="1"/>
  <c r="G40156" i="1"/>
  <c r="G40157" i="1"/>
  <c r="G40158" i="1"/>
  <c r="G40159" i="1"/>
  <c r="G40160" i="1"/>
  <c r="G40161" i="1"/>
  <c r="G40162" i="1"/>
  <c r="G40163" i="1"/>
  <c r="G40164" i="1"/>
  <c r="G40165" i="1"/>
  <c r="G40166" i="1"/>
  <c r="G40167" i="1"/>
  <c r="G40168" i="1"/>
  <c r="G40169" i="1"/>
  <c r="G40170" i="1"/>
  <c r="G40171" i="1"/>
  <c r="G40172" i="1"/>
  <c r="G40173" i="1"/>
  <c r="G40174" i="1"/>
  <c r="G40175" i="1"/>
  <c r="G40176" i="1"/>
  <c r="G40177" i="1"/>
  <c r="G40178" i="1"/>
  <c r="G40179" i="1"/>
  <c r="G40180" i="1"/>
  <c r="G40181" i="1"/>
  <c r="G40182" i="1"/>
  <c r="G40183" i="1"/>
  <c r="G40184" i="1"/>
  <c r="G40185" i="1"/>
  <c r="G40186" i="1"/>
  <c r="G40187" i="1"/>
  <c r="G40188" i="1"/>
  <c r="G40189" i="1"/>
  <c r="G40190" i="1"/>
  <c r="G40191" i="1"/>
  <c r="G40192" i="1"/>
  <c r="G40193" i="1"/>
  <c r="G40194" i="1"/>
  <c r="G40195" i="1"/>
  <c r="G40196" i="1"/>
  <c r="G40197" i="1"/>
  <c r="G40198" i="1"/>
  <c r="G40199" i="1"/>
  <c r="G40200" i="1"/>
  <c r="G40201" i="1"/>
  <c r="G40202" i="1"/>
  <c r="G40203" i="1"/>
  <c r="G40204" i="1"/>
  <c r="G40205" i="1"/>
  <c r="G40206" i="1"/>
  <c r="G40207" i="1"/>
  <c r="G40208" i="1"/>
  <c r="G40209" i="1"/>
  <c r="G40210" i="1"/>
  <c r="G40211" i="1"/>
  <c r="G40212" i="1"/>
  <c r="G40213" i="1"/>
  <c r="G40214" i="1"/>
  <c r="G40215" i="1"/>
  <c r="G40216" i="1"/>
  <c r="G40217" i="1"/>
  <c r="G40218" i="1"/>
  <c r="G40219" i="1"/>
  <c r="G40220" i="1"/>
  <c r="G40221" i="1"/>
  <c r="G40222" i="1"/>
  <c r="G40223" i="1"/>
  <c r="G40224" i="1"/>
  <c r="G40225" i="1"/>
  <c r="G40226" i="1"/>
  <c r="G40227" i="1"/>
  <c r="G40228" i="1"/>
  <c r="G40229" i="1"/>
  <c r="G40230" i="1"/>
  <c r="G40231" i="1"/>
  <c r="G40232" i="1"/>
  <c r="G40233" i="1"/>
  <c r="G40234" i="1"/>
  <c r="G40235" i="1"/>
  <c r="G40236" i="1"/>
  <c r="G40237" i="1"/>
  <c r="G40238" i="1"/>
  <c r="G40239" i="1"/>
  <c r="G40240" i="1"/>
  <c r="G40241" i="1"/>
  <c r="G40242" i="1"/>
  <c r="G40243" i="1"/>
  <c r="G40244" i="1"/>
  <c r="G40245" i="1"/>
  <c r="G40246" i="1"/>
  <c r="G40247" i="1"/>
  <c r="G40248" i="1"/>
  <c r="G40249" i="1"/>
  <c r="G40250" i="1"/>
  <c r="G40251" i="1"/>
  <c r="G40252" i="1"/>
  <c r="G40253" i="1"/>
  <c r="G40254" i="1"/>
  <c r="G40255" i="1"/>
  <c r="G40256" i="1"/>
  <c r="G40257" i="1"/>
  <c r="G40258" i="1"/>
  <c r="G40259" i="1"/>
  <c r="G40260" i="1"/>
  <c r="G40261" i="1"/>
  <c r="G40262" i="1"/>
  <c r="G40263" i="1"/>
  <c r="G40264" i="1"/>
  <c r="G40265" i="1"/>
  <c r="G40266" i="1"/>
  <c r="G40267" i="1"/>
  <c r="G40268" i="1"/>
  <c r="G40269" i="1"/>
  <c r="G40270" i="1"/>
  <c r="G40271" i="1"/>
  <c r="G40272" i="1"/>
  <c r="G40273" i="1"/>
  <c r="G40274" i="1"/>
  <c r="G40275" i="1"/>
  <c r="G40276" i="1"/>
  <c r="G40277" i="1"/>
  <c r="G40278" i="1"/>
  <c r="G40279" i="1"/>
  <c r="G40280" i="1"/>
  <c r="G40281" i="1"/>
  <c r="G40282" i="1"/>
  <c r="G40283" i="1"/>
  <c r="G40284" i="1"/>
  <c r="G40285" i="1"/>
  <c r="G40286" i="1"/>
  <c r="G40287" i="1"/>
  <c r="G40288" i="1"/>
  <c r="G40289" i="1"/>
  <c r="G40290" i="1"/>
  <c r="G40291" i="1"/>
  <c r="G40292" i="1"/>
  <c r="G40293" i="1"/>
  <c r="G40294" i="1"/>
  <c r="G40295" i="1"/>
  <c r="G40296" i="1"/>
  <c r="G40297" i="1"/>
  <c r="G40298" i="1"/>
  <c r="G40299" i="1"/>
  <c r="G40300" i="1"/>
  <c r="G40301" i="1"/>
  <c r="G40302" i="1"/>
  <c r="G40303" i="1"/>
  <c r="G40304" i="1"/>
  <c r="G40305" i="1"/>
  <c r="G40306" i="1"/>
  <c r="G40307" i="1"/>
  <c r="G40308" i="1"/>
  <c r="G40309" i="1"/>
  <c r="G40310" i="1"/>
  <c r="G40311" i="1"/>
  <c r="G40312" i="1"/>
  <c r="G40313" i="1"/>
  <c r="G40314" i="1"/>
  <c r="G40315" i="1"/>
  <c r="G40316" i="1"/>
  <c r="G40317" i="1"/>
  <c r="G40318" i="1"/>
  <c r="G40319" i="1"/>
  <c r="G40320" i="1"/>
  <c r="G40321" i="1"/>
  <c r="G40322" i="1"/>
  <c r="G40323" i="1"/>
  <c r="G40324" i="1"/>
  <c r="G40325" i="1"/>
  <c r="G40326" i="1"/>
  <c r="G40327" i="1"/>
  <c r="G40328" i="1"/>
  <c r="G40329" i="1"/>
  <c r="G40330" i="1"/>
  <c r="G40331" i="1"/>
  <c r="G40332" i="1"/>
  <c r="G40333" i="1"/>
  <c r="G40334" i="1"/>
  <c r="G40335" i="1"/>
  <c r="G40336" i="1"/>
  <c r="G40337" i="1"/>
  <c r="G40338" i="1"/>
  <c r="G40339" i="1"/>
  <c r="G40340" i="1"/>
  <c r="G40341" i="1"/>
  <c r="G40342" i="1"/>
  <c r="G40343" i="1"/>
  <c r="G40344" i="1"/>
  <c r="G40345" i="1"/>
  <c r="G40346" i="1"/>
  <c r="G40347" i="1"/>
  <c r="G40348" i="1"/>
  <c r="G40349" i="1"/>
  <c r="G40350" i="1"/>
  <c r="G40351" i="1"/>
  <c r="G40352" i="1"/>
  <c r="G40353" i="1"/>
  <c r="G40354" i="1"/>
  <c r="G40355" i="1"/>
  <c r="G40356" i="1"/>
  <c r="G40357" i="1"/>
  <c r="G40358" i="1"/>
  <c r="G40359" i="1"/>
  <c r="G40360" i="1"/>
  <c r="G40361" i="1"/>
  <c r="G40362" i="1"/>
  <c r="G40363" i="1"/>
  <c r="G40364" i="1"/>
  <c r="G40365" i="1"/>
  <c r="G40366" i="1"/>
  <c r="G40367" i="1"/>
  <c r="G40368" i="1"/>
  <c r="G40369" i="1"/>
  <c r="G40370" i="1"/>
  <c r="G40371" i="1"/>
  <c r="G40372" i="1"/>
  <c r="G40373" i="1"/>
  <c r="G40374" i="1"/>
  <c r="G40375" i="1"/>
  <c r="G40376" i="1"/>
  <c r="G40377" i="1"/>
  <c r="G40378" i="1"/>
  <c r="G40379" i="1"/>
  <c r="G40380" i="1"/>
  <c r="G40381" i="1"/>
  <c r="G40382" i="1"/>
  <c r="G40383" i="1"/>
  <c r="G40384" i="1"/>
  <c r="G40385" i="1"/>
  <c r="G40386" i="1"/>
  <c r="G40387" i="1"/>
  <c r="G40388" i="1"/>
  <c r="G40389" i="1"/>
  <c r="G40390" i="1"/>
  <c r="G40391" i="1"/>
  <c r="G40392" i="1"/>
  <c r="G40393" i="1"/>
  <c r="G40394" i="1"/>
  <c r="G40395" i="1"/>
  <c r="G40396" i="1"/>
  <c r="G40397" i="1"/>
  <c r="G40398" i="1"/>
  <c r="G40399" i="1"/>
  <c r="G40400" i="1"/>
  <c r="G40401" i="1"/>
  <c r="G40402" i="1"/>
  <c r="G40403" i="1"/>
  <c r="G40404" i="1"/>
  <c r="G40405" i="1"/>
  <c r="G40406" i="1"/>
  <c r="G40407" i="1"/>
  <c r="G40408" i="1"/>
  <c r="G40409" i="1"/>
  <c r="G40410" i="1"/>
  <c r="G40411" i="1"/>
  <c r="G40412" i="1"/>
  <c r="G40413" i="1"/>
  <c r="G40414" i="1"/>
  <c r="G40415" i="1"/>
  <c r="G40416" i="1"/>
  <c r="G40417" i="1"/>
  <c r="G40418" i="1"/>
  <c r="G40419" i="1"/>
  <c r="G40420" i="1"/>
  <c r="G40421" i="1"/>
  <c r="G40422" i="1"/>
  <c r="G40423" i="1"/>
  <c r="G40424" i="1"/>
  <c r="G40425" i="1"/>
  <c r="G40426" i="1"/>
  <c r="G40427" i="1"/>
  <c r="G40428" i="1"/>
  <c r="G40429" i="1"/>
  <c r="G40430" i="1"/>
  <c r="G40431" i="1"/>
  <c r="G40432" i="1"/>
  <c r="G40433" i="1"/>
  <c r="G40434" i="1"/>
  <c r="G40435" i="1"/>
  <c r="G40436" i="1"/>
  <c r="G40437" i="1"/>
  <c r="G40438" i="1"/>
  <c r="G40439" i="1"/>
  <c r="G40440" i="1"/>
  <c r="G40441" i="1"/>
  <c r="G40442" i="1"/>
  <c r="G40443" i="1"/>
  <c r="G40444" i="1"/>
  <c r="G40445" i="1"/>
  <c r="G40446" i="1"/>
  <c r="G40447" i="1"/>
  <c r="G40448" i="1"/>
  <c r="G40449" i="1"/>
  <c r="G40450" i="1"/>
  <c r="G40451" i="1"/>
  <c r="G40452" i="1"/>
  <c r="G40453" i="1"/>
  <c r="G40454" i="1"/>
  <c r="G40455" i="1"/>
  <c r="G40456" i="1"/>
  <c r="G40457" i="1"/>
  <c r="G40458" i="1"/>
  <c r="G40459" i="1"/>
  <c r="G40460" i="1"/>
  <c r="G40461" i="1"/>
  <c r="G40462" i="1"/>
  <c r="G40463" i="1"/>
  <c r="G40464" i="1"/>
  <c r="G40465" i="1"/>
  <c r="G40466" i="1"/>
  <c r="G40467" i="1"/>
  <c r="G40468" i="1"/>
  <c r="G40469" i="1"/>
  <c r="G40470" i="1"/>
  <c r="G40471" i="1"/>
  <c r="G40472" i="1"/>
  <c r="G40473" i="1"/>
  <c r="G40474" i="1"/>
  <c r="G40475" i="1"/>
  <c r="G40476" i="1"/>
  <c r="G40477" i="1"/>
  <c r="G40478" i="1"/>
  <c r="G40479" i="1"/>
  <c r="G40480" i="1"/>
  <c r="G40481" i="1"/>
  <c r="G40482" i="1"/>
  <c r="G40483" i="1"/>
  <c r="G40484" i="1"/>
  <c r="G40485" i="1"/>
  <c r="G40486" i="1"/>
  <c r="G40487" i="1"/>
  <c r="G40488" i="1"/>
  <c r="G40489" i="1"/>
  <c r="G40490" i="1"/>
  <c r="G40491" i="1"/>
  <c r="G40492" i="1"/>
  <c r="G40493" i="1"/>
  <c r="G40494" i="1"/>
  <c r="G40495" i="1"/>
  <c r="G40496" i="1"/>
  <c r="G40497" i="1"/>
  <c r="G40498" i="1"/>
  <c r="G40499" i="1"/>
  <c r="G40500" i="1"/>
  <c r="G40501" i="1"/>
  <c r="G40502" i="1"/>
  <c r="G40503" i="1"/>
  <c r="G40504" i="1"/>
  <c r="G40505" i="1"/>
  <c r="G40506" i="1"/>
  <c r="G40507" i="1"/>
  <c r="G40508" i="1"/>
  <c r="G40509" i="1"/>
  <c r="G40510" i="1"/>
  <c r="G40511" i="1"/>
  <c r="G40512" i="1"/>
  <c r="G40513" i="1"/>
  <c r="G40514" i="1"/>
  <c r="G40515" i="1"/>
  <c r="G40516" i="1"/>
  <c r="G40517" i="1"/>
  <c r="G40518" i="1"/>
  <c r="G40519" i="1"/>
  <c r="G40520" i="1"/>
  <c r="G40521" i="1"/>
  <c r="G40522" i="1"/>
  <c r="G40523" i="1"/>
  <c r="G40524" i="1"/>
  <c r="G40525" i="1"/>
  <c r="G40526" i="1"/>
  <c r="G40527" i="1"/>
  <c r="G40528" i="1"/>
  <c r="G40529" i="1"/>
  <c r="G40530" i="1"/>
  <c r="G40531" i="1"/>
  <c r="G40532" i="1"/>
  <c r="G40533" i="1"/>
  <c r="G40534" i="1"/>
  <c r="G40535" i="1"/>
  <c r="G40536" i="1"/>
  <c r="G40537" i="1"/>
  <c r="G40538" i="1"/>
  <c r="G40539" i="1"/>
  <c r="G40540" i="1"/>
  <c r="G40541" i="1"/>
  <c r="G40542" i="1"/>
  <c r="G40543" i="1"/>
  <c r="G40544" i="1"/>
  <c r="G40545" i="1"/>
  <c r="G40546" i="1"/>
  <c r="G40547" i="1"/>
  <c r="G40548" i="1"/>
  <c r="G40549" i="1"/>
  <c r="G40550" i="1"/>
  <c r="G40551" i="1"/>
  <c r="G40552" i="1"/>
  <c r="G40553" i="1"/>
  <c r="G40554" i="1"/>
  <c r="G40555" i="1"/>
  <c r="G40556" i="1"/>
  <c r="G40557" i="1"/>
  <c r="G40558" i="1"/>
  <c r="G40559" i="1"/>
  <c r="G40560" i="1"/>
  <c r="G40561" i="1"/>
  <c r="G40562" i="1"/>
  <c r="G40563" i="1"/>
  <c r="G40564" i="1"/>
  <c r="G40565" i="1"/>
  <c r="G40566" i="1"/>
  <c r="G40567" i="1"/>
  <c r="G40568" i="1"/>
  <c r="G40569" i="1"/>
  <c r="G40570" i="1"/>
  <c r="G40571" i="1"/>
  <c r="G40572" i="1"/>
  <c r="G40573" i="1"/>
  <c r="G40574" i="1"/>
  <c r="G40575" i="1"/>
  <c r="G40576" i="1"/>
  <c r="G40577" i="1"/>
  <c r="G40578" i="1"/>
  <c r="G40579" i="1"/>
  <c r="G40580" i="1"/>
  <c r="G40581" i="1"/>
  <c r="G40582" i="1"/>
  <c r="G40583" i="1"/>
  <c r="G40584" i="1"/>
  <c r="G40585" i="1"/>
  <c r="G40586" i="1"/>
  <c r="G40587" i="1"/>
  <c r="G40588" i="1"/>
  <c r="G40589" i="1"/>
  <c r="G40590" i="1"/>
  <c r="G40591" i="1"/>
  <c r="G40592" i="1"/>
  <c r="G40593" i="1"/>
  <c r="G40594" i="1"/>
  <c r="G40595" i="1"/>
  <c r="G40596" i="1"/>
  <c r="G40597" i="1"/>
  <c r="G40598" i="1"/>
  <c r="G40599" i="1"/>
  <c r="G40600" i="1"/>
  <c r="G40601" i="1"/>
  <c r="G40602" i="1"/>
  <c r="G40603" i="1"/>
  <c r="G40604" i="1"/>
  <c r="G40605" i="1"/>
  <c r="G40606" i="1"/>
  <c r="G40607" i="1"/>
  <c r="G40608" i="1"/>
  <c r="G40609" i="1"/>
  <c r="G40610" i="1"/>
  <c r="G40611" i="1"/>
  <c r="G40612" i="1"/>
  <c r="G40613" i="1"/>
  <c r="G40614" i="1"/>
  <c r="G40615" i="1"/>
  <c r="G40616" i="1"/>
  <c r="G40617" i="1"/>
  <c r="G40618" i="1"/>
  <c r="G40619" i="1"/>
  <c r="G40620" i="1"/>
  <c r="G40621" i="1"/>
  <c r="G40622" i="1"/>
  <c r="G40623" i="1"/>
  <c r="G40624" i="1"/>
  <c r="G40625" i="1"/>
  <c r="G40626" i="1"/>
  <c r="G40627" i="1"/>
  <c r="G40628" i="1"/>
  <c r="G40629" i="1"/>
  <c r="G40630" i="1"/>
  <c r="G40631" i="1"/>
  <c r="G40632" i="1"/>
  <c r="G40633" i="1"/>
  <c r="G40634" i="1"/>
  <c r="G40635" i="1"/>
  <c r="G40636" i="1"/>
  <c r="G40637" i="1"/>
  <c r="G40638" i="1"/>
  <c r="G40639" i="1"/>
  <c r="G40640" i="1"/>
  <c r="G40641" i="1"/>
  <c r="G40642" i="1"/>
  <c r="G40643" i="1"/>
  <c r="G40644" i="1"/>
  <c r="G40645" i="1"/>
  <c r="G40646" i="1"/>
  <c r="G40647" i="1"/>
  <c r="G40648" i="1"/>
  <c r="G40649" i="1"/>
  <c r="G40650" i="1"/>
  <c r="G40651" i="1"/>
  <c r="G40652" i="1"/>
  <c r="G40653" i="1"/>
  <c r="G40654" i="1"/>
  <c r="G40655" i="1"/>
  <c r="G40656" i="1"/>
  <c r="G40657" i="1"/>
  <c r="G40658" i="1"/>
  <c r="G40659" i="1"/>
  <c r="G40660" i="1"/>
  <c r="G40661" i="1"/>
  <c r="G40662" i="1"/>
  <c r="G40663" i="1"/>
  <c r="G40664" i="1"/>
  <c r="G40665" i="1"/>
  <c r="G40666" i="1"/>
  <c r="G40667" i="1"/>
  <c r="G40668" i="1"/>
  <c r="G40669" i="1"/>
  <c r="G40670" i="1"/>
  <c r="G40671" i="1"/>
  <c r="G40672" i="1"/>
  <c r="G40673" i="1"/>
  <c r="G40674" i="1"/>
  <c r="G40675" i="1"/>
  <c r="G40676" i="1"/>
  <c r="G40677" i="1"/>
  <c r="G40678" i="1"/>
  <c r="G40679" i="1"/>
  <c r="G40680" i="1"/>
  <c r="G40681" i="1"/>
  <c r="G40682" i="1"/>
  <c r="G40683" i="1"/>
  <c r="G40684" i="1"/>
  <c r="G40685" i="1"/>
  <c r="G40686" i="1"/>
  <c r="G40687" i="1"/>
  <c r="G40688" i="1"/>
  <c r="G40689" i="1"/>
  <c r="G40690" i="1"/>
  <c r="G40691" i="1"/>
  <c r="G40692" i="1"/>
  <c r="G40693" i="1"/>
  <c r="G40694" i="1"/>
  <c r="G40695" i="1"/>
  <c r="G40696" i="1"/>
  <c r="G40697" i="1"/>
  <c r="G40698" i="1"/>
  <c r="G40699" i="1"/>
  <c r="G40700" i="1"/>
  <c r="G40701" i="1"/>
  <c r="G40702" i="1"/>
  <c r="G40703" i="1"/>
  <c r="G40704" i="1"/>
  <c r="G40705" i="1"/>
  <c r="G40706" i="1"/>
  <c r="G40707" i="1"/>
  <c r="G40708" i="1"/>
  <c r="G40709" i="1"/>
  <c r="G40710" i="1"/>
  <c r="G40711" i="1"/>
  <c r="G40712" i="1"/>
  <c r="G40713" i="1"/>
  <c r="G40714" i="1"/>
  <c r="G40715" i="1"/>
  <c r="G40716" i="1"/>
  <c r="G40717" i="1"/>
  <c r="G40718" i="1"/>
  <c r="G40719" i="1"/>
  <c r="G40720" i="1"/>
  <c r="G40721" i="1"/>
  <c r="G40722" i="1"/>
  <c r="G40723" i="1"/>
  <c r="G40724" i="1"/>
  <c r="G40725" i="1"/>
  <c r="G40726" i="1"/>
  <c r="G40727" i="1"/>
  <c r="G40728" i="1"/>
  <c r="G40729" i="1"/>
  <c r="G40730" i="1"/>
  <c r="G40731" i="1"/>
  <c r="G40732" i="1"/>
  <c r="G40733" i="1"/>
  <c r="G40734" i="1"/>
  <c r="G40735" i="1"/>
  <c r="G40736" i="1"/>
  <c r="G40737" i="1"/>
  <c r="G40738" i="1"/>
  <c r="G40739" i="1"/>
  <c r="G40740" i="1"/>
  <c r="G40741" i="1"/>
  <c r="G40742" i="1"/>
  <c r="G40743" i="1"/>
  <c r="G40744" i="1"/>
  <c r="G40745" i="1"/>
  <c r="G40746" i="1"/>
  <c r="G40747" i="1"/>
  <c r="G40748" i="1"/>
  <c r="G40749" i="1"/>
  <c r="G40750" i="1"/>
  <c r="G40751" i="1"/>
  <c r="G40752" i="1"/>
  <c r="G40753" i="1"/>
  <c r="G40754" i="1"/>
  <c r="G40755" i="1"/>
  <c r="G40756" i="1"/>
  <c r="G40757" i="1"/>
  <c r="G40758" i="1"/>
  <c r="G40759" i="1"/>
  <c r="G40760" i="1"/>
  <c r="G40761" i="1"/>
  <c r="G40762" i="1"/>
  <c r="G40763" i="1"/>
  <c r="G40764" i="1"/>
  <c r="G40765" i="1"/>
  <c r="G40766" i="1"/>
  <c r="G40767" i="1"/>
  <c r="G40768" i="1"/>
  <c r="G40769" i="1"/>
  <c r="G40770" i="1"/>
  <c r="G40771" i="1"/>
  <c r="G40772" i="1"/>
  <c r="G40773" i="1"/>
  <c r="G40774" i="1"/>
  <c r="G40775" i="1"/>
  <c r="G40776" i="1"/>
  <c r="G40777" i="1"/>
  <c r="G40778" i="1"/>
  <c r="G40779" i="1"/>
  <c r="G40780" i="1"/>
  <c r="G40781" i="1"/>
  <c r="G40782" i="1"/>
  <c r="G40783" i="1"/>
  <c r="G40784" i="1"/>
  <c r="G40785" i="1"/>
  <c r="G40786" i="1"/>
  <c r="G40787" i="1"/>
  <c r="G40788" i="1"/>
  <c r="G40789" i="1"/>
  <c r="G40790" i="1"/>
  <c r="G40791" i="1"/>
  <c r="G40792" i="1"/>
  <c r="G40793" i="1"/>
  <c r="G40794" i="1"/>
  <c r="G40795" i="1"/>
  <c r="G40796" i="1"/>
  <c r="G40797" i="1"/>
  <c r="G40798" i="1"/>
  <c r="G40799" i="1"/>
  <c r="G40800" i="1"/>
  <c r="G40801" i="1"/>
  <c r="G40802" i="1"/>
  <c r="G40803" i="1"/>
  <c r="G40804" i="1"/>
  <c r="G40805" i="1"/>
  <c r="G40806" i="1"/>
  <c r="G40807" i="1"/>
  <c r="G40808" i="1"/>
  <c r="G40809" i="1"/>
  <c r="G40810" i="1"/>
  <c r="G40811" i="1"/>
  <c r="G40812" i="1"/>
  <c r="G40813" i="1"/>
  <c r="G40814" i="1"/>
  <c r="G40815" i="1"/>
  <c r="G40816" i="1"/>
  <c r="G40817" i="1"/>
  <c r="G40818" i="1"/>
  <c r="G40819" i="1"/>
  <c r="G40820" i="1"/>
  <c r="G40821" i="1"/>
  <c r="G40822" i="1"/>
  <c r="G40823" i="1"/>
  <c r="G40824" i="1"/>
  <c r="G40825" i="1"/>
  <c r="G40826" i="1"/>
  <c r="G40827" i="1"/>
  <c r="G40828" i="1"/>
  <c r="G40829" i="1"/>
  <c r="G40830" i="1"/>
  <c r="G40831" i="1"/>
  <c r="G40832" i="1"/>
  <c r="G40833" i="1"/>
  <c r="G40834" i="1"/>
  <c r="G40835" i="1"/>
  <c r="G40836" i="1"/>
  <c r="G40837" i="1"/>
  <c r="G40838" i="1"/>
  <c r="G40839" i="1"/>
  <c r="G40840" i="1"/>
  <c r="G40841" i="1"/>
  <c r="G40842" i="1"/>
  <c r="G40843" i="1"/>
  <c r="G40844" i="1"/>
  <c r="G40845" i="1"/>
  <c r="G40846" i="1"/>
  <c r="G40847" i="1"/>
  <c r="G40848" i="1"/>
  <c r="G40849" i="1"/>
  <c r="G40850" i="1"/>
  <c r="G40851" i="1"/>
  <c r="G40852" i="1"/>
  <c r="G40853" i="1"/>
  <c r="G40854" i="1"/>
  <c r="G40855" i="1"/>
  <c r="G40856" i="1"/>
  <c r="G40857" i="1"/>
  <c r="G40858" i="1"/>
  <c r="G40859" i="1"/>
  <c r="G40860" i="1"/>
  <c r="G40861" i="1"/>
  <c r="G40862" i="1"/>
  <c r="G40863" i="1"/>
  <c r="G40864" i="1"/>
  <c r="G40865" i="1"/>
  <c r="G40866" i="1"/>
  <c r="G40867" i="1"/>
  <c r="G40868" i="1"/>
  <c r="G40869" i="1"/>
  <c r="G40870" i="1"/>
  <c r="G40871" i="1"/>
  <c r="G40872" i="1"/>
  <c r="G40873" i="1"/>
  <c r="G40874" i="1"/>
  <c r="G40875" i="1"/>
  <c r="G40876" i="1"/>
  <c r="G40877" i="1"/>
  <c r="G40878" i="1"/>
  <c r="G40879" i="1"/>
  <c r="G40880" i="1"/>
  <c r="G40881" i="1"/>
  <c r="G40882" i="1"/>
  <c r="G40883" i="1"/>
  <c r="G40884" i="1"/>
  <c r="G40885" i="1"/>
  <c r="G40886" i="1"/>
  <c r="G40887" i="1"/>
  <c r="G40888" i="1"/>
  <c r="G40889" i="1"/>
  <c r="G40890" i="1"/>
  <c r="G40891" i="1"/>
  <c r="G40892" i="1"/>
  <c r="G40893" i="1"/>
  <c r="G40894" i="1"/>
  <c r="G40895" i="1"/>
  <c r="G40896" i="1"/>
  <c r="G40897" i="1"/>
  <c r="G40898" i="1"/>
  <c r="G40899" i="1"/>
  <c r="G40900" i="1"/>
  <c r="G40901" i="1"/>
  <c r="G40902" i="1"/>
  <c r="G40903" i="1"/>
  <c r="G40904" i="1"/>
  <c r="G40905" i="1"/>
  <c r="G40906" i="1"/>
  <c r="G40907" i="1"/>
  <c r="G40908" i="1"/>
  <c r="G40909" i="1"/>
  <c r="G40910" i="1"/>
  <c r="G40911" i="1"/>
  <c r="G40912" i="1"/>
  <c r="G40913" i="1"/>
  <c r="G40914" i="1"/>
  <c r="G40915" i="1"/>
  <c r="G40916" i="1"/>
  <c r="G40917" i="1"/>
  <c r="G40918" i="1"/>
  <c r="G40919" i="1"/>
  <c r="G40920" i="1"/>
  <c r="G40921" i="1"/>
  <c r="G40922" i="1"/>
  <c r="G40923" i="1"/>
  <c r="G40924" i="1"/>
  <c r="G40925" i="1"/>
  <c r="G40926" i="1"/>
  <c r="G40927" i="1"/>
  <c r="G40928" i="1"/>
  <c r="G40929" i="1"/>
  <c r="G40930" i="1"/>
  <c r="G40931" i="1"/>
  <c r="G40932" i="1"/>
  <c r="G40933" i="1"/>
  <c r="G40934" i="1"/>
  <c r="G40935" i="1"/>
  <c r="G40936" i="1"/>
  <c r="G40937" i="1"/>
  <c r="G40938" i="1"/>
  <c r="G40939" i="1"/>
  <c r="G40940" i="1"/>
  <c r="G40941" i="1"/>
  <c r="G40942" i="1"/>
  <c r="G40943" i="1"/>
  <c r="G40944" i="1"/>
  <c r="G40945" i="1"/>
  <c r="G40946" i="1"/>
  <c r="G40947" i="1"/>
  <c r="G40948" i="1"/>
  <c r="G40949" i="1"/>
  <c r="G40950" i="1"/>
  <c r="G40951" i="1"/>
  <c r="G40952" i="1"/>
  <c r="G40953" i="1"/>
  <c r="G40954" i="1"/>
  <c r="G40955" i="1"/>
  <c r="G40956" i="1"/>
  <c r="G40957" i="1"/>
  <c r="G40958" i="1"/>
  <c r="G40959" i="1"/>
  <c r="G40960" i="1"/>
  <c r="G40961" i="1"/>
  <c r="G40962" i="1"/>
  <c r="G40963" i="1"/>
  <c r="G40964" i="1"/>
  <c r="G40965" i="1"/>
  <c r="G40966" i="1"/>
  <c r="G40967" i="1"/>
  <c r="G40968" i="1"/>
  <c r="G40969" i="1"/>
  <c r="G40970" i="1"/>
  <c r="G40971" i="1"/>
  <c r="G40972" i="1"/>
  <c r="G40973" i="1"/>
  <c r="G40974" i="1"/>
  <c r="G40975" i="1"/>
  <c r="G40976" i="1"/>
  <c r="G40977" i="1"/>
  <c r="G40978" i="1"/>
  <c r="G40979" i="1"/>
  <c r="G40980" i="1"/>
  <c r="G40981" i="1"/>
  <c r="G40982" i="1"/>
  <c r="G40983" i="1"/>
  <c r="G40984" i="1"/>
  <c r="G40985" i="1"/>
  <c r="G40986" i="1"/>
  <c r="G40987" i="1"/>
  <c r="G40988" i="1"/>
  <c r="G40989" i="1"/>
  <c r="G40990" i="1"/>
  <c r="G40991" i="1"/>
  <c r="G40992" i="1"/>
  <c r="G40993" i="1"/>
  <c r="G40994" i="1"/>
  <c r="G40995" i="1"/>
  <c r="G40996" i="1"/>
  <c r="G40997" i="1"/>
  <c r="G40998" i="1"/>
  <c r="G40999" i="1"/>
  <c r="G41000" i="1"/>
  <c r="G41001" i="1"/>
  <c r="G41002" i="1"/>
  <c r="G41003" i="1"/>
  <c r="G41004" i="1"/>
  <c r="G41005" i="1"/>
  <c r="G41006" i="1"/>
  <c r="G41007" i="1"/>
  <c r="G41008" i="1"/>
  <c r="G41009" i="1"/>
  <c r="G41010" i="1"/>
  <c r="G41011" i="1"/>
  <c r="G41012" i="1"/>
  <c r="G41013" i="1"/>
  <c r="G41014" i="1"/>
  <c r="G41015" i="1"/>
  <c r="G41016" i="1"/>
  <c r="G41017" i="1"/>
  <c r="G41018" i="1"/>
  <c r="G41019" i="1"/>
  <c r="G41020" i="1"/>
  <c r="G41021" i="1"/>
  <c r="G41022" i="1"/>
  <c r="G41023" i="1"/>
  <c r="G41024" i="1"/>
  <c r="G41025" i="1"/>
  <c r="G41026" i="1"/>
  <c r="G41027" i="1"/>
  <c r="G41028" i="1"/>
  <c r="G41029" i="1"/>
  <c r="G41030" i="1"/>
  <c r="G41031" i="1"/>
  <c r="G41032" i="1"/>
  <c r="G41033" i="1"/>
  <c r="G41034" i="1"/>
  <c r="G41035" i="1"/>
  <c r="G41036" i="1"/>
  <c r="G41037" i="1"/>
  <c r="G41038" i="1"/>
  <c r="G41039" i="1"/>
  <c r="G41040" i="1"/>
  <c r="G41041" i="1"/>
  <c r="G41042" i="1"/>
  <c r="G41043" i="1"/>
  <c r="G41044" i="1"/>
  <c r="G41045" i="1"/>
  <c r="G41046" i="1"/>
  <c r="G41047" i="1"/>
  <c r="G41048" i="1"/>
  <c r="G41049" i="1"/>
  <c r="G41050" i="1"/>
  <c r="G41051" i="1"/>
  <c r="G41052" i="1"/>
  <c r="G41053" i="1"/>
  <c r="G41054" i="1"/>
  <c r="G41055" i="1"/>
  <c r="G41056" i="1"/>
  <c r="G41057" i="1"/>
  <c r="G41058" i="1"/>
  <c r="G41059" i="1"/>
  <c r="G41060" i="1"/>
  <c r="G41061" i="1"/>
  <c r="G41062" i="1"/>
  <c r="G41063" i="1"/>
  <c r="G41064" i="1"/>
  <c r="G41065" i="1"/>
  <c r="G41066" i="1"/>
  <c r="G41067" i="1"/>
  <c r="G41068" i="1"/>
  <c r="G41069" i="1"/>
  <c r="G41070" i="1"/>
  <c r="G41071" i="1"/>
  <c r="G41072" i="1"/>
  <c r="G41073" i="1"/>
  <c r="G41074" i="1"/>
  <c r="G41075" i="1"/>
  <c r="G41076" i="1"/>
  <c r="G41077" i="1"/>
  <c r="G41078" i="1"/>
  <c r="G41079" i="1"/>
  <c r="G41080" i="1"/>
  <c r="G41081" i="1"/>
  <c r="G41082" i="1"/>
  <c r="G41083" i="1"/>
  <c r="G41084" i="1"/>
  <c r="G41085" i="1"/>
  <c r="G41086" i="1"/>
  <c r="G41087" i="1"/>
  <c r="G41088" i="1"/>
  <c r="G41089" i="1"/>
  <c r="G41090" i="1"/>
  <c r="G41091" i="1"/>
  <c r="G41092" i="1"/>
  <c r="G41093" i="1"/>
  <c r="G41094" i="1"/>
  <c r="G41095" i="1"/>
  <c r="G41096" i="1"/>
  <c r="G41097" i="1"/>
  <c r="G41098" i="1"/>
  <c r="G41099" i="1"/>
  <c r="G41100" i="1"/>
  <c r="G41101" i="1"/>
  <c r="G41102" i="1"/>
  <c r="G41103" i="1"/>
  <c r="G41104" i="1"/>
  <c r="G41105" i="1"/>
  <c r="G41106" i="1"/>
  <c r="G41107" i="1"/>
  <c r="G41108" i="1"/>
  <c r="G41109" i="1"/>
  <c r="G41110" i="1"/>
  <c r="G41111" i="1"/>
  <c r="G41112" i="1"/>
  <c r="G41113" i="1"/>
  <c r="G41114" i="1"/>
  <c r="G41115" i="1"/>
  <c r="G41116" i="1"/>
  <c r="G41117" i="1"/>
  <c r="G41118" i="1"/>
  <c r="G41119" i="1"/>
  <c r="G41120" i="1"/>
  <c r="G41121" i="1"/>
  <c r="G41122" i="1"/>
  <c r="G41123" i="1"/>
  <c r="G41124" i="1"/>
  <c r="G41125" i="1"/>
  <c r="G41126" i="1"/>
  <c r="G41127" i="1"/>
  <c r="G41128" i="1"/>
  <c r="G41129" i="1"/>
  <c r="G41130" i="1"/>
  <c r="G41131" i="1"/>
  <c r="G41132" i="1"/>
  <c r="G41133" i="1"/>
  <c r="G41134" i="1"/>
  <c r="G41135" i="1"/>
  <c r="G41136" i="1"/>
  <c r="G41137" i="1"/>
  <c r="G41138" i="1"/>
  <c r="G41139" i="1"/>
  <c r="G41140" i="1"/>
  <c r="G41141" i="1"/>
  <c r="G41142" i="1"/>
  <c r="G41143" i="1"/>
  <c r="G41144" i="1"/>
  <c r="G41145" i="1"/>
  <c r="G41146" i="1"/>
  <c r="G41147" i="1"/>
  <c r="G41148" i="1"/>
  <c r="G41149" i="1"/>
  <c r="G41150" i="1"/>
  <c r="G41151" i="1"/>
  <c r="G41152" i="1"/>
  <c r="G41153" i="1"/>
  <c r="G41154" i="1"/>
  <c r="G41155" i="1"/>
  <c r="G41156" i="1"/>
  <c r="G41157" i="1"/>
  <c r="G41158" i="1"/>
  <c r="G41159" i="1"/>
  <c r="G41160" i="1"/>
  <c r="G41161" i="1"/>
  <c r="G41162" i="1"/>
  <c r="G41163" i="1"/>
  <c r="G41164" i="1"/>
  <c r="G41165" i="1"/>
  <c r="G41166" i="1"/>
  <c r="G41167" i="1"/>
  <c r="G41168" i="1"/>
  <c r="G41169" i="1"/>
  <c r="G41170" i="1"/>
  <c r="G41171" i="1"/>
  <c r="G41172" i="1"/>
  <c r="G41173" i="1"/>
  <c r="G41174" i="1"/>
  <c r="G41175" i="1"/>
  <c r="G41176" i="1"/>
  <c r="G41177" i="1"/>
  <c r="G41178" i="1"/>
  <c r="G41179" i="1"/>
  <c r="G41180" i="1"/>
  <c r="G41181" i="1"/>
  <c r="G41182" i="1"/>
  <c r="G41183" i="1"/>
  <c r="G41184" i="1"/>
  <c r="G41185" i="1"/>
  <c r="G41186" i="1"/>
  <c r="G41187" i="1"/>
  <c r="G41188" i="1"/>
  <c r="G41189" i="1"/>
  <c r="G41190" i="1"/>
  <c r="G41191" i="1"/>
  <c r="G41192" i="1"/>
  <c r="G41193" i="1"/>
  <c r="G41194" i="1"/>
  <c r="G41195" i="1"/>
  <c r="G41196" i="1"/>
  <c r="G41197" i="1"/>
  <c r="G41198" i="1"/>
  <c r="G41199" i="1"/>
  <c r="G41200" i="1"/>
  <c r="G41201" i="1"/>
  <c r="G41202" i="1"/>
  <c r="G41203" i="1"/>
  <c r="G41204" i="1"/>
  <c r="G41205" i="1"/>
  <c r="G41206" i="1"/>
  <c r="G41207" i="1"/>
  <c r="G41208" i="1"/>
  <c r="G41209" i="1"/>
  <c r="G41210" i="1"/>
  <c r="G41211" i="1"/>
  <c r="G41212" i="1"/>
  <c r="G41213" i="1"/>
  <c r="G41214" i="1"/>
  <c r="G41215" i="1"/>
  <c r="G41216" i="1"/>
  <c r="G41217" i="1"/>
  <c r="G41218" i="1"/>
  <c r="G41219" i="1"/>
  <c r="G41220" i="1"/>
  <c r="G41221" i="1"/>
  <c r="G41222" i="1"/>
  <c r="G41223" i="1"/>
  <c r="G41224" i="1"/>
  <c r="G41225" i="1"/>
  <c r="G41226" i="1"/>
  <c r="G41227" i="1"/>
  <c r="G41228" i="1"/>
  <c r="G41229" i="1"/>
  <c r="G41230" i="1"/>
  <c r="G41231" i="1"/>
  <c r="G41232" i="1"/>
  <c r="G41233" i="1"/>
  <c r="G41234" i="1"/>
  <c r="G41235" i="1"/>
  <c r="G41236" i="1"/>
  <c r="G41237" i="1"/>
  <c r="G41238" i="1"/>
  <c r="G41239" i="1"/>
  <c r="G41240" i="1"/>
  <c r="G41241" i="1"/>
  <c r="G41242" i="1"/>
  <c r="G41243" i="1"/>
  <c r="G41244" i="1"/>
  <c r="G41245" i="1"/>
  <c r="G41246" i="1"/>
  <c r="G41247" i="1"/>
  <c r="G41248" i="1"/>
  <c r="G41249" i="1"/>
  <c r="G41250" i="1"/>
  <c r="G41251" i="1"/>
  <c r="G41252" i="1"/>
  <c r="G41253" i="1"/>
  <c r="G41254" i="1"/>
  <c r="G41255" i="1"/>
  <c r="G41256" i="1"/>
  <c r="G41257" i="1"/>
  <c r="G41258" i="1"/>
  <c r="G41259" i="1"/>
  <c r="G41260" i="1"/>
  <c r="G41261" i="1"/>
  <c r="G41262" i="1"/>
  <c r="G41263" i="1"/>
  <c r="G41264" i="1"/>
  <c r="G41265" i="1"/>
  <c r="G41266" i="1"/>
  <c r="G41267" i="1"/>
  <c r="G41268" i="1"/>
  <c r="G41269" i="1"/>
  <c r="G41270" i="1"/>
  <c r="G41271" i="1"/>
  <c r="G41272" i="1"/>
  <c r="G41273" i="1"/>
  <c r="G41274" i="1"/>
  <c r="G41275" i="1"/>
  <c r="G41276" i="1"/>
  <c r="G41277" i="1"/>
  <c r="G41278" i="1"/>
  <c r="G41279" i="1"/>
  <c r="G41280" i="1"/>
  <c r="G41281" i="1"/>
  <c r="G41282" i="1"/>
  <c r="G41283" i="1"/>
  <c r="G41284" i="1"/>
  <c r="G41285" i="1"/>
  <c r="G41286" i="1"/>
  <c r="G41287" i="1"/>
  <c r="G41288" i="1"/>
  <c r="G41289" i="1"/>
  <c r="G41290" i="1"/>
  <c r="G41291" i="1"/>
  <c r="G41292" i="1"/>
  <c r="G41293" i="1"/>
  <c r="G41294" i="1"/>
  <c r="G41295" i="1"/>
  <c r="G41296" i="1"/>
  <c r="G41297" i="1"/>
  <c r="G41298" i="1"/>
  <c r="G41299" i="1"/>
  <c r="G41300" i="1"/>
  <c r="G41301" i="1"/>
  <c r="G41302" i="1"/>
  <c r="G41303" i="1"/>
  <c r="G41304" i="1"/>
  <c r="G41305" i="1"/>
  <c r="G41306" i="1"/>
  <c r="G41307" i="1"/>
  <c r="G41308" i="1"/>
  <c r="G41309" i="1"/>
  <c r="G41310" i="1"/>
  <c r="G41311" i="1"/>
  <c r="G41312" i="1"/>
  <c r="G41313" i="1"/>
  <c r="G41314" i="1"/>
  <c r="G41315" i="1"/>
  <c r="G41316" i="1"/>
  <c r="G41317" i="1"/>
  <c r="G41318" i="1"/>
  <c r="G41319" i="1"/>
  <c r="G41320" i="1"/>
  <c r="G41321" i="1"/>
  <c r="G41322" i="1"/>
  <c r="G41323" i="1"/>
  <c r="G41324" i="1"/>
  <c r="G41325" i="1"/>
  <c r="G41326" i="1"/>
  <c r="G41327" i="1"/>
  <c r="G41328" i="1"/>
  <c r="G41329" i="1"/>
  <c r="G41330" i="1"/>
  <c r="G41331" i="1"/>
  <c r="G41332" i="1"/>
  <c r="G41333" i="1"/>
  <c r="G41334" i="1"/>
  <c r="G41335" i="1"/>
  <c r="G41336" i="1"/>
  <c r="G41337" i="1"/>
  <c r="G41338" i="1"/>
  <c r="G41339" i="1"/>
  <c r="G41340" i="1"/>
  <c r="G41341" i="1"/>
  <c r="G41342" i="1"/>
  <c r="G41343" i="1"/>
  <c r="G41344" i="1"/>
  <c r="G41345" i="1"/>
  <c r="G41346" i="1"/>
  <c r="G41347" i="1"/>
  <c r="G41348" i="1"/>
  <c r="G41349" i="1"/>
  <c r="G41350" i="1"/>
  <c r="G41351" i="1"/>
  <c r="G41352" i="1"/>
  <c r="G41353" i="1"/>
  <c r="G41354" i="1"/>
  <c r="G41355" i="1"/>
  <c r="G41356" i="1"/>
  <c r="G41357" i="1"/>
  <c r="G41358" i="1"/>
  <c r="G41359" i="1"/>
  <c r="G41360" i="1"/>
  <c r="G41361" i="1"/>
  <c r="G41362" i="1"/>
  <c r="G41363" i="1"/>
  <c r="G41364" i="1"/>
  <c r="G41365" i="1"/>
  <c r="G41366" i="1"/>
  <c r="G41367" i="1"/>
  <c r="G41368" i="1"/>
  <c r="G41369" i="1"/>
  <c r="G41370" i="1"/>
  <c r="G41371" i="1"/>
  <c r="G41372" i="1"/>
  <c r="G41373" i="1"/>
  <c r="G41374" i="1"/>
  <c r="G41375" i="1"/>
  <c r="G41376" i="1"/>
  <c r="G41377" i="1"/>
  <c r="G41378" i="1"/>
  <c r="G41379" i="1"/>
  <c r="G41380" i="1"/>
  <c r="G41381" i="1"/>
  <c r="G41382" i="1"/>
  <c r="G41383" i="1"/>
  <c r="G41384" i="1"/>
  <c r="G41385" i="1"/>
  <c r="G41386" i="1"/>
  <c r="G41387" i="1"/>
  <c r="G41388" i="1"/>
  <c r="G41389" i="1"/>
  <c r="G41390" i="1"/>
  <c r="G41391" i="1"/>
  <c r="G41392" i="1"/>
  <c r="G41393" i="1"/>
  <c r="G41394" i="1"/>
  <c r="G41395" i="1"/>
  <c r="G41396" i="1"/>
  <c r="G41397" i="1"/>
  <c r="G41398" i="1"/>
  <c r="G41399" i="1"/>
  <c r="G41400" i="1"/>
  <c r="G41401" i="1"/>
  <c r="G41402" i="1"/>
  <c r="G41403" i="1"/>
  <c r="G41404" i="1"/>
  <c r="G41405" i="1"/>
  <c r="G41406" i="1"/>
  <c r="G41407" i="1"/>
  <c r="G41408" i="1"/>
  <c r="G41409" i="1"/>
  <c r="G41410" i="1"/>
  <c r="G41411" i="1"/>
  <c r="G41412" i="1"/>
  <c r="G41413" i="1"/>
  <c r="G41414" i="1"/>
  <c r="G41415" i="1"/>
  <c r="G41416" i="1"/>
  <c r="G41417" i="1"/>
  <c r="G41418" i="1"/>
  <c r="G41419" i="1"/>
  <c r="G41420" i="1"/>
  <c r="G41421" i="1"/>
  <c r="G41422" i="1"/>
  <c r="G41423" i="1"/>
  <c r="G41424" i="1"/>
  <c r="G41425" i="1"/>
  <c r="G41426" i="1"/>
  <c r="G41427" i="1"/>
  <c r="G41428" i="1"/>
  <c r="G41429" i="1"/>
  <c r="G41430" i="1"/>
  <c r="G41431" i="1"/>
  <c r="G41432" i="1"/>
  <c r="G41433" i="1"/>
  <c r="G41434" i="1"/>
  <c r="G41435" i="1"/>
  <c r="G41436" i="1"/>
  <c r="G41437" i="1"/>
  <c r="G41438" i="1"/>
  <c r="G41439" i="1"/>
  <c r="G41440" i="1"/>
  <c r="G41441" i="1"/>
  <c r="G41442" i="1"/>
  <c r="G41443" i="1"/>
  <c r="G41444" i="1"/>
  <c r="G41445" i="1"/>
  <c r="G41446" i="1"/>
  <c r="G41447" i="1"/>
  <c r="G41448" i="1"/>
  <c r="G41449" i="1"/>
  <c r="G41450" i="1"/>
  <c r="G41451" i="1"/>
  <c r="G41452" i="1"/>
  <c r="G41453" i="1"/>
  <c r="G41454" i="1"/>
  <c r="G41455" i="1"/>
  <c r="G41456" i="1"/>
  <c r="G41457" i="1"/>
  <c r="G41458" i="1"/>
  <c r="G41459" i="1"/>
  <c r="G41460" i="1"/>
  <c r="G41461" i="1"/>
  <c r="G41462" i="1"/>
  <c r="G41463" i="1"/>
  <c r="G41464" i="1"/>
  <c r="G41465" i="1"/>
  <c r="G41466" i="1"/>
  <c r="G41467" i="1"/>
  <c r="G41468" i="1"/>
  <c r="G41469" i="1"/>
  <c r="G41470" i="1"/>
  <c r="G41471" i="1"/>
  <c r="G41472" i="1"/>
  <c r="G41473" i="1"/>
  <c r="G41474" i="1"/>
  <c r="G41475" i="1"/>
  <c r="G41476" i="1"/>
  <c r="G41477" i="1"/>
  <c r="G41478" i="1"/>
  <c r="G41479" i="1"/>
  <c r="G41480" i="1"/>
  <c r="G41481" i="1"/>
  <c r="G41482" i="1"/>
  <c r="G41483" i="1"/>
  <c r="G41484" i="1"/>
  <c r="G41485" i="1"/>
  <c r="G41486" i="1"/>
  <c r="G41487" i="1"/>
  <c r="G41488" i="1"/>
  <c r="G41489" i="1"/>
  <c r="G41490" i="1"/>
  <c r="G41491" i="1"/>
  <c r="G41492" i="1"/>
  <c r="G41493" i="1"/>
  <c r="G41494" i="1"/>
  <c r="G41495" i="1"/>
  <c r="G41496" i="1"/>
  <c r="G41497" i="1"/>
  <c r="G41498" i="1"/>
  <c r="G41499" i="1"/>
  <c r="G41500" i="1"/>
  <c r="G41501" i="1"/>
  <c r="G41502" i="1"/>
  <c r="G41503" i="1"/>
  <c r="G41504" i="1"/>
  <c r="G41505" i="1"/>
  <c r="G41506" i="1"/>
  <c r="G41507" i="1"/>
  <c r="G41508" i="1"/>
  <c r="G41509" i="1"/>
  <c r="G41510" i="1"/>
  <c r="G41511" i="1"/>
  <c r="G41512" i="1"/>
  <c r="G41513" i="1"/>
  <c r="G41514" i="1"/>
  <c r="G41515" i="1"/>
  <c r="G41516" i="1"/>
  <c r="G41517" i="1"/>
  <c r="G41518" i="1"/>
  <c r="G41519" i="1"/>
  <c r="G41520" i="1"/>
  <c r="G41521" i="1"/>
  <c r="G41522" i="1"/>
  <c r="G41523" i="1"/>
  <c r="G41524" i="1"/>
  <c r="G41525" i="1"/>
  <c r="G41526" i="1"/>
  <c r="G41527" i="1"/>
  <c r="G41528" i="1"/>
  <c r="G41529" i="1"/>
  <c r="G41530" i="1"/>
  <c r="G41531" i="1"/>
  <c r="G41532" i="1"/>
  <c r="G41533" i="1"/>
  <c r="G41534" i="1"/>
  <c r="G41535" i="1"/>
  <c r="G41536" i="1"/>
  <c r="G41537" i="1"/>
  <c r="G41538" i="1"/>
  <c r="G41539" i="1"/>
  <c r="G41540" i="1"/>
  <c r="G41541" i="1"/>
  <c r="G41542" i="1"/>
  <c r="G41543" i="1"/>
  <c r="G41544" i="1"/>
  <c r="G41545" i="1"/>
  <c r="G41546" i="1"/>
  <c r="G41547" i="1"/>
  <c r="G41548" i="1"/>
  <c r="G41549" i="1"/>
  <c r="G41550" i="1"/>
  <c r="G41551" i="1"/>
  <c r="G41552" i="1"/>
  <c r="G41553" i="1"/>
  <c r="G41554" i="1"/>
  <c r="G41555" i="1"/>
  <c r="G41556" i="1"/>
  <c r="G41557" i="1"/>
  <c r="G41558" i="1"/>
  <c r="G41559" i="1"/>
  <c r="G41560" i="1"/>
  <c r="G41561" i="1"/>
  <c r="G41562" i="1"/>
  <c r="G41563" i="1"/>
  <c r="G41564" i="1"/>
  <c r="G41565" i="1"/>
  <c r="G41566" i="1"/>
  <c r="G41567" i="1"/>
  <c r="G41568" i="1"/>
  <c r="G41569" i="1"/>
  <c r="G41570" i="1"/>
  <c r="G41571" i="1"/>
  <c r="G41572" i="1"/>
  <c r="G41573" i="1"/>
  <c r="G41574" i="1"/>
  <c r="G41575" i="1"/>
  <c r="G41576" i="1"/>
  <c r="G41577" i="1"/>
  <c r="G41578" i="1"/>
  <c r="G41579" i="1"/>
  <c r="G41580" i="1"/>
  <c r="G41581" i="1"/>
  <c r="G41582" i="1"/>
  <c r="G41583" i="1"/>
  <c r="G41584" i="1"/>
  <c r="G41585" i="1"/>
  <c r="G41586" i="1"/>
  <c r="G41587" i="1"/>
  <c r="G41588" i="1"/>
  <c r="G41589" i="1"/>
  <c r="G41590" i="1"/>
  <c r="G41591" i="1"/>
  <c r="G41592" i="1"/>
  <c r="G41593" i="1"/>
  <c r="G41594" i="1"/>
  <c r="G41595" i="1"/>
  <c r="G41596" i="1"/>
  <c r="G41597" i="1"/>
  <c r="G41598" i="1"/>
  <c r="G41599" i="1"/>
  <c r="G41600" i="1"/>
  <c r="G41601" i="1"/>
  <c r="G41602" i="1"/>
  <c r="G41603" i="1"/>
  <c r="G41604" i="1"/>
  <c r="G41605" i="1"/>
  <c r="G41606" i="1"/>
  <c r="G41607" i="1"/>
  <c r="G41608" i="1"/>
  <c r="G41609" i="1"/>
  <c r="G41610" i="1"/>
  <c r="G41611" i="1"/>
  <c r="G41612" i="1"/>
  <c r="G41613" i="1"/>
  <c r="G41614" i="1"/>
  <c r="G41615" i="1"/>
  <c r="G41616" i="1"/>
  <c r="G41617" i="1"/>
  <c r="G41618" i="1"/>
  <c r="G41619" i="1"/>
  <c r="G41620" i="1"/>
  <c r="G41621" i="1"/>
  <c r="G41622" i="1"/>
  <c r="G41623" i="1"/>
  <c r="G41624" i="1"/>
  <c r="G41625" i="1"/>
  <c r="G41626" i="1"/>
  <c r="G41627" i="1"/>
  <c r="G41628" i="1"/>
  <c r="G41629" i="1"/>
  <c r="G41630" i="1"/>
  <c r="G41631" i="1"/>
  <c r="G41632" i="1"/>
  <c r="G41633" i="1"/>
  <c r="G41634" i="1"/>
  <c r="G41635" i="1"/>
  <c r="G41636" i="1"/>
  <c r="G41637" i="1"/>
  <c r="G41638" i="1"/>
  <c r="G41639" i="1"/>
  <c r="G41640" i="1"/>
  <c r="G41641" i="1"/>
  <c r="G41642" i="1"/>
  <c r="G41643" i="1"/>
  <c r="G41644" i="1"/>
  <c r="G41645" i="1"/>
  <c r="G41646" i="1"/>
  <c r="G41647" i="1"/>
  <c r="G41648" i="1"/>
  <c r="G41649" i="1"/>
  <c r="G41650" i="1"/>
  <c r="G41651" i="1"/>
  <c r="G41652" i="1"/>
  <c r="G41653" i="1"/>
  <c r="G41654" i="1"/>
  <c r="G41655" i="1"/>
  <c r="G41656" i="1"/>
  <c r="G41657" i="1"/>
  <c r="G41658" i="1"/>
  <c r="G41659" i="1"/>
  <c r="G41660" i="1"/>
  <c r="G41661" i="1"/>
  <c r="G41662" i="1"/>
  <c r="G41663" i="1"/>
  <c r="G41664" i="1"/>
  <c r="G41665" i="1"/>
  <c r="G41666" i="1"/>
  <c r="G41667" i="1"/>
  <c r="G41668" i="1"/>
  <c r="G41669" i="1"/>
  <c r="G41670" i="1"/>
  <c r="G41671" i="1"/>
  <c r="G41672" i="1"/>
  <c r="G41673" i="1"/>
  <c r="G41674" i="1"/>
  <c r="G41675" i="1"/>
  <c r="G41676" i="1"/>
  <c r="G41677" i="1"/>
  <c r="G41678" i="1"/>
  <c r="G41679" i="1"/>
  <c r="G41680" i="1"/>
  <c r="G41681" i="1"/>
  <c r="G41682" i="1"/>
  <c r="G41683" i="1"/>
  <c r="G41684" i="1"/>
  <c r="G41685" i="1"/>
  <c r="G41686" i="1"/>
  <c r="G41687" i="1"/>
  <c r="G41688" i="1"/>
  <c r="G41689" i="1"/>
  <c r="G41690" i="1"/>
  <c r="G41691" i="1"/>
  <c r="G41692" i="1"/>
  <c r="G41693" i="1"/>
  <c r="G41694" i="1"/>
  <c r="G41695" i="1"/>
  <c r="G41696" i="1"/>
  <c r="G41697" i="1"/>
  <c r="G41698" i="1"/>
  <c r="G41699" i="1"/>
  <c r="G41700" i="1"/>
  <c r="G41701" i="1"/>
  <c r="G41702" i="1"/>
  <c r="G41703" i="1"/>
  <c r="G41704" i="1"/>
  <c r="G41705" i="1"/>
  <c r="G41706" i="1"/>
  <c r="G41707" i="1"/>
  <c r="G41708" i="1"/>
  <c r="G41709" i="1"/>
  <c r="G41710" i="1"/>
  <c r="G41711" i="1"/>
  <c r="G41712" i="1"/>
  <c r="G41713" i="1"/>
  <c r="G41714" i="1"/>
  <c r="G41715" i="1"/>
  <c r="G41716" i="1"/>
  <c r="G41717" i="1"/>
  <c r="G41718" i="1"/>
  <c r="G41719" i="1"/>
  <c r="G41720" i="1"/>
  <c r="G41721" i="1"/>
  <c r="G41722" i="1"/>
  <c r="G41723" i="1"/>
  <c r="G41724" i="1"/>
  <c r="G41725" i="1"/>
  <c r="G41726" i="1"/>
  <c r="G41727" i="1"/>
  <c r="G41728" i="1"/>
  <c r="G41729" i="1"/>
  <c r="G41730" i="1"/>
  <c r="G41731" i="1"/>
  <c r="G41732" i="1"/>
  <c r="G41733" i="1"/>
  <c r="G41734" i="1"/>
  <c r="G41735" i="1"/>
  <c r="G41736" i="1"/>
  <c r="G41737" i="1"/>
  <c r="G41738" i="1"/>
  <c r="G41739" i="1"/>
  <c r="G41740" i="1"/>
  <c r="G41741" i="1"/>
  <c r="G41742" i="1"/>
  <c r="G41743" i="1"/>
  <c r="G41744" i="1"/>
  <c r="G41745" i="1"/>
  <c r="G41746" i="1"/>
  <c r="G41747" i="1"/>
  <c r="G41748" i="1"/>
  <c r="G41749" i="1"/>
  <c r="G41750" i="1"/>
  <c r="G41751" i="1"/>
  <c r="G41752" i="1"/>
  <c r="G41753" i="1"/>
  <c r="G41754" i="1"/>
  <c r="G41755" i="1"/>
  <c r="G41756" i="1"/>
  <c r="G41757" i="1"/>
  <c r="G41758" i="1"/>
  <c r="G41759" i="1"/>
  <c r="G41760" i="1"/>
  <c r="G41761" i="1"/>
  <c r="G41762" i="1"/>
  <c r="G41763" i="1"/>
  <c r="G41764" i="1"/>
  <c r="G41765" i="1"/>
  <c r="G41766" i="1"/>
  <c r="G41767" i="1"/>
  <c r="G41768" i="1"/>
  <c r="G41769" i="1"/>
  <c r="G41770" i="1"/>
  <c r="G41771" i="1"/>
  <c r="G41772" i="1"/>
  <c r="G41773" i="1"/>
  <c r="G41774" i="1"/>
  <c r="G41775" i="1"/>
  <c r="G41776" i="1"/>
  <c r="G41777" i="1"/>
  <c r="G41778" i="1"/>
  <c r="G41779" i="1"/>
  <c r="G41780" i="1"/>
  <c r="G41781" i="1"/>
  <c r="G41782" i="1"/>
  <c r="G41783" i="1"/>
  <c r="G41784" i="1"/>
  <c r="G41785" i="1"/>
  <c r="G41786" i="1"/>
  <c r="G41787" i="1"/>
  <c r="G41788" i="1"/>
  <c r="G41789" i="1"/>
  <c r="G41790" i="1"/>
  <c r="G41791" i="1"/>
  <c r="G41792" i="1"/>
  <c r="G41793" i="1"/>
  <c r="G41794" i="1"/>
  <c r="G41795" i="1"/>
  <c r="G41796" i="1"/>
  <c r="G41797" i="1"/>
  <c r="G41798" i="1"/>
  <c r="G41799" i="1"/>
  <c r="G41800" i="1"/>
  <c r="G41801" i="1"/>
  <c r="G41802" i="1"/>
  <c r="G41803" i="1"/>
  <c r="G41804" i="1"/>
  <c r="G41805" i="1"/>
  <c r="G41806" i="1"/>
  <c r="G41807" i="1"/>
  <c r="G41808" i="1"/>
  <c r="G41809" i="1"/>
  <c r="G41810" i="1"/>
  <c r="G41811" i="1"/>
  <c r="G41812" i="1"/>
  <c r="G41813" i="1"/>
  <c r="G41814" i="1"/>
  <c r="G41815" i="1"/>
  <c r="G41816" i="1"/>
  <c r="G41817" i="1"/>
  <c r="G41818" i="1"/>
  <c r="G41819" i="1"/>
  <c r="G41820" i="1"/>
  <c r="G41821" i="1"/>
  <c r="G41822" i="1"/>
  <c r="G41823" i="1"/>
  <c r="G41824" i="1"/>
  <c r="G41825" i="1"/>
  <c r="G41826" i="1"/>
  <c r="G41827" i="1"/>
  <c r="G41828" i="1"/>
  <c r="G41829" i="1"/>
  <c r="G41830" i="1"/>
  <c r="G41831" i="1"/>
  <c r="G41832" i="1"/>
  <c r="G41833" i="1"/>
  <c r="G41834" i="1"/>
  <c r="G41835" i="1"/>
  <c r="G41836" i="1"/>
  <c r="G41837" i="1"/>
  <c r="G41838" i="1"/>
  <c r="G41839" i="1"/>
  <c r="G41840" i="1"/>
  <c r="G41841" i="1"/>
  <c r="G41842" i="1"/>
  <c r="G41843" i="1"/>
  <c r="G41844" i="1"/>
  <c r="G41845" i="1"/>
  <c r="G41846" i="1"/>
  <c r="G41847" i="1"/>
  <c r="G41848" i="1"/>
  <c r="G41849" i="1"/>
  <c r="G41850" i="1"/>
  <c r="G41851" i="1"/>
  <c r="G41852" i="1"/>
  <c r="G41853" i="1"/>
  <c r="G41854" i="1"/>
  <c r="G41855" i="1"/>
  <c r="G41856" i="1"/>
  <c r="G41857" i="1"/>
  <c r="G41858" i="1"/>
  <c r="G41859" i="1"/>
  <c r="G41860" i="1"/>
  <c r="G41861" i="1"/>
  <c r="G41862" i="1"/>
  <c r="G41863" i="1"/>
  <c r="G41864" i="1"/>
  <c r="G41865" i="1"/>
  <c r="G41866" i="1"/>
  <c r="G41867" i="1"/>
  <c r="G41868" i="1"/>
  <c r="G41869" i="1"/>
  <c r="G41870" i="1"/>
  <c r="G41871" i="1"/>
  <c r="G41872" i="1"/>
  <c r="G41873" i="1"/>
  <c r="G41874" i="1"/>
  <c r="G41875" i="1"/>
  <c r="G41876" i="1"/>
  <c r="G41877" i="1"/>
  <c r="G41878" i="1"/>
  <c r="G41879" i="1"/>
  <c r="G41880" i="1"/>
  <c r="G41881" i="1"/>
  <c r="G41882" i="1"/>
  <c r="G41883" i="1"/>
  <c r="G41884" i="1"/>
  <c r="G41885" i="1"/>
  <c r="G41886" i="1"/>
  <c r="G41887" i="1"/>
  <c r="G41888" i="1"/>
  <c r="G41889" i="1"/>
  <c r="G41890" i="1"/>
  <c r="G41891" i="1"/>
  <c r="G41892" i="1"/>
  <c r="G41893" i="1"/>
  <c r="G41894" i="1"/>
  <c r="G41895" i="1"/>
  <c r="G41896" i="1"/>
  <c r="G41897" i="1"/>
  <c r="G41898" i="1"/>
  <c r="G41899" i="1"/>
  <c r="G41900" i="1"/>
  <c r="G41901" i="1"/>
  <c r="G41902" i="1"/>
  <c r="G41903" i="1"/>
  <c r="G41904" i="1"/>
  <c r="G41905" i="1"/>
  <c r="G41906" i="1"/>
  <c r="G41907" i="1"/>
  <c r="G41908" i="1"/>
  <c r="G41909" i="1"/>
  <c r="G41910" i="1"/>
  <c r="G41911" i="1"/>
  <c r="G41912" i="1"/>
  <c r="G41913" i="1"/>
  <c r="G41914" i="1"/>
  <c r="G41915" i="1"/>
  <c r="G41916" i="1"/>
  <c r="G41917" i="1"/>
  <c r="G41918" i="1"/>
  <c r="G41919" i="1"/>
  <c r="G41920" i="1"/>
  <c r="G41921" i="1"/>
  <c r="G41922" i="1"/>
  <c r="G41923" i="1"/>
  <c r="G41924" i="1"/>
  <c r="G41925" i="1"/>
  <c r="G41926" i="1"/>
  <c r="G41927" i="1"/>
  <c r="G41928" i="1"/>
  <c r="G41929" i="1"/>
  <c r="G41930" i="1"/>
  <c r="G41931" i="1"/>
  <c r="G41932" i="1"/>
  <c r="G41933" i="1"/>
  <c r="G41934" i="1"/>
  <c r="G41935" i="1"/>
  <c r="G41936" i="1"/>
  <c r="G41937" i="1"/>
  <c r="G41938" i="1"/>
  <c r="G41939" i="1"/>
  <c r="G41940" i="1"/>
  <c r="G41941" i="1"/>
  <c r="G41942" i="1"/>
  <c r="G41943" i="1"/>
  <c r="G41944" i="1"/>
  <c r="G41945" i="1"/>
  <c r="G41946" i="1"/>
  <c r="G41947" i="1"/>
  <c r="G41948" i="1"/>
  <c r="G41949" i="1"/>
  <c r="G41950" i="1"/>
  <c r="G41951" i="1"/>
  <c r="G41952" i="1"/>
  <c r="G41953" i="1"/>
  <c r="G41954" i="1"/>
  <c r="G41955" i="1"/>
  <c r="G41956" i="1"/>
  <c r="G41957" i="1"/>
  <c r="G41958" i="1"/>
  <c r="G41959" i="1"/>
  <c r="G41960" i="1"/>
  <c r="G41961" i="1"/>
  <c r="G41962" i="1"/>
  <c r="G41963" i="1"/>
  <c r="G41964" i="1"/>
  <c r="G41965" i="1"/>
  <c r="G41966" i="1"/>
  <c r="G41967" i="1"/>
  <c r="G41968" i="1"/>
  <c r="G41969" i="1"/>
  <c r="G41970" i="1"/>
  <c r="G41971" i="1"/>
  <c r="G41972" i="1"/>
  <c r="G41973" i="1"/>
  <c r="G41974" i="1"/>
  <c r="G41975" i="1"/>
  <c r="G41976" i="1"/>
  <c r="G41977" i="1"/>
  <c r="G41978" i="1"/>
  <c r="G41979" i="1"/>
  <c r="G41980" i="1"/>
  <c r="G41981" i="1"/>
  <c r="G41982" i="1"/>
  <c r="G41983" i="1"/>
  <c r="G41984" i="1"/>
  <c r="G41985" i="1"/>
  <c r="G41986" i="1"/>
  <c r="G41987" i="1"/>
  <c r="G41988" i="1"/>
  <c r="G41989" i="1"/>
  <c r="G41990" i="1"/>
  <c r="G41991" i="1"/>
  <c r="G41992" i="1"/>
  <c r="G41993" i="1"/>
  <c r="G41994" i="1"/>
  <c r="G41995" i="1"/>
  <c r="G41996" i="1"/>
  <c r="G41997" i="1"/>
  <c r="G41998" i="1"/>
  <c r="G41999" i="1"/>
  <c r="G42000" i="1"/>
  <c r="G42001" i="1"/>
  <c r="G42002" i="1"/>
  <c r="G42003" i="1"/>
  <c r="G42004" i="1"/>
  <c r="G42005" i="1"/>
  <c r="G42006" i="1"/>
  <c r="G42007" i="1"/>
  <c r="G42008" i="1"/>
  <c r="G42009" i="1"/>
  <c r="G42010" i="1"/>
  <c r="G42011" i="1"/>
  <c r="G42012" i="1"/>
  <c r="G42013" i="1"/>
  <c r="G42014" i="1"/>
  <c r="G42015" i="1"/>
  <c r="G42016" i="1"/>
  <c r="G42017" i="1"/>
  <c r="G42018" i="1"/>
  <c r="G42019" i="1"/>
  <c r="G42020" i="1"/>
  <c r="G42021" i="1"/>
  <c r="G42022" i="1"/>
  <c r="G42023" i="1"/>
  <c r="G42024" i="1"/>
  <c r="G42025" i="1"/>
  <c r="G42026" i="1"/>
  <c r="G42027" i="1"/>
  <c r="G42028" i="1"/>
  <c r="G42029" i="1"/>
  <c r="G42030" i="1"/>
  <c r="G42031" i="1"/>
  <c r="G42032" i="1"/>
  <c r="G42033" i="1"/>
  <c r="G42034" i="1"/>
  <c r="G42035" i="1"/>
  <c r="G42036" i="1"/>
  <c r="G42037" i="1"/>
  <c r="G42038" i="1"/>
  <c r="G42039" i="1"/>
  <c r="G42040" i="1"/>
  <c r="G42041" i="1"/>
  <c r="G42042" i="1"/>
  <c r="G42043" i="1"/>
  <c r="G42044" i="1"/>
  <c r="G42045" i="1"/>
  <c r="G42046" i="1"/>
  <c r="G42047" i="1"/>
  <c r="G42048" i="1"/>
  <c r="G42049" i="1"/>
  <c r="G42050" i="1"/>
  <c r="G42051" i="1"/>
  <c r="G42052" i="1"/>
  <c r="G42053" i="1"/>
  <c r="G42054" i="1"/>
  <c r="G42055" i="1"/>
  <c r="G42056" i="1"/>
  <c r="G42057" i="1"/>
  <c r="G42058" i="1"/>
  <c r="G42059" i="1"/>
  <c r="G42060" i="1"/>
  <c r="G42061" i="1"/>
  <c r="G42062" i="1"/>
  <c r="G42063" i="1"/>
  <c r="G42064" i="1"/>
  <c r="G42065" i="1"/>
  <c r="G42066" i="1"/>
  <c r="G42067" i="1"/>
  <c r="G42068" i="1"/>
  <c r="G42069" i="1"/>
  <c r="G42070" i="1"/>
  <c r="G42071" i="1"/>
  <c r="G42072" i="1"/>
  <c r="G42073" i="1"/>
  <c r="G42074" i="1"/>
  <c r="G42075" i="1"/>
  <c r="G42076" i="1"/>
  <c r="G42077" i="1"/>
  <c r="G42078" i="1"/>
  <c r="G42079" i="1"/>
  <c r="G42080" i="1"/>
  <c r="G42081" i="1"/>
  <c r="G42082" i="1"/>
  <c r="G42083" i="1"/>
  <c r="G42084" i="1"/>
  <c r="G42085" i="1"/>
  <c r="G42086" i="1"/>
  <c r="G42087" i="1"/>
  <c r="G42088" i="1"/>
  <c r="G42089" i="1"/>
  <c r="G42090" i="1"/>
  <c r="G42091" i="1"/>
  <c r="G42092" i="1"/>
  <c r="G42093" i="1"/>
  <c r="G42094" i="1"/>
  <c r="G42095" i="1"/>
  <c r="G42096" i="1"/>
  <c r="G42097" i="1"/>
  <c r="G42098" i="1"/>
  <c r="G42099" i="1"/>
  <c r="G42100" i="1"/>
  <c r="G42101" i="1"/>
  <c r="G42102" i="1"/>
  <c r="G42103" i="1"/>
  <c r="G42104" i="1"/>
  <c r="G42105" i="1"/>
  <c r="G42106" i="1"/>
  <c r="G42107" i="1"/>
  <c r="G42108" i="1"/>
  <c r="G42109" i="1"/>
  <c r="G42110" i="1"/>
  <c r="G42111" i="1"/>
  <c r="G42112" i="1"/>
  <c r="G42113" i="1"/>
  <c r="G42114" i="1"/>
  <c r="G42115" i="1"/>
  <c r="G42116" i="1"/>
  <c r="G42117" i="1"/>
  <c r="G42118" i="1"/>
  <c r="G42119" i="1"/>
  <c r="G42120" i="1"/>
  <c r="G42121" i="1"/>
  <c r="G42122" i="1"/>
  <c r="G42123" i="1"/>
  <c r="G42124" i="1"/>
  <c r="G42125" i="1"/>
  <c r="G42126" i="1"/>
  <c r="G42127" i="1"/>
  <c r="G42128" i="1"/>
  <c r="G42129" i="1"/>
  <c r="G42130" i="1"/>
  <c r="G42131" i="1"/>
  <c r="G42132" i="1"/>
  <c r="G42133" i="1"/>
  <c r="G42134" i="1"/>
  <c r="G42135" i="1"/>
  <c r="G42136" i="1"/>
  <c r="G42137" i="1"/>
  <c r="G42138" i="1"/>
  <c r="G42139" i="1"/>
  <c r="G42140" i="1"/>
  <c r="G42141" i="1"/>
  <c r="G42142" i="1"/>
  <c r="G42143" i="1"/>
  <c r="G42144" i="1"/>
  <c r="G42145" i="1"/>
  <c r="G42146" i="1"/>
  <c r="G42147" i="1"/>
  <c r="G42148" i="1"/>
  <c r="G42149" i="1"/>
  <c r="G42150" i="1"/>
  <c r="G42151" i="1"/>
  <c r="G42152" i="1"/>
  <c r="G42153" i="1"/>
  <c r="G42154" i="1"/>
  <c r="G42155" i="1"/>
  <c r="G42156" i="1"/>
  <c r="G42157" i="1"/>
  <c r="G42158" i="1"/>
  <c r="G42159" i="1"/>
  <c r="G42160" i="1"/>
  <c r="G42161" i="1"/>
  <c r="G42162" i="1"/>
  <c r="G42163" i="1"/>
  <c r="G42164" i="1"/>
  <c r="G42165" i="1"/>
  <c r="G42166" i="1"/>
  <c r="G42167" i="1"/>
  <c r="G42168" i="1"/>
  <c r="G42169" i="1"/>
  <c r="G42170" i="1"/>
  <c r="G42171" i="1"/>
  <c r="G42172" i="1"/>
  <c r="G42173" i="1"/>
  <c r="G42174" i="1"/>
  <c r="G42175" i="1"/>
  <c r="G42176" i="1"/>
  <c r="G42177" i="1"/>
  <c r="G42178" i="1"/>
  <c r="G42179" i="1"/>
  <c r="G42180" i="1"/>
  <c r="G42181" i="1"/>
  <c r="G42182" i="1"/>
  <c r="G42183" i="1"/>
  <c r="G42184" i="1"/>
  <c r="G42185" i="1"/>
  <c r="G42186" i="1"/>
  <c r="G42187" i="1"/>
  <c r="G42188" i="1"/>
  <c r="G42189" i="1"/>
  <c r="G42190" i="1"/>
  <c r="G42191" i="1"/>
  <c r="G42192" i="1"/>
  <c r="G42193" i="1"/>
  <c r="G42194" i="1"/>
  <c r="G42195" i="1"/>
  <c r="G42196" i="1"/>
  <c r="G42197" i="1"/>
  <c r="G42198" i="1"/>
  <c r="G42199" i="1"/>
  <c r="G42200" i="1"/>
  <c r="G42201" i="1"/>
  <c r="G42202" i="1"/>
  <c r="G42203" i="1"/>
  <c r="G42204" i="1"/>
  <c r="G42205" i="1"/>
  <c r="G42206" i="1"/>
  <c r="G42207" i="1"/>
  <c r="G42208" i="1"/>
  <c r="G42209" i="1"/>
  <c r="G42210" i="1"/>
  <c r="G42211" i="1"/>
  <c r="G42212" i="1"/>
  <c r="G42213" i="1"/>
  <c r="G42214" i="1"/>
  <c r="G42215" i="1"/>
  <c r="G42216" i="1"/>
  <c r="G42217" i="1"/>
  <c r="G42218" i="1"/>
  <c r="G42219" i="1"/>
  <c r="G42220" i="1"/>
  <c r="G42221" i="1"/>
  <c r="G42222" i="1"/>
  <c r="G42223" i="1"/>
  <c r="G42224" i="1"/>
  <c r="G42225" i="1"/>
  <c r="G42226" i="1"/>
  <c r="G42227" i="1"/>
  <c r="G42228" i="1"/>
  <c r="G42229" i="1"/>
  <c r="G42230" i="1"/>
  <c r="G42231" i="1"/>
  <c r="G42232" i="1"/>
  <c r="G42233" i="1"/>
  <c r="G42234" i="1"/>
  <c r="G42235" i="1"/>
  <c r="G42236" i="1"/>
  <c r="G42237" i="1"/>
  <c r="G42238" i="1"/>
  <c r="G42239" i="1"/>
  <c r="G42240" i="1"/>
  <c r="G42241" i="1"/>
  <c r="G42242" i="1"/>
  <c r="G42243" i="1"/>
  <c r="G42244" i="1"/>
  <c r="G42245" i="1"/>
  <c r="G42246" i="1"/>
  <c r="G42247" i="1"/>
  <c r="G42248" i="1"/>
  <c r="G42249" i="1"/>
  <c r="G42250" i="1"/>
  <c r="G42251" i="1"/>
  <c r="G42252" i="1"/>
  <c r="G42253" i="1"/>
  <c r="G42254" i="1"/>
  <c r="G42255" i="1"/>
  <c r="G42256" i="1"/>
  <c r="G42257" i="1"/>
  <c r="G42258" i="1"/>
  <c r="G42259" i="1"/>
  <c r="G42260" i="1"/>
  <c r="G42261" i="1"/>
  <c r="G42262" i="1"/>
  <c r="G42263" i="1"/>
  <c r="G42264" i="1"/>
  <c r="G42265" i="1"/>
  <c r="G42266" i="1"/>
  <c r="G42267" i="1"/>
  <c r="G42268" i="1"/>
  <c r="G42269" i="1"/>
  <c r="G42270" i="1"/>
  <c r="G42271" i="1"/>
  <c r="G42272" i="1"/>
  <c r="G42273" i="1"/>
  <c r="G42274" i="1"/>
  <c r="G42275" i="1"/>
  <c r="G42276" i="1"/>
  <c r="G42277" i="1"/>
  <c r="G42278" i="1"/>
  <c r="G42279" i="1"/>
  <c r="G42280" i="1"/>
  <c r="G42281" i="1"/>
  <c r="G42282" i="1"/>
  <c r="G42283" i="1"/>
  <c r="G42284" i="1"/>
  <c r="G42285" i="1"/>
  <c r="G42286" i="1"/>
  <c r="G42287" i="1"/>
  <c r="G42288" i="1"/>
  <c r="G42289" i="1"/>
  <c r="G42290" i="1"/>
  <c r="G42291" i="1"/>
  <c r="G42292" i="1"/>
  <c r="G42293" i="1"/>
  <c r="G42294" i="1"/>
  <c r="G42295" i="1"/>
  <c r="G42296" i="1"/>
  <c r="G42297" i="1"/>
  <c r="G42298" i="1"/>
  <c r="G42299" i="1"/>
  <c r="G42300" i="1"/>
  <c r="G42301" i="1"/>
  <c r="G42302" i="1"/>
  <c r="G42303" i="1"/>
  <c r="G42304" i="1"/>
  <c r="G42305" i="1"/>
  <c r="G42306" i="1"/>
  <c r="G42307" i="1"/>
  <c r="G42308" i="1"/>
  <c r="G42309" i="1"/>
  <c r="G42310" i="1"/>
  <c r="G42311" i="1"/>
  <c r="G42312" i="1"/>
  <c r="G42313" i="1"/>
  <c r="G42314" i="1"/>
  <c r="G42315" i="1"/>
  <c r="G42316" i="1"/>
  <c r="G42317" i="1"/>
  <c r="G42318" i="1"/>
  <c r="G42319" i="1"/>
  <c r="G42320" i="1"/>
  <c r="G42321" i="1"/>
  <c r="G42322" i="1"/>
  <c r="G42323" i="1"/>
  <c r="G42324" i="1"/>
  <c r="G42325" i="1"/>
  <c r="G42326" i="1"/>
  <c r="G42327" i="1"/>
  <c r="G42328" i="1"/>
  <c r="G42329" i="1"/>
  <c r="G42330" i="1"/>
  <c r="G42331" i="1"/>
  <c r="G42332" i="1"/>
  <c r="G42333" i="1"/>
  <c r="G42334" i="1"/>
  <c r="G42335" i="1"/>
  <c r="G42336" i="1"/>
  <c r="G42337" i="1"/>
  <c r="G42338" i="1"/>
  <c r="G42339" i="1"/>
  <c r="G42340" i="1"/>
  <c r="G42341" i="1"/>
  <c r="G42342" i="1"/>
  <c r="G42343" i="1"/>
  <c r="G42344" i="1"/>
  <c r="G42345" i="1"/>
  <c r="G42346" i="1"/>
  <c r="G42347" i="1"/>
  <c r="G42348" i="1"/>
  <c r="G42349" i="1"/>
  <c r="G42350" i="1"/>
  <c r="G42351" i="1"/>
  <c r="G42352" i="1"/>
  <c r="G42353" i="1"/>
  <c r="G42354" i="1"/>
  <c r="G42355" i="1"/>
  <c r="G42356" i="1"/>
  <c r="G42357" i="1"/>
  <c r="G42358" i="1"/>
  <c r="G42359" i="1"/>
  <c r="G42360" i="1"/>
  <c r="G42361" i="1"/>
  <c r="G42362" i="1"/>
  <c r="G42363" i="1"/>
  <c r="G42364" i="1"/>
  <c r="G42365" i="1"/>
  <c r="G42366" i="1"/>
  <c r="G42367" i="1"/>
  <c r="G42368" i="1"/>
  <c r="G42369" i="1"/>
  <c r="G42370" i="1"/>
  <c r="G42371" i="1"/>
  <c r="G42372" i="1"/>
  <c r="G42373" i="1"/>
  <c r="G42374" i="1"/>
  <c r="G42375" i="1"/>
  <c r="G42376" i="1"/>
  <c r="G42377" i="1"/>
  <c r="G42378" i="1"/>
  <c r="G42379" i="1"/>
  <c r="G42380" i="1"/>
  <c r="G42381" i="1"/>
  <c r="G42382" i="1"/>
  <c r="G42383" i="1"/>
  <c r="G42384" i="1"/>
  <c r="G42385" i="1"/>
  <c r="G42386" i="1"/>
  <c r="G42387" i="1"/>
  <c r="G42388" i="1"/>
  <c r="G42389" i="1"/>
  <c r="G42390" i="1"/>
  <c r="G42391" i="1"/>
  <c r="G42392" i="1"/>
  <c r="G42393" i="1"/>
  <c r="G42394" i="1"/>
  <c r="G42395" i="1"/>
  <c r="G42396" i="1"/>
  <c r="G42397" i="1"/>
  <c r="G42398" i="1"/>
  <c r="G42399" i="1"/>
  <c r="G42400" i="1"/>
  <c r="G42401" i="1"/>
  <c r="G42402" i="1"/>
  <c r="G42403" i="1"/>
  <c r="G42404" i="1"/>
  <c r="G42405" i="1"/>
  <c r="G42406" i="1"/>
  <c r="G42407" i="1"/>
  <c r="G42408" i="1"/>
  <c r="G42409" i="1"/>
  <c r="G42410" i="1"/>
  <c r="G42411" i="1"/>
  <c r="G42412" i="1"/>
  <c r="G42413" i="1"/>
  <c r="G42414" i="1"/>
  <c r="G42415" i="1"/>
  <c r="G42416" i="1"/>
  <c r="G42417" i="1"/>
  <c r="G42418" i="1"/>
  <c r="G42419" i="1"/>
  <c r="G42420" i="1"/>
  <c r="G42421" i="1"/>
  <c r="G42422" i="1"/>
  <c r="G42423" i="1"/>
  <c r="G42424" i="1"/>
  <c r="G42425" i="1"/>
  <c r="G42426" i="1"/>
  <c r="G42427" i="1"/>
  <c r="G42428" i="1"/>
  <c r="G42429" i="1"/>
  <c r="G42430" i="1"/>
  <c r="G42431" i="1"/>
  <c r="G42432" i="1"/>
  <c r="G42433" i="1"/>
  <c r="G42434" i="1"/>
  <c r="G42435" i="1"/>
  <c r="G42436" i="1"/>
  <c r="G42437" i="1"/>
  <c r="G42438" i="1"/>
  <c r="G42439" i="1"/>
  <c r="G42440" i="1"/>
  <c r="G42441" i="1"/>
  <c r="G42442" i="1"/>
  <c r="G42443" i="1"/>
  <c r="G42444" i="1"/>
  <c r="G42445" i="1"/>
  <c r="G42446" i="1"/>
  <c r="G42447" i="1"/>
  <c r="G42448" i="1"/>
  <c r="G42449" i="1"/>
  <c r="G42450" i="1"/>
  <c r="G42451" i="1"/>
  <c r="G42452" i="1"/>
  <c r="G42453" i="1"/>
  <c r="G42454" i="1"/>
  <c r="G42455" i="1"/>
  <c r="G42456" i="1"/>
  <c r="G42457" i="1"/>
  <c r="G42458" i="1"/>
  <c r="G42459" i="1"/>
  <c r="G42460" i="1"/>
  <c r="G42461" i="1"/>
  <c r="G42462" i="1"/>
  <c r="G42463" i="1"/>
  <c r="G42464" i="1"/>
  <c r="G42465" i="1"/>
  <c r="G42466" i="1"/>
  <c r="G42467" i="1"/>
  <c r="G42468" i="1"/>
  <c r="G42469" i="1"/>
  <c r="G42470" i="1"/>
  <c r="G42471" i="1"/>
  <c r="G42472" i="1"/>
  <c r="G42473" i="1"/>
  <c r="G42474" i="1"/>
  <c r="G42475" i="1"/>
  <c r="G42476" i="1"/>
  <c r="G42477" i="1"/>
  <c r="G42478" i="1"/>
  <c r="G42479" i="1"/>
  <c r="G42480" i="1"/>
  <c r="G42481" i="1"/>
  <c r="G42482" i="1"/>
  <c r="G42483" i="1"/>
  <c r="G42484" i="1"/>
  <c r="G42485" i="1"/>
  <c r="G42486" i="1"/>
  <c r="G42487" i="1"/>
  <c r="G42488" i="1"/>
  <c r="G42489" i="1"/>
  <c r="G42490" i="1"/>
  <c r="G42491" i="1"/>
  <c r="G42492" i="1"/>
  <c r="G42493" i="1"/>
  <c r="G42494" i="1"/>
  <c r="G42495" i="1"/>
  <c r="G42496" i="1"/>
  <c r="G42497" i="1"/>
  <c r="G42498" i="1"/>
  <c r="G42499" i="1"/>
  <c r="G42500" i="1"/>
  <c r="G42501" i="1"/>
  <c r="G42502" i="1"/>
  <c r="G42503" i="1"/>
  <c r="G42504" i="1"/>
  <c r="G42505" i="1"/>
  <c r="G42506" i="1"/>
  <c r="G42507" i="1"/>
  <c r="G42508" i="1"/>
  <c r="G42509" i="1"/>
  <c r="G42510" i="1"/>
  <c r="G42511" i="1"/>
  <c r="G42512" i="1"/>
  <c r="G42513" i="1"/>
  <c r="G42514" i="1"/>
  <c r="G42515" i="1"/>
  <c r="G42516" i="1"/>
  <c r="G42517" i="1"/>
  <c r="G42518" i="1"/>
  <c r="G42519" i="1"/>
  <c r="G42520" i="1"/>
  <c r="G42521" i="1"/>
  <c r="G42522" i="1"/>
  <c r="G42523" i="1"/>
  <c r="G42524" i="1"/>
  <c r="G42525" i="1"/>
  <c r="G42526" i="1"/>
  <c r="G42527" i="1"/>
  <c r="G42528" i="1"/>
  <c r="G42529" i="1"/>
  <c r="G42530" i="1"/>
  <c r="G42531" i="1"/>
  <c r="G42532" i="1"/>
  <c r="G42533" i="1"/>
  <c r="G42534" i="1"/>
  <c r="G42535" i="1"/>
  <c r="G42536" i="1"/>
  <c r="G42537" i="1"/>
  <c r="G42538" i="1"/>
  <c r="G42539" i="1"/>
  <c r="G42540" i="1"/>
  <c r="G42541" i="1"/>
  <c r="G42542" i="1"/>
  <c r="G42543" i="1"/>
  <c r="G42544" i="1"/>
  <c r="G42545" i="1"/>
  <c r="G42546" i="1"/>
  <c r="G42547" i="1"/>
  <c r="G42548" i="1"/>
  <c r="G42549" i="1"/>
  <c r="G42550" i="1"/>
  <c r="G42551" i="1"/>
  <c r="G42552" i="1"/>
  <c r="G42553" i="1"/>
  <c r="G42554" i="1"/>
  <c r="G42555" i="1"/>
  <c r="G42556" i="1"/>
  <c r="G42557" i="1"/>
  <c r="G42558" i="1"/>
  <c r="G42559" i="1"/>
  <c r="G42560" i="1"/>
  <c r="G42561" i="1"/>
  <c r="G42562" i="1"/>
  <c r="G42563" i="1"/>
  <c r="G42564" i="1"/>
  <c r="G42565" i="1"/>
  <c r="G42566" i="1"/>
  <c r="G42567" i="1"/>
  <c r="G42568" i="1"/>
  <c r="G42569" i="1"/>
  <c r="G42570" i="1"/>
  <c r="G42571" i="1"/>
  <c r="G42572" i="1"/>
  <c r="G42573" i="1"/>
  <c r="G42574" i="1"/>
  <c r="G42575" i="1"/>
  <c r="G42576" i="1"/>
  <c r="G42577" i="1"/>
  <c r="G42578" i="1"/>
  <c r="G42579" i="1"/>
  <c r="G42580" i="1"/>
  <c r="G42581" i="1"/>
  <c r="G42582" i="1"/>
  <c r="G42583" i="1"/>
  <c r="G42584" i="1"/>
  <c r="G42585" i="1"/>
  <c r="G42586" i="1"/>
  <c r="G42587" i="1"/>
  <c r="G42588" i="1"/>
  <c r="G42589" i="1"/>
  <c r="G42590" i="1"/>
  <c r="G42591" i="1"/>
  <c r="G42592" i="1"/>
  <c r="G42593" i="1"/>
  <c r="G42594" i="1"/>
  <c r="G42595" i="1"/>
  <c r="G42596" i="1"/>
  <c r="G42597" i="1"/>
  <c r="G42598" i="1"/>
  <c r="G42599" i="1"/>
  <c r="G42600" i="1"/>
  <c r="G42601" i="1"/>
  <c r="G42602" i="1"/>
  <c r="G42603" i="1"/>
  <c r="G42604" i="1"/>
  <c r="G42605" i="1"/>
  <c r="G42606" i="1"/>
  <c r="G42607" i="1"/>
  <c r="G42608" i="1"/>
  <c r="G42609" i="1"/>
  <c r="G42610" i="1"/>
  <c r="G42611" i="1"/>
  <c r="G42612" i="1"/>
  <c r="G42613" i="1"/>
  <c r="G42614" i="1"/>
  <c r="G42615" i="1"/>
  <c r="G42616" i="1"/>
  <c r="G42617" i="1"/>
  <c r="G42618" i="1"/>
  <c r="G42619" i="1"/>
  <c r="G42620" i="1"/>
  <c r="G42621" i="1"/>
  <c r="G42622" i="1"/>
  <c r="G42623" i="1"/>
  <c r="G42624" i="1"/>
  <c r="G42625" i="1"/>
  <c r="G42626" i="1"/>
  <c r="G42627" i="1"/>
  <c r="G42628" i="1"/>
  <c r="G42629" i="1"/>
  <c r="G42630" i="1"/>
  <c r="G42631" i="1"/>
  <c r="G42632" i="1"/>
  <c r="G42633" i="1"/>
  <c r="G42634" i="1"/>
  <c r="G42635" i="1"/>
  <c r="G42636" i="1"/>
  <c r="G42637" i="1"/>
  <c r="G42638" i="1"/>
  <c r="G42639" i="1"/>
  <c r="G42640" i="1"/>
  <c r="G42641" i="1"/>
  <c r="G42642" i="1"/>
  <c r="G42643" i="1"/>
  <c r="G42644" i="1"/>
  <c r="G42645" i="1"/>
  <c r="G42646" i="1"/>
  <c r="G42647" i="1"/>
  <c r="G42648" i="1"/>
  <c r="G42649" i="1"/>
  <c r="G42650" i="1"/>
  <c r="G42651" i="1"/>
  <c r="G42652" i="1"/>
  <c r="G42653" i="1"/>
  <c r="G42654" i="1"/>
  <c r="G42655" i="1"/>
  <c r="G42656" i="1"/>
  <c r="G42657" i="1"/>
  <c r="G42658" i="1"/>
  <c r="G42659" i="1"/>
  <c r="G42660" i="1"/>
  <c r="G42661" i="1"/>
  <c r="G42662" i="1"/>
  <c r="G42663" i="1"/>
  <c r="G42664" i="1"/>
  <c r="G42665" i="1"/>
  <c r="G42666" i="1"/>
  <c r="G42667" i="1"/>
  <c r="G42668" i="1"/>
  <c r="G42669" i="1"/>
  <c r="G42670" i="1"/>
  <c r="G42671" i="1"/>
  <c r="G42672" i="1"/>
  <c r="G42673" i="1"/>
  <c r="G42674" i="1"/>
  <c r="G42675" i="1"/>
  <c r="G42676" i="1"/>
  <c r="G42677" i="1"/>
  <c r="G42678" i="1"/>
  <c r="G42679" i="1"/>
  <c r="G42680" i="1"/>
  <c r="G42681" i="1"/>
  <c r="G42682" i="1"/>
  <c r="G42683" i="1"/>
  <c r="G42684" i="1"/>
  <c r="G42685" i="1"/>
  <c r="G42686" i="1"/>
  <c r="G42687" i="1"/>
  <c r="G42688" i="1"/>
  <c r="G42689" i="1"/>
  <c r="G42690" i="1"/>
  <c r="G42691" i="1"/>
  <c r="G42692" i="1"/>
  <c r="G42693" i="1"/>
  <c r="G42694" i="1"/>
  <c r="G42695" i="1"/>
  <c r="G42696" i="1"/>
  <c r="G42697" i="1"/>
  <c r="G42698" i="1"/>
  <c r="G42699" i="1"/>
  <c r="G42700" i="1"/>
  <c r="G42701" i="1"/>
  <c r="G42702" i="1"/>
  <c r="G42703" i="1"/>
  <c r="G42704" i="1"/>
  <c r="G42705" i="1"/>
  <c r="G42706" i="1"/>
  <c r="G42707" i="1"/>
  <c r="G42708" i="1"/>
  <c r="G42709" i="1"/>
  <c r="G42710" i="1"/>
  <c r="G42711" i="1"/>
  <c r="G42712" i="1"/>
  <c r="G42713" i="1"/>
  <c r="G42714" i="1"/>
  <c r="G42715" i="1"/>
  <c r="G42716" i="1"/>
  <c r="G42717" i="1"/>
  <c r="G42718" i="1"/>
  <c r="G42719" i="1"/>
  <c r="G42720" i="1"/>
  <c r="G42721" i="1"/>
  <c r="G42722" i="1"/>
  <c r="G42723" i="1"/>
  <c r="G42724" i="1"/>
  <c r="G42725" i="1"/>
  <c r="G42726" i="1"/>
  <c r="G42727" i="1"/>
  <c r="G42728" i="1"/>
  <c r="G42729" i="1"/>
  <c r="G42730" i="1"/>
  <c r="G42731" i="1"/>
  <c r="G42732" i="1"/>
  <c r="G42733" i="1"/>
  <c r="G42734" i="1"/>
  <c r="G42735" i="1"/>
  <c r="G42736" i="1"/>
  <c r="G42737" i="1"/>
  <c r="G42738" i="1"/>
  <c r="G42739" i="1"/>
  <c r="G42740" i="1"/>
  <c r="G42741" i="1"/>
  <c r="G42742" i="1"/>
  <c r="G42743" i="1"/>
  <c r="G42744" i="1"/>
  <c r="G42745" i="1"/>
  <c r="G42746" i="1"/>
  <c r="G42747" i="1"/>
  <c r="G42748" i="1"/>
  <c r="G42749" i="1"/>
  <c r="G42750" i="1"/>
  <c r="G42751" i="1"/>
  <c r="G42752" i="1"/>
  <c r="G42753" i="1"/>
  <c r="G42754" i="1"/>
  <c r="G42755" i="1"/>
  <c r="G42756" i="1"/>
  <c r="G42757" i="1"/>
  <c r="G42758" i="1"/>
  <c r="G42759" i="1"/>
  <c r="G42760" i="1"/>
  <c r="G42761" i="1"/>
  <c r="G42762" i="1"/>
  <c r="G42763" i="1"/>
  <c r="G42764" i="1"/>
  <c r="G42765" i="1"/>
  <c r="G42766" i="1"/>
  <c r="G42767" i="1"/>
  <c r="G42768" i="1"/>
  <c r="G42769" i="1"/>
  <c r="G42770" i="1"/>
  <c r="G42771" i="1"/>
  <c r="G42772" i="1"/>
  <c r="G42773" i="1"/>
  <c r="G42774" i="1"/>
  <c r="G42775" i="1"/>
  <c r="G42776" i="1"/>
  <c r="G42777" i="1"/>
  <c r="G42778" i="1"/>
  <c r="G42779" i="1"/>
  <c r="G42780" i="1"/>
  <c r="G42781" i="1"/>
  <c r="G42782" i="1"/>
  <c r="G42783" i="1"/>
  <c r="G42784" i="1"/>
  <c r="G42785" i="1"/>
  <c r="G42786" i="1"/>
  <c r="G42787" i="1"/>
  <c r="G42788" i="1"/>
  <c r="G42789" i="1"/>
  <c r="G42790" i="1"/>
  <c r="G42791" i="1"/>
  <c r="G42792" i="1"/>
  <c r="G42793" i="1"/>
  <c r="G42794" i="1"/>
  <c r="G42795" i="1"/>
  <c r="G42796" i="1"/>
  <c r="G42797" i="1"/>
  <c r="G42798" i="1"/>
  <c r="G42799" i="1"/>
  <c r="G42800" i="1"/>
  <c r="G42801" i="1"/>
  <c r="G42802" i="1"/>
  <c r="G42803" i="1"/>
  <c r="G42804" i="1"/>
  <c r="G42805" i="1"/>
  <c r="G42806" i="1"/>
  <c r="G42807" i="1"/>
  <c r="G42808" i="1"/>
  <c r="G42809" i="1"/>
  <c r="G42810" i="1"/>
  <c r="G42811" i="1"/>
  <c r="G42812" i="1"/>
  <c r="G42813" i="1"/>
  <c r="G42814" i="1"/>
  <c r="G42815" i="1"/>
  <c r="G42816" i="1"/>
  <c r="G42817" i="1"/>
  <c r="G42818" i="1"/>
  <c r="G42819" i="1"/>
  <c r="G42820" i="1"/>
  <c r="G42821" i="1"/>
  <c r="G42822" i="1"/>
  <c r="G42823" i="1"/>
  <c r="G42824" i="1"/>
  <c r="G42825" i="1"/>
  <c r="G42826" i="1"/>
  <c r="G42827" i="1"/>
  <c r="G42828" i="1"/>
  <c r="G42829" i="1"/>
  <c r="G42830" i="1"/>
  <c r="G42831" i="1"/>
  <c r="G42832" i="1"/>
  <c r="G42833" i="1"/>
  <c r="G42834" i="1"/>
  <c r="G42835" i="1"/>
  <c r="G42836" i="1"/>
  <c r="G42837" i="1"/>
  <c r="G42838" i="1"/>
  <c r="G42839" i="1"/>
  <c r="G42840" i="1"/>
  <c r="G42841" i="1"/>
  <c r="G42842" i="1"/>
  <c r="G42843" i="1"/>
  <c r="G42844" i="1"/>
  <c r="G42845" i="1"/>
  <c r="G42846" i="1"/>
  <c r="G42847" i="1"/>
  <c r="G42848" i="1"/>
  <c r="G42849" i="1"/>
  <c r="G42850" i="1"/>
  <c r="G42851" i="1"/>
  <c r="G42852" i="1"/>
  <c r="G42853" i="1"/>
  <c r="G42854" i="1"/>
  <c r="G42855" i="1"/>
  <c r="G42856" i="1"/>
  <c r="G42857" i="1"/>
  <c r="G42858" i="1"/>
  <c r="G42859" i="1"/>
  <c r="G42860" i="1"/>
  <c r="G42861" i="1"/>
  <c r="G42862" i="1"/>
  <c r="G42863" i="1"/>
  <c r="G42864" i="1"/>
  <c r="G42865" i="1"/>
  <c r="G42866" i="1"/>
  <c r="G42867" i="1"/>
  <c r="G42868" i="1"/>
  <c r="G42869" i="1"/>
  <c r="G42870" i="1"/>
  <c r="G42871" i="1"/>
  <c r="G42872" i="1"/>
  <c r="G42873" i="1"/>
  <c r="G42874" i="1"/>
  <c r="G42875" i="1"/>
  <c r="G42876" i="1"/>
  <c r="G42877" i="1"/>
  <c r="G42878" i="1"/>
  <c r="G42879" i="1"/>
  <c r="G42880" i="1"/>
  <c r="G42881" i="1"/>
  <c r="G42882" i="1"/>
  <c r="G42883" i="1"/>
  <c r="G42884" i="1"/>
  <c r="G42885" i="1"/>
  <c r="G42886" i="1"/>
  <c r="G42887" i="1"/>
  <c r="G42888" i="1"/>
  <c r="G42889" i="1"/>
  <c r="G42890" i="1"/>
  <c r="G42891" i="1"/>
  <c r="G42892" i="1"/>
  <c r="G42893" i="1"/>
  <c r="G42894" i="1"/>
  <c r="G42895" i="1"/>
  <c r="G42896" i="1"/>
  <c r="G42897" i="1"/>
  <c r="G42898" i="1"/>
  <c r="G42899" i="1"/>
  <c r="G42900" i="1"/>
  <c r="G42901" i="1"/>
  <c r="G42902" i="1"/>
  <c r="G42903" i="1"/>
  <c r="G42904" i="1"/>
  <c r="G42905" i="1"/>
  <c r="G42906" i="1"/>
  <c r="G42907" i="1"/>
  <c r="G42908" i="1"/>
  <c r="G42909" i="1"/>
  <c r="G42910" i="1"/>
  <c r="G42911" i="1"/>
  <c r="G42912" i="1"/>
  <c r="G42913" i="1"/>
  <c r="G42914" i="1"/>
  <c r="G42915" i="1"/>
  <c r="G42916" i="1"/>
  <c r="G42917" i="1"/>
  <c r="G42918" i="1"/>
  <c r="G42919" i="1"/>
  <c r="G42920" i="1"/>
  <c r="G42921" i="1"/>
  <c r="G42922" i="1"/>
  <c r="G42923" i="1"/>
  <c r="G42924" i="1"/>
  <c r="G42925" i="1"/>
  <c r="G42926" i="1"/>
  <c r="G42927" i="1"/>
  <c r="G42928" i="1"/>
  <c r="G42929" i="1"/>
  <c r="G42930" i="1"/>
  <c r="G42931" i="1"/>
  <c r="G42932" i="1"/>
  <c r="G42933" i="1"/>
  <c r="G42934" i="1"/>
  <c r="G42935" i="1"/>
  <c r="G42936" i="1"/>
  <c r="G42937" i="1"/>
  <c r="G42938" i="1"/>
  <c r="G42939" i="1"/>
  <c r="G42940" i="1"/>
  <c r="G42941" i="1"/>
  <c r="G42942" i="1"/>
  <c r="G42943" i="1"/>
  <c r="G42944" i="1"/>
  <c r="G42945" i="1"/>
  <c r="G42946" i="1"/>
  <c r="G42947" i="1"/>
  <c r="G42948" i="1"/>
  <c r="G42949" i="1"/>
  <c r="G42950" i="1"/>
  <c r="G42951" i="1"/>
  <c r="G42952" i="1"/>
  <c r="G42953" i="1"/>
  <c r="G42954" i="1"/>
  <c r="G42955" i="1"/>
  <c r="G42956" i="1"/>
  <c r="G42957" i="1"/>
  <c r="G42958" i="1"/>
  <c r="G42959" i="1"/>
  <c r="G42960" i="1"/>
  <c r="G42961" i="1"/>
  <c r="G42962" i="1"/>
  <c r="G42963" i="1"/>
  <c r="G42964" i="1"/>
  <c r="G42965" i="1"/>
  <c r="G42966" i="1"/>
  <c r="G42967" i="1"/>
  <c r="G42968" i="1"/>
  <c r="G42969" i="1"/>
  <c r="G42970" i="1"/>
  <c r="G42971" i="1"/>
  <c r="G42972" i="1"/>
  <c r="G42973" i="1"/>
  <c r="G42974" i="1"/>
  <c r="G42975" i="1"/>
  <c r="G42976" i="1"/>
  <c r="G42977" i="1"/>
  <c r="G42978" i="1"/>
  <c r="G42979" i="1"/>
  <c r="G42980" i="1"/>
  <c r="G42981" i="1"/>
  <c r="G42982" i="1"/>
  <c r="G42983" i="1"/>
  <c r="G42984" i="1"/>
  <c r="G42985" i="1"/>
  <c r="G42986" i="1"/>
  <c r="G42987" i="1"/>
  <c r="G42988" i="1"/>
  <c r="G42989" i="1"/>
  <c r="G42990" i="1"/>
  <c r="G42991" i="1"/>
  <c r="G42992" i="1"/>
  <c r="G42993" i="1"/>
  <c r="G42994" i="1"/>
  <c r="G42995" i="1"/>
  <c r="G42996" i="1"/>
  <c r="G42997" i="1"/>
  <c r="G42998" i="1"/>
  <c r="G42999" i="1"/>
  <c r="G43000" i="1"/>
  <c r="G43001" i="1"/>
  <c r="G43002" i="1"/>
  <c r="G43003" i="1"/>
  <c r="G43004" i="1"/>
  <c r="G43005" i="1"/>
  <c r="G43006" i="1"/>
  <c r="G43007" i="1"/>
  <c r="G43008" i="1"/>
  <c r="G43009" i="1"/>
  <c r="G43010" i="1"/>
  <c r="G43011" i="1"/>
  <c r="G43012" i="1"/>
  <c r="G43013" i="1"/>
  <c r="G43014" i="1"/>
  <c r="G43015" i="1"/>
  <c r="G43016" i="1"/>
  <c r="G43017" i="1"/>
  <c r="G43018" i="1"/>
  <c r="G43019" i="1"/>
  <c r="G43020" i="1"/>
  <c r="G43021" i="1"/>
  <c r="G43022" i="1"/>
  <c r="G43023" i="1"/>
  <c r="G43024" i="1"/>
  <c r="G43025" i="1"/>
  <c r="G43026" i="1"/>
  <c r="G43027" i="1"/>
  <c r="G43028" i="1"/>
  <c r="G43029" i="1"/>
  <c r="G43030" i="1"/>
  <c r="G43031" i="1"/>
  <c r="G43032" i="1"/>
  <c r="G43033" i="1"/>
  <c r="G43034" i="1"/>
  <c r="G43035" i="1"/>
  <c r="G43036" i="1"/>
  <c r="G43037" i="1"/>
  <c r="G43038" i="1"/>
  <c r="G43039" i="1"/>
  <c r="G43040" i="1"/>
  <c r="G43041" i="1"/>
  <c r="G43042" i="1"/>
  <c r="G43043" i="1"/>
  <c r="G43044" i="1"/>
  <c r="G43045" i="1"/>
  <c r="G43046" i="1"/>
  <c r="G43047" i="1"/>
  <c r="G43048" i="1"/>
  <c r="G43049" i="1"/>
  <c r="G43050" i="1"/>
  <c r="G43051" i="1"/>
  <c r="G43052" i="1"/>
  <c r="G43053" i="1"/>
  <c r="G43054" i="1"/>
  <c r="G43055" i="1"/>
  <c r="G43056" i="1"/>
  <c r="G43057" i="1"/>
  <c r="G43058" i="1"/>
  <c r="G43059" i="1"/>
  <c r="G43060" i="1"/>
  <c r="G43061" i="1"/>
  <c r="G43062" i="1"/>
  <c r="G43063" i="1"/>
  <c r="G43064" i="1"/>
  <c r="G43065" i="1"/>
  <c r="G43066" i="1"/>
  <c r="G43067" i="1"/>
  <c r="G43068" i="1"/>
  <c r="G43069" i="1"/>
  <c r="G43070" i="1"/>
  <c r="G43071" i="1"/>
  <c r="G43072" i="1"/>
  <c r="G43073" i="1"/>
  <c r="G43074" i="1"/>
  <c r="G43075" i="1"/>
  <c r="G43076" i="1"/>
  <c r="G43077" i="1"/>
  <c r="G43078" i="1"/>
  <c r="G43079" i="1"/>
  <c r="G43080" i="1"/>
  <c r="G43081" i="1"/>
  <c r="G43082" i="1"/>
  <c r="G43083" i="1"/>
  <c r="G43084" i="1"/>
  <c r="G43085" i="1"/>
  <c r="G43086" i="1"/>
  <c r="G43087" i="1"/>
  <c r="G43088" i="1"/>
  <c r="G43089" i="1"/>
  <c r="G43090" i="1"/>
  <c r="G43091" i="1"/>
  <c r="G43092" i="1"/>
  <c r="G43093" i="1"/>
  <c r="G43094" i="1"/>
  <c r="G43095" i="1"/>
  <c r="G43096" i="1"/>
  <c r="G43097" i="1"/>
  <c r="G43098" i="1"/>
  <c r="G43099" i="1"/>
  <c r="G43100" i="1"/>
  <c r="G43101" i="1"/>
  <c r="G43102" i="1"/>
  <c r="G43103" i="1"/>
  <c r="G43104" i="1"/>
  <c r="G43105" i="1"/>
  <c r="G43106" i="1"/>
  <c r="G43107" i="1"/>
  <c r="G43108" i="1"/>
  <c r="G43109" i="1"/>
  <c r="G43110" i="1"/>
  <c r="G43111" i="1"/>
  <c r="G43112" i="1"/>
  <c r="G43113" i="1"/>
  <c r="G43114" i="1"/>
  <c r="G43115" i="1"/>
  <c r="G43116" i="1"/>
  <c r="G43117" i="1"/>
  <c r="G43118" i="1"/>
  <c r="G43119" i="1"/>
  <c r="G43120" i="1"/>
  <c r="G43121" i="1"/>
  <c r="G43122" i="1"/>
  <c r="G43123" i="1"/>
  <c r="G43124" i="1"/>
  <c r="G43125" i="1"/>
  <c r="G43126" i="1"/>
  <c r="G43127" i="1"/>
  <c r="G43128" i="1"/>
  <c r="G43129" i="1"/>
  <c r="G43130" i="1"/>
  <c r="G43131" i="1"/>
  <c r="G43132" i="1"/>
  <c r="G43133" i="1"/>
  <c r="G43134" i="1"/>
  <c r="G43135" i="1"/>
  <c r="G43136" i="1"/>
  <c r="G43137" i="1"/>
  <c r="G43138" i="1"/>
  <c r="G43139" i="1"/>
  <c r="G43140" i="1"/>
  <c r="G43141" i="1"/>
  <c r="G43142" i="1"/>
  <c r="G43143" i="1"/>
  <c r="G43144" i="1"/>
  <c r="G43145" i="1"/>
  <c r="G43146" i="1"/>
  <c r="G43147" i="1"/>
  <c r="G43148" i="1"/>
  <c r="G43149" i="1"/>
  <c r="G43150" i="1"/>
  <c r="G43151" i="1"/>
  <c r="G43152" i="1"/>
  <c r="G43153" i="1"/>
  <c r="G43154" i="1"/>
  <c r="G43155" i="1"/>
  <c r="G43156" i="1"/>
  <c r="G43157" i="1"/>
  <c r="G43158" i="1"/>
  <c r="G43159" i="1"/>
  <c r="G43160" i="1"/>
  <c r="G43161" i="1"/>
  <c r="G43162" i="1"/>
  <c r="G43163" i="1"/>
  <c r="G43164" i="1"/>
  <c r="G43165" i="1"/>
  <c r="G43166" i="1"/>
  <c r="G43167" i="1"/>
  <c r="G43168" i="1"/>
  <c r="G43169" i="1"/>
  <c r="G43170" i="1"/>
  <c r="G43171" i="1"/>
  <c r="G43172" i="1"/>
  <c r="G43173" i="1"/>
  <c r="G43174" i="1"/>
  <c r="G43175" i="1"/>
  <c r="G43176" i="1"/>
  <c r="G43177" i="1"/>
  <c r="G43178" i="1"/>
  <c r="G43179" i="1"/>
  <c r="G43180" i="1"/>
  <c r="G43181" i="1"/>
  <c r="G43182" i="1"/>
  <c r="G43183" i="1"/>
  <c r="G43184" i="1"/>
  <c r="G43185" i="1"/>
  <c r="G43186" i="1"/>
  <c r="G43187" i="1"/>
  <c r="G43188" i="1"/>
  <c r="G43189" i="1"/>
  <c r="G43190" i="1"/>
  <c r="G43191" i="1"/>
  <c r="G43192" i="1"/>
  <c r="G43193" i="1"/>
  <c r="G43194" i="1"/>
  <c r="G43195" i="1"/>
  <c r="G43196" i="1"/>
  <c r="G43197" i="1"/>
  <c r="G43198" i="1"/>
  <c r="G43199" i="1"/>
  <c r="G43200" i="1"/>
  <c r="G43201" i="1"/>
  <c r="G43202" i="1"/>
  <c r="G43203" i="1"/>
  <c r="G43204" i="1"/>
  <c r="G43205" i="1"/>
  <c r="G43206" i="1"/>
  <c r="G43207" i="1"/>
  <c r="G43208" i="1"/>
  <c r="G43209" i="1"/>
  <c r="G43210" i="1"/>
  <c r="G43211" i="1"/>
  <c r="G43212" i="1"/>
  <c r="G43213" i="1"/>
  <c r="G43214" i="1"/>
  <c r="G43215" i="1"/>
  <c r="G43216" i="1"/>
  <c r="G43217" i="1"/>
  <c r="G43218" i="1"/>
  <c r="G43219" i="1"/>
  <c r="G43220" i="1"/>
  <c r="G43221" i="1"/>
  <c r="G43222" i="1"/>
  <c r="G43223" i="1"/>
  <c r="G43224" i="1"/>
  <c r="G43225" i="1"/>
  <c r="G43226" i="1"/>
  <c r="G43227" i="1"/>
  <c r="G43228" i="1"/>
  <c r="G43229" i="1"/>
  <c r="G43230" i="1"/>
  <c r="G43231" i="1"/>
  <c r="G43232" i="1"/>
  <c r="G43233" i="1"/>
  <c r="G43234" i="1"/>
  <c r="G43235" i="1"/>
  <c r="G43236" i="1"/>
  <c r="G43237" i="1"/>
  <c r="G43238" i="1"/>
  <c r="G43239" i="1"/>
  <c r="G43240" i="1"/>
  <c r="G43241" i="1"/>
  <c r="G43242" i="1"/>
  <c r="G43243" i="1"/>
  <c r="G43244" i="1"/>
  <c r="G43245" i="1"/>
  <c r="G43246" i="1"/>
  <c r="G43247" i="1"/>
  <c r="G43248" i="1"/>
  <c r="G43249" i="1"/>
  <c r="G43250" i="1"/>
  <c r="G43251" i="1"/>
  <c r="G43252" i="1"/>
  <c r="G43253" i="1"/>
  <c r="G43254" i="1"/>
  <c r="G43255" i="1"/>
  <c r="G43256" i="1"/>
  <c r="G43257" i="1"/>
  <c r="G43258" i="1"/>
  <c r="G43259" i="1"/>
  <c r="G43260" i="1"/>
  <c r="G43261" i="1"/>
  <c r="G43262" i="1"/>
  <c r="G43263" i="1"/>
  <c r="G43264" i="1"/>
  <c r="G43265" i="1"/>
  <c r="G43266" i="1"/>
  <c r="G43267" i="1"/>
  <c r="G43268" i="1"/>
  <c r="G43269" i="1"/>
  <c r="G43270" i="1"/>
  <c r="G43271" i="1"/>
  <c r="G43272" i="1"/>
  <c r="G43273" i="1"/>
  <c r="G43274" i="1"/>
  <c r="G43275" i="1"/>
  <c r="G43276" i="1"/>
  <c r="G43277" i="1"/>
  <c r="G43278" i="1"/>
  <c r="G43279" i="1"/>
  <c r="G43280" i="1"/>
  <c r="G43281" i="1"/>
  <c r="G43282" i="1"/>
  <c r="G43283" i="1"/>
  <c r="G43284" i="1"/>
  <c r="G43285" i="1"/>
  <c r="G43286" i="1"/>
  <c r="G43287" i="1"/>
  <c r="G43288" i="1"/>
  <c r="G43289" i="1"/>
  <c r="G43290" i="1"/>
  <c r="G43291" i="1"/>
  <c r="G43292" i="1"/>
  <c r="G43293" i="1"/>
  <c r="G43294" i="1"/>
  <c r="G43295" i="1"/>
  <c r="G43296" i="1"/>
  <c r="G43297" i="1"/>
  <c r="G43298" i="1"/>
  <c r="G43299" i="1"/>
  <c r="G43300" i="1"/>
  <c r="G43301" i="1"/>
  <c r="G43302" i="1"/>
  <c r="G43303" i="1"/>
  <c r="G43304" i="1"/>
  <c r="G43305" i="1"/>
  <c r="G43306" i="1"/>
  <c r="G43307" i="1"/>
  <c r="G43308" i="1"/>
  <c r="G43309" i="1"/>
  <c r="G43310" i="1"/>
  <c r="G43311" i="1"/>
  <c r="G43312" i="1"/>
  <c r="G43313" i="1"/>
  <c r="G43314" i="1"/>
  <c r="G43315" i="1"/>
  <c r="G43316" i="1"/>
  <c r="G43317" i="1"/>
  <c r="G43318" i="1"/>
  <c r="G43319" i="1"/>
  <c r="G43320" i="1"/>
  <c r="G43321" i="1"/>
  <c r="G43322" i="1"/>
  <c r="G43323" i="1"/>
  <c r="G43324" i="1"/>
  <c r="G43325" i="1"/>
  <c r="G43326" i="1"/>
  <c r="G43327" i="1"/>
  <c r="G43328" i="1"/>
  <c r="G43329" i="1"/>
  <c r="G43330" i="1"/>
  <c r="G43331" i="1"/>
  <c r="G43332" i="1"/>
  <c r="G43333" i="1"/>
  <c r="G43334" i="1"/>
  <c r="G43335" i="1"/>
  <c r="G43336" i="1"/>
  <c r="G43337" i="1"/>
  <c r="G43338" i="1"/>
  <c r="G43339" i="1"/>
  <c r="G43340" i="1"/>
  <c r="G43341" i="1"/>
  <c r="G43342" i="1"/>
  <c r="G43343" i="1"/>
  <c r="G43344" i="1"/>
  <c r="G43345" i="1"/>
  <c r="G43346" i="1"/>
  <c r="G43347" i="1"/>
  <c r="G43348" i="1"/>
  <c r="G43349" i="1"/>
  <c r="G43350" i="1"/>
  <c r="G43351" i="1"/>
  <c r="G43352" i="1"/>
  <c r="G43353" i="1"/>
  <c r="G43354" i="1"/>
  <c r="G43355" i="1"/>
  <c r="G43356" i="1"/>
  <c r="G43357" i="1"/>
  <c r="G43358" i="1"/>
  <c r="G43359" i="1"/>
  <c r="G43360" i="1"/>
  <c r="G43361" i="1"/>
  <c r="G43362" i="1"/>
  <c r="G43363" i="1"/>
  <c r="G43364" i="1"/>
  <c r="G43365" i="1"/>
  <c r="G43366" i="1"/>
  <c r="G43367" i="1"/>
  <c r="G43368" i="1"/>
  <c r="G43369" i="1"/>
  <c r="G43370" i="1"/>
  <c r="G43371" i="1"/>
  <c r="G43372" i="1"/>
  <c r="G43373" i="1"/>
  <c r="G43374" i="1"/>
  <c r="G43375" i="1"/>
  <c r="G43376" i="1"/>
  <c r="G43377" i="1"/>
  <c r="G43378" i="1"/>
  <c r="G43379" i="1"/>
  <c r="G43380" i="1"/>
  <c r="G43381" i="1"/>
  <c r="G43382" i="1"/>
  <c r="G43383" i="1"/>
  <c r="G43384" i="1"/>
  <c r="G43385" i="1"/>
  <c r="G43386" i="1"/>
  <c r="G43387" i="1"/>
  <c r="G43388" i="1"/>
  <c r="G43389" i="1"/>
  <c r="G43390" i="1"/>
  <c r="G43391" i="1"/>
  <c r="G43392" i="1"/>
  <c r="G43393" i="1"/>
  <c r="G43394" i="1"/>
  <c r="G43395" i="1"/>
  <c r="G43396" i="1"/>
  <c r="G43397" i="1"/>
  <c r="G43398" i="1"/>
  <c r="G43399" i="1"/>
  <c r="G43400" i="1"/>
  <c r="G43401" i="1"/>
  <c r="G43402" i="1"/>
  <c r="G43403" i="1"/>
  <c r="G43404" i="1"/>
  <c r="G43405" i="1"/>
  <c r="G43406" i="1"/>
  <c r="G43407" i="1"/>
  <c r="G43408" i="1"/>
  <c r="G43409" i="1"/>
  <c r="G43410" i="1"/>
  <c r="G43411" i="1"/>
  <c r="G43412" i="1"/>
  <c r="G43413" i="1"/>
  <c r="G43414" i="1"/>
  <c r="G43415" i="1"/>
  <c r="G43416" i="1"/>
  <c r="G43417" i="1"/>
  <c r="G43418" i="1"/>
  <c r="G43419" i="1"/>
  <c r="G43420" i="1"/>
  <c r="G43421" i="1"/>
  <c r="G43422" i="1"/>
  <c r="G43423" i="1"/>
  <c r="G43424" i="1"/>
  <c r="G43425" i="1"/>
  <c r="G43426" i="1"/>
  <c r="G43427" i="1"/>
  <c r="G43428" i="1"/>
  <c r="G43429" i="1"/>
  <c r="G43430" i="1"/>
  <c r="G43431" i="1"/>
  <c r="G43432" i="1"/>
  <c r="G43433" i="1"/>
  <c r="G43434" i="1"/>
  <c r="G43435" i="1"/>
  <c r="G43436" i="1"/>
  <c r="G43437" i="1"/>
  <c r="G43438" i="1"/>
  <c r="G43439" i="1"/>
  <c r="G43440" i="1"/>
  <c r="G43441" i="1"/>
  <c r="G43442" i="1"/>
  <c r="G43443" i="1"/>
  <c r="G43444" i="1"/>
  <c r="G43445" i="1"/>
  <c r="G43446" i="1"/>
  <c r="G43447" i="1"/>
  <c r="G43448" i="1"/>
  <c r="G43449" i="1"/>
  <c r="G43450" i="1"/>
  <c r="G43451" i="1"/>
  <c r="G43452" i="1"/>
  <c r="G43453" i="1"/>
  <c r="G43454" i="1"/>
  <c r="G43455" i="1"/>
  <c r="G43456" i="1"/>
  <c r="G43457" i="1"/>
  <c r="G43458" i="1"/>
  <c r="G43459" i="1"/>
  <c r="G43460" i="1"/>
  <c r="G43461" i="1"/>
  <c r="G43462" i="1"/>
  <c r="G43463" i="1"/>
  <c r="G43464" i="1"/>
  <c r="G43465" i="1"/>
  <c r="G43466" i="1"/>
  <c r="G43467" i="1"/>
  <c r="G43468" i="1"/>
  <c r="G43469" i="1"/>
  <c r="G43470" i="1"/>
  <c r="G43471" i="1"/>
  <c r="G43472" i="1"/>
  <c r="G43473" i="1"/>
  <c r="G43474" i="1"/>
  <c r="G43475" i="1"/>
  <c r="G43476" i="1"/>
  <c r="G43477" i="1"/>
  <c r="G43478" i="1"/>
  <c r="G43479" i="1"/>
  <c r="G43480" i="1"/>
  <c r="G43481" i="1"/>
  <c r="G43482" i="1"/>
  <c r="G43483" i="1"/>
  <c r="G43484" i="1"/>
  <c r="G43485" i="1"/>
  <c r="G43486" i="1"/>
  <c r="G43487" i="1"/>
  <c r="G43488" i="1"/>
  <c r="G43489" i="1"/>
  <c r="G43490" i="1"/>
  <c r="G43491" i="1"/>
  <c r="G43492" i="1"/>
  <c r="G43493" i="1"/>
  <c r="G43494" i="1"/>
  <c r="G43495" i="1"/>
  <c r="G43496" i="1"/>
  <c r="G43497" i="1"/>
  <c r="G43498" i="1"/>
  <c r="G43499" i="1"/>
  <c r="G43500" i="1"/>
  <c r="G43501" i="1"/>
  <c r="G43502" i="1"/>
  <c r="G43503" i="1"/>
  <c r="G43504" i="1"/>
  <c r="G43505" i="1"/>
  <c r="G43506" i="1"/>
  <c r="G43507" i="1"/>
  <c r="G43508" i="1"/>
  <c r="G43509" i="1"/>
  <c r="G43510" i="1"/>
  <c r="G43511" i="1"/>
  <c r="G43512" i="1"/>
  <c r="G43513" i="1"/>
  <c r="G43514" i="1"/>
  <c r="G43515" i="1"/>
  <c r="G43516" i="1"/>
  <c r="G43517" i="1"/>
  <c r="G43518" i="1"/>
  <c r="G43519" i="1"/>
  <c r="G43520" i="1"/>
  <c r="G43521" i="1"/>
  <c r="G43522" i="1"/>
  <c r="G43523" i="1"/>
  <c r="G43524" i="1"/>
  <c r="G43525" i="1"/>
  <c r="G43526" i="1"/>
  <c r="G43527" i="1"/>
  <c r="G43528" i="1"/>
  <c r="G43529" i="1"/>
  <c r="G43530" i="1"/>
  <c r="G43531" i="1"/>
  <c r="G43532" i="1"/>
  <c r="G43533" i="1"/>
  <c r="G43534" i="1"/>
  <c r="G43535" i="1"/>
  <c r="G43536" i="1"/>
  <c r="G43537" i="1"/>
  <c r="G43538" i="1"/>
  <c r="G43539" i="1"/>
  <c r="G43540" i="1"/>
  <c r="G43541" i="1"/>
  <c r="G43542" i="1"/>
  <c r="G43543" i="1"/>
  <c r="G43544" i="1"/>
  <c r="G43545" i="1"/>
  <c r="G43546" i="1"/>
  <c r="G43547" i="1"/>
  <c r="G43548" i="1"/>
  <c r="G43549" i="1"/>
  <c r="G43550" i="1"/>
  <c r="G43551" i="1"/>
  <c r="G43552" i="1"/>
  <c r="G43553" i="1"/>
  <c r="G43554" i="1"/>
  <c r="G43555" i="1"/>
  <c r="G43556" i="1"/>
  <c r="G43557" i="1"/>
  <c r="G43558" i="1"/>
  <c r="G43559" i="1"/>
  <c r="G43560" i="1"/>
  <c r="G43561" i="1"/>
  <c r="G43562" i="1"/>
  <c r="G43563" i="1"/>
  <c r="G43564" i="1"/>
  <c r="G43565" i="1"/>
  <c r="G43566" i="1"/>
  <c r="G43567" i="1"/>
  <c r="G43568" i="1"/>
  <c r="G43569" i="1"/>
  <c r="G43570" i="1"/>
  <c r="G43571" i="1"/>
  <c r="G43572" i="1"/>
  <c r="G43573" i="1"/>
  <c r="G43574" i="1"/>
  <c r="G43575" i="1"/>
  <c r="G43576" i="1"/>
  <c r="G43577" i="1"/>
  <c r="G43578" i="1"/>
  <c r="G43579" i="1"/>
  <c r="G43580" i="1"/>
  <c r="G43581" i="1"/>
  <c r="G43582" i="1"/>
  <c r="G43583" i="1"/>
  <c r="G43584" i="1"/>
  <c r="G43585" i="1"/>
  <c r="G43586" i="1"/>
  <c r="G43587" i="1"/>
  <c r="G43588" i="1"/>
  <c r="G43589" i="1"/>
  <c r="G43590" i="1"/>
  <c r="G43591" i="1"/>
  <c r="G43592" i="1"/>
  <c r="G43593" i="1"/>
  <c r="G43594" i="1"/>
  <c r="G43595" i="1"/>
  <c r="G43596" i="1"/>
  <c r="G43597" i="1"/>
  <c r="G43598" i="1"/>
  <c r="G43599" i="1"/>
  <c r="G43600" i="1"/>
  <c r="G43601" i="1"/>
  <c r="G43602" i="1"/>
  <c r="G43603" i="1"/>
  <c r="G43604" i="1"/>
  <c r="G43605" i="1"/>
  <c r="G43606" i="1"/>
  <c r="G43607" i="1"/>
  <c r="G43608" i="1"/>
  <c r="G43609" i="1"/>
  <c r="G43610" i="1"/>
  <c r="G43611" i="1"/>
  <c r="G43612" i="1"/>
  <c r="G43613" i="1"/>
  <c r="G43614" i="1"/>
  <c r="G43615" i="1"/>
  <c r="G43616" i="1"/>
  <c r="G43617" i="1"/>
  <c r="G43618" i="1"/>
  <c r="G43619" i="1"/>
  <c r="G43620" i="1"/>
  <c r="G43621" i="1"/>
  <c r="G43622" i="1"/>
  <c r="G43623" i="1"/>
  <c r="G43624" i="1"/>
  <c r="G43625" i="1"/>
  <c r="G43626" i="1"/>
  <c r="G43627" i="1"/>
  <c r="G43628" i="1"/>
  <c r="G43629" i="1"/>
  <c r="G43630" i="1"/>
  <c r="G43631" i="1"/>
  <c r="G43632" i="1"/>
  <c r="G43633" i="1"/>
  <c r="G43634" i="1"/>
  <c r="G43635" i="1"/>
  <c r="G43636" i="1"/>
  <c r="G43637" i="1"/>
  <c r="G43638" i="1"/>
  <c r="G43639" i="1"/>
  <c r="G43640" i="1"/>
  <c r="G43641" i="1"/>
  <c r="G43642" i="1"/>
  <c r="G43643" i="1"/>
  <c r="G43644" i="1"/>
  <c r="G43645" i="1"/>
  <c r="G43646" i="1"/>
  <c r="G43647" i="1"/>
  <c r="G43648" i="1"/>
  <c r="G43649" i="1"/>
  <c r="G43650" i="1"/>
  <c r="G43651" i="1"/>
  <c r="G43652" i="1"/>
  <c r="G43653" i="1"/>
  <c r="G43654" i="1"/>
  <c r="G43655" i="1"/>
  <c r="G43656" i="1"/>
  <c r="G43657" i="1"/>
  <c r="G43658" i="1"/>
  <c r="G43659" i="1"/>
  <c r="G43660" i="1"/>
  <c r="G43661" i="1"/>
  <c r="G43662" i="1"/>
  <c r="G43663" i="1"/>
  <c r="G43664" i="1"/>
  <c r="G43665" i="1"/>
  <c r="G43666" i="1"/>
  <c r="G43667" i="1"/>
  <c r="G43668" i="1"/>
  <c r="G43669" i="1"/>
  <c r="G43670" i="1"/>
  <c r="G43671" i="1"/>
  <c r="G43672" i="1"/>
  <c r="G43673" i="1"/>
  <c r="G43674" i="1"/>
  <c r="G43675" i="1"/>
  <c r="G43676" i="1"/>
  <c r="G43677" i="1"/>
  <c r="G43678" i="1"/>
  <c r="G43679" i="1"/>
  <c r="G43680" i="1"/>
  <c r="G43681" i="1"/>
  <c r="G43682" i="1"/>
  <c r="G43683" i="1"/>
  <c r="G43684" i="1"/>
  <c r="G43685" i="1"/>
  <c r="G43686" i="1"/>
  <c r="G43687" i="1"/>
  <c r="G43688" i="1"/>
  <c r="G43689" i="1"/>
  <c r="G43690" i="1"/>
  <c r="G43691" i="1"/>
  <c r="G43692" i="1"/>
  <c r="G43693" i="1"/>
  <c r="G43694" i="1"/>
  <c r="G43695" i="1"/>
  <c r="G43696" i="1"/>
  <c r="G43697" i="1"/>
  <c r="G43698" i="1"/>
  <c r="G43699" i="1"/>
  <c r="G43700" i="1"/>
  <c r="G43701" i="1"/>
  <c r="G43702" i="1"/>
  <c r="G43703" i="1"/>
  <c r="G43704" i="1"/>
  <c r="G43705" i="1"/>
  <c r="G43706" i="1"/>
  <c r="G43707" i="1"/>
  <c r="G43708" i="1"/>
  <c r="G43709" i="1"/>
  <c r="G43710" i="1"/>
  <c r="G43711" i="1"/>
  <c r="G43712" i="1"/>
  <c r="G43713" i="1"/>
  <c r="G43714" i="1"/>
  <c r="G43715" i="1"/>
  <c r="G43716" i="1"/>
  <c r="G43717" i="1"/>
  <c r="G43718" i="1"/>
  <c r="G43719" i="1"/>
  <c r="G43720" i="1"/>
  <c r="G43721" i="1"/>
  <c r="G43722" i="1"/>
  <c r="G43723" i="1"/>
  <c r="G43724" i="1"/>
  <c r="G43725" i="1"/>
  <c r="G43726" i="1"/>
  <c r="G43727" i="1"/>
  <c r="G43728" i="1"/>
  <c r="G43729" i="1"/>
  <c r="G43730" i="1"/>
  <c r="G43731" i="1"/>
  <c r="G43732" i="1"/>
  <c r="G43733" i="1"/>
  <c r="G43734" i="1"/>
  <c r="G43735" i="1"/>
  <c r="G43736" i="1"/>
  <c r="G43737" i="1"/>
  <c r="G43738" i="1"/>
  <c r="G43739" i="1"/>
  <c r="G43740" i="1"/>
  <c r="G43741" i="1"/>
  <c r="G43742" i="1"/>
  <c r="G43743" i="1"/>
  <c r="G43744" i="1"/>
  <c r="G43745" i="1"/>
  <c r="G43746" i="1"/>
  <c r="G43747" i="1"/>
  <c r="G43748" i="1"/>
  <c r="G43749" i="1"/>
  <c r="G43750" i="1"/>
  <c r="G43751" i="1"/>
  <c r="G43752" i="1"/>
  <c r="G43753" i="1"/>
  <c r="G43754" i="1"/>
  <c r="G43755" i="1"/>
  <c r="G43756" i="1"/>
  <c r="G43757" i="1"/>
  <c r="G43758" i="1"/>
  <c r="G43759" i="1"/>
  <c r="G43760" i="1"/>
  <c r="G43761" i="1"/>
  <c r="G43762" i="1"/>
  <c r="G43763" i="1"/>
  <c r="G43764" i="1"/>
  <c r="G43765" i="1"/>
  <c r="G43766" i="1"/>
  <c r="G43767" i="1"/>
  <c r="G43768" i="1"/>
  <c r="G43769" i="1"/>
  <c r="G43770" i="1"/>
  <c r="G43771" i="1"/>
  <c r="G43772" i="1"/>
  <c r="G43773" i="1"/>
  <c r="G43774" i="1"/>
  <c r="G43775" i="1"/>
  <c r="G43776" i="1"/>
  <c r="G43777" i="1"/>
  <c r="G43778" i="1"/>
  <c r="G43779" i="1"/>
  <c r="G43780" i="1"/>
  <c r="G43781" i="1"/>
  <c r="G43782" i="1"/>
  <c r="G43783" i="1"/>
  <c r="G43784" i="1"/>
  <c r="G43785" i="1"/>
  <c r="G43786" i="1"/>
  <c r="G43787" i="1"/>
  <c r="G43788" i="1"/>
  <c r="G43789" i="1"/>
  <c r="G43790" i="1"/>
  <c r="G43791" i="1"/>
  <c r="G43792" i="1"/>
  <c r="G43793" i="1"/>
  <c r="G43794" i="1"/>
  <c r="G43795" i="1"/>
  <c r="G43796" i="1"/>
  <c r="G43797" i="1"/>
  <c r="G43798" i="1"/>
  <c r="G43799" i="1"/>
  <c r="G43800" i="1"/>
  <c r="G43801" i="1"/>
  <c r="G43802" i="1"/>
  <c r="G43803" i="1"/>
  <c r="G43804" i="1"/>
  <c r="G43805" i="1"/>
  <c r="G43806" i="1"/>
  <c r="G43807" i="1"/>
  <c r="G43808" i="1"/>
  <c r="G43809" i="1"/>
  <c r="G43810" i="1"/>
  <c r="G43811" i="1"/>
  <c r="G43812" i="1"/>
  <c r="G43813" i="1"/>
  <c r="G43814" i="1"/>
  <c r="G43815" i="1"/>
  <c r="G43816" i="1"/>
  <c r="G43817" i="1"/>
  <c r="G43818" i="1"/>
  <c r="G43819" i="1"/>
  <c r="G43820" i="1"/>
  <c r="G43821" i="1"/>
  <c r="G43822" i="1"/>
  <c r="G43823" i="1"/>
  <c r="G43824" i="1"/>
  <c r="G43825" i="1"/>
  <c r="G43826" i="1"/>
  <c r="G43827" i="1"/>
  <c r="G43828" i="1"/>
  <c r="G43829" i="1"/>
  <c r="G43830" i="1"/>
  <c r="G43831" i="1"/>
  <c r="G43832" i="1"/>
  <c r="G43833" i="1"/>
  <c r="G43834" i="1"/>
  <c r="G43835" i="1"/>
  <c r="G43836" i="1"/>
  <c r="G43837" i="1"/>
  <c r="G43838" i="1"/>
  <c r="G43839" i="1"/>
  <c r="G43840" i="1"/>
  <c r="G43841" i="1"/>
  <c r="G43842" i="1"/>
  <c r="G43843" i="1"/>
  <c r="G43844" i="1"/>
  <c r="G43845" i="1"/>
  <c r="G43846" i="1"/>
  <c r="G43847" i="1"/>
  <c r="G43848" i="1"/>
  <c r="G43849" i="1"/>
  <c r="G43850" i="1"/>
  <c r="G43851" i="1"/>
  <c r="G43852" i="1"/>
  <c r="G43853" i="1"/>
  <c r="G43854" i="1"/>
  <c r="G43855" i="1"/>
  <c r="G43856" i="1"/>
  <c r="G43857" i="1"/>
  <c r="G43858" i="1"/>
  <c r="G43859" i="1"/>
  <c r="G43860" i="1"/>
  <c r="G43861" i="1"/>
  <c r="G43862" i="1"/>
  <c r="G43863" i="1"/>
  <c r="G43864" i="1"/>
  <c r="G43865" i="1"/>
  <c r="G43866" i="1"/>
  <c r="G43867" i="1"/>
  <c r="G43868" i="1"/>
  <c r="G43869" i="1"/>
  <c r="G43870" i="1"/>
  <c r="G43871" i="1"/>
  <c r="G43872" i="1"/>
  <c r="G43873" i="1"/>
  <c r="G43874" i="1"/>
  <c r="G43875" i="1"/>
  <c r="G43876" i="1"/>
  <c r="G43877" i="1"/>
  <c r="G43878" i="1"/>
  <c r="G43879" i="1"/>
  <c r="G43880" i="1"/>
  <c r="G43881" i="1"/>
  <c r="G43882" i="1"/>
  <c r="G43883" i="1"/>
  <c r="G43884" i="1"/>
  <c r="G43885" i="1"/>
  <c r="G43886" i="1"/>
  <c r="G43887" i="1"/>
  <c r="G43888" i="1"/>
  <c r="G43889" i="1"/>
  <c r="G43890" i="1"/>
  <c r="G43891" i="1"/>
  <c r="G43892" i="1"/>
  <c r="G43893" i="1"/>
  <c r="G43894" i="1"/>
  <c r="G43895" i="1"/>
  <c r="G43896" i="1"/>
  <c r="G43897" i="1"/>
  <c r="G43898" i="1"/>
  <c r="G43899" i="1"/>
  <c r="G43900" i="1"/>
  <c r="G43901" i="1"/>
  <c r="G43902" i="1"/>
  <c r="G43903" i="1"/>
  <c r="G43904" i="1"/>
  <c r="G43905" i="1"/>
  <c r="G43906" i="1"/>
  <c r="G43907" i="1"/>
  <c r="G43908" i="1"/>
  <c r="G43909" i="1"/>
  <c r="G43910" i="1"/>
  <c r="G43911" i="1"/>
  <c r="G43912" i="1"/>
  <c r="G43913" i="1"/>
  <c r="G43914" i="1"/>
  <c r="G43915" i="1"/>
  <c r="G43916" i="1"/>
  <c r="G43917" i="1"/>
  <c r="G43918" i="1"/>
  <c r="G43919" i="1"/>
  <c r="G43920" i="1"/>
  <c r="G43921" i="1"/>
  <c r="G43922" i="1"/>
  <c r="G43923" i="1"/>
  <c r="G43924" i="1"/>
  <c r="G43925" i="1"/>
  <c r="G43926" i="1"/>
  <c r="G43927" i="1"/>
  <c r="G43928" i="1"/>
  <c r="G43929" i="1"/>
  <c r="G43930" i="1"/>
  <c r="G43931" i="1"/>
  <c r="G43932" i="1"/>
  <c r="G43933" i="1"/>
  <c r="G43934" i="1"/>
  <c r="G43935" i="1"/>
  <c r="G43936" i="1"/>
  <c r="G43937" i="1"/>
  <c r="G43938" i="1"/>
  <c r="G43939" i="1"/>
  <c r="G43940" i="1"/>
  <c r="G43941" i="1"/>
  <c r="G43942" i="1"/>
  <c r="G43943" i="1"/>
  <c r="G43944" i="1"/>
  <c r="G43945" i="1"/>
  <c r="G43946" i="1"/>
  <c r="G43947" i="1"/>
  <c r="G43948" i="1"/>
  <c r="G43949" i="1"/>
  <c r="G43950" i="1"/>
  <c r="G43951" i="1"/>
  <c r="G43952" i="1"/>
  <c r="G43953" i="1"/>
  <c r="G43954" i="1"/>
  <c r="G43955" i="1"/>
  <c r="G43956" i="1"/>
  <c r="G43957" i="1"/>
  <c r="G43958" i="1"/>
  <c r="G43959" i="1"/>
  <c r="G43960" i="1"/>
  <c r="G43961" i="1"/>
  <c r="G43962" i="1"/>
  <c r="G43963" i="1"/>
  <c r="G43964" i="1"/>
  <c r="G43965" i="1"/>
  <c r="G43966" i="1"/>
  <c r="G43967" i="1"/>
  <c r="G43968" i="1"/>
  <c r="G43969" i="1"/>
  <c r="G43970" i="1"/>
  <c r="G43971" i="1"/>
  <c r="G43972" i="1"/>
  <c r="G43973" i="1"/>
  <c r="G43974" i="1"/>
  <c r="G43975" i="1"/>
  <c r="G43976" i="1"/>
  <c r="G43977" i="1"/>
  <c r="G43978" i="1"/>
  <c r="G43979" i="1"/>
  <c r="G43980" i="1"/>
  <c r="G43981" i="1"/>
  <c r="G43982" i="1"/>
  <c r="G43983" i="1"/>
  <c r="G43984" i="1"/>
  <c r="G43985" i="1"/>
  <c r="G43986" i="1"/>
  <c r="G43987" i="1"/>
  <c r="G43988" i="1"/>
  <c r="G43989" i="1"/>
  <c r="G43990" i="1"/>
  <c r="G43991" i="1"/>
  <c r="G43992" i="1"/>
  <c r="G43993" i="1"/>
  <c r="G43994" i="1"/>
  <c r="G43995" i="1"/>
  <c r="G43996" i="1"/>
  <c r="G43997" i="1"/>
  <c r="G43998" i="1"/>
  <c r="G43999" i="1"/>
  <c r="G44000" i="1"/>
  <c r="G44001" i="1"/>
  <c r="G44002" i="1"/>
  <c r="G44003" i="1"/>
  <c r="G44004" i="1"/>
  <c r="G44005" i="1"/>
  <c r="G44006" i="1"/>
  <c r="G44007" i="1"/>
  <c r="G44008" i="1"/>
  <c r="G44009" i="1"/>
  <c r="G44010" i="1"/>
  <c r="G44011" i="1"/>
  <c r="G44012" i="1"/>
  <c r="G44013" i="1"/>
  <c r="G44014" i="1"/>
  <c r="G44015" i="1"/>
  <c r="G44016" i="1"/>
  <c r="G44017" i="1"/>
  <c r="G44018" i="1"/>
  <c r="G44019" i="1"/>
  <c r="G44020" i="1"/>
  <c r="G44021" i="1"/>
  <c r="G44022" i="1"/>
  <c r="G44023" i="1"/>
  <c r="G44024" i="1"/>
  <c r="G44025" i="1"/>
  <c r="G44026" i="1"/>
  <c r="G44027" i="1"/>
  <c r="G44028" i="1"/>
  <c r="G44029" i="1"/>
  <c r="G44030" i="1"/>
  <c r="G44031" i="1"/>
  <c r="G44032" i="1"/>
  <c r="G44033" i="1"/>
  <c r="G44034" i="1"/>
  <c r="G44035" i="1"/>
  <c r="G44036" i="1"/>
  <c r="G44037" i="1"/>
  <c r="G44038" i="1"/>
  <c r="G44039" i="1"/>
  <c r="G44040" i="1"/>
  <c r="G44041" i="1"/>
  <c r="G44042" i="1"/>
  <c r="G44043" i="1"/>
  <c r="G44044" i="1"/>
  <c r="G44045" i="1"/>
  <c r="G44046" i="1"/>
  <c r="G44047" i="1"/>
  <c r="G44048" i="1"/>
  <c r="G44049" i="1"/>
  <c r="G44050" i="1"/>
  <c r="G44051" i="1"/>
  <c r="G44052" i="1"/>
  <c r="G44053" i="1"/>
  <c r="G44054" i="1"/>
  <c r="G44055" i="1"/>
  <c r="G44056" i="1"/>
  <c r="G44057" i="1"/>
  <c r="G44058" i="1"/>
  <c r="G44059" i="1"/>
  <c r="G44060" i="1"/>
  <c r="G44061" i="1"/>
  <c r="G44062" i="1"/>
  <c r="G44063" i="1"/>
  <c r="G44064" i="1"/>
  <c r="G44065" i="1"/>
  <c r="G44066" i="1"/>
  <c r="G44067" i="1"/>
  <c r="G44068" i="1"/>
  <c r="G44069" i="1"/>
  <c r="G44070" i="1"/>
  <c r="G44071" i="1"/>
  <c r="G44072" i="1"/>
  <c r="G44073" i="1"/>
  <c r="G44074" i="1"/>
  <c r="G44075" i="1"/>
  <c r="G44076" i="1"/>
  <c r="G44077" i="1"/>
  <c r="G44078" i="1"/>
  <c r="G44079" i="1"/>
  <c r="G44080" i="1"/>
  <c r="G44081" i="1"/>
  <c r="G44082" i="1"/>
  <c r="G44083" i="1"/>
  <c r="G44084" i="1"/>
  <c r="G44085" i="1"/>
  <c r="G44086" i="1"/>
  <c r="G44087" i="1"/>
  <c r="G44088" i="1"/>
  <c r="G44089" i="1"/>
  <c r="G44090" i="1"/>
  <c r="G44091" i="1"/>
  <c r="G44092" i="1"/>
  <c r="G44093" i="1"/>
  <c r="G44094" i="1"/>
  <c r="G44095" i="1"/>
  <c r="G44096" i="1"/>
  <c r="G44097" i="1"/>
  <c r="G44098" i="1"/>
  <c r="G44099" i="1"/>
  <c r="G44100" i="1"/>
  <c r="G44101" i="1"/>
  <c r="G44102" i="1"/>
  <c r="G44103" i="1"/>
  <c r="G44104" i="1"/>
  <c r="G44105" i="1"/>
  <c r="G44106" i="1"/>
  <c r="G44107" i="1"/>
  <c r="G44108" i="1"/>
  <c r="G44109" i="1"/>
  <c r="G44110" i="1"/>
  <c r="G44111" i="1"/>
  <c r="G44112" i="1"/>
  <c r="G44113" i="1"/>
  <c r="G44114" i="1"/>
  <c r="G44115" i="1"/>
  <c r="G44116" i="1"/>
  <c r="G44117" i="1"/>
  <c r="G44118" i="1"/>
  <c r="G44119" i="1"/>
  <c r="G44120" i="1"/>
  <c r="G44121" i="1"/>
  <c r="G44122" i="1"/>
  <c r="G44123" i="1"/>
  <c r="G44124" i="1"/>
  <c r="G44125" i="1"/>
  <c r="G44126" i="1"/>
  <c r="G44127" i="1"/>
  <c r="G44128" i="1"/>
  <c r="G44129" i="1"/>
  <c r="G44130" i="1"/>
  <c r="G44131" i="1"/>
  <c r="G44132" i="1"/>
  <c r="G44133" i="1"/>
  <c r="G44134" i="1"/>
  <c r="G44135" i="1"/>
  <c r="G44136" i="1"/>
  <c r="G44137" i="1"/>
  <c r="G44138" i="1"/>
  <c r="G44139" i="1"/>
  <c r="G44140" i="1"/>
  <c r="G44141" i="1"/>
  <c r="G44142" i="1"/>
  <c r="G44143" i="1"/>
  <c r="G44144" i="1"/>
  <c r="G44145" i="1"/>
  <c r="G44146" i="1"/>
  <c r="G44147" i="1"/>
  <c r="G44148" i="1"/>
  <c r="G44149" i="1"/>
  <c r="G44150" i="1"/>
  <c r="G44151" i="1"/>
  <c r="G44152" i="1"/>
  <c r="G44153" i="1"/>
  <c r="G44154" i="1"/>
  <c r="G44155" i="1"/>
  <c r="G44156" i="1"/>
  <c r="G44157" i="1"/>
  <c r="G44158" i="1"/>
  <c r="G44159" i="1"/>
  <c r="G44160" i="1"/>
  <c r="G44161" i="1"/>
  <c r="G44162" i="1"/>
  <c r="G44163" i="1"/>
  <c r="G44164" i="1"/>
  <c r="G44165" i="1"/>
  <c r="G44166" i="1"/>
  <c r="G44167" i="1"/>
  <c r="G44168" i="1"/>
  <c r="G44169" i="1"/>
  <c r="G44170" i="1"/>
  <c r="G44171" i="1"/>
  <c r="G44172" i="1"/>
  <c r="G44173" i="1"/>
  <c r="G44174" i="1"/>
  <c r="G44175" i="1"/>
  <c r="G44176" i="1"/>
  <c r="G44177" i="1"/>
  <c r="G44178" i="1"/>
  <c r="G44179" i="1"/>
  <c r="G44180" i="1"/>
  <c r="G44181" i="1"/>
  <c r="G44182" i="1"/>
  <c r="G44183" i="1"/>
  <c r="G44184" i="1"/>
  <c r="G44185" i="1"/>
  <c r="G44186" i="1"/>
  <c r="G44187" i="1"/>
  <c r="G44188" i="1"/>
  <c r="G44189" i="1"/>
  <c r="G44190" i="1"/>
  <c r="G44191" i="1"/>
  <c r="G44192" i="1"/>
  <c r="G44193" i="1"/>
  <c r="G44194" i="1"/>
  <c r="G44195" i="1"/>
  <c r="G44196" i="1"/>
  <c r="G44197" i="1"/>
  <c r="G44198" i="1"/>
  <c r="G44199" i="1"/>
  <c r="G44200" i="1"/>
  <c r="G44201" i="1"/>
  <c r="G44202" i="1"/>
  <c r="G44203" i="1"/>
  <c r="G44204" i="1"/>
  <c r="G44205" i="1"/>
  <c r="G44206" i="1"/>
  <c r="G44207" i="1"/>
  <c r="G44208" i="1"/>
  <c r="G44209" i="1"/>
  <c r="G44210" i="1"/>
  <c r="G44211" i="1"/>
  <c r="G44212" i="1"/>
  <c r="G44213" i="1"/>
  <c r="G44214" i="1"/>
  <c r="G44215" i="1"/>
  <c r="G44216" i="1"/>
  <c r="G44217" i="1"/>
  <c r="G44218" i="1"/>
  <c r="G44219" i="1"/>
  <c r="G44220" i="1"/>
  <c r="G44221" i="1"/>
  <c r="G44222" i="1"/>
  <c r="G44223" i="1"/>
  <c r="G44224" i="1"/>
  <c r="G44225" i="1"/>
  <c r="G44226" i="1"/>
  <c r="G44227" i="1"/>
  <c r="G44228" i="1"/>
  <c r="G44229" i="1"/>
  <c r="G44230" i="1"/>
  <c r="G44231" i="1"/>
  <c r="G44232" i="1"/>
  <c r="G44233" i="1"/>
  <c r="G44234" i="1"/>
  <c r="G44235" i="1"/>
  <c r="G44236" i="1"/>
  <c r="G44237" i="1"/>
  <c r="G44238" i="1"/>
  <c r="G44239" i="1"/>
  <c r="G44240" i="1"/>
  <c r="G44241" i="1"/>
  <c r="G44242" i="1"/>
  <c r="G44243" i="1"/>
  <c r="G44244" i="1"/>
  <c r="G44245" i="1"/>
  <c r="G44246" i="1"/>
  <c r="G44247" i="1"/>
  <c r="G44248" i="1"/>
  <c r="G44249" i="1"/>
  <c r="G44250" i="1"/>
  <c r="G44251" i="1"/>
  <c r="G44252" i="1"/>
  <c r="G44253" i="1"/>
  <c r="G44254" i="1"/>
  <c r="G44255" i="1"/>
  <c r="G44256" i="1"/>
  <c r="G44257" i="1"/>
  <c r="G44258" i="1"/>
  <c r="G44259" i="1"/>
  <c r="G44260" i="1"/>
  <c r="G44261" i="1"/>
  <c r="G44262" i="1"/>
  <c r="G44263" i="1"/>
  <c r="G44264" i="1"/>
  <c r="G44265" i="1"/>
  <c r="G44266" i="1"/>
  <c r="G44267" i="1"/>
  <c r="G44268" i="1"/>
  <c r="G44269" i="1"/>
  <c r="G44270" i="1"/>
  <c r="G44271" i="1"/>
  <c r="G44272" i="1"/>
  <c r="G44273" i="1"/>
  <c r="G44274" i="1"/>
  <c r="G44275" i="1"/>
  <c r="G44276" i="1"/>
  <c r="G44277" i="1"/>
  <c r="G44278" i="1"/>
  <c r="G44279" i="1"/>
  <c r="G44280" i="1"/>
  <c r="G44281" i="1"/>
  <c r="G44282" i="1"/>
  <c r="G44283" i="1"/>
  <c r="G44284" i="1"/>
  <c r="G44285" i="1"/>
  <c r="G44286" i="1"/>
  <c r="G44287" i="1"/>
  <c r="G44288" i="1"/>
  <c r="G44289" i="1"/>
  <c r="G44290" i="1"/>
  <c r="G44291" i="1"/>
  <c r="G44292" i="1"/>
  <c r="G44293" i="1"/>
  <c r="G44294" i="1"/>
  <c r="G44295" i="1"/>
  <c r="G44296" i="1"/>
  <c r="G44297" i="1"/>
  <c r="G44298" i="1"/>
  <c r="G44299" i="1"/>
  <c r="G44300" i="1"/>
  <c r="G44301" i="1"/>
  <c r="G44302" i="1"/>
  <c r="G44303" i="1"/>
  <c r="G44304" i="1"/>
  <c r="G44305" i="1"/>
  <c r="G44306" i="1"/>
  <c r="G44307" i="1"/>
  <c r="G44308" i="1"/>
  <c r="G44309" i="1"/>
  <c r="G44310" i="1"/>
  <c r="G44311" i="1"/>
  <c r="G44312" i="1"/>
  <c r="G44313" i="1"/>
  <c r="G44314" i="1"/>
  <c r="G44315" i="1"/>
  <c r="G44316" i="1"/>
  <c r="G44317" i="1"/>
  <c r="G44318" i="1"/>
  <c r="G44319" i="1"/>
  <c r="G44320" i="1"/>
  <c r="G44321" i="1"/>
  <c r="G44322" i="1"/>
  <c r="G44323" i="1"/>
  <c r="G44324" i="1"/>
  <c r="G44325" i="1"/>
  <c r="G44326" i="1"/>
  <c r="G44327" i="1"/>
  <c r="G44328" i="1"/>
  <c r="G44329" i="1"/>
  <c r="G44330" i="1"/>
  <c r="G44331" i="1"/>
  <c r="G44332" i="1"/>
  <c r="G44333" i="1"/>
  <c r="G44334" i="1"/>
  <c r="G44335" i="1"/>
  <c r="G44336" i="1"/>
  <c r="G44337" i="1"/>
  <c r="G44338" i="1"/>
  <c r="G44339" i="1"/>
  <c r="G44340" i="1"/>
  <c r="G44341" i="1"/>
  <c r="G44342" i="1"/>
  <c r="G44343" i="1"/>
  <c r="G44344" i="1"/>
  <c r="G44345" i="1"/>
  <c r="G44346" i="1"/>
  <c r="G44347" i="1"/>
  <c r="G44348" i="1"/>
  <c r="G44349" i="1"/>
  <c r="G44350" i="1"/>
  <c r="G44351" i="1"/>
  <c r="G44352" i="1"/>
  <c r="G44353" i="1"/>
  <c r="G44354" i="1"/>
  <c r="G44355" i="1"/>
  <c r="G44356" i="1"/>
  <c r="G44357" i="1"/>
  <c r="G44358" i="1"/>
  <c r="G44359" i="1"/>
  <c r="G44360" i="1"/>
  <c r="G44361" i="1"/>
  <c r="G44362" i="1"/>
  <c r="G44363" i="1"/>
  <c r="G44364" i="1"/>
  <c r="G44365" i="1"/>
  <c r="G44366" i="1"/>
  <c r="G44367" i="1"/>
  <c r="G44368" i="1"/>
  <c r="G44369" i="1"/>
  <c r="G44370" i="1"/>
  <c r="G44371" i="1"/>
  <c r="G44372" i="1"/>
  <c r="G44373" i="1"/>
  <c r="G44374" i="1"/>
  <c r="G44375" i="1"/>
  <c r="G44376" i="1"/>
  <c r="G44377" i="1"/>
  <c r="G44378" i="1"/>
  <c r="G44379" i="1"/>
  <c r="G44380" i="1"/>
  <c r="G44381" i="1"/>
  <c r="G44382" i="1"/>
  <c r="G44383" i="1"/>
  <c r="G44384" i="1"/>
  <c r="G44385" i="1"/>
  <c r="G44386" i="1"/>
  <c r="G44387" i="1"/>
  <c r="G44388" i="1"/>
  <c r="G44389" i="1"/>
  <c r="G44390" i="1"/>
  <c r="G44391" i="1"/>
  <c r="G44392" i="1"/>
  <c r="G44393" i="1"/>
  <c r="G44394" i="1"/>
  <c r="G44395" i="1"/>
  <c r="G44396" i="1"/>
  <c r="G44397" i="1"/>
  <c r="G44398" i="1"/>
  <c r="G44399" i="1"/>
  <c r="G44400" i="1"/>
  <c r="G44401" i="1"/>
  <c r="G44402" i="1"/>
  <c r="G44403" i="1"/>
  <c r="G44404" i="1"/>
  <c r="G44405" i="1"/>
  <c r="G44406" i="1"/>
  <c r="G44407" i="1"/>
  <c r="G44408" i="1"/>
  <c r="G44409" i="1"/>
  <c r="G44410" i="1"/>
  <c r="G44411" i="1"/>
  <c r="G44412" i="1"/>
  <c r="G44413" i="1"/>
  <c r="G44414" i="1"/>
  <c r="G44415" i="1"/>
  <c r="G44416" i="1"/>
  <c r="G44417" i="1"/>
  <c r="G44418" i="1"/>
  <c r="G44419" i="1"/>
  <c r="G44420" i="1"/>
  <c r="G44421" i="1"/>
  <c r="G44422" i="1"/>
  <c r="G44423" i="1"/>
  <c r="G44424" i="1"/>
  <c r="G44425" i="1"/>
  <c r="G44426" i="1"/>
  <c r="G44427" i="1"/>
  <c r="G44428" i="1"/>
  <c r="G44429" i="1"/>
  <c r="G44430" i="1"/>
  <c r="G44431" i="1"/>
  <c r="G44432" i="1"/>
  <c r="G44433" i="1"/>
  <c r="G44434" i="1"/>
  <c r="G44435" i="1"/>
  <c r="G44436" i="1"/>
  <c r="G44437" i="1"/>
  <c r="G44438" i="1"/>
  <c r="G44439" i="1"/>
  <c r="G44440" i="1"/>
  <c r="G44441" i="1"/>
  <c r="G44442" i="1"/>
  <c r="G44443" i="1"/>
  <c r="G44444" i="1"/>
  <c r="G44445" i="1"/>
  <c r="G44446" i="1"/>
  <c r="G44447" i="1"/>
  <c r="G44448" i="1"/>
  <c r="G44449" i="1"/>
  <c r="G44450" i="1"/>
  <c r="G44451" i="1"/>
  <c r="G44452" i="1"/>
  <c r="G44453" i="1"/>
  <c r="G44454" i="1"/>
  <c r="G44455" i="1"/>
  <c r="G44456" i="1"/>
  <c r="G44457" i="1"/>
  <c r="G44458" i="1"/>
  <c r="G44459" i="1"/>
  <c r="G44460" i="1"/>
  <c r="G44461" i="1"/>
  <c r="G44462" i="1"/>
  <c r="G44463" i="1"/>
  <c r="G44464" i="1"/>
  <c r="G44465" i="1"/>
  <c r="G44466" i="1"/>
  <c r="G44467" i="1"/>
  <c r="G44468" i="1"/>
  <c r="G44469" i="1"/>
  <c r="G44470" i="1"/>
  <c r="G44471" i="1"/>
  <c r="G44472" i="1"/>
  <c r="G44473" i="1"/>
  <c r="G44474" i="1"/>
  <c r="G44475" i="1"/>
  <c r="G44476" i="1"/>
  <c r="G44477" i="1"/>
  <c r="G44478" i="1"/>
  <c r="G44479" i="1"/>
  <c r="G44480" i="1"/>
  <c r="G44481" i="1"/>
  <c r="G44482" i="1"/>
  <c r="G44483" i="1"/>
  <c r="G44484" i="1"/>
  <c r="G44485" i="1"/>
  <c r="G44486" i="1"/>
  <c r="G44487" i="1"/>
  <c r="G44488" i="1"/>
  <c r="G44489" i="1"/>
  <c r="G44490" i="1"/>
  <c r="G44491" i="1"/>
  <c r="G44492" i="1"/>
  <c r="G44493" i="1"/>
  <c r="G44494" i="1"/>
  <c r="G44495" i="1"/>
  <c r="G44496" i="1"/>
  <c r="G44497" i="1"/>
  <c r="G44498" i="1"/>
  <c r="G44499" i="1"/>
  <c r="G44500" i="1"/>
  <c r="G44501" i="1"/>
  <c r="G44502" i="1"/>
  <c r="G44503" i="1"/>
  <c r="G44504" i="1"/>
  <c r="G44505" i="1"/>
  <c r="G44506" i="1"/>
  <c r="G44507" i="1"/>
  <c r="G44508" i="1"/>
  <c r="G44509" i="1"/>
  <c r="G44510" i="1"/>
  <c r="G44511" i="1"/>
  <c r="G44512" i="1"/>
  <c r="G44513" i="1"/>
  <c r="G44514" i="1"/>
  <c r="G44515" i="1"/>
  <c r="G44516" i="1"/>
  <c r="G44517" i="1"/>
  <c r="G44518" i="1"/>
  <c r="G44519" i="1"/>
  <c r="G44520" i="1"/>
  <c r="G44521" i="1"/>
  <c r="G44522" i="1"/>
  <c r="G44523" i="1"/>
  <c r="G44524" i="1"/>
  <c r="G44525" i="1"/>
  <c r="G44526" i="1"/>
  <c r="G44527" i="1"/>
  <c r="G44528" i="1"/>
  <c r="G44529" i="1"/>
  <c r="G44530" i="1"/>
  <c r="G44531" i="1"/>
  <c r="G44532" i="1"/>
  <c r="G44533" i="1"/>
  <c r="G44534" i="1"/>
  <c r="G44535" i="1"/>
  <c r="G44536" i="1"/>
  <c r="G44537" i="1"/>
  <c r="G44538" i="1"/>
  <c r="G44539" i="1"/>
  <c r="G44540" i="1"/>
  <c r="G44541" i="1"/>
  <c r="G44542" i="1"/>
  <c r="G44543" i="1"/>
  <c r="G44544" i="1"/>
  <c r="G44545" i="1"/>
  <c r="G44546" i="1"/>
  <c r="G44547" i="1"/>
  <c r="G44548" i="1"/>
  <c r="G44549" i="1"/>
  <c r="G44550" i="1"/>
  <c r="G44551" i="1"/>
  <c r="G44552" i="1"/>
  <c r="G44553" i="1"/>
  <c r="G44554" i="1"/>
  <c r="G44555" i="1"/>
  <c r="G44556" i="1"/>
  <c r="G44557" i="1"/>
  <c r="G44558" i="1"/>
  <c r="G44559" i="1"/>
  <c r="G44560" i="1"/>
  <c r="G44561" i="1"/>
  <c r="G44562" i="1"/>
  <c r="G44563" i="1"/>
  <c r="G44564" i="1"/>
  <c r="G44565" i="1"/>
  <c r="G44566" i="1"/>
  <c r="G44567" i="1"/>
  <c r="G44568" i="1"/>
  <c r="G44569" i="1"/>
  <c r="G44570" i="1"/>
  <c r="G44571" i="1"/>
  <c r="G44572" i="1"/>
  <c r="G44573" i="1"/>
  <c r="G44574" i="1"/>
  <c r="G44575" i="1"/>
  <c r="G44576" i="1"/>
  <c r="G44577" i="1"/>
  <c r="G44578" i="1"/>
  <c r="G44579" i="1"/>
  <c r="G44580" i="1"/>
  <c r="G44581" i="1"/>
  <c r="G44582" i="1"/>
  <c r="G44583" i="1"/>
  <c r="G44584" i="1"/>
  <c r="G44585" i="1"/>
  <c r="G44586" i="1"/>
  <c r="G44587" i="1"/>
  <c r="G44588" i="1"/>
  <c r="G44589" i="1"/>
  <c r="G44590" i="1"/>
  <c r="G44591" i="1"/>
  <c r="G44592" i="1"/>
  <c r="G44593" i="1"/>
  <c r="G44594" i="1"/>
  <c r="G44595" i="1"/>
  <c r="G44596" i="1"/>
  <c r="G44597" i="1"/>
  <c r="G44598" i="1"/>
  <c r="G44599" i="1"/>
  <c r="G44600" i="1"/>
  <c r="G44601" i="1"/>
  <c r="G44602" i="1"/>
  <c r="G44603" i="1"/>
  <c r="G44604" i="1"/>
  <c r="G44605" i="1"/>
  <c r="G44606" i="1"/>
  <c r="G44607" i="1"/>
  <c r="G44608" i="1"/>
  <c r="G44609" i="1"/>
  <c r="G44610" i="1"/>
  <c r="G44611" i="1"/>
  <c r="G44612" i="1"/>
  <c r="G44613" i="1"/>
  <c r="G44614" i="1"/>
  <c r="G44615" i="1"/>
  <c r="G44616" i="1"/>
  <c r="G44617" i="1"/>
  <c r="G44618" i="1"/>
  <c r="G44619" i="1"/>
  <c r="G44620" i="1"/>
  <c r="G44621" i="1"/>
  <c r="G44622" i="1"/>
  <c r="G44623" i="1"/>
  <c r="G44624" i="1"/>
  <c r="G44625" i="1"/>
  <c r="G44626" i="1"/>
  <c r="G44627" i="1"/>
  <c r="G44628" i="1"/>
  <c r="G44629" i="1"/>
  <c r="G44630" i="1"/>
  <c r="G44631" i="1"/>
  <c r="G44632" i="1"/>
  <c r="G44633" i="1"/>
  <c r="G44634" i="1"/>
  <c r="G44635" i="1"/>
  <c r="G44636" i="1"/>
  <c r="G44637" i="1"/>
  <c r="G44638" i="1"/>
  <c r="G44639" i="1"/>
  <c r="G44640" i="1"/>
  <c r="G44641" i="1"/>
  <c r="G44642" i="1"/>
  <c r="G44643" i="1"/>
  <c r="G44644" i="1"/>
  <c r="G44645" i="1"/>
  <c r="G44646" i="1"/>
  <c r="G44647" i="1"/>
  <c r="G44648" i="1"/>
  <c r="G44649" i="1"/>
  <c r="G44650" i="1"/>
  <c r="G44651" i="1"/>
  <c r="G44652" i="1"/>
  <c r="G44653" i="1"/>
  <c r="G44654" i="1"/>
  <c r="G44655" i="1"/>
  <c r="G44656" i="1"/>
  <c r="G44657" i="1"/>
  <c r="G44658" i="1"/>
  <c r="G44659" i="1"/>
  <c r="G44660" i="1"/>
  <c r="G44661" i="1"/>
  <c r="G44662" i="1"/>
  <c r="G44663" i="1"/>
  <c r="G44664" i="1"/>
  <c r="G44665" i="1"/>
  <c r="G44666" i="1"/>
  <c r="G44667" i="1"/>
  <c r="G44668" i="1"/>
  <c r="G44669" i="1"/>
  <c r="G44670" i="1"/>
  <c r="G44671" i="1"/>
  <c r="G44672" i="1"/>
  <c r="G44673" i="1"/>
  <c r="G44674" i="1"/>
  <c r="G44675" i="1"/>
  <c r="G44676" i="1"/>
  <c r="G44677" i="1"/>
  <c r="G44678" i="1"/>
  <c r="G44679" i="1"/>
  <c r="G44680" i="1"/>
  <c r="G44681" i="1"/>
  <c r="G44682" i="1"/>
  <c r="G44683" i="1"/>
  <c r="G44684" i="1"/>
  <c r="G44685" i="1"/>
  <c r="G44686" i="1"/>
  <c r="G44687" i="1"/>
  <c r="G44688" i="1"/>
  <c r="G44689" i="1"/>
  <c r="G44690" i="1"/>
  <c r="G44691" i="1"/>
  <c r="G44692" i="1"/>
  <c r="G44693" i="1"/>
  <c r="G44694" i="1"/>
  <c r="G44695" i="1"/>
  <c r="G44696" i="1"/>
  <c r="G44697" i="1"/>
  <c r="G44698" i="1"/>
  <c r="G44699" i="1"/>
  <c r="G44700" i="1"/>
  <c r="G44701" i="1"/>
  <c r="G44702" i="1"/>
  <c r="G44703" i="1"/>
  <c r="G44704" i="1"/>
  <c r="G44705" i="1"/>
  <c r="G44706" i="1"/>
  <c r="G44707" i="1"/>
  <c r="G44708" i="1"/>
  <c r="G44709" i="1"/>
  <c r="G44710" i="1"/>
  <c r="G44711" i="1"/>
  <c r="G44712" i="1"/>
  <c r="G44713" i="1"/>
  <c r="G44714" i="1"/>
  <c r="G44715" i="1"/>
  <c r="G44716" i="1"/>
  <c r="G44717" i="1"/>
  <c r="G44718" i="1"/>
  <c r="G44719" i="1"/>
  <c r="G44720" i="1"/>
  <c r="G44721" i="1"/>
  <c r="G44722" i="1"/>
  <c r="G44723" i="1"/>
  <c r="G44724" i="1"/>
  <c r="G44725" i="1"/>
  <c r="G44726" i="1"/>
  <c r="G44727" i="1"/>
  <c r="G44728" i="1"/>
  <c r="G44729" i="1"/>
  <c r="G44730" i="1"/>
  <c r="G44731" i="1"/>
  <c r="G44732" i="1"/>
  <c r="G44733" i="1"/>
  <c r="G44734" i="1"/>
  <c r="G44735" i="1"/>
  <c r="G44736" i="1"/>
  <c r="G44737" i="1"/>
  <c r="G44738" i="1"/>
  <c r="G44739" i="1"/>
  <c r="G44740" i="1"/>
  <c r="G44741" i="1"/>
  <c r="G44742" i="1"/>
  <c r="G44743" i="1"/>
  <c r="G44744" i="1"/>
  <c r="G44745" i="1"/>
  <c r="G44746" i="1"/>
  <c r="G44747" i="1"/>
  <c r="G44748" i="1"/>
  <c r="G44749" i="1"/>
  <c r="G44750" i="1"/>
  <c r="G44751" i="1"/>
  <c r="G44752" i="1"/>
  <c r="G44753" i="1"/>
  <c r="G44754" i="1"/>
  <c r="G44755" i="1"/>
  <c r="G44756" i="1"/>
  <c r="G44757" i="1"/>
  <c r="G44758" i="1"/>
  <c r="G44759" i="1"/>
  <c r="G44760" i="1"/>
  <c r="G44761" i="1"/>
  <c r="G44762" i="1"/>
  <c r="G44763" i="1"/>
  <c r="G44764" i="1"/>
  <c r="G44765" i="1"/>
  <c r="G44766" i="1"/>
  <c r="G44767" i="1"/>
  <c r="G44768" i="1"/>
  <c r="G44769" i="1"/>
  <c r="G44770" i="1"/>
  <c r="G44771" i="1"/>
  <c r="G44772" i="1"/>
  <c r="G44773" i="1"/>
  <c r="G44774" i="1"/>
  <c r="G44775" i="1"/>
  <c r="G44776" i="1"/>
  <c r="G44777" i="1"/>
  <c r="G44778" i="1"/>
  <c r="G44779" i="1"/>
  <c r="G44780" i="1"/>
  <c r="G44781" i="1"/>
  <c r="G44782" i="1"/>
  <c r="G44783" i="1"/>
  <c r="G44784" i="1"/>
  <c r="G44785" i="1"/>
  <c r="G44786" i="1"/>
  <c r="G44787" i="1"/>
  <c r="G44788" i="1"/>
  <c r="G44789" i="1"/>
  <c r="G44790" i="1"/>
  <c r="G44791" i="1"/>
  <c r="G44792" i="1"/>
  <c r="G44793" i="1"/>
  <c r="G44794" i="1"/>
  <c r="G44795" i="1"/>
  <c r="G44796" i="1"/>
  <c r="G44797" i="1"/>
  <c r="G44798" i="1"/>
  <c r="G44799" i="1"/>
  <c r="G44800" i="1"/>
  <c r="G44801" i="1"/>
  <c r="G44802" i="1"/>
  <c r="G44803" i="1"/>
  <c r="G44804" i="1"/>
  <c r="G44805" i="1"/>
  <c r="G44806" i="1"/>
  <c r="G44807" i="1"/>
  <c r="G44808" i="1"/>
  <c r="G44809" i="1"/>
  <c r="G44810" i="1"/>
  <c r="G44811" i="1"/>
  <c r="G44812" i="1"/>
  <c r="G44813" i="1"/>
  <c r="G44814" i="1"/>
  <c r="G44815" i="1"/>
  <c r="G44816" i="1"/>
  <c r="G44817" i="1"/>
  <c r="G44818" i="1"/>
  <c r="G44819" i="1"/>
  <c r="G44820" i="1"/>
  <c r="G44821" i="1"/>
  <c r="G44822" i="1"/>
  <c r="G44823" i="1"/>
  <c r="G44824" i="1"/>
  <c r="G44825" i="1"/>
  <c r="G44826" i="1"/>
  <c r="G44827" i="1"/>
  <c r="G44828" i="1"/>
  <c r="G44829" i="1"/>
  <c r="G44830" i="1"/>
  <c r="G44831" i="1"/>
  <c r="G44832" i="1"/>
  <c r="G44833" i="1"/>
  <c r="G44834" i="1"/>
  <c r="G44835" i="1"/>
  <c r="G44836" i="1"/>
  <c r="G44837" i="1"/>
  <c r="G44838" i="1"/>
  <c r="G44839" i="1"/>
  <c r="G44840" i="1"/>
  <c r="G44841" i="1"/>
  <c r="G44842" i="1"/>
  <c r="G44843" i="1"/>
  <c r="G44844" i="1"/>
  <c r="G44845" i="1"/>
  <c r="G44846" i="1"/>
  <c r="G44847" i="1"/>
  <c r="G44848" i="1"/>
  <c r="G44849" i="1"/>
  <c r="G44850" i="1"/>
  <c r="G44851" i="1"/>
  <c r="G44852" i="1"/>
  <c r="G44853" i="1"/>
  <c r="G44854" i="1"/>
  <c r="G44855" i="1"/>
  <c r="G44856" i="1"/>
  <c r="G44857" i="1"/>
  <c r="G44858" i="1"/>
  <c r="G44859" i="1"/>
  <c r="G44860" i="1"/>
  <c r="G44861" i="1"/>
  <c r="G44862" i="1"/>
  <c r="G44863" i="1"/>
  <c r="G44864" i="1"/>
  <c r="G44865" i="1"/>
  <c r="G44866" i="1"/>
  <c r="G44867" i="1"/>
  <c r="G44868" i="1"/>
  <c r="G44869" i="1"/>
  <c r="G44870" i="1"/>
  <c r="G44871" i="1"/>
  <c r="G44872" i="1"/>
  <c r="G44873" i="1"/>
  <c r="G44874" i="1"/>
  <c r="G44875" i="1"/>
  <c r="G44876" i="1"/>
  <c r="G44877" i="1"/>
  <c r="G44878" i="1"/>
  <c r="G44879" i="1"/>
  <c r="G44880" i="1"/>
  <c r="G44881" i="1"/>
  <c r="G44882" i="1"/>
  <c r="G44883" i="1"/>
  <c r="G44884" i="1"/>
  <c r="G44885" i="1"/>
  <c r="G44886" i="1"/>
  <c r="G44887" i="1"/>
  <c r="G44888" i="1"/>
  <c r="G44889" i="1"/>
  <c r="G44890" i="1"/>
  <c r="G44891" i="1"/>
  <c r="G44892" i="1"/>
  <c r="G44893" i="1"/>
  <c r="G44894" i="1"/>
  <c r="G44895" i="1"/>
  <c r="G44896" i="1"/>
  <c r="G44897" i="1"/>
  <c r="G44898" i="1"/>
  <c r="G44899" i="1"/>
  <c r="G44900" i="1"/>
  <c r="G44901" i="1"/>
  <c r="G44902" i="1"/>
  <c r="G44903" i="1"/>
  <c r="G44904" i="1"/>
  <c r="G44905" i="1"/>
  <c r="G44906" i="1"/>
  <c r="G44907" i="1"/>
  <c r="G44908" i="1"/>
  <c r="G44909" i="1"/>
  <c r="G44910" i="1"/>
  <c r="G44911" i="1"/>
  <c r="G44912" i="1"/>
  <c r="G44913" i="1"/>
  <c r="G44914" i="1"/>
  <c r="G44915" i="1"/>
  <c r="G44916" i="1"/>
  <c r="G44917" i="1"/>
  <c r="G44918" i="1"/>
  <c r="G44919" i="1"/>
  <c r="G44920" i="1"/>
  <c r="G44921" i="1"/>
  <c r="G44922" i="1"/>
  <c r="G44923" i="1"/>
  <c r="G44924" i="1"/>
  <c r="G44925" i="1"/>
  <c r="G44926" i="1"/>
  <c r="G44927" i="1"/>
  <c r="G44928" i="1"/>
  <c r="G44929" i="1"/>
  <c r="G44930" i="1"/>
  <c r="G44931" i="1"/>
  <c r="G44932" i="1"/>
  <c r="G44933" i="1"/>
  <c r="G44934" i="1"/>
  <c r="G44935" i="1"/>
  <c r="G44936" i="1"/>
  <c r="G44937" i="1"/>
  <c r="G44938" i="1"/>
  <c r="G44939" i="1"/>
  <c r="G44940" i="1"/>
  <c r="G44941" i="1"/>
  <c r="G44942" i="1"/>
  <c r="G44943" i="1"/>
  <c r="G44944" i="1"/>
  <c r="G44945" i="1"/>
  <c r="G44946" i="1"/>
  <c r="G44947" i="1"/>
  <c r="G44948" i="1"/>
  <c r="G44949" i="1"/>
  <c r="G44950" i="1"/>
  <c r="G44951" i="1"/>
  <c r="G44952" i="1"/>
  <c r="G44953" i="1"/>
  <c r="G44954" i="1"/>
  <c r="G44955" i="1"/>
  <c r="G44956" i="1"/>
  <c r="G44957" i="1"/>
  <c r="G44958" i="1"/>
  <c r="G44959" i="1"/>
  <c r="G44960" i="1"/>
  <c r="G44961" i="1"/>
  <c r="G44962" i="1"/>
  <c r="G44963" i="1"/>
  <c r="G44964" i="1"/>
  <c r="G44965" i="1"/>
  <c r="G44966" i="1"/>
  <c r="G44967" i="1"/>
  <c r="G44968" i="1"/>
  <c r="G44969" i="1"/>
  <c r="G44970" i="1"/>
  <c r="G44971" i="1"/>
  <c r="G44972" i="1"/>
  <c r="G44973" i="1"/>
  <c r="G44974" i="1"/>
  <c r="G44975" i="1"/>
  <c r="G44976" i="1"/>
  <c r="G44977" i="1"/>
  <c r="G44978" i="1"/>
  <c r="G44979" i="1"/>
  <c r="G44980" i="1"/>
  <c r="G44981" i="1"/>
  <c r="G44982" i="1"/>
  <c r="G44983" i="1"/>
  <c r="G44984" i="1"/>
  <c r="G44985" i="1"/>
  <c r="G44986" i="1"/>
  <c r="G44987" i="1"/>
  <c r="G44988" i="1"/>
  <c r="G44989" i="1"/>
  <c r="G44990" i="1"/>
  <c r="G44991" i="1"/>
  <c r="G44992" i="1"/>
  <c r="G44993" i="1"/>
  <c r="G44994" i="1"/>
  <c r="G44995" i="1"/>
  <c r="G44996" i="1"/>
  <c r="G44997" i="1"/>
  <c r="G44998" i="1"/>
  <c r="G44999" i="1"/>
  <c r="G45000" i="1"/>
  <c r="G45001" i="1"/>
  <c r="G45002" i="1"/>
  <c r="G45003" i="1"/>
  <c r="G45004" i="1"/>
  <c r="G45005" i="1"/>
  <c r="G45006" i="1"/>
  <c r="G45007" i="1"/>
  <c r="G45008" i="1"/>
  <c r="G45009" i="1"/>
  <c r="G45010" i="1"/>
  <c r="G45011" i="1"/>
  <c r="G45012" i="1"/>
  <c r="G45013" i="1"/>
  <c r="G45014" i="1"/>
  <c r="G45015" i="1"/>
  <c r="G45016" i="1"/>
  <c r="G45017" i="1"/>
  <c r="G45018" i="1"/>
  <c r="G45019" i="1"/>
  <c r="G45020" i="1"/>
  <c r="G45021" i="1"/>
  <c r="G45022" i="1"/>
  <c r="G45023" i="1"/>
  <c r="G45024" i="1"/>
  <c r="G45025" i="1"/>
  <c r="G45026" i="1"/>
  <c r="G45027" i="1"/>
  <c r="G45028" i="1"/>
  <c r="G45029" i="1"/>
  <c r="G45030" i="1"/>
  <c r="G45031" i="1"/>
  <c r="G45032" i="1"/>
  <c r="G45033" i="1"/>
  <c r="G45034" i="1"/>
  <c r="G45035" i="1"/>
  <c r="G45036" i="1"/>
  <c r="G45037" i="1"/>
  <c r="G45038" i="1"/>
  <c r="G45039" i="1"/>
  <c r="G45040" i="1"/>
  <c r="G45041" i="1"/>
  <c r="G45042" i="1"/>
  <c r="G45043" i="1"/>
  <c r="G45044" i="1"/>
  <c r="G45045" i="1"/>
  <c r="G45046" i="1"/>
  <c r="G45047" i="1"/>
  <c r="G45048" i="1"/>
  <c r="G45049" i="1"/>
  <c r="G45050" i="1"/>
  <c r="G45051" i="1"/>
  <c r="G45052" i="1"/>
  <c r="G45053" i="1"/>
  <c r="G45054" i="1"/>
  <c r="G45055" i="1"/>
  <c r="G45056" i="1"/>
  <c r="G45057" i="1"/>
  <c r="G45058" i="1"/>
  <c r="G45059" i="1"/>
  <c r="G45060" i="1"/>
  <c r="G45061" i="1"/>
  <c r="G45062" i="1"/>
  <c r="G45063" i="1"/>
  <c r="G45064" i="1"/>
  <c r="G45065" i="1"/>
  <c r="G45066" i="1"/>
  <c r="G45067" i="1"/>
  <c r="G45068" i="1"/>
  <c r="G45069" i="1"/>
  <c r="G45070" i="1"/>
  <c r="G45071" i="1"/>
  <c r="G45072" i="1"/>
  <c r="G45073" i="1"/>
  <c r="G45074" i="1"/>
  <c r="G45075" i="1"/>
  <c r="G45076" i="1"/>
  <c r="G45077" i="1"/>
  <c r="G45078" i="1"/>
  <c r="G45079" i="1"/>
  <c r="G45080" i="1"/>
  <c r="G45081" i="1"/>
  <c r="G45082" i="1"/>
  <c r="G45083" i="1"/>
  <c r="G45084" i="1"/>
  <c r="G45085" i="1"/>
  <c r="G45086" i="1"/>
  <c r="G45087" i="1"/>
  <c r="G45088" i="1"/>
  <c r="G45089" i="1"/>
  <c r="G45090" i="1"/>
  <c r="G45091" i="1"/>
  <c r="G45092" i="1"/>
  <c r="G45093" i="1"/>
  <c r="G45094" i="1"/>
  <c r="G45095" i="1"/>
  <c r="G45096" i="1"/>
  <c r="G45097" i="1"/>
  <c r="G45098" i="1"/>
  <c r="G45099" i="1"/>
  <c r="G45100" i="1"/>
  <c r="G45101" i="1"/>
  <c r="G45102" i="1"/>
  <c r="G45103" i="1"/>
  <c r="G45104" i="1"/>
  <c r="G45105" i="1"/>
  <c r="G45106" i="1"/>
  <c r="G45107" i="1"/>
  <c r="G45108" i="1"/>
  <c r="G45109" i="1"/>
  <c r="G45110" i="1"/>
  <c r="G45111" i="1"/>
  <c r="G45112" i="1"/>
  <c r="G45113" i="1"/>
  <c r="G45114" i="1"/>
  <c r="G45115" i="1"/>
  <c r="G45116" i="1"/>
  <c r="G45117" i="1"/>
  <c r="G45118" i="1"/>
  <c r="G45119" i="1"/>
  <c r="G45120" i="1"/>
  <c r="G45121" i="1"/>
  <c r="G45122" i="1"/>
  <c r="G45123" i="1"/>
  <c r="G45124" i="1"/>
  <c r="G45125" i="1"/>
  <c r="G45126" i="1"/>
  <c r="G45127" i="1"/>
  <c r="G45128" i="1"/>
  <c r="G45129" i="1"/>
  <c r="G45130" i="1"/>
  <c r="G45131" i="1"/>
  <c r="G45132" i="1"/>
  <c r="G45133" i="1"/>
  <c r="G45134" i="1"/>
  <c r="G45135" i="1"/>
  <c r="G45136" i="1"/>
  <c r="G45137" i="1"/>
  <c r="G45138" i="1"/>
  <c r="G45139" i="1"/>
  <c r="G45140" i="1"/>
  <c r="G45141" i="1"/>
  <c r="G45142" i="1"/>
  <c r="G45143" i="1"/>
  <c r="G45144" i="1"/>
  <c r="G45145" i="1"/>
  <c r="G45146" i="1"/>
  <c r="G45147" i="1"/>
  <c r="G45148" i="1"/>
  <c r="G45149" i="1"/>
  <c r="G45150" i="1"/>
  <c r="G45151" i="1"/>
  <c r="G45152" i="1"/>
  <c r="G45153" i="1"/>
  <c r="G45154" i="1"/>
  <c r="G45155" i="1"/>
  <c r="G45156" i="1"/>
  <c r="G45157" i="1"/>
  <c r="G45158" i="1"/>
  <c r="G45159" i="1"/>
  <c r="G45160" i="1"/>
  <c r="G45161" i="1"/>
  <c r="G45162" i="1"/>
  <c r="G45163" i="1"/>
  <c r="G45164" i="1"/>
  <c r="G45165" i="1"/>
  <c r="G45166" i="1"/>
  <c r="G45167" i="1"/>
  <c r="G45168" i="1"/>
  <c r="G45169" i="1"/>
  <c r="G45170" i="1"/>
  <c r="G45171" i="1"/>
  <c r="G45172" i="1"/>
  <c r="G45173" i="1"/>
  <c r="G45174" i="1"/>
  <c r="G45175" i="1"/>
  <c r="G45176" i="1"/>
  <c r="G45177" i="1"/>
  <c r="G45178" i="1"/>
  <c r="G45179" i="1"/>
  <c r="G45180" i="1"/>
  <c r="G45181" i="1"/>
  <c r="G45182" i="1"/>
  <c r="G45183" i="1"/>
  <c r="G45184" i="1"/>
  <c r="G45185" i="1"/>
  <c r="G45186" i="1"/>
  <c r="G45187" i="1"/>
  <c r="G45188" i="1"/>
  <c r="G45189" i="1"/>
  <c r="G45190" i="1"/>
  <c r="G45191" i="1"/>
  <c r="G45192" i="1"/>
  <c r="G45193" i="1"/>
  <c r="G45194" i="1"/>
  <c r="G45195" i="1"/>
  <c r="G45196" i="1"/>
  <c r="G45197" i="1"/>
  <c r="G45198" i="1"/>
  <c r="G45199" i="1"/>
  <c r="G45200" i="1"/>
  <c r="G45201" i="1"/>
  <c r="G45202" i="1"/>
  <c r="G45203" i="1"/>
  <c r="G45204" i="1"/>
  <c r="G45205" i="1"/>
  <c r="G45206" i="1"/>
  <c r="G45207" i="1"/>
  <c r="G45208" i="1"/>
  <c r="G45209" i="1"/>
  <c r="G45210" i="1"/>
  <c r="G45211" i="1"/>
  <c r="G45212" i="1"/>
  <c r="G45213" i="1"/>
  <c r="G45214" i="1"/>
  <c r="G45215" i="1"/>
  <c r="G45216" i="1"/>
  <c r="G45217" i="1"/>
  <c r="G45218" i="1"/>
  <c r="G45219" i="1"/>
  <c r="G45220" i="1"/>
  <c r="G45221" i="1"/>
  <c r="G45222" i="1"/>
  <c r="G45223" i="1"/>
  <c r="G45224" i="1"/>
  <c r="G45225" i="1"/>
  <c r="G45226" i="1"/>
  <c r="G45227" i="1"/>
  <c r="G45228" i="1"/>
  <c r="G45229" i="1"/>
  <c r="G45230" i="1"/>
  <c r="G45231" i="1"/>
  <c r="G45232" i="1"/>
  <c r="G45233" i="1"/>
  <c r="G45234" i="1"/>
  <c r="G45235" i="1"/>
  <c r="G45236" i="1"/>
  <c r="G45237" i="1"/>
  <c r="G45238" i="1"/>
  <c r="G45239" i="1"/>
  <c r="G45240" i="1"/>
  <c r="G45241" i="1"/>
  <c r="G45242" i="1"/>
  <c r="G45243" i="1"/>
  <c r="G45244" i="1"/>
  <c r="G45245" i="1"/>
  <c r="G45246" i="1"/>
  <c r="G45247" i="1"/>
  <c r="G45248" i="1"/>
  <c r="G45249" i="1"/>
  <c r="G45250" i="1"/>
  <c r="G45251" i="1"/>
  <c r="G45252" i="1"/>
  <c r="G45253" i="1"/>
  <c r="G45254" i="1"/>
  <c r="G45255" i="1"/>
  <c r="G45256" i="1"/>
  <c r="G45257" i="1"/>
  <c r="G45258" i="1"/>
  <c r="G45259" i="1"/>
  <c r="G45260" i="1"/>
  <c r="G45261" i="1"/>
  <c r="G45262" i="1"/>
  <c r="G45263" i="1"/>
  <c r="G45264" i="1"/>
  <c r="G45265" i="1"/>
  <c r="G45266" i="1"/>
  <c r="G45267" i="1"/>
  <c r="G45268" i="1"/>
  <c r="G45269" i="1"/>
  <c r="G45270" i="1"/>
  <c r="G45271" i="1"/>
  <c r="G45272" i="1"/>
  <c r="G45273" i="1"/>
  <c r="G45274" i="1"/>
  <c r="G45275" i="1"/>
  <c r="G45276" i="1"/>
  <c r="G45277" i="1"/>
  <c r="G45278" i="1"/>
  <c r="G45279" i="1"/>
  <c r="G45280" i="1"/>
  <c r="G45281" i="1"/>
  <c r="G45282" i="1"/>
  <c r="G45283" i="1"/>
  <c r="G45284" i="1"/>
  <c r="G45285" i="1"/>
  <c r="G45286" i="1"/>
  <c r="G45287" i="1"/>
  <c r="G45288" i="1"/>
  <c r="G45289" i="1"/>
  <c r="G45290" i="1"/>
  <c r="G45291" i="1"/>
  <c r="G45292" i="1"/>
  <c r="G45293" i="1"/>
  <c r="G45294" i="1"/>
  <c r="G45295" i="1"/>
  <c r="G45296" i="1"/>
  <c r="G45297" i="1"/>
  <c r="G45298" i="1"/>
  <c r="G45299" i="1"/>
  <c r="G45300" i="1"/>
  <c r="G45301" i="1"/>
  <c r="G45302" i="1"/>
  <c r="G45303" i="1"/>
  <c r="G45304" i="1"/>
  <c r="G45305" i="1"/>
  <c r="G45306" i="1"/>
  <c r="G45307" i="1"/>
  <c r="G45308" i="1"/>
  <c r="G45309" i="1"/>
  <c r="G45310" i="1"/>
  <c r="G45311" i="1"/>
  <c r="G45312" i="1"/>
  <c r="G45313" i="1"/>
  <c r="G45314" i="1"/>
  <c r="G45315" i="1"/>
  <c r="G45316" i="1"/>
  <c r="G45317" i="1"/>
  <c r="G45318" i="1"/>
  <c r="G45319" i="1"/>
  <c r="G45320" i="1"/>
  <c r="G45321" i="1"/>
  <c r="G45322" i="1"/>
  <c r="G45323" i="1"/>
  <c r="G45324" i="1"/>
  <c r="G45325" i="1"/>
  <c r="G45326" i="1"/>
  <c r="G45327" i="1"/>
  <c r="G45328" i="1"/>
  <c r="G45329" i="1"/>
  <c r="G45330" i="1"/>
  <c r="G45331" i="1"/>
  <c r="G45332" i="1"/>
  <c r="G45333" i="1"/>
  <c r="G45334" i="1"/>
  <c r="G45335" i="1"/>
  <c r="G45336" i="1"/>
  <c r="G45337" i="1"/>
  <c r="G45338" i="1"/>
  <c r="G45339" i="1"/>
  <c r="G45340" i="1"/>
  <c r="G45341" i="1"/>
  <c r="G45342" i="1"/>
  <c r="G45343" i="1"/>
  <c r="G45344" i="1"/>
  <c r="G45345" i="1"/>
  <c r="G45346" i="1"/>
  <c r="G45347" i="1"/>
  <c r="G45348" i="1"/>
  <c r="G45349" i="1"/>
  <c r="G45350" i="1"/>
  <c r="G45351" i="1"/>
  <c r="G45352" i="1"/>
  <c r="G45353" i="1"/>
  <c r="G45354" i="1"/>
  <c r="G45355" i="1"/>
  <c r="G45356" i="1"/>
  <c r="G45357" i="1"/>
  <c r="G45358" i="1"/>
  <c r="G45359" i="1"/>
  <c r="G45360" i="1"/>
  <c r="G45361" i="1"/>
  <c r="G45362" i="1"/>
  <c r="G45363" i="1"/>
  <c r="G45364" i="1"/>
  <c r="G45365" i="1"/>
  <c r="G45366" i="1"/>
  <c r="G45367" i="1"/>
  <c r="G45368" i="1"/>
  <c r="G45369" i="1"/>
  <c r="G45370" i="1"/>
  <c r="G45371" i="1"/>
  <c r="G45372" i="1"/>
  <c r="G45373" i="1"/>
  <c r="G45374" i="1"/>
  <c r="G45375" i="1"/>
  <c r="G45376" i="1"/>
  <c r="G45377" i="1"/>
  <c r="G45378" i="1"/>
  <c r="G45379" i="1"/>
  <c r="G45380" i="1"/>
  <c r="G45381" i="1"/>
  <c r="G45382" i="1"/>
  <c r="G45383" i="1"/>
  <c r="G45384" i="1"/>
  <c r="G45385" i="1"/>
  <c r="G45386" i="1"/>
  <c r="G45387" i="1"/>
  <c r="G45388" i="1"/>
  <c r="G45389" i="1"/>
  <c r="G45390" i="1"/>
  <c r="G45391" i="1"/>
  <c r="G45392" i="1"/>
  <c r="G45393" i="1"/>
  <c r="G45394" i="1"/>
  <c r="G45395" i="1"/>
  <c r="G45396" i="1"/>
  <c r="G45397" i="1"/>
  <c r="G45398" i="1"/>
  <c r="G45399" i="1"/>
  <c r="G45400" i="1"/>
  <c r="G45401" i="1"/>
  <c r="G45402" i="1"/>
  <c r="G45403" i="1"/>
  <c r="G45404" i="1"/>
  <c r="G45405" i="1"/>
  <c r="G45406" i="1"/>
  <c r="G45407" i="1"/>
  <c r="G45408" i="1"/>
  <c r="G45409" i="1"/>
  <c r="G45410" i="1"/>
  <c r="G45411" i="1"/>
  <c r="G45412" i="1"/>
  <c r="G45413" i="1"/>
  <c r="G45414" i="1"/>
  <c r="G45415" i="1"/>
  <c r="G45416" i="1"/>
  <c r="G45417" i="1"/>
  <c r="G45418" i="1"/>
  <c r="G45419" i="1"/>
  <c r="G45420" i="1"/>
  <c r="G45421" i="1"/>
  <c r="G45422" i="1"/>
  <c r="G45423" i="1"/>
  <c r="G45424" i="1"/>
  <c r="G45425" i="1"/>
  <c r="G45426" i="1"/>
  <c r="G45427" i="1"/>
  <c r="G45428" i="1"/>
  <c r="G45429" i="1"/>
  <c r="G45430" i="1"/>
  <c r="G45431" i="1"/>
  <c r="G45432" i="1"/>
  <c r="G45433" i="1"/>
  <c r="G45434" i="1"/>
  <c r="G45435" i="1"/>
  <c r="G45436" i="1"/>
  <c r="G45437" i="1"/>
  <c r="G45438" i="1"/>
  <c r="G45439" i="1"/>
  <c r="G45440" i="1"/>
  <c r="G45441" i="1"/>
  <c r="G45442" i="1"/>
  <c r="G45443" i="1"/>
  <c r="G45444" i="1"/>
  <c r="G45445" i="1"/>
  <c r="G45446" i="1"/>
  <c r="G45447" i="1"/>
  <c r="G45448" i="1"/>
  <c r="G45449" i="1"/>
  <c r="G45450" i="1"/>
  <c r="G45451" i="1"/>
  <c r="G45452" i="1"/>
  <c r="G45453" i="1"/>
  <c r="G45454" i="1"/>
  <c r="G45455" i="1"/>
  <c r="G45456" i="1"/>
  <c r="G45457" i="1"/>
  <c r="G45458" i="1"/>
  <c r="G45459" i="1"/>
  <c r="G45460" i="1"/>
  <c r="G45461" i="1"/>
  <c r="G45462" i="1"/>
  <c r="G45463" i="1"/>
  <c r="G45464" i="1"/>
  <c r="G45465" i="1"/>
  <c r="G45466" i="1"/>
  <c r="G45467" i="1"/>
  <c r="G45468" i="1"/>
  <c r="G45469" i="1"/>
  <c r="G45470" i="1"/>
  <c r="G45471" i="1"/>
  <c r="G45472" i="1"/>
  <c r="G45473" i="1"/>
  <c r="G45474" i="1"/>
  <c r="G45475" i="1"/>
  <c r="G45476" i="1"/>
  <c r="G45477" i="1"/>
  <c r="G45478" i="1"/>
  <c r="G45479" i="1"/>
  <c r="G45480" i="1"/>
  <c r="G45481" i="1"/>
  <c r="G45482" i="1"/>
  <c r="G45483" i="1"/>
  <c r="G45484" i="1"/>
  <c r="G45485" i="1"/>
  <c r="G45486" i="1"/>
  <c r="G45487" i="1"/>
  <c r="G45488" i="1"/>
  <c r="G45489" i="1"/>
  <c r="G45490" i="1"/>
  <c r="G45491" i="1"/>
  <c r="G45492" i="1"/>
  <c r="G45493" i="1"/>
  <c r="G45494" i="1"/>
  <c r="G45495" i="1"/>
  <c r="G45496" i="1"/>
  <c r="G45497" i="1"/>
  <c r="G45498" i="1"/>
  <c r="G45499" i="1"/>
  <c r="G45500" i="1"/>
  <c r="G45501" i="1"/>
  <c r="G45502" i="1"/>
  <c r="G45503" i="1"/>
  <c r="G45504" i="1"/>
  <c r="G45505" i="1"/>
  <c r="G45506" i="1"/>
  <c r="G45507" i="1"/>
  <c r="G45508" i="1"/>
  <c r="G45509" i="1"/>
  <c r="G45510" i="1"/>
  <c r="G45511" i="1"/>
  <c r="G45512" i="1"/>
  <c r="G45513" i="1"/>
  <c r="G45514" i="1"/>
  <c r="G45515" i="1"/>
  <c r="G45516" i="1"/>
  <c r="G45517" i="1"/>
  <c r="G45518" i="1"/>
  <c r="G45519" i="1"/>
  <c r="G45520" i="1"/>
  <c r="G45521" i="1"/>
  <c r="G45522" i="1"/>
  <c r="G45523" i="1"/>
  <c r="G45524" i="1"/>
  <c r="G45525" i="1"/>
  <c r="G45526" i="1"/>
  <c r="G45527" i="1"/>
  <c r="G45528" i="1"/>
  <c r="G45529" i="1"/>
  <c r="G45530" i="1"/>
  <c r="G45531" i="1"/>
  <c r="G45532" i="1"/>
  <c r="G45533" i="1"/>
  <c r="G45534" i="1"/>
  <c r="G45535" i="1"/>
  <c r="G45536" i="1"/>
  <c r="G45537" i="1"/>
  <c r="G45538" i="1"/>
  <c r="G45539" i="1"/>
  <c r="G45540" i="1"/>
  <c r="G45541" i="1"/>
  <c r="G45542" i="1"/>
  <c r="G45543" i="1"/>
  <c r="G45544" i="1"/>
  <c r="G45545" i="1"/>
  <c r="G45546" i="1"/>
  <c r="G45547" i="1"/>
  <c r="G45548" i="1"/>
  <c r="G45549" i="1"/>
  <c r="G45550" i="1"/>
  <c r="G45551" i="1"/>
  <c r="G45552" i="1"/>
  <c r="G45553" i="1"/>
  <c r="G45554" i="1"/>
  <c r="G45555" i="1"/>
  <c r="G45556" i="1"/>
  <c r="G45557" i="1"/>
  <c r="G45558" i="1"/>
  <c r="G45559" i="1"/>
  <c r="G45560" i="1"/>
  <c r="G45561" i="1"/>
  <c r="G45562" i="1"/>
  <c r="G45563" i="1"/>
  <c r="G45564" i="1"/>
  <c r="G45565" i="1"/>
  <c r="G45566" i="1"/>
  <c r="G45567" i="1"/>
  <c r="G45568" i="1"/>
  <c r="G45569" i="1"/>
  <c r="G45570" i="1"/>
  <c r="G45571" i="1"/>
  <c r="G45572" i="1"/>
  <c r="G45573" i="1"/>
  <c r="G45574" i="1"/>
  <c r="G45575" i="1"/>
  <c r="G45576" i="1"/>
  <c r="G45577" i="1"/>
  <c r="G45578" i="1"/>
  <c r="G45579" i="1"/>
  <c r="G45580" i="1"/>
  <c r="G45581" i="1"/>
  <c r="G45582" i="1"/>
  <c r="G45583" i="1"/>
  <c r="G45584" i="1"/>
  <c r="G45585" i="1"/>
  <c r="G45586" i="1"/>
  <c r="G45587" i="1"/>
  <c r="G45588" i="1"/>
  <c r="G45589" i="1"/>
  <c r="G45590" i="1"/>
  <c r="G45591" i="1"/>
  <c r="G45592" i="1"/>
  <c r="G45593" i="1"/>
  <c r="G45594" i="1"/>
  <c r="G45595" i="1"/>
  <c r="G45596" i="1"/>
  <c r="G45597" i="1"/>
  <c r="G45598" i="1"/>
  <c r="G45599" i="1"/>
  <c r="G45600" i="1"/>
  <c r="G45601" i="1"/>
  <c r="G45602" i="1"/>
  <c r="G45603" i="1"/>
  <c r="G45604" i="1"/>
  <c r="G45605" i="1"/>
  <c r="G45606" i="1"/>
  <c r="G45607" i="1"/>
  <c r="G45608" i="1"/>
  <c r="G45609" i="1"/>
  <c r="G45610" i="1"/>
  <c r="G45611" i="1"/>
  <c r="G45612" i="1"/>
  <c r="G45613" i="1"/>
  <c r="G45614" i="1"/>
  <c r="G45615" i="1"/>
  <c r="G45616" i="1"/>
  <c r="G45617" i="1"/>
  <c r="G45618" i="1"/>
  <c r="G45619" i="1"/>
  <c r="G45620" i="1"/>
  <c r="G45621" i="1"/>
  <c r="G45622" i="1"/>
  <c r="G45623" i="1"/>
  <c r="G45624" i="1"/>
  <c r="G45625" i="1"/>
  <c r="G45626" i="1"/>
  <c r="G45627" i="1"/>
  <c r="G45628" i="1"/>
  <c r="G45629" i="1"/>
  <c r="G45630" i="1"/>
  <c r="G45631" i="1"/>
  <c r="G45632" i="1"/>
  <c r="G45633" i="1"/>
  <c r="G45634" i="1"/>
  <c r="G45635" i="1"/>
  <c r="G45636" i="1"/>
  <c r="G45637" i="1"/>
  <c r="G45638" i="1"/>
  <c r="G45639" i="1"/>
  <c r="G45640" i="1"/>
  <c r="G45641" i="1"/>
  <c r="G45642" i="1"/>
  <c r="G45643" i="1"/>
  <c r="G45644" i="1"/>
  <c r="G45645" i="1"/>
  <c r="G45646" i="1"/>
  <c r="G45647" i="1"/>
  <c r="G45648" i="1"/>
  <c r="G45649" i="1"/>
  <c r="G45650" i="1"/>
  <c r="G45651" i="1"/>
  <c r="G45652" i="1"/>
  <c r="G45653" i="1"/>
  <c r="G45654" i="1"/>
  <c r="G45655" i="1"/>
  <c r="G45656" i="1"/>
  <c r="G45657" i="1"/>
  <c r="G45658" i="1"/>
  <c r="G45659" i="1"/>
  <c r="G45660" i="1"/>
  <c r="G45661" i="1"/>
  <c r="G45662" i="1"/>
  <c r="G45663" i="1"/>
  <c r="G45664" i="1"/>
  <c r="G45665" i="1"/>
  <c r="G45666" i="1"/>
  <c r="G45667" i="1"/>
  <c r="G45668" i="1"/>
  <c r="G45669" i="1"/>
  <c r="G45670" i="1"/>
  <c r="G45671" i="1"/>
  <c r="G45672" i="1"/>
  <c r="G45673" i="1"/>
  <c r="G45674" i="1"/>
  <c r="G45675" i="1"/>
  <c r="G45676" i="1"/>
  <c r="G45677" i="1"/>
  <c r="G45678" i="1"/>
  <c r="G45679" i="1"/>
  <c r="G45680" i="1"/>
  <c r="G45681" i="1"/>
  <c r="G45682" i="1"/>
  <c r="G45683" i="1"/>
  <c r="G45684" i="1"/>
  <c r="G45685" i="1"/>
  <c r="G45686" i="1"/>
  <c r="G45687" i="1"/>
  <c r="G45688" i="1"/>
  <c r="G45689" i="1"/>
  <c r="G45690" i="1"/>
  <c r="G45691" i="1"/>
  <c r="G45692" i="1"/>
  <c r="G45693" i="1"/>
  <c r="G45694" i="1"/>
  <c r="G45695" i="1"/>
  <c r="G45696" i="1"/>
  <c r="G45697" i="1"/>
  <c r="G45698" i="1"/>
  <c r="G45699" i="1"/>
  <c r="G45700" i="1"/>
  <c r="G45701" i="1"/>
  <c r="G45702" i="1"/>
  <c r="G45703" i="1"/>
  <c r="G45704" i="1"/>
  <c r="G45705" i="1"/>
  <c r="G45706" i="1"/>
  <c r="G45707" i="1"/>
  <c r="G45708" i="1"/>
  <c r="G45709" i="1"/>
  <c r="G45710" i="1"/>
  <c r="G45711" i="1"/>
  <c r="G45712" i="1"/>
  <c r="G45713" i="1"/>
  <c r="G45714" i="1"/>
  <c r="G45715" i="1"/>
  <c r="G45716" i="1"/>
  <c r="G45717" i="1"/>
  <c r="G45718" i="1"/>
  <c r="G45719" i="1"/>
  <c r="G45720" i="1"/>
  <c r="G45721" i="1"/>
  <c r="G45722" i="1"/>
  <c r="G45723" i="1"/>
  <c r="G45724" i="1"/>
  <c r="G45725" i="1"/>
  <c r="G45726" i="1"/>
  <c r="G45727" i="1"/>
  <c r="G45728" i="1"/>
  <c r="G45729" i="1"/>
  <c r="G45730" i="1"/>
  <c r="G45731" i="1"/>
  <c r="G45732" i="1"/>
  <c r="G45733" i="1"/>
  <c r="G45734" i="1"/>
  <c r="G45735" i="1"/>
  <c r="G45736" i="1"/>
  <c r="G45737" i="1"/>
  <c r="G45738" i="1"/>
  <c r="G45739" i="1"/>
  <c r="G45740" i="1"/>
  <c r="G45741" i="1"/>
  <c r="G45742" i="1"/>
  <c r="G45743" i="1"/>
  <c r="G45744" i="1"/>
  <c r="G45745" i="1"/>
  <c r="G45746" i="1"/>
  <c r="G45747" i="1"/>
  <c r="G45748" i="1"/>
  <c r="G45749" i="1"/>
  <c r="G45750" i="1"/>
  <c r="G45751" i="1"/>
  <c r="G45752" i="1"/>
  <c r="G45753" i="1"/>
  <c r="G45754" i="1"/>
  <c r="G45755" i="1"/>
  <c r="G45756" i="1"/>
  <c r="G45757" i="1"/>
  <c r="G45758" i="1"/>
  <c r="G45759" i="1"/>
  <c r="G45760" i="1"/>
  <c r="G45761" i="1"/>
  <c r="G45762" i="1"/>
  <c r="G45763" i="1"/>
  <c r="G45764" i="1"/>
  <c r="G45765" i="1"/>
  <c r="G45766" i="1"/>
  <c r="G45767" i="1"/>
  <c r="G45768" i="1"/>
  <c r="G45769" i="1"/>
  <c r="G45770" i="1"/>
  <c r="G45771" i="1"/>
  <c r="G45772" i="1"/>
  <c r="G45773" i="1"/>
  <c r="G45774" i="1"/>
  <c r="G45775" i="1"/>
  <c r="G45776" i="1"/>
  <c r="G45777" i="1"/>
  <c r="G45778" i="1"/>
  <c r="G45779" i="1"/>
  <c r="G45780" i="1"/>
  <c r="G45781" i="1"/>
  <c r="G45782" i="1"/>
  <c r="G45783" i="1"/>
  <c r="G45784" i="1"/>
  <c r="G45785" i="1"/>
  <c r="G45786" i="1"/>
  <c r="G45787" i="1"/>
  <c r="G45788" i="1"/>
  <c r="G45789" i="1"/>
  <c r="G45790" i="1"/>
  <c r="G45791" i="1"/>
  <c r="G45792" i="1"/>
  <c r="G45793" i="1"/>
  <c r="G45794" i="1"/>
  <c r="G45795" i="1"/>
  <c r="G45796" i="1"/>
  <c r="G45797" i="1"/>
  <c r="G45798" i="1"/>
  <c r="G45799" i="1"/>
  <c r="G45800" i="1"/>
  <c r="G45801" i="1"/>
  <c r="G45802" i="1"/>
  <c r="G45803" i="1"/>
  <c r="G45804" i="1"/>
  <c r="G45805" i="1"/>
  <c r="G45806" i="1"/>
  <c r="G45807" i="1"/>
  <c r="G45808" i="1"/>
  <c r="G45809" i="1"/>
  <c r="G45810" i="1"/>
  <c r="G45811" i="1"/>
  <c r="G45812" i="1"/>
  <c r="G45813" i="1"/>
  <c r="G45814" i="1"/>
  <c r="G45815" i="1"/>
  <c r="G45816" i="1"/>
  <c r="G45817" i="1"/>
  <c r="G45818" i="1"/>
  <c r="G45819" i="1"/>
  <c r="G45820" i="1"/>
  <c r="G45821" i="1"/>
  <c r="G45822" i="1"/>
  <c r="G45823" i="1"/>
  <c r="G45824" i="1"/>
  <c r="G45825" i="1"/>
  <c r="G45826" i="1"/>
  <c r="G45827" i="1"/>
  <c r="G45828" i="1"/>
  <c r="G45829" i="1"/>
  <c r="G45830" i="1"/>
  <c r="G45831" i="1"/>
  <c r="G45832" i="1"/>
  <c r="G45833" i="1"/>
  <c r="G45834" i="1"/>
  <c r="G45835" i="1"/>
  <c r="G45836" i="1"/>
  <c r="G45837" i="1"/>
  <c r="G45838" i="1"/>
  <c r="G45839" i="1"/>
  <c r="G45840" i="1"/>
  <c r="G45841" i="1"/>
  <c r="G45842" i="1"/>
  <c r="G45843" i="1"/>
  <c r="G45844" i="1"/>
  <c r="G45845" i="1"/>
  <c r="G45846" i="1"/>
  <c r="G45847" i="1"/>
  <c r="G45848" i="1"/>
  <c r="G45849" i="1"/>
  <c r="G45850" i="1"/>
  <c r="G45851" i="1"/>
  <c r="G45852" i="1"/>
  <c r="G45853" i="1"/>
  <c r="G45854" i="1"/>
  <c r="G45855" i="1"/>
  <c r="G45856" i="1"/>
  <c r="G45857" i="1"/>
  <c r="G45858" i="1"/>
  <c r="G45859" i="1"/>
  <c r="G45860" i="1"/>
  <c r="G45861" i="1"/>
  <c r="G45862" i="1"/>
  <c r="G45863" i="1"/>
  <c r="G45864" i="1"/>
  <c r="G45865" i="1"/>
  <c r="G45866" i="1"/>
  <c r="G45867" i="1"/>
  <c r="G45868" i="1"/>
  <c r="G45869" i="1"/>
  <c r="G45870" i="1"/>
  <c r="G45871" i="1"/>
  <c r="G45872" i="1"/>
  <c r="G45873" i="1"/>
  <c r="G45874" i="1"/>
  <c r="G45875" i="1"/>
  <c r="G45876" i="1"/>
  <c r="G45877" i="1"/>
  <c r="G45878" i="1"/>
  <c r="G45879" i="1"/>
  <c r="G45880" i="1"/>
  <c r="G45881" i="1"/>
  <c r="G45882" i="1"/>
  <c r="G45883" i="1"/>
  <c r="G45884" i="1"/>
  <c r="G45885" i="1"/>
  <c r="G45886" i="1"/>
  <c r="G45887" i="1"/>
  <c r="G45888" i="1"/>
  <c r="G45889" i="1"/>
  <c r="G45890" i="1"/>
  <c r="G45891" i="1"/>
  <c r="G45892" i="1"/>
  <c r="G45893" i="1"/>
  <c r="G45894" i="1"/>
  <c r="G45895" i="1"/>
  <c r="G45896" i="1"/>
  <c r="G45897" i="1"/>
  <c r="G45898" i="1"/>
  <c r="G45899" i="1"/>
  <c r="G45900" i="1"/>
  <c r="G45901" i="1"/>
  <c r="G45902" i="1"/>
  <c r="G45903" i="1"/>
  <c r="G45904" i="1"/>
  <c r="G45905" i="1"/>
  <c r="G45906" i="1"/>
  <c r="G45907" i="1"/>
  <c r="G45908" i="1"/>
  <c r="G45909" i="1"/>
  <c r="G45910" i="1"/>
  <c r="G45911" i="1"/>
  <c r="G45912" i="1"/>
  <c r="G45913" i="1"/>
  <c r="G45914" i="1"/>
  <c r="G45915" i="1"/>
  <c r="G45916" i="1"/>
  <c r="G45917" i="1"/>
  <c r="G45918" i="1"/>
  <c r="G45919" i="1"/>
  <c r="G45920" i="1"/>
  <c r="G45921" i="1"/>
  <c r="G45922" i="1"/>
  <c r="G45923" i="1"/>
  <c r="G45924" i="1"/>
  <c r="G45925" i="1"/>
  <c r="G45926" i="1"/>
  <c r="G45927" i="1"/>
  <c r="G45928" i="1"/>
  <c r="G45929" i="1"/>
  <c r="G45930" i="1"/>
  <c r="G45931" i="1"/>
  <c r="G45932" i="1"/>
  <c r="G45933" i="1"/>
  <c r="G45934" i="1"/>
  <c r="G45935" i="1"/>
  <c r="G45936" i="1"/>
  <c r="G45937" i="1"/>
  <c r="G45938" i="1"/>
  <c r="G45939" i="1"/>
  <c r="G45940" i="1"/>
  <c r="G45941" i="1"/>
  <c r="G45942" i="1"/>
  <c r="G45943" i="1"/>
  <c r="G45944" i="1"/>
  <c r="G45945" i="1"/>
  <c r="G45946" i="1"/>
  <c r="G45947" i="1"/>
  <c r="G45948" i="1"/>
  <c r="G45949" i="1"/>
  <c r="G45950" i="1"/>
  <c r="G45951" i="1"/>
  <c r="G45952" i="1"/>
  <c r="G45953" i="1"/>
  <c r="G45954" i="1"/>
  <c r="G45955" i="1"/>
  <c r="G45956" i="1"/>
  <c r="G45957" i="1"/>
  <c r="G45958" i="1"/>
  <c r="G45959" i="1"/>
  <c r="G45960" i="1"/>
  <c r="G45961" i="1"/>
  <c r="G45962" i="1"/>
  <c r="G45963" i="1"/>
  <c r="G45964" i="1"/>
  <c r="G45965" i="1"/>
  <c r="G45966" i="1"/>
  <c r="G45967" i="1"/>
  <c r="G45968" i="1"/>
  <c r="G45969" i="1"/>
  <c r="G45970" i="1"/>
  <c r="G45971" i="1"/>
  <c r="G45972" i="1"/>
  <c r="G45973" i="1"/>
  <c r="G45974" i="1"/>
  <c r="G45975" i="1"/>
  <c r="G45976" i="1"/>
  <c r="G45977" i="1"/>
  <c r="G45978" i="1"/>
  <c r="G45979" i="1"/>
  <c r="G45980" i="1"/>
  <c r="G45981" i="1"/>
  <c r="G45982" i="1"/>
  <c r="G45983" i="1"/>
  <c r="G45984" i="1"/>
  <c r="G45985" i="1"/>
  <c r="G45986" i="1"/>
  <c r="G45987" i="1"/>
  <c r="G45988" i="1"/>
  <c r="G45989" i="1"/>
  <c r="G45990" i="1"/>
  <c r="G45991" i="1"/>
  <c r="G45992" i="1"/>
  <c r="G45993" i="1"/>
  <c r="G45994" i="1"/>
  <c r="G45995" i="1"/>
  <c r="G45996" i="1"/>
  <c r="G45997" i="1"/>
  <c r="G45998" i="1"/>
  <c r="G45999" i="1"/>
  <c r="G46000" i="1"/>
  <c r="G46001" i="1"/>
  <c r="G46002" i="1"/>
  <c r="G46003" i="1"/>
  <c r="G46004" i="1"/>
  <c r="G46005" i="1"/>
  <c r="G46006" i="1"/>
  <c r="G46007" i="1"/>
  <c r="G46008" i="1"/>
  <c r="G46009" i="1"/>
  <c r="G46010" i="1"/>
  <c r="G46011" i="1"/>
  <c r="G46012" i="1"/>
  <c r="G46013" i="1"/>
  <c r="G46014" i="1"/>
  <c r="G46015" i="1"/>
  <c r="G46016" i="1"/>
  <c r="G46017" i="1"/>
  <c r="G46018" i="1"/>
  <c r="G46019" i="1"/>
  <c r="G46020" i="1"/>
  <c r="G46021" i="1"/>
  <c r="G46022" i="1"/>
  <c r="G46023" i="1"/>
  <c r="G46024" i="1"/>
  <c r="G46025" i="1"/>
  <c r="G46026" i="1"/>
  <c r="G46027" i="1"/>
  <c r="G46028" i="1"/>
  <c r="G46029" i="1"/>
  <c r="G46030" i="1"/>
  <c r="G46031" i="1"/>
  <c r="G46032" i="1"/>
  <c r="G46033" i="1"/>
  <c r="G46034" i="1"/>
  <c r="G46035" i="1"/>
  <c r="G46036" i="1"/>
  <c r="G46037" i="1"/>
  <c r="G46038" i="1"/>
  <c r="G46039" i="1"/>
  <c r="G46040" i="1"/>
  <c r="G46041" i="1"/>
  <c r="G46042" i="1"/>
  <c r="G46043" i="1"/>
  <c r="G46044" i="1"/>
  <c r="G46045" i="1"/>
  <c r="G46046" i="1"/>
  <c r="G46047" i="1"/>
  <c r="G46048" i="1"/>
  <c r="G46049" i="1"/>
  <c r="G46050" i="1"/>
  <c r="G46051" i="1"/>
  <c r="G46052" i="1"/>
  <c r="G46053" i="1"/>
  <c r="G46054" i="1"/>
  <c r="G46055" i="1"/>
  <c r="G46056" i="1"/>
  <c r="G46057" i="1"/>
  <c r="G46058" i="1"/>
  <c r="G46059" i="1"/>
  <c r="G46060" i="1"/>
  <c r="G46061" i="1"/>
  <c r="G46062" i="1"/>
  <c r="G46063" i="1"/>
  <c r="G46064" i="1"/>
  <c r="G46065" i="1"/>
  <c r="G46066" i="1"/>
  <c r="G46067" i="1"/>
  <c r="G46068" i="1"/>
  <c r="G46069" i="1"/>
  <c r="G46070" i="1"/>
  <c r="G46071" i="1"/>
  <c r="G46072" i="1"/>
  <c r="G46073" i="1"/>
  <c r="G46074" i="1"/>
  <c r="G46075" i="1"/>
  <c r="G46076" i="1"/>
  <c r="G46077" i="1"/>
  <c r="G46078" i="1"/>
  <c r="G46079" i="1"/>
  <c r="G46080" i="1"/>
  <c r="G46081" i="1"/>
  <c r="G46082" i="1"/>
  <c r="G46083" i="1"/>
  <c r="G46084" i="1"/>
  <c r="G46085" i="1"/>
  <c r="G46086" i="1"/>
  <c r="G46087" i="1"/>
  <c r="G46088" i="1"/>
  <c r="G46089" i="1"/>
  <c r="G46090" i="1"/>
  <c r="G46091" i="1"/>
  <c r="G46092" i="1"/>
  <c r="G46093" i="1"/>
  <c r="G46094" i="1"/>
  <c r="G46095" i="1"/>
  <c r="G46096" i="1"/>
  <c r="G46097" i="1"/>
  <c r="G46098" i="1"/>
  <c r="G46099" i="1"/>
  <c r="G46100" i="1"/>
  <c r="G46101" i="1"/>
  <c r="G46102" i="1"/>
  <c r="G46103" i="1"/>
  <c r="G46104" i="1"/>
  <c r="G46105" i="1"/>
  <c r="G46106" i="1"/>
  <c r="G46107" i="1"/>
  <c r="G46108" i="1"/>
  <c r="G46109" i="1"/>
  <c r="G46110" i="1"/>
  <c r="G46111" i="1"/>
  <c r="G46112" i="1"/>
  <c r="G46113" i="1"/>
  <c r="G46114" i="1"/>
  <c r="G46115" i="1"/>
  <c r="G46116" i="1"/>
  <c r="G46117" i="1"/>
  <c r="G46118" i="1"/>
  <c r="G46119" i="1"/>
  <c r="G46120" i="1"/>
  <c r="G46121" i="1"/>
  <c r="G46122" i="1"/>
  <c r="G46123" i="1"/>
  <c r="G46124" i="1"/>
  <c r="G46125" i="1"/>
  <c r="G46126" i="1"/>
  <c r="G46127" i="1"/>
  <c r="G46128" i="1"/>
  <c r="G46129" i="1"/>
  <c r="G46130" i="1"/>
  <c r="G46131" i="1"/>
  <c r="G46132" i="1"/>
  <c r="G46133" i="1"/>
  <c r="G46134" i="1"/>
  <c r="G46135" i="1"/>
  <c r="G46136" i="1"/>
  <c r="G46137" i="1"/>
  <c r="G46138" i="1"/>
  <c r="G46139" i="1"/>
  <c r="G46140" i="1"/>
  <c r="G46141" i="1"/>
  <c r="G46142" i="1"/>
  <c r="G46143" i="1"/>
  <c r="G46144" i="1"/>
  <c r="G46145" i="1"/>
  <c r="G46146" i="1"/>
  <c r="G46147" i="1"/>
  <c r="G46148" i="1"/>
  <c r="G46149" i="1"/>
  <c r="G46150" i="1"/>
  <c r="G46151" i="1"/>
  <c r="G46152" i="1"/>
  <c r="G46153" i="1"/>
  <c r="G46154" i="1"/>
  <c r="G46155" i="1"/>
  <c r="G46156" i="1"/>
  <c r="G46157" i="1"/>
  <c r="G46158" i="1"/>
  <c r="G46159" i="1"/>
  <c r="G46160" i="1"/>
  <c r="G46161" i="1"/>
  <c r="G46162" i="1"/>
  <c r="G46163" i="1"/>
  <c r="G46164" i="1"/>
  <c r="G46165" i="1"/>
  <c r="G46166" i="1"/>
  <c r="G46167" i="1"/>
  <c r="G46168" i="1"/>
  <c r="G46169" i="1"/>
  <c r="G46170" i="1"/>
  <c r="G46171" i="1"/>
  <c r="G46172" i="1"/>
  <c r="G46173" i="1"/>
  <c r="G46174" i="1"/>
  <c r="G46175" i="1"/>
  <c r="G46176" i="1"/>
  <c r="G46177" i="1"/>
  <c r="G46178" i="1"/>
  <c r="G46179" i="1"/>
  <c r="G46180" i="1"/>
  <c r="G46181" i="1"/>
  <c r="G46182" i="1"/>
  <c r="G46183" i="1"/>
  <c r="G46184" i="1"/>
  <c r="G46185" i="1"/>
  <c r="G46186" i="1"/>
  <c r="G46187" i="1"/>
  <c r="G46188" i="1"/>
  <c r="G46189" i="1"/>
  <c r="G46190" i="1"/>
  <c r="G46191" i="1"/>
  <c r="G46192" i="1"/>
  <c r="G46193" i="1"/>
  <c r="G46194" i="1"/>
  <c r="G46195" i="1"/>
  <c r="G46196" i="1"/>
  <c r="G46197" i="1"/>
  <c r="G46198" i="1"/>
  <c r="G46199" i="1"/>
  <c r="G46200" i="1"/>
  <c r="G46201" i="1"/>
  <c r="G46202" i="1"/>
  <c r="G46203" i="1"/>
  <c r="G46204" i="1"/>
  <c r="G46205" i="1"/>
  <c r="G46206" i="1"/>
  <c r="G46207" i="1"/>
  <c r="G46208" i="1"/>
  <c r="G46209" i="1"/>
  <c r="G46210" i="1"/>
  <c r="G46211" i="1"/>
  <c r="G46212" i="1"/>
  <c r="G46213" i="1"/>
  <c r="G46214" i="1"/>
  <c r="G46215" i="1"/>
  <c r="G46216" i="1"/>
  <c r="G46217" i="1"/>
  <c r="G46218" i="1"/>
  <c r="G46219" i="1"/>
  <c r="G46220" i="1"/>
  <c r="G46221" i="1"/>
  <c r="G46222" i="1"/>
  <c r="G46223" i="1"/>
  <c r="G46224" i="1"/>
  <c r="G46225" i="1"/>
  <c r="G46226" i="1"/>
  <c r="G46227" i="1"/>
  <c r="G46228" i="1"/>
  <c r="G46229" i="1"/>
  <c r="G46230" i="1"/>
  <c r="G46231" i="1"/>
  <c r="G46232" i="1"/>
  <c r="G46233" i="1"/>
  <c r="G46234" i="1"/>
  <c r="G46235" i="1"/>
  <c r="G46236" i="1"/>
  <c r="G46237" i="1"/>
  <c r="G46238" i="1"/>
  <c r="G46239" i="1"/>
  <c r="G46240" i="1"/>
  <c r="G46241" i="1"/>
  <c r="G46242" i="1"/>
  <c r="G46243" i="1"/>
  <c r="G46244" i="1"/>
  <c r="G46245" i="1"/>
  <c r="G46246" i="1"/>
  <c r="G46247" i="1"/>
  <c r="G46248" i="1"/>
  <c r="G46249" i="1"/>
  <c r="G46250" i="1"/>
  <c r="G46251" i="1"/>
  <c r="G46252" i="1"/>
  <c r="G46253" i="1"/>
  <c r="G46254" i="1"/>
  <c r="G46255" i="1"/>
  <c r="G46256" i="1"/>
  <c r="G46257" i="1"/>
  <c r="G46258" i="1"/>
  <c r="G46259" i="1"/>
  <c r="G46260" i="1"/>
  <c r="G46261" i="1"/>
  <c r="G46262" i="1"/>
  <c r="G46263" i="1"/>
  <c r="G46264" i="1"/>
  <c r="G46265" i="1"/>
  <c r="G46266" i="1"/>
  <c r="G46267" i="1"/>
  <c r="G46268" i="1"/>
  <c r="G46269" i="1"/>
  <c r="G46270" i="1"/>
  <c r="G46271" i="1"/>
  <c r="G46272" i="1"/>
  <c r="G46273" i="1"/>
  <c r="G46274" i="1"/>
  <c r="G46275" i="1"/>
  <c r="G46276" i="1"/>
  <c r="G46277" i="1"/>
  <c r="G46278" i="1"/>
  <c r="G46279" i="1"/>
  <c r="G46280" i="1"/>
  <c r="G46281" i="1"/>
  <c r="G46282" i="1"/>
  <c r="G46283" i="1"/>
  <c r="G46284" i="1"/>
  <c r="G46285" i="1"/>
  <c r="G46286" i="1"/>
  <c r="G46287" i="1"/>
  <c r="G46288" i="1"/>
  <c r="G46289" i="1"/>
  <c r="G46290" i="1"/>
  <c r="G46291" i="1"/>
  <c r="G46292" i="1"/>
  <c r="G46293" i="1"/>
  <c r="G46294" i="1"/>
  <c r="G46295" i="1"/>
  <c r="G46296" i="1"/>
  <c r="G46297" i="1"/>
  <c r="G46298" i="1"/>
  <c r="G46299" i="1"/>
  <c r="G46300" i="1"/>
  <c r="G46301" i="1"/>
  <c r="G46302" i="1"/>
  <c r="G46303" i="1"/>
  <c r="G46304" i="1"/>
  <c r="G46305" i="1"/>
  <c r="G46306" i="1"/>
  <c r="G46307" i="1"/>
  <c r="G46308" i="1"/>
  <c r="G46309" i="1"/>
  <c r="G46310" i="1"/>
  <c r="G46311" i="1"/>
  <c r="G46312" i="1"/>
  <c r="G46313" i="1"/>
  <c r="G46314" i="1"/>
  <c r="G46315" i="1"/>
  <c r="G46316" i="1"/>
  <c r="G46317" i="1"/>
  <c r="G46318" i="1"/>
  <c r="G46319" i="1"/>
  <c r="G46320" i="1"/>
  <c r="G46321" i="1"/>
  <c r="G46322" i="1"/>
  <c r="G46323" i="1"/>
  <c r="G46324" i="1"/>
  <c r="G46325" i="1"/>
  <c r="G46326" i="1"/>
  <c r="G46327" i="1"/>
  <c r="G46328" i="1"/>
  <c r="G46329" i="1"/>
  <c r="G46330" i="1"/>
  <c r="G46331" i="1"/>
  <c r="G46332" i="1"/>
  <c r="G46333" i="1"/>
  <c r="G46334" i="1"/>
  <c r="G46335" i="1"/>
  <c r="G46336" i="1"/>
  <c r="G46337" i="1"/>
  <c r="G46338" i="1"/>
  <c r="G46339" i="1"/>
  <c r="G46340" i="1"/>
  <c r="G46341" i="1"/>
  <c r="G46342" i="1"/>
  <c r="G46343" i="1"/>
  <c r="G46344" i="1"/>
  <c r="G46345" i="1"/>
  <c r="G46346" i="1"/>
  <c r="G46347" i="1"/>
  <c r="G46348" i="1"/>
  <c r="G46349" i="1"/>
  <c r="G46350" i="1"/>
  <c r="G46351" i="1"/>
  <c r="G46352" i="1"/>
  <c r="G46353" i="1"/>
  <c r="G46354" i="1"/>
  <c r="G46355" i="1"/>
  <c r="G46356" i="1"/>
  <c r="G46357" i="1"/>
  <c r="G46358" i="1"/>
  <c r="G46359" i="1"/>
  <c r="G46360" i="1"/>
  <c r="G46361" i="1"/>
  <c r="G46362" i="1"/>
  <c r="G46363" i="1"/>
  <c r="G46364" i="1"/>
  <c r="G46365" i="1"/>
  <c r="G46366" i="1"/>
  <c r="G46367" i="1"/>
  <c r="G46368" i="1"/>
  <c r="G46369" i="1"/>
  <c r="G46370" i="1"/>
  <c r="G46371" i="1"/>
  <c r="G46372" i="1"/>
  <c r="G46373" i="1"/>
  <c r="G46374" i="1"/>
  <c r="G46375" i="1"/>
  <c r="G46376" i="1"/>
  <c r="G46377" i="1"/>
  <c r="G46378" i="1"/>
  <c r="G46379" i="1"/>
  <c r="G46380" i="1"/>
  <c r="G46381" i="1"/>
  <c r="G46382" i="1"/>
  <c r="G46383" i="1"/>
  <c r="G46384" i="1"/>
  <c r="G46385" i="1"/>
  <c r="G46386" i="1"/>
  <c r="G46387" i="1"/>
  <c r="G46388" i="1"/>
  <c r="G46389" i="1"/>
  <c r="G46390" i="1"/>
  <c r="G46391" i="1"/>
  <c r="G46392" i="1"/>
  <c r="G46393" i="1"/>
  <c r="G46394" i="1"/>
  <c r="G46395" i="1"/>
  <c r="G46396" i="1"/>
  <c r="G46397" i="1"/>
  <c r="G46398" i="1"/>
  <c r="G46399" i="1"/>
  <c r="G46400" i="1"/>
  <c r="G46401" i="1"/>
  <c r="G46402" i="1"/>
  <c r="G46403" i="1"/>
  <c r="G46404" i="1"/>
  <c r="G46405" i="1"/>
  <c r="G46406" i="1"/>
  <c r="G46407" i="1"/>
  <c r="G46408" i="1"/>
  <c r="G46409" i="1"/>
  <c r="G46410" i="1"/>
  <c r="G46411" i="1"/>
  <c r="G46412" i="1"/>
  <c r="G46413" i="1"/>
  <c r="G46414" i="1"/>
  <c r="G46415" i="1"/>
  <c r="G46416" i="1"/>
  <c r="G46417" i="1"/>
  <c r="G46418" i="1"/>
  <c r="G46419" i="1"/>
  <c r="G46420" i="1"/>
  <c r="G46421" i="1"/>
  <c r="G46422" i="1"/>
  <c r="G46423" i="1"/>
  <c r="G46424" i="1"/>
  <c r="G46425" i="1"/>
  <c r="G46426" i="1"/>
  <c r="G46427" i="1"/>
  <c r="G46428" i="1"/>
  <c r="G46429" i="1"/>
  <c r="G46430" i="1"/>
  <c r="G46431" i="1"/>
  <c r="G46432" i="1"/>
  <c r="G46433" i="1"/>
  <c r="G46434" i="1"/>
  <c r="G46435" i="1"/>
  <c r="G46436" i="1"/>
  <c r="G46437" i="1"/>
  <c r="G46438" i="1"/>
  <c r="G46439" i="1"/>
  <c r="G46440" i="1"/>
  <c r="G46441" i="1"/>
  <c r="G46442" i="1"/>
  <c r="G46443" i="1"/>
  <c r="G46444" i="1"/>
  <c r="G46445" i="1"/>
  <c r="G46446" i="1"/>
  <c r="G46447" i="1"/>
  <c r="G46448" i="1"/>
  <c r="G46449" i="1"/>
  <c r="G46450" i="1"/>
  <c r="G46451" i="1"/>
  <c r="G46452" i="1"/>
  <c r="G46453" i="1"/>
  <c r="G46454" i="1"/>
  <c r="G46455" i="1"/>
  <c r="G46456" i="1"/>
  <c r="G46457" i="1"/>
  <c r="G46458" i="1"/>
  <c r="G46459" i="1"/>
  <c r="G46460" i="1"/>
  <c r="G46461" i="1"/>
  <c r="G46462" i="1"/>
  <c r="G46463" i="1"/>
  <c r="G46464" i="1"/>
  <c r="G46465" i="1"/>
  <c r="G46466" i="1"/>
  <c r="G46467" i="1"/>
  <c r="G46468" i="1"/>
  <c r="G46469" i="1"/>
  <c r="G46470" i="1"/>
  <c r="G46471" i="1"/>
  <c r="G46472" i="1"/>
  <c r="G46473" i="1"/>
  <c r="G46474" i="1"/>
  <c r="G46475" i="1"/>
  <c r="G46476" i="1"/>
  <c r="G46477" i="1"/>
  <c r="G46478" i="1"/>
  <c r="G46479" i="1"/>
  <c r="G46480" i="1"/>
  <c r="G46481" i="1"/>
  <c r="G46482" i="1"/>
  <c r="G46483" i="1"/>
  <c r="G46484" i="1"/>
  <c r="G46485" i="1"/>
  <c r="G46486" i="1"/>
  <c r="G46487" i="1"/>
  <c r="G46488" i="1"/>
  <c r="G46489" i="1"/>
  <c r="G46490" i="1"/>
  <c r="G46491" i="1"/>
  <c r="G46492" i="1"/>
  <c r="G46493" i="1"/>
  <c r="G46494" i="1"/>
  <c r="G46495" i="1"/>
  <c r="G46496" i="1"/>
  <c r="G46497" i="1"/>
  <c r="G46498" i="1"/>
  <c r="G46499" i="1"/>
  <c r="G46500" i="1"/>
  <c r="G46501" i="1"/>
  <c r="G46502" i="1"/>
  <c r="G46503" i="1"/>
  <c r="G46504" i="1"/>
  <c r="G46505" i="1"/>
  <c r="G46506" i="1"/>
  <c r="G46507" i="1"/>
  <c r="G46508" i="1"/>
  <c r="G46509" i="1"/>
  <c r="G46510" i="1"/>
  <c r="G46511" i="1"/>
  <c r="G46512" i="1"/>
  <c r="G46513" i="1"/>
  <c r="G46514" i="1"/>
  <c r="G46515" i="1"/>
  <c r="G46516" i="1"/>
  <c r="G46517" i="1"/>
  <c r="G46518" i="1"/>
  <c r="G46519" i="1"/>
  <c r="G46520" i="1"/>
  <c r="G46521" i="1"/>
  <c r="G46522" i="1"/>
  <c r="G46523" i="1"/>
  <c r="G46524" i="1"/>
  <c r="G46525" i="1"/>
  <c r="G46526" i="1"/>
  <c r="G46527" i="1"/>
  <c r="G46528" i="1"/>
  <c r="G46529" i="1"/>
  <c r="G46530" i="1"/>
  <c r="G46531" i="1"/>
  <c r="G46532" i="1"/>
  <c r="G46533" i="1"/>
  <c r="G46534" i="1"/>
  <c r="G46535" i="1"/>
  <c r="G46536" i="1"/>
  <c r="G46537" i="1"/>
  <c r="G46538" i="1"/>
  <c r="G46539" i="1"/>
  <c r="G46540" i="1"/>
  <c r="G46541" i="1"/>
  <c r="G46542" i="1"/>
  <c r="G46543" i="1"/>
  <c r="G46544" i="1"/>
  <c r="G46545" i="1"/>
  <c r="G46546" i="1"/>
  <c r="G46547" i="1"/>
  <c r="G46548" i="1"/>
  <c r="G46549" i="1"/>
  <c r="G46550" i="1"/>
  <c r="G46551" i="1"/>
  <c r="G46552" i="1"/>
  <c r="G46553" i="1"/>
  <c r="G46554" i="1"/>
  <c r="G46555" i="1"/>
  <c r="G46556" i="1"/>
  <c r="G46557" i="1"/>
  <c r="G46558" i="1"/>
  <c r="G46559" i="1"/>
  <c r="G46560" i="1"/>
  <c r="G46561" i="1"/>
  <c r="G46562" i="1"/>
  <c r="G46563" i="1"/>
  <c r="G46564" i="1"/>
  <c r="G46565" i="1"/>
  <c r="G46566" i="1"/>
  <c r="G46567" i="1"/>
  <c r="G46568" i="1"/>
  <c r="G46569" i="1"/>
  <c r="G46570" i="1"/>
  <c r="G46571" i="1"/>
  <c r="G46572" i="1"/>
  <c r="G46573" i="1"/>
  <c r="G46574" i="1"/>
  <c r="G46575" i="1"/>
  <c r="G46576" i="1"/>
  <c r="G46577" i="1"/>
  <c r="G46578" i="1"/>
  <c r="G46579" i="1"/>
  <c r="G46580" i="1"/>
  <c r="G46581" i="1"/>
  <c r="G46582" i="1"/>
  <c r="G46583" i="1"/>
  <c r="G46584" i="1"/>
  <c r="G46585" i="1"/>
  <c r="G46586" i="1"/>
  <c r="G46587" i="1"/>
  <c r="G46588" i="1"/>
  <c r="G46589" i="1"/>
  <c r="G46590" i="1"/>
  <c r="G46591" i="1"/>
  <c r="G46592" i="1"/>
  <c r="G46593" i="1"/>
  <c r="G46594" i="1"/>
  <c r="G46595" i="1"/>
  <c r="G46596" i="1"/>
  <c r="G46597" i="1"/>
  <c r="G46598" i="1"/>
  <c r="G46599" i="1"/>
  <c r="G46600" i="1"/>
  <c r="G46601" i="1"/>
  <c r="G46602" i="1"/>
  <c r="G46603" i="1"/>
  <c r="G46604" i="1"/>
  <c r="G46605" i="1"/>
  <c r="G46606" i="1"/>
  <c r="G46607" i="1"/>
  <c r="G46608" i="1"/>
  <c r="G46609" i="1"/>
  <c r="G46610" i="1"/>
  <c r="G46611" i="1"/>
  <c r="G46612" i="1"/>
  <c r="G46613" i="1"/>
  <c r="G46614" i="1"/>
  <c r="G46615" i="1"/>
  <c r="G46616" i="1"/>
  <c r="G46617" i="1"/>
  <c r="G46618" i="1"/>
  <c r="G46619" i="1"/>
  <c r="G46620" i="1"/>
  <c r="G46621" i="1"/>
  <c r="G46622" i="1"/>
  <c r="G46623" i="1"/>
  <c r="G46624" i="1"/>
  <c r="G46625" i="1"/>
  <c r="G46626" i="1"/>
  <c r="G46627" i="1"/>
  <c r="G46628" i="1"/>
  <c r="G46629" i="1"/>
  <c r="G46630" i="1"/>
  <c r="G46631" i="1"/>
  <c r="G46632" i="1"/>
  <c r="G46633" i="1"/>
  <c r="G46634" i="1"/>
  <c r="G46635" i="1"/>
  <c r="G46636" i="1"/>
  <c r="G46637" i="1"/>
  <c r="G46638" i="1"/>
  <c r="G46639" i="1"/>
  <c r="G46640" i="1"/>
  <c r="G46641" i="1"/>
  <c r="G46642" i="1"/>
  <c r="G46643" i="1"/>
  <c r="G46644" i="1"/>
  <c r="G46645" i="1"/>
  <c r="G46646" i="1"/>
  <c r="G46647" i="1"/>
  <c r="G46648" i="1"/>
  <c r="G46649" i="1"/>
  <c r="G46650" i="1"/>
  <c r="G46651" i="1"/>
  <c r="G46652" i="1"/>
  <c r="G46653" i="1"/>
  <c r="G46654" i="1"/>
  <c r="G46655" i="1"/>
  <c r="G46656" i="1"/>
  <c r="G46657" i="1"/>
  <c r="G46658" i="1"/>
  <c r="G46659" i="1"/>
  <c r="G46660" i="1"/>
  <c r="G46661" i="1"/>
  <c r="G46662" i="1"/>
  <c r="G46663" i="1"/>
  <c r="G46664" i="1"/>
  <c r="G46665" i="1"/>
  <c r="G46666" i="1"/>
  <c r="G46667" i="1"/>
  <c r="G46668" i="1"/>
  <c r="G46669" i="1"/>
  <c r="G46670" i="1"/>
  <c r="G46671" i="1"/>
  <c r="G46672" i="1"/>
  <c r="G46673" i="1"/>
  <c r="G46674" i="1"/>
  <c r="G46675" i="1"/>
  <c r="G46676" i="1"/>
  <c r="G46677" i="1"/>
  <c r="G46678" i="1"/>
  <c r="G46679" i="1"/>
  <c r="G46680" i="1"/>
  <c r="G46681" i="1"/>
  <c r="G46682" i="1"/>
  <c r="G46683" i="1"/>
  <c r="G46684" i="1"/>
  <c r="G46685" i="1"/>
  <c r="G46686" i="1"/>
  <c r="G46687" i="1"/>
  <c r="G46688" i="1"/>
  <c r="G46689" i="1"/>
  <c r="G46690" i="1"/>
  <c r="G46691" i="1"/>
  <c r="G46692" i="1"/>
  <c r="G46693" i="1"/>
  <c r="G46694" i="1"/>
  <c r="G46695" i="1"/>
  <c r="G46696" i="1"/>
  <c r="G46697" i="1"/>
  <c r="G46698" i="1"/>
  <c r="G46699" i="1"/>
  <c r="G46700" i="1"/>
  <c r="G46701" i="1"/>
  <c r="G46702" i="1"/>
  <c r="G46703" i="1"/>
  <c r="G46704" i="1"/>
  <c r="G46705" i="1"/>
  <c r="G46706" i="1"/>
  <c r="G46707" i="1"/>
  <c r="G46708" i="1"/>
  <c r="G46709" i="1"/>
  <c r="G46710" i="1"/>
  <c r="G46711" i="1"/>
  <c r="G46712" i="1"/>
  <c r="G46713" i="1"/>
  <c r="G46714" i="1"/>
  <c r="G46715" i="1"/>
  <c r="G46716" i="1"/>
  <c r="G46717" i="1"/>
  <c r="G46718" i="1"/>
  <c r="G46719" i="1"/>
  <c r="G46720" i="1"/>
  <c r="G46721" i="1"/>
  <c r="G46722" i="1"/>
  <c r="G46723" i="1"/>
  <c r="G46724" i="1"/>
  <c r="G46725" i="1"/>
  <c r="G46726" i="1"/>
  <c r="G46727" i="1"/>
  <c r="G46728" i="1"/>
  <c r="G46729" i="1"/>
  <c r="G46730" i="1"/>
  <c r="G46731" i="1"/>
  <c r="G46732" i="1"/>
  <c r="G46733" i="1"/>
  <c r="G46734" i="1"/>
  <c r="G46735" i="1"/>
  <c r="G46736" i="1"/>
  <c r="G46737" i="1"/>
  <c r="G46738" i="1"/>
  <c r="G46739" i="1"/>
  <c r="G46740" i="1"/>
  <c r="G46741" i="1"/>
  <c r="G46742" i="1"/>
  <c r="G46743" i="1"/>
  <c r="G46744" i="1"/>
  <c r="G46745" i="1"/>
  <c r="G46746" i="1"/>
  <c r="G46747" i="1"/>
  <c r="G46748" i="1"/>
  <c r="G46749" i="1"/>
  <c r="G46750" i="1"/>
  <c r="G46751" i="1"/>
  <c r="G46752" i="1"/>
  <c r="G46753" i="1"/>
  <c r="G46754" i="1"/>
  <c r="G46755" i="1"/>
  <c r="G46756" i="1"/>
  <c r="G46757" i="1"/>
  <c r="G46758" i="1"/>
  <c r="G46759" i="1"/>
  <c r="G46760" i="1"/>
  <c r="G46761" i="1"/>
  <c r="G46762" i="1"/>
  <c r="G46763" i="1"/>
  <c r="G46764" i="1"/>
  <c r="G46765" i="1"/>
  <c r="G46766" i="1"/>
  <c r="G46767" i="1"/>
  <c r="G46768" i="1"/>
  <c r="G46769" i="1"/>
  <c r="G46770" i="1"/>
  <c r="G46771" i="1"/>
  <c r="G46772" i="1"/>
  <c r="G46773" i="1"/>
  <c r="G46774" i="1"/>
  <c r="G46775" i="1"/>
  <c r="G46776" i="1"/>
  <c r="G46777" i="1"/>
  <c r="G46778" i="1"/>
  <c r="G46779" i="1"/>
  <c r="G46780" i="1"/>
  <c r="G46781" i="1"/>
  <c r="G46782" i="1"/>
  <c r="G46783" i="1"/>
  <c r="G46784" i="1"/>
  <c r="G46785" i="1"/>
  <c r="G46786" i="1"/>
  <c r="G46787" i="1"/>
  <c r="G46788" i="1"/>
  <c r="G46789" i="1"/>
  <c r="G46790" i="1"/>
  <c r="G46791" i="1"/>
  <c r="G46792" i="1"/>
  <c r="G46793" i="1"/>
  <c r="G46794" i="1"/>
  <c r="G46795" i="1"/>
  <c r="G46796" i="1"/>
  <c r="G46797" i="1"/>
  <c r="G46798" i="1"/>
  <c r="G46799" i="1"/>
  <c r="G46800" i="1"/>
  <c r="G46801" i="1"/>
  <c r="G46802" i="1"/>
  <c r="G46803" i="1"/>
  <c r="G46804" i="1"/>
  <c r="G46805" i="1"/>
  <c r="G46806" i="1"/>
  <c r="G46807" i="1"/>
  <c r="G46808" i="1"/>
  <c r="G46809" i="1"/>
  <c r="G46810" i="1"/>
  <c r="G46811" i="1"/>
  <c r="G46812" i="1"/>
  <c r="G46813" i="1"/>
  <c r="G46814" i="1"/>
  <c r="G46815" i="1"/>
  <c r="G46816" i="1"/>
  <c r="G46817" i="1"/>
  <c r="G46818" i="1"/>
  <c r="G46819" i="1"/>
  <c r="G46820" i="1"/>
  <c r="G46821" i="1"/>
  <c r="G46822" i="1"/>
  <c r="G46823" i="1"/>
  <c r="G46824" i="1"/>
  <c r="G46825" i="1"/>
  <c r="G46826" i="1"/>
  <c r="G46827" i="1"/>
  <c r="G46828" i="1"/>
  <c r="G46829" i="1"/>
  <c r="G46830" i="1"/>
  <c r="G46831" i="1"/>
  <c r="G46832" i="1"/>
  <c r="G46833" i="1"/>
  <c r="G46834" i="1"/>
  <c r="G46835" i="1"/>
  <c r="G46836" i="1"/>
  <c r="G46837" i="1"/>
  <c r="G46838" i="1"/>
  <c r="G46839" i="1"/>
  <c r="G46840" i="1"/>
  <c r="G46841" i="1"/>
  <c r="G46842" i="1"/>
  <c r="G46843" i="1"/>
  <c r="G46844" i="1"/>
  <c r="G46845" i="1"/>
  <c r="G46846" i="1"/>
  <c r="G46847" i="1"/>
  <c r="G46848" i="1"/>
  <c r="G46849" i="1"/>
  <c r="G46850" i="1"/>
  <c r="G46851" i="1"/>
  <c r="G46852" i="1"/>
  <c r="G46853" i="1"/>
  <c r="G46854" i="1"/>
  <c r="G46855" i="1"/>
  <c r="G46856" i="1"/>
  <c r="G46857" i="1"/>
  <c r="G46858" i="1"/>
  <c r="G46859" i="1"/>
  <c r="G46860" i="1"/>
  <c r="G46861" i="1"/>
  <c r="G46862" i="1"/>
  <c r="G46863" i="1"/>
  <c r="G46864" i="1"/>
  <c r="G46865" i="1"/>
  <c r="G46866" i="1"/>
  <c r="G46867" i="1"/>
  <c r="G46868" i="1"/>
  <c r="G46869" i="1"/>
  <c r="G46870" i="1"/>
  <c r="G46871" i="1"/>
  <c r="G46872" i="1"/>
  <c r="G46873" i="1"/>
  <c r="G46874" i="1"/>
  <c r="G46875" i="1"/>
  <c r="G46876" i="1"/>
  <c r="G46877" i="1"/>
  <c r="G46878" i="1"/>
  <c r="G46879" i="1"/>
  <c r="G46880" i="1"/>
  <c r="G46881" i="1"/>
  <c r="G46882" i="1"/>
  <c r="G46883" i="1"/>
  <c r="G46884" i="1"/>
  <c r="G46885" i="1"/>
  <c r="G46886" i="1"/>
  <c r="G46887" i="1"/>
  <c r="G46888" i="1"/>
  <c r="G46889" i="1"/>
  <c r="G46890" i="1"/>
  <c r="G46891" i="1"/>
  <c r="G46892" i="1"/>
  <c r="G46893" i="1"/>
  <c r="G46894" i="1"/>
  <c r="G46895" i="1"/>
  <c r="G46896" i="1"/>
  <c r="G46897" i="1"/>
  <c r="G46898" i="1"/>
  <c r="G46899" i="1"/>
  <c r="G46900" i="1"/>
  <c r="G46901" i="1"/>
  <c r="G46902" i="1"/>
  <c r="G46903" i="1"/>
  <c r="G46904" i="1"/>
  <c r="G46905" i="1"/>
  <c r="G46906" i="1"/>
  <c r="G46907" i="1"/>
  <c r="G46908" i="1"/>
  <c r="G46909" i="1"/>
  <c r="G46910" i="1"/>
  <c r="G46911" i="1"/>
  <c r="G46912" i="1"/>
  <c r="G46913" i="1"/>
  <c r="G46914" i="1"/>
  <c r="G46915" i="1"/>
  <c r="G46916" i="1"/>
  <c r="G46917" i="1"/>
  <c r="G46918" i="1"/>
  <c r="G46919" i="1"/>
  <c r="G46920" i="1"/>
  <c r="G46921" i="1"/>
  <c r="G46922" i="1"/>
  <c r="G46923" i="1"/>
  <c r="G46924" i="1"/>
  <c r="G46925" i="1"/>
  <c r="G46926" i="1"/>
  <c r="G46927" i="1"/>
  <c r="G46928" i="1"/>
  <c r="G46929" i="1"/>
  <c r="G46930" i="1"/>
  <c r="G46931" i="1"/>
  <c r="G46932" i="1"/>
  <c r="G46933" i="1"/>
  <c r="G46934" i="1"/>
  <c r="G46935" i="1"/>
  <c r="G46936" i="1"/>
  <c r="G46937" i="1"/>
  <c r="G46938" i="1"/>
  <c r="G46939" i="1"/>
  <c r="G46940" i="1"/>
  <c r="G46941" i="1"/>
  <c r="G46942" i="1"/>
  <c r="G46943" i="1"/>
  <c r="G46944" i="1"/>
  <c r="G46945" i="1"/>
  <c r="G46946" i="1"/>
  <c r="G46947" i="1"/>
  <c r="G46948" i="1"/>
  <c r="G46949" i="1"/>
  <c r="G46950" i="1"/>
  <c r="G46951" i="1"/>
  <c r="G46952" i="1"/>
  <c r="G46953" i="1"/>
  <c r="G46954" i="1"/>
  <c r="G46955" i="1"/>
  <c r="G46956" i="1"/>
  <c r="G46957" i="1"/>
  <c r="G46958" i="1"/>
  <c r="G46959" i="1"/>
  <c r="G46960" i="1"/>
  <c r="G46961" i="1"/>
  <c r="G46962" i="1"/>
  <c r="G46963" i="1"/>
  <c r="G46964" i="1"/>
  <c r="G46965" i="1"/>
  <c r="G46966" i="1"/>
  <c r="G46967" i="1"/>
  <c r="G46968" i="1"/>
  <c r="G46969" i="1"/>
  <c r="G46970" i="1"/>
  <c r="G46971" i="1"/>
  <c r="G46972" i="1"/>
  <c r="G46973" i="1"/>
  <c r="G46974" i="1"/>
  <c r="G46975" i="1"/>
  <c r="G46976" i="1"/>
  <c r="G46977" i="1"/>
  <c r="G46978" i="1"/>
  <c r="G46979" i="1"/>
  <c r="G46980" i="1"/>
  <c r="G46981" i="1"/>
  <c r="G46982" i="1"/>
  <c r="G46983" i="1"/>
  <c r="G46984" i="1"/>
  <c r="G46985" i="1"/>
  <c r="G46986" i="1"/>
  <c r="G46987" i="1"/>
  <c r="G46988" i="1"/>
  <c r="G46989" i="1"/>
  <c r="G46990" i="1"/>
  <c r="G46991" i="1"/>
  <c r="G46992" i="1"/>
  <c r="G46993" i="1"/>
  <c r="G46994" i="1"/>
  <c r="G46995" i="1"/>
  <c r="G46996" i="1"/>
  <c r="G46997" i="1"/>
  <c r="G46998" i="1"/>
  <c r="G46999" i="1"/>
  <c r="G47000" i="1"/>
  <c r="G47001" i="1"/>
  <c r="G47002" i="1"/>
  <c r="G47003" i="1"/>
  <c r="G47004" i="1"/>
  <c r="G47005" i="1"/>
  <c r="G47006" i="1"/>
  <c r="G47007" i="1"/>
  <c r="G47008" i="1"/>
  <c r="G47009" i="1"/>
  <c r="G47010" i="1"/>
  <c r="G47011" i="1"/>
  <c r="G47012" i="1"/>
  <c r="G47013" i="1"/>
  <c r="G47014" i="1"/>
  <c r="G47015" i="1"/>
  <c r="G47016" i="1"/>
  <c r="G47017" i="1"/>
  <c r="G47018" i="1"/>
  <c r="G47019" i="1"/>
  <c r="G47020" i="1"/>
  <c r="G47021" i="1"/>
  <c r="G47022" i="1"/>
  <c r="G47023" i="1"/>
  <c r="G47024" i="1"/>
  <c r="G47025" i="1"/>
  <c r="G47026" i="1"/>
  <c r="G47027" i="1"/>
  <c r="G47028" i="1"/>
  <c r="G47029" i="1"/>
  <c r="G47030" i="1"/>
  <c r="G47031" i="1"/>
  <c r="G47032" i="1"/>
  <c r="G47033" i="1"/>
  <c r="G47034" i="1"/>
  <c r="G47035" i="1"/>
  <c r="G47036" i="1"/>
  <c r="G47037" i="1"/>
  <c r="G47038" i="1"/>
  <c r="G47039" i="1"/>
  <c r="G47040" i="1"/>
  <c r="G47041" i="1"/>
  <c r="G47042" i="1"/>
  <c r="G47043" i="1"/>
  <c r="G47044" i="1"/>
  <c r="G47045" i="1"/>
  <c r="G47046" i="1"/>
  <c r="G47047" i="1"/>
  <c r="G47048" i="1"/>
  <c r="G47049" i="1"/>
  <c r="G47050" i="1"/>
  <c r="G47051" i="1"/>
  <c r="G47052" i="1"/>
  <c r="G47053" i="1"/>
  <c r="G47054" i="1"/>
  <c r="G47055" i="1"/>
  <c r="G47056" i="1"/>
  <c r="G47057" i="1"/>
  <c r="G47058" i="1"/>
  <c r="G47059" i="1"/>
  <c r="G47060" i="1"/>
  <c r="G47061" i="1"/>
  <c r="G47062" i="1"/>
  <c r="G47063" i="1"/>
  <c r="G47064" i="1"/>
  <c r="G47065" i="1"/>
  <c r="G47066" i="1"/>
  <c r="G47067" i="1"/>
  <c r="G47068" i="1"/>
  <c r="G47069" i="1"/>
  <c r="G47070" i="1"/>
  <c r="G47071" i="1"/>
  <c r="G47072" i="1"/>
  <c r="G47073" i="1"/>
  <c r="G47074" i="1"/>
  <c r="G47075" i="1"/>
  <c r="G47076" i="1"/>
  <c r="G47077" i="1"/>
  <c r="G47078" i="1"/>
  <c r="G47079" i="1"/>
  <c r="G47080" i="1"/>
  <c r="G47081" i="1"/>
  <c r="G47082" i="1"/>
  <c r="G47083" i="1"/>
  <c r="G47084" i="1"/>
  <c r="G47085" i="1"/>
  <c r="G47086" i="1"/>
  <c r="G47087" i="1"/>
  <c r="G47088" i="1"/>
  <c r="G47089" i="1"/>
  <c r="G47090" i="1"/>
  <c r="G47091" i="1"/>
  <c r="G47092" i="1"/>
  <c r="G47093" i="1"/>
  <c r="G47094" i="1"/>
  <c r="G47095" i="1"/>
  <c r="G47096" i="1"/>
  <c r="G47097" i="1"/>
  <c r="G47098" i="1"/>
  <c r="G47099" i="1"/>
  <c r="G47100" i="1"/>
  <c r="G47101" i="1"/>
  <c r="G47102" i="1"/>
  <c r="G47103" i="1"/>
  <c r="G47104" i="1"/>
  <c r="G47105" i="1"/>
  <c r="G47106" i="1"/>
  <c r="G47107" i="1"/>
  <c r="G47108" i="1"/>
  <c r="G47109" i="1"/>
  <c r="G47110" i="1"/>
  <c r="G47111" i="1"/>
  <c r="G47112" i="1"/>
  <c r="G47113" i="1"/>
  <c r="G47114" i="1"/>
  <c r="G47115" i="1"/>
  <c r="G47116" i="1"/>
  <c r="G47117" i="1"/>
  <c r="G47118" i="1"/>
  <c r="G47119" i="1"/>
  <c r="G47120" i="1"/>
  <c r="G47121" i="1"/>
  <c r="G47122" i="1"/>
  <c r="G47123" i="1"/>
  <c r="G47124" i="1"/>
  <c r="G47125" i="1"/>
  <c r="G47126" i="1"/>
  <c r="G47127" i="1"/>
  <c r="G47128" i="1"/>
  <c r="G47129" i="1"/>
  <c r="G47130" i="1"/>
  <c r="G47131" i="1"/>
  <c r="G47132" i="1"/>
  <c r="G47133" i="1"/>
  <c r="G47134" i="1"/>
  <c r="G47135" i="1"/>
  <c r="G47136" i="1"/>
  <c r="G47137" i="1"/>
  <c r="G47138" i="1"/>
  <c r="G47139" i="1"/>
  <c r="G47140" i="1"/>
  <c r="G47141" i="1"/>
  <c r="G47142" i="1"/>
  <c r="G47143" i="1"/>
  <c r="G47144" i="1"/>
  <c r="G47145" i="1"/>
  <c r="G47146" i="1"/>
  <c r="G47147" i="1"/>
  <c r="G47148" i="1"/>
  <c r="G47149" i="1"/>
  <c r="G47150" i="1"/>
  <c r="G47151" i="1"/>
  <c r="G47152" i="1"/>
  <c r="G47153" i="1"/>
  <c r="G47154" i="1"/>
  <c r="G47155" i="1"/>
  <c r="G47156" i="1"/>
  <c r="G47157" i="1"/>
  <c r="G47158" i="1"/>
  <c r="G47159" i="1"/>
  <c r="G47160" i="1"/>
  <c r="G47161" i="1"/>
  <c r="G47162" i="1"/>
  <c r="G47163" i="1"/>
  <c r="G47164" i="1"/>
  <c r="G47165" i="1"/>
  <c r="G47166" i="1"/>
  <c r="G47167" i="1"/>
  <c r="G47168" i="1"/>
  <c r="G47169" i="1"/>
  <c r="G47170" i="1"/>
  <c r="G47171" i="1"/>
  <c r="G47172" i="1"/>
  <c r="G47173" i="1"/>
  <c r="G47174" i="1"/>
  <c r="G47175" i="1"/>
  <c r="G47176" i="1"/>
  <c r="G47177" i="1"/>
  <c r="G47178" i="1"/>
  <c r="G47179" i="1"/>
  <c r="G47180" i="1"/>
  <c r="G47181" i="1"/>
  <c r="G47182" i="1"/>
  <c r="G47183" i="1"/>
  <c r="G47184" i="1"/>
  <c r="G47185" i="1"/>
  <c r="G47186" i="1"/>
  <c r="G47187" i="1"/>
  <c r="G47188" i="1"/>
  <c r="G47189" i="1"/>
  <c r="G47190" i="1"/>
  <c r="G47191" i="1"/>
  <c r="G47192" i="1"/>
  <c r="G47193" i="1"/>
  <c r="G47194" i="1"/>
  <c r="G47195" i="1"/>
  <c r="G47196" i="1"/>
  <c r="G47197" i="1"/>
  <c r="G47198" i="1"/>
  <c r="G47199" i="1"/>
  <c r="G47200" i="1"/>
  <c r="G47201" i="1"/>
  <c r="G47202" i="1"/>
  <c r="G47203" i="1"/>
  <c r="G47204" i="1"/>
  <c r="G47205" i="1"/>
  <c r="G47206" i="1"/>
  <c r="G47207" i="1"/>
  <c r="G47208" i="1"/>
  <c r="G47209" i="1"/>
  <c r="G47210" i="1"/>
  <c r="G47211" i="1"/>
  <c r="G47212" i="1"/>
  <c r="G47213" i="1"/>
  <c r="G47214" i="1"/>
  <c r="G47215" i="1"/>
  <c r="G47216" i="1"/>
  <c r="G47217" i="1"/>
  <c r="G47218" i="1"/>
  <c r="G47219" i="1"/>
  <c r="G47220" i="1"/>
  <c r="G47221" i="1"/>
  <c r="G47222" i="1"/>
  <c r="G47223" i="1"/>
  <c r="G47224" i="1"/>
  <c r="G47225" i="1"/>
  <c r="G47226" i="1"/>
  <c r="G47227" i="1"/>
  <c r="G47228" i="1"/>
  <c r="G47229" i="1"/>
  <c r="G47230" i="1"/>
  <c r="G47231" i="1"/>
  <c r="G47232" i="1"/>
  <c r="G47233" i="1"/>
  <c r="G47234" i="1"/>
  <c r="G47235" i="1"/>
  <c r="G47236" i="1"/>
  <c r="G47237" i="1"/>
  <c r="G47238" i="1"/>
  <c r="G47239" i="1"/>
  <c r="G47240" i="1"/>
  <c r="G47241" i="1"/>
  <c r="G47242" i="1"/>
  <c r="G47243" i="1"/>
  <c r="G47244" i="1"/>
  <c r="G47245" i="1"/>
  <c r="G47246" i="1"/>
  <c r="G47247" i="1"/>
  <c r="G47248" i="1"/>
  <c r="G47249" i="1"/>
  <c r="G47250" i="1"/>
  <c r="G47251" i="1"/>
  <c r="G47252" i="1"/>
  <c r="G47253" i="1"/>
  <c r="G47254" i="1"/>
  <c r="G47255" i="1"/>
  <c r="G47256" i="1"/>
  <c r="G47257" i="1"/>
  <c r="G47258" i="1"/>
  <c r="G47259" i="1"/>
  <c r="G47260" i="1"/>
  <c r="G47261" i="1"/>
  <c r="G47262" i="1"/>
  <c r="G47263" i="1"/>
  <c r="G47264" i="1"/>
  <c r="G47265" i="1"/>
  <c r="G47266" i="1"/>
  <c r="G47267" i="1"/>
  <c r="G47268" i="1"/>
  <c r="G47269" i="1"/>
  <c r="G47270" i="1"/>
  <c r="G47271" i="1"/>
  <c r="G47272" i="1"/>
  <c r="G47273" i="1"/>
  <c r="G47274" i="1"/>
  <c r="G47275" i="1"/>
  <c r="G47276" i="1"/>
  <c r="G47277" i="1"/>
  <c r="G47278" i="1"/>
  <c r="G47279" i="1"/>
  <c r="G47280" i="1"/>
  <c r="G47281" i="1"/>
  <c r="G47282" i="1"/>
  <c r="G47283" i="1"/>
  <c r="G47284" i="1"/>
  <c r="G47285" i="1"/>
  <c r="G47286" i="1"/>
  <c r="G47287" i="1"/>
  <c r="G47288" i="1"/>
  <c r="G47289" i="1"/>
  <c r="G47290" i="1"/>
  <c r="G47291" i="1"/>
  <c r="G47292" i="1"/>
  <c r="G47293" i="1"/>
  <c r="G47294" i="1"/>
  <c r="G47295" i="1"/>
  <c r="G47296" i="1"/>
  <c r="G47297" i="1"/>
  <c r="G47298" i="1"/>
  <c r="G47299" i="1"/>
  <c r="G47300" i="1"/>
  <c r="G47301" i="1"/>
  <c r="G47302" i="1"/>
  <c r="G47303" i="1"/>
  <c r="G47304" i="1"/>
  <c r="G47305" i="1"/>
  <c r="G47306" i="1"/>
  <c r="G47307" i="1"/>
  <c r="G47308" i="1"/>
  <c r="G47309" i="1"/>
  <c r="G47310" i="1"/>
  <c r="G47311" i="1"/>
  <c r="G47312" i="1"/>
  <c r="G47313" i="1"/>
  <c r="G47314" i="1"/>
  <c r="G47315" i="1"/>
  <c r="G47316" i="1"/>
  <c r="G47317" i="1"/>
  <c r="G47318" i="1"/>
  <c r="G47319" i="1"/>
  <c r="G47320" i="1"/>
  <c r="G47321" i="1"/>
  <c r="G47322" i="1"/>
  <c r="G47323" i="1"/>
  <c r="G47324" i="1"/>
  <c r="G47325" i="1"/>
  <c r="G47326" i="1"/>
  <c r="G47327" i="1"/>
  <c r="G47328" i="1"/>
  <c r="G47329" i="1"/>
  <c r="G47330" i="1"/>
  <c r="G47331" i="1"/>
  <c r="G47332" i="1"/>
  <c r="G47333" i="1"/>
  <c r="G47334" i="1"/>
  <c r="G47335" i="1"/>
  <c r="G47336" i="1"/>
  <c r="G47337" i="1"/>
  <c r="G47338" i="1"/>
  <c r="G47339" i="1"/>
  <c r="G47340" i="1"/>
  <c r="G47341" i="1"/>
  <c r="G47342" i="1"/>
  <c r="G47343" i="1"/>
  <c r="G47344" i="1"/>
  <c r="G47345" i="1"/>
  <c r="G47346" i="1"/>
  <c r="G47347" i="1"/>
  <c r="G47348" i="1"/>
  <c r="G47349" i="1"/>
  <c r="G47350" i="1"/>
  <c r="G47351" i="1"/>
  <c r="G47352" i="1"/>
  <c r="G47353" i="1"/>
  <c r="G47354" i="1"/>
  <c r="G47355" i="1"/>
  <c r="G47356" i="1"/>
  <c r="G47357" i="1"/>
  <c r="G47358" i="1"/>
  <c r="G47359" i="1"/>
  <c r="G47360" i="1"/>
  <c r="G47361" i="1"/>
  <c r="G47362" i="1"/>
  <c r="G47363" i="1"/>
  <c r="G47364" i="1"/>
  <c r="G47365" i="1"/>
  <c r="G47366" i="1"/>
  <c r="G47367" i="1"/>
  <c r="G47368" i="1"/>
  <c r="G47369" i="1"/>
  <c r="G47370" i="1"/>
  <c r="G47371" i="1"/>
  <c r="G47372" i="1"/>
  <c r="G47373" i="1"/>
  <c r="G47374" i="1"/>
  <c r="G47375" i="1"/>
  <c r="G47376" i="1"/>
  <c r="G47377" i="1"/>
  <c r="G47378" i="1"/>
  <c r="G47379" i="1"/>
  <c r="G47380" i="1"/>
  <c r="G47381" i="1"/>
  <c r="G47382" i="1"/>
  <c r="G47383" i="1"/>
  <c r="G47384" i="1"/>
  <c r="G47385" i="1"/>
  <c r="G47386" i="1"/>
  <c r="G47387" i="1"/>
  <c r="G47388" i="1"/>
  <c r="G47389" i="1"/>
  <c r="G47390" i="1"/>
  <c r="G47391" i="1"/>
  <c r="G47392" i="1"/>
  <c r="G47393" i="1"/>
  <c r="G47394" i="1"/>
  <c r="G47395" i="1"/>
  <c r="G47396" i="1"/>
  <c r="G47397" i="1"/>
  <c r="G47398" i="1"/>
  <c r="G47399" i="1"/>
  <c r="G47400" i="1"/>
  <c r="G47401" i="1"/>
  <c r="G47402" i="1"/>
  <c r="G47403" i="1"/>
  <c r="G47404" i="1"/>
  <c r="G47405" i="1"/>
  <c r="G47406" i="1"/>
  <c r="G47407" i="1"/>
  <c r="G47408" i="1"/>
  <c r="G47409" i="1"/>
  <c r="G47410" i="1"/>
  <c r="G47411" i="1"/>
  <c r="G47412" i="1"/>
  <c r="G47413" i="1"/>
  <c r="G47414" i="1"/>
  <c r="G47415" i="1"/>
  <c r="G47416" i="1"/>
  <c r="G47417" i="1"/>
  <c r="G47418" i="1"/>
  <c r="G47419" i="1"/>
  <c r="G47420" i="1"/>
  <c r="G47421" i="1"/>
  <c r="G47422" i="1"/>
  <c r="G47423" i="1"/>
  <c r="G47424" i="1"/>
  <c r="G47425" i="1"/>
  <c r="G47426" i="1"/>
  <c r="G47427" i="1"/>
  <c r="G47428" i="1"/>
  <c r="G47429" i="1"/>
  <c r="G47430" i="1"/>
  <c r="G47431" i="1"/>
  <c r="G47432" i="1"/>
  <c r="G47433" i="1"/>
  <c r="G47434" i="1"/>
  <c r="G47435" i="1"/>
  <c r="G47436" i="1"/>
  <c r="G47437" i="1"/>
  <c r="G47438" i="1"/>
  <c r="G47439" i="1"/>
  <c r="G47440" i="1"/>
  <c r="G47441" i="1"/>
  <c r="G47442" i="1"/>
  <c r="G47443" i="1"/>
  <c r="G47444" i="1"/>
  <c r="G47445" i="1"/>
  <c r="G47446" i="1"/>
  <c r="G47447" i="1"/>
  <c r="G47448" i="1"/>
  <c r="G47449" i="1"/>
  <c r="G47450" i="1"/>
  <c r="G47451" i="1"/>
  <c r="G47452" i="1"/>
  <c r="G47453" i="1"/>
  <c r="G47454" i="1"/>
  <c r="G47455" i="1"/>
  <c r="G47456" i="1"/>
  <c r="G47457" i="1"/>
  <c r="G47458" i="1"/>
  <c r="G47459" i="1"/>
  <c r="G47460" i="1"/>
  <c r="G47461" i="1"/>
  <c r="G47462" i="1"/>
  <c r="G47463" i="1"/>
  <c r="G47464" i="1"/>
  <c r="G47465" i="1"/>
  <c r="G47466" i="1"/>
  <c r="G47467" i="1"/>
  <c r="G47468" i="1"/>
  <c r="G47469" i="1"/>
  <c r="G47470" i="1"/>
  <c r="G47471" i="1"/>
  <c r="G47472" i="1"/>
  <c r="G47473" i="1"/>
  <c r="G47474" i="1"/>
  <c r="G47475" i="1"/>
  <c r="G47476" i="1"/>
  <c r="G47477" i="1"/>
  <c r="G47478" i="1"/>
  <c r="G47479" i="1"/>
  <c r="G47480" i="1"/>
  <c r="G47481" i="1"/>
  <c r="G47482" i="1"/>
  <c r="G47483" i="1"/>
  <c r="G47484" i="1"/>
  <c r="G47485" i="1"/>
  <c r="G47486" i="1"/>
  <c r="G47487" i="1"/>
  <c r="G47488" i="1"/>
  <c r="G47489" i="1"/>
  <c r="G47490" i="1"/>
  <c r="G47491" i="1"/>
  <c r="G47492" i="1"/>
  <c r="G47493" i="1"/>
  <c r="G47494" i="1"/>
  <c r="G47495" i="1"/>
  <c r="G47496" i="1"/>
  <c r="G47497" i="1"/>
  <c r="G47498" i="1"/>
  <c r="G47499" i="1"/>
  <c r="G47500" i="1"/>
  <c r="G47501" i="1"/>
  <c r="G47502" i="1"/>
  <c r="G47503" i="1"/>
  <c r="G47504" i="1"/>
  <c r="G47505" i="1"/>
  <c r="G47506" i="1"/>
  <c r="G47507" i="1"/>
  <c r="G47508" i="1"/>
  <c r="G47509" i="1"/>
  <c r="G47510" i="1"/>
  <c r="G47511" i="1"/>
  <c r="G47512" i="1"/>
  <c r="G47513" i="1"/>
  <c r="G47514" i="1"/>
  <c r="G47515" i="1"/>
  <c r="G47516" i="1"/>
  <c r="G47517" i="1"/>
  <c r="G47518" i="1"/>
  <c r="G47519" i="1"/>
  <c r="G47520" i="1"/>
  <c r="G47521" i="1"/>
  <c r="G47522" i="1"/>
  <c r="G47523" i="1"/>
  <c r="G47524" i="1"/>
  <c r="G47525" i="1"/>
  <c r="G47526" i="1"/>
  <c r="G47527" i="1"/>
  <c r="G47528" i="1"/>
  <c r="G47529" i="1"/>
  <c r="G47530" i="1"/>
  <c r="G47531" i="1"/>
  <c r="G47532" i="1"/>
  <c r="G47533" i="1"/>
  <c r="G47534" i="1"/>
  <c r="G47535" i="1"/>
  <c r="G47536" i="1"/>
  <c r="G47537" i="1"/>
  <c r="G47538" i="1"/>
  <c r="G47539" i="1"/>
  <c r="G47540" i="1"/>
  <c r="G47541" i="1"/>
  <c r="G47542" i="1"/>
  <c r="G47543" i="1"/>
  <c r="G47544" i="1"/>
  <c r="G47545" i="1"/>
  <c r="G47546" i="1"/>
  <c r="G47547" i="1"/>
  <c r="G47548" i="1"/>
  <c r="G47549" i="1"/>
  <c r="G47550" i="1"/>
  <c r="G47551" i="1"/>
  <c r="G47552" i="1"/>
  <c r="G47553" i="1"/>
  <c r="G47554" i="1"/>
  <c r="G47555" i="1"/>
  <c r="G47556" i="1"/>
  <c r="G47557" i="1"/>
  <c r="G47558" i="1"/>
  <c r="G47559" i="1"/>
  <c r="G47560" i="1"/>
  <c r="G47561" i="1"/>
  <c r="G47562" i="1"/>
  <c r="G47563" i="1"/>
  <c r="G47564" i="1"/>
  <c r="G47565" i="1"/>
  <c r="G47566" i="1"/>
  <c r="G47567" i="1"/>
  <c r="G47568" i="1"/>
  <c r="G47569" i="1"/>
  <c r="G47570" i="1"/>
  <c r="G47571" i="1"/>
  <c r="G47572" i="1"/>
  <c r="G47573" i="1"/>
  <c r="G47574" i="1"/>
  <c r="G47575" i="1"/>
  <c r="G47576" i="1"/>
  <c r="G47577" i="1"/>
  <c r="G47578" i="1"/>
  <c r="G47579" i="1"/>
  <c r="G47580" i="1"/>
  <c r="G47581" i="1"/>
  <c r="G47582" i="1"/>
  <c r="G47583" i="1"/>
  <c r="G47584" i="1"/>
  <c r="G47585" i="1"/>
  <c r="G47586" i="1"/>
  <c r="G47587" i="1"/>
  <c r="G47588" i="1"/>
  <c r="G47589" i="1"/>
  <c r="G47590" i="1"/>
  <c r="G47591" i="1"/>
  <c r="G47592" i="1"/>
  <c r="G47593" i="1"/>
  <c r="G47594" i="1"/>
  <c r="G47595" i="1"/>
  <c r="G47596" i="1"/>
  <c r="G47597" i="1"/>
  <c r="G47598" i="1"/>
  <c r="G47599" i="1"/>
  <c r="G47600" i="1"/>
  <c r="G47601" i="1"/>
  <c r="G47602" i="1"/>
  <c r="G47603" i="1"/>
  <c r="G47604" i="1"/>
  <c r="G47605" i="1"/>
  <c r="G47606" i="1"/>
  <c r="G47607" i="1"/>
  <c r="G47608" i="1"/>
  <c r="G47609" i="1"/>
  <c r="G47610" i="1"/>
  <c r="G47611" i="1"/>
  <c r="G47612" i="1"/>
  <c r="G47613" i="1"/>
  <c r="G47614" i="1"/>
  <c r="G47615" i="1"/>
  <c r="G47616" i="1"/>
  <c r="G47617" i="1"/>
  <c r="G47618" i="1"/>
  <c r="G47619" i="1"/>
  <c r="G47620" i="1"/>
  <c r="G47621" i="1"/>
  <c r="G47622" i="1"/>
  <c r="G47623" i="1"/>
  <c r="G47624" i="1"/>
  <c r="G47625" i="1"/>
  <c r="G47626" i="1"/>
  <c r="G47627" i="1"/>
  <c r="G47628" i="1"/>
  <c r="G47629" i="1"/>
  <c r="G47630" i="1"/>
  <c r="G47631" i="1"/>
  <c r="G47632" i="1"/>
  <c r="G47633" i="1"/>
  <c r="G47634" i="1"/>
  <c r="G47635" i="1"/>
  <c r="G47636" i="1"/>
  <c r="G47637" i="1"/>
  <c r="G47638" i="1"/>
  <c r="G47639" i="1"/>
  <c r="G47640" i="1"/>
  <c r="G47641" i="1"/>
  <c r="G47642" i="1"/>
  <c r="G47643" i="1"/>
  <c r="G47644" i="1"/>
  <c r="G47645" i="1"/>
  <c r="G47646" i="1"/>
  <c r="G47647" i="1"/>
  <c r="G47648" i="1"/>
  <c r="G47649" i="1"/>
  <c r="G47650" i="1"/>
  <c r="G47651" i="1"/>
  <c r="G47652" i="1"/>
  <c r="G47653" i="1"/>
  <c r="G47654" i="1"/>
  <c r="G47655" i="1"/>
  <c r="G47656" i="1"/>
  <c r="G47657" i="1"/>
  <c r="G47658" i="1"/>
  <c r="G47659" i="1"/>
  <c r="G47660" i="1"/>
  <c r="G47661" i="1"/>
  <c r="G47662" i="1"/>
  <c r="G47663" i="1"/>
  <c r="G47664" i="1"/>
  <c r="G47665" i="1"/>
  <c r="G47666" i="1"/>
  <c r="G47667" i="1"/>
  <c r="G47668" i="1"/>
  <c r="G47669" i="1"/>
  <c r="G47670" i="1"/>
  <c r="G47671" i="1"/>
  <c r="G47672" i="1"/>
  <c r="G47673" i="1"/>
  <c r="G47674" i="1"/>
  <c r="G47675" i="1"/>
  <c r="G47676" i="1"/>
  <c r="G47677" i="1"/>
  <c r="G47678" i="1"/>
  <c r="G47679" i="1"/>
  <c r="G47680" i="1"/>
  <c r="G47681" i="1"/>
  <c r="G47682" i="1"/>
  <c r="G47683" i="1"/>
  <c r="G47684" i="1"/>
  <c r="G47685" i="1"/>
  <c r="G47686" i="1"/>
  <c r="G47687" i="1"/>
  <c r="G47688" i="1"/>
  <c r="G47689" i="1"/>
  <c r="G47690" i="1"/>
  <c r="G47691" i="1"/>
  <c r="G47692" i="1"/>
  <c r="G47693" i="1"/>
  <c r="G47694" i="1"/>
  <c r="G47695" i="1"/>
  <c r="G47696" i="1"/>
  <c r="G47697" i="1"/>
  <c r="G47698" i="1"/>
  <c r="G47699" i="1"/>
  <c r="G47700" i="1"/>
  <c r="G47701" i="1"/>
  <c r="G47702" i="1"/>
  <c r="G47703" i="1"/>
  <c r="G47704" i="1"/>
  <c r="G47705" i="1"/>
  <c r="G47706" i="1"/>
  <c r="G47707" i="1"/>
  <c r="G47708" i="1"/>
  <c r="G47709" i="1"/>
  <c r="G47710" i="1"/>
  <c r="G47711" i="1"/>
  <c r="G47712" i="1"/>
  <c r="G47713" i="1"/>
  <c r="G47714" i="1"/>
  <c r="G47715" i="1"/>
  <c r="G47716" i="1"/>
  <c r="G47717" i="1"/>
  <c r="G47718" i="1"/>
  <c r="G47719" i="1"/>
  <c r="G47720" i="1"/>
  <c r="G47721" i="1"/>
  <c r="G47722" i="1"/>
  <c r="G47723" i="1"/>
  <c r="G47724" i="1"/>
  <c r="G47725" i="1"/>
  <c r="G47726" i="1"/>
  <c r="G47727" i="1"/>
  <c r="G47728" i="1"/>
  <c r="G47729" i="1"/>
  <c r="G47730" i="1"/>
  <c r="G47731" i="1"/>
  <c r="G47732" i="1"/>
  <c r="G47733" i="1"/>
  <c r="G47734" i="1"/>
  <c r="G47735" i="1"/>
  <c r="G47736" i="1"/>
  <c r="G47737" i="1"/>
  <c r="G47738" i="1"/>
  <c r="G47739" i="1"/>
  <c r="G47740" i="1"/>
  <c r="G47741" i="1"/>
  <c r="G47742" i="1"/>
  <c r="G47743" i="1"/>
  <c r="G47744" i="1"/>
  <c r="G47745" i="1"/>
  <c r="G47746" i="1"/>
  <c r="G47747" i="1"/>
  <c r="G47748" i="1"/>
  <c r="G47749" i="1"/>
  <c r="G47750" i="1"/>
  <c r="G47751" i="1"/>
  <c r="G47752" i="1"/>
  <c r="G47753" i="1"/>
  <c r="G47754" i="1"/>
  <c r="G47755" i="1"/>
  <c r="G47756" i="1"/>
  <c r="G47757" i="1"/>
  <c r="G47758" i="1"/>
  <c r="G47759" i="1"/>
  <c r="G47760" i="1"/>
  <c r="G47761" i="1"/>
  <c r="G47762" i="1"/>
  <c r="G47763" i="1"/>
  <c r="G47764" i="1"/>
  <c r="G47765" i="1"/>
  <c r="G47766" i="1"/>
  <c r="G47767" i="1"/>
  <c r="G47768" i="1"/>
  <c r="G47769" i="1"/>
  <c r="G47770" i="1"/>
  <c r="G47771" i="1"/>
  <c r="G47772" i="1"/>
  <c r="G47773" i="1"/>
  <c r="G47774" i="1"/>
  <c r="G47775" i="1"/>
  <c r="G47776" i="1"/>
  <c r="G47777" i="1"/>
  <c r="G47778" i="1"/>
  <c r="G47779" i="1"/>
  <c r="G47780" i="1"/>
  <c r="G47781" i="1"/>
  <c r="G47782" i="1"/>
  <c r="G47783" i="1"/>
  <c r="G47784" i="1"/>
  <c r="G47785" i="1"/>
  <c r="G47786" i="1"/>
  <c r="G47787" i="1"/>
  <c r="G47788" i="1"/>
  <c r="G47789" i="1"/>
  <c r="G47790" i="1"/>
  <c r="G47791" i="1"/>
  <c r="G47792" i="1"/>
  <c r="G47793" i="1"/>
  <c r="G47794" i="1"/>
  <c r="G47795" i="1"/>
  <c r="G47796" i="1"/>
  <c r="G47797" i="1"/>
  <c r="G47798" i="1"/>
  <c r="G47799" i="1"/>
  <c r="G47800" i="1"/>
  <c r="G47801" i="1"/>
  <c r="G47802" i="1"/>
  <c r="G47803" i="1"/>
  <c r="G47804" i="1"/>
  <c r="G47805" i="1"/>
  <c r="G47806" i="1"/>
  <c r="G47807" i="1"/>
  <c r="G47808" i="1"/>
  <c r="G47809" i="1"/>
  <c r="G47810" i="1"/>
  <c r="G47811" i="1"/>
  <c r="G47812" i="1"/>
  <c r="G47813" i="1"/>
  <c r="G47814" i="1"/>
  <c r="G47815" i="1"/>
  <c r="G47816" i="1"/>
  <c r="G47817" i="1"/>
  <c r="G47818" i="1"/>
  <c r="G47819" i="1"/>
  <c r="G47820" i="1"/>
  <c r="G47821" i="1"/>
  <c r="G47822" i="1"/>
  <c r="G47823" i="1"/>
  <c r="G47824" i="1"/>
  <c r="G47825" i="1"/>
  <c r="G47826" i="1"/>
  <c r="G47827" i="1"/>
  <c r="G47828" i="1"/>
  <c r="G47829" i="1"/>
  <c r="G47830" i="1"/>
  <c r="G47831" i="1"/>
  <c r="G47832" i="1"/>
  <c r="G47833" i="1"/>
  <c r="G47834" i="1"/>
  <c r="G47835" i="1"/>
  <c r="G47836" i="1"/>
  <c r="G47837" i="1"/>
  <c r="G47838" i="1"/>
  <c r="G47839" i="1"/>
  <c r="G47840" i="1"/>
  <c r="G47841" i="1"/>
  <c r="G47842" i="1"/>
  <c r="G47843" i="1"/>
  <c r="G47844" i="1"/>
  <c r="G47845" i="1"/>
  <c r="G47846" i="1"/>
  <c r="G47847" i="1"/>
  <c r="G47848" i="1"/>
  <c r="G47849" i="1"/>
  <c r="G47850" i="1"/>
  <c r="G47851" i="1"/>
  <c r="G47852" i="1"/>
  <c r="G47853" i="1"/>
  <c r="G47854" i="1"/>
  <c r="G47855" i="1"/>
  <c r="G47856" i="1"/>
  <c r="G47857" i="1"/>
  <c r="G47858" i="1"/>
  <c r="G47859" i="1"/>
  <c r="G47860" i="1"/>
  <c r="G47861" i="1"/>
  <c r="G47862" i="1"/>
  <c r="G47863" i="1"/>
  <c r="G47864" i="1"/>
  <c r="G47865" i="1"/>
  <c r="G47866" i="1"/>
  <c r="G47867" i="1"/>
  <c r="G47868" i="1"/>
  <c r="G47869" i="1"/>
  <c r="G47870" i="1"/>
  <c r="G47871" i="1"/>
  <c r="G47872" i="1"/>
  <c r="G47873" i="1"/>
  <c r="G47874" i="1"/>
  <c r="G47875" i="1"/>
  <c r="G47876" i="1"/>
  <c r="G47877" i="1"/>
  <c r="G47878" i="1"/>
  <c r="G47879" i="1"/>
  <c r="G47880" i="1"/>
  <c r="G47881" i="1"/>
  <c r="G47882" i="1"/>
  <c r="G47883" i="1"/>
  <c r="G47884" i="1"/>
  <c r="G47885" i="1"/>
  <c r="G47886" i="1"/>
  <c r="G47887" i="1"/>
  <c r="G47888" i="1"/>
  <c r="G47889" i="1"/>
  <c r="G47890" i="1"/>
  <c r="G47891" i="1"/>
  <c r="G47892" i="1"/>
  <c r="G47893" i="1"/>
  <c r="G47894" i="1"/>
  <c r="G47895" i="1"/>
  <c r="G47896" i="1"/>
  <c r="G47897" i="1"/>
  <c r="G47898" i="1"/>
  <c r="G47899" i="1"/>
  <c r="G47900" i="1"/>
  <c r="G47901" i="1"/>
  <c r="G47902" i="1"/>
  <c r="G47903" i="1"/>
  <c r="G47904" i="1"/>
  <c r="G47905" i="1"/>
  <c r="G47906" i="1"/>
  <c r="G47907" i="1"/>
  <c r="G47908" i="1"/>
  <c r="G47909" i="1"/>
  <c r="G47910" i="1"/>
  <c r="G47911" i="1"/>
  <c r="G47912" i="1"/>
  <c r="G47913" i="1"/>
  <c r="G47914" i="1"/>
  <c r="G47915" i="1"/>
  <c r="G47916" i="1"/>
  <c r="G47917" i="1"/>
  <c r="G47918" i="1"/>
  <c r="G47919" i="1"/>
  <c r="G47920" i="1"/>
  <c r="G47921" i="1"/>
  <c r="G47922" i="1"/>
  <c r="G47923" i="1"/>
  <c r="G47924" i="1"/>
  <c r="G47925" i="1"/>
  <c r="G47926" i="1"/>
  <c r="G47927" i="1"/>
  <c r="G47928" i="1"/>
  <c r="G47929" i="1"/>
  <c r="G47930" i="1"/>
  <c r="G47931" i="1"/>
  <c r="G47932" i="1"/>
  <c r="G47933" i="1"/>
  <c r="G47934" i="1"/>
  <c r="G47935" i="1"/>
  <c r="G47936" i="1"/>
  <c r="G47937" i="1"/>
  <c r="G47938" i="1"/>
  <c r="G47939" i="1"/>
  <c r="G47940" i="1"/>
  <c r="G47941" i="1"/>
  <c r="G47942" i="1"/>
  <c r="G47943" i="1"/>
  <c r="G47944" i="1"/>
  <c r="G47945" i="1"/>
  <c r="G47946" i="1"/>
  <c r="G47947" i="1"/>
  <c r="G47948" i="1"/>
  <c r="G47949" i="1"/>
  <c r="G47950" i="1"/>
  <c r="G47951" i="1"/>
  <c r="G47952" i="1"/>
  <c r="G47953" i="1"/>
  <c r="G47954" i="1"/>
  <c r="G47955" i="1"/>
  <c r="G47956" i="1"/>
  <c r="G47957" i="1"/>
  <c r="G47958" i="1"/>
  <c r="G47959" i="1"/>
  <c r="G47960" i="1"/>
  <c r="G47961" i="1"/>
  <c r="G47962" i="1"/>
  <c r="G47963" i="1"/>
  <c r="G47964" i="1"/>
  <c r="G47965" i="1"/>
  <c r="G47966" i="1"/>
  <c r="G47967" i="1"/>
  <c r="G47968" i="1"/>
  <c r="G47969" i="1"/>
  <c r="G47970" i="1"/>
  <c r="G47971" i="1"/>
  <c r="G47972" i="1"/>
  <c r="G47973" i="1"/>
  <c r="G47974" i="1"/>
  <c r="G47975" i="1"/>
  <c r="G47976" i="1"/>
  <c r="G47977" i="1"/>
  <c r="G47978" i="1"/>
  <c r="G47979" i="1"/>
  <c r="G47980" i="1"/>
  <c r="G47981" i="1"/>
  <c r="G47982" i="1"/>
  <c r="G47983" i="1"/>
  <c r="G47984" i="1"/>
  <c r="G47985" i="1"/>
  <c r="G47986" i="1"/>
  <c r="G47987" i="1"/>
  <c r="G47988" i="1"/>
  <c r="G47989" i="1"/>
  <c r="G47990" i="1"/>
  <c r="G47991" i="1"/>
  <c r="G47992" i="1"/>
  <c r="G47993" i="1"/>
  <c r="G47994" i="1"/>
  <c r="G47995" i="1"/>
  <c r="G47996" i="1"/>
  <c r="G47997" i="1"/>
  <c r="G47998" i="1"/>
  <c r="G47999" i="1"/>
  <c r="G48000" i="1"/>
  <c r="G48001" i="1"/>
  <c r="G48002" i="1"/>
  <c r="G48003" i="1"/>
  <c r="G48004" i="1"/>
  <c r="G48005" i="1"/>
  <c r="G48006" i="1"/>
  <c r="G48007" i="1"/>
  <c r="G48008" i="1"/>
  <c r="G48009" i="1"/>
  <c r="G48010" i="1"/>
  <c r="G48011" i="1"/>
  <c r="G48012" i="1"/>
  <c r="G48013" i="1"/>
  <c r="G48014" i="1"/>
  <c r="G48015" i="1"/>
  <c r="G48016" i="1"/>
  <c r="G48017" i="1"/>
  <c r="G48018" i="1"/>
  <c r="G48019" i="1"/>
  <c r="G48020" i="1"/>
  <c r="G48021" i="1"/>
  <c r="G48022" i="1"/>
  <c r="G48023" i="1"/>
  <c r="G48024" i="1"/>
  <c r="G48025" i="1"/>
  <c r="G48026" i="1"/>
  <c r="G48027" i="1"/>
  <c r="G48028" i="1"/>
  <c r="G48029" i="1"/>
  <c r="G48030" i="1"/>
  <c r="G48031" i="1"/>
  <c r="G48032" i="1"/>
  <c r="G48033" i="1"/>
  <c r="G48034" i="1"/>
  <c r="G48035" i="1"/>
  <c r="G48036" i="1"/>
  <c r="G48037" i="1"/>
  <c r="G48038" i="1"/>
  <c r="G48039" i="1"/>
  <c r="G48040" i="1"/>
  <c r="G48041" i="1"/>
  <c r="G48042" i="1"/>
  <c r="G48043" i="1"/>
  <c r="G48044" i="1"/>
  <c r="G48045" i="1"/>
  <c r="G48046" i="1"/>
  <c r="G48047" i="1"/>
  <c r="G48048" i="1"/>
  <c r="G48049" i="1"/>
  <c r="G48050" i="1"/>
  <c r="G48051" i="1"/>
  <c r="G48052" i="1"/>
  <c r="G48053" i="1"/>
  <c r="G48054" i="1"/>
  <c r="G48055" i="1"/>
  <c r="G48056" i="1"/>
  <c r="G48057" i="1"/>
  <c r="G48058" i="1"/>
  <c r="G48059" i="1"/>
  <c r="G48060" i="1"/>
  <c r="G48061" i="1"/>
  <c r="G48062" i="1"/>
  <c r="G48063" i="1"/>
  <c r="G48064" i="1"/>
  <c r="G48065" i="1"/>
  <c r="G48066" i="1"/>
  <c r="G48067" i="1"/>
  <c r="G48068" i="1"/>
  <c r="G48069" i="1"/>
  <c r="G48070" i="1"/>
  <c r="G48071" i="1"/>
  <c r="G48072" i="1"/>
  <c r="G48073" i="1"/>
  <c r="G48074" i="1"/>
  <c r="G48075" i="1"/>
  <c r="G48076" i="1"/>
  <c r="G48077" i="1"/>
  <c r="G48078" i="1"/>
  <c r="G48079" i="1"/>
  <c r="G48080" i="1"/>
  <c r="G48081" i="1"/>
  <c r="G48082" i="1"/>
  <c r="G48083" i="1"/>
  <c r="G48084" i="1"/>
  <c r="G48085" i="1"/>
  <c r="G48086" i="1"/>
  <c r="G48087" i="1"/>
  <c r="G48088" i="1"/>
  <c r="G48089" i="1"/>
  <c r="G48090" i="1"/>
  <c r="G48091" i="1"/>
  <c r="G48092" i="1"/>
  <c r="G48093" i="1"/>
  <c r="G48094" i="1"/>
  <c r="G48095" i="1"/>
  <c r="G48096" i="1"/>
  <c r="G48097" i="1"/>
  <c r="G48098" i="1"/>
  <c r="G48099" i="1"/>
  <c r="G48100" i="1"/>
  <c r="G48101" i="1"/>
  <c r="G48102" i="1"/>
  <c r="G48103" i="1"/>
  <c r="G48104" i="1"/>
  <c r="G48105" i="1"/>
  <c r="G48106" i="1"/>
  <c r="G48107" i="1"/>
  <c r="G48108" i="1"/>
  <c r="G48109" i="1"/>
  <c r="G48110" i="1"/>
  <c r="G48111" i="1"/>
  <c r="G48112" i="1"/>
  <c r="G48113" i="1"/>
  <c r="G48114" i="1"/>
  <c r="G48115" i="1"/>
  <c r="G48116" i="1"/>
  <c r="G48117" i="1"/>
  <c r="G48118" i="1"/>
  <c r="G48119" i="1"/>
  <c r="G48120" i="1"/>
  <c r="G48121" i="1"/>
  <c r="G48122" i="1"/>
  <c r="G48123" i="1"/>
  <c r="G48124" i="1"/>
  <c r="G48125" i="1"/>
  <c r="G48126" i="1"/>
  <c r="G48127" i="1"/>
  <c r="G48128" i="1"/>
  <c r="G48129" i="1"/>
  <c r="G48130" i="1"/>
  <c r="G48131" i="1"/>
  <c r="G48132" i="1"/>
  <c r="G48133" i="1"/>
  <c r="G48134" i="1"/>
  <c r="G48135" i="1"/>
  <c r="G48136" i="1"/>
  <c r="G48137" i="1"/>
  <c r="G48138" i="1"/>
  <c r="G48139" i="1"/>
  <c r="G48140" i="1"/>
  <c r="G48141" i="1"/>
  <c r="G48142" i="1"/>
  <c r="G48143" i="1"/>
  <c r="G48144" i="1"/>
  <c r="G48145" i="1"/>
  <c r="G48146" i="1"/>
  <c r="G48147" i="1"/>
  <c r="G48148" i="1"/>
  <c r="G48149" i="1"/>
  <c r="G48150" i="1"/>
  <c r="G48151" i="1"/>
  <c r="G48152" i="1"/>
  <c r="G48153" i="1"/>
  <c r="G48154" i="1"/>
  <c r="G48155" i="1"/>
  <c r="G48156" i="1"/>
  <c r="G48157" i="1"/>
  <c r="G48158" i="1"/>
  <c r="G48159" i="1"/>
  <c r="G48160" i="1"/>
  <c r="G48161" i="1"/>
  <c r="G48162" i="1"/>
  <c r="G48163" i="1"/>
  <c r="G48164" i="1"/>
  <c r="G48165" i="1"/>
  <c r="G48166" i="1"/>
  <c r="G48167" i="1"/>
  <c r="G48168" i="1"/>
  <c r="G48169" i="1"/>
  <c r="G48170" i="1"/>
  <c r="G48171" i="1"/>
  <c r="G48172" i="1"/>
  <c r="G48173" i="1"/>
  <c r="G48174" i="1"/>
  <c r="G48175" i="1"/>
  <c r="G48176" i="1"/>
  <c r="G48177" i="1"/>
  <c r="G48178" i="1"/>
  <c r="G48179" i="1"/>
  <c r="G48180" i="1"/>
  <c r="G48181" i="1"/>
  <c r="G48182" i="1"/>
  <c r="G48183" i="1"/>
  <c r="G48184" i="1"/>
  <c r="G48185" i="1"/>
  <c r="G48186" i="1"/>
  <c r="G48187" i="1"/>
  <c r="G48188" i="1"/>
  <c r="G48189" i="1"/>
  <c r="G48190" i="1"/>
  <c r="G48191" i="1"/>
  <c r="G48192" i="1"/>
  <c r="G48193" i="1"/>
  <c r="G48194" i="1"/>
  <c r="G48195" i="1"/>
  <c r="G48196" i="1"/>
  <c r="G48197" i="1"/>
  <c r="G48198" i="1"/>
  <c r="G48199" i="1"/>
  <c r="G48200" i="1"/>
  <c r="G48201" i="1"/>
  <c r="G48202" i="1"/>
  <c r="G48203" i="1"/>
  <c r="G48204" i="1"/>
  <c r="G48205" i="1"/>
  <c r="G48206" i="1"/>
  <c r="G48207" i="1"/>
  <c r="G48208" i="1"/>
  <c r="G48209" i="1"/>
  <c r="G48210" i="1"/>
  <c r="G48211" i="1"/>
  <c r="G48212" i="1"/>
  <c r="G48213" i="1"/>
  <c r="G48214" i="1"/>
  <c r="G48215" i="1"/>
  <c r="G48216" i="1"/>
  <c r="G48217" i="1"/>
  <c r="G48218" i="1"/>
  <c r="G48219" i="1"/>
  <c r="G48220" i="1"/>
  <c r="G48221" i="1"/>
  <c r="G48222" i="1"/>
  <c r="G48223" i="1"/>
  <c r="G48224" i="1"/>
  <c r="G48225" i="1"/>
  <c r="G48226" i="1"/>
  <c r="G48227" i="1"/>
  <c r="G48228" i="1"/>
  <c r="G48229" i="1"/>
  <c r="G48230" i="1"/>
  <c r="G48231" i="1"/>
  <c r="G48232" i="1"/>
  <c r="G48233" i="1"/>
  <c r="G48234" i="1"/>
  <c r="G48235" i="1"/>
  <c r="G48236" i="1"/>
  <c r="G48237" i="1"/>
  <c r="G48238" i="1"/>
  <c r="G48239" i="1"/>
  <c r="G48240" i="1"/>
  <c r="G48241" i="1"/>
  <c r="G48242" i="1"/>
  <c r="G48243" i="1"/>
  <c r="G48244" i="1"/>
  <c r="G48245" i="1"/>
  <c r="G48246" i="1"/>
  <c r="G48247" i="1"/>
  <c r="G48248" i="1"/>
  <c r="G48249" i="1"/>
  <c r="G48250" i="1"/>
  <c r="G48251" i="1"/>
  <c r="G48252" i="1"/>
  <c r="G48253" i="1"/>
  <c r="G48254" i="1"/>
  <c r="G48255" i="1"/>
  <c r="G48256" i="1"/>
  <c r="G48257" i="1"/>
  <c r="G48258" i="1"/>
  <c r="G48259" i="1"/>
  <c r="G48260" i="1"/>
  <c r="G48261" i="1"/>
  <c r="G48262" i="1"/>
  <c r="G48263" i="1"/>
  <c r="G48264" i="1"/>
  <c r="G48265" i="1"/>
  <c r="G48266" i="1"/>
  <c r="G48267" i="1"/>
  <c r="G48268" i="1"/>
  <c r="G48269" i="1"/>
  <c r="G48270" i="1"/>
  <c r="G48271" i="1"/>
  <c r="G48272" i="1"/>
  <c r="G48273" i="1"/>
  <c r="G48274" i="1"/>
  <c r="G48275" i="1"/>
  <c r="G48276" i="1"/>
  <c r="G48277" i="1"/>
  <c r="G48278" i="1"/>
  <c r="G48279" i="1"/>
  <c r="G48280" i="1"/>
  <c r="G48281" i="1"/>
  <c r="G48282" i="1"/>
  <c r="G48283" i="1"/>
  <c r="G48284" i="1"/>
  <c r="G48285" i="1"/>
  <c r="G48286" i="1"/>
  <c r="G48287" i="1"/>
  <c r="G48288" i="1"/>
  <c r="G48289" i="1"/>
  <c r="G48290" i="1"/>
  <c r="G48291" i="1"/>
  <c r="G48292" i="1"/>
  <c r="G48293" i="1"/>
  <c r="G48294" i="1"/>
  <c r="G48295" i="1"/>
  <c r="G48296" i="1"/>
  <c r="G48297" i="1"/>
  <c r="G48298" i="1"/>
  <c r="G48299" i="1"/>
  <c r="G48300" i="1"/>
  <c r="G48301" i="1"/>
  <c r="G48302" i="1"/>
  <c r="G48303" i="1"/>
  <c r="G48304" i="1"/>
  <c r="G48305" i="1"/>
  <c r="G48306" i="1"/>
  <c r="G48307" i="1"/>
  <c r="G48308" i="1"/>
  <c r="G48309" i="1"/>
  <c r="G48310" i="1"/>
  <c r="G48311" i="1"/>
  <c r="G48312" i="1"/>
  <c r="G48313" i="1"/>
  <c r="G48314" i="1"/>
  <c r="G48315" i="1"/>
  <c r="G48316" i="1"/>
  <c r="G48317" i="1"/>
  <c r="G48318" i="1"/>
  <c r="G48319" i="1"/>
  <c r="G48320" i="1"/>
  <c r="G48321" i="1"/>
  <c r="G48322" i="1"/>
  <c r="G48323" i="1"/>
  <c r="G48324" i="1"/>
  <c r="G48325" i="1"/>
  <c r="G48326" i="1"/>
  <c r="G48327" i="1"/>
  <c r="G48328" i="1"/>
  <c r="G48329" i="1"/>
  <c r="G48330" i="1"/>
  <c r="G48331" i="1"/>
  <c r="G48332" i="1"/>
  <c r="G48333" i="1"/>
  <c r="G48334" i="1"/>
  <c r="G48335" i="1"/>
  <c r="G48336" i="1"/>
  <c r="G48337" i="1"/>
  <c r="G48338" i="1"/>
  <c r="G48339" i="1"/>
  <c r="G48340" i="1"/>
  <c r="G48341" i="1"/>
  <c r="G48342" i="1"/>
  <c r="G48343" i="1"/>
  <c r="G48344" i="1"/>
  <c r="G48345" i="1"/>
  <c r="G48346" i="1"/>
  <c r="G48347" i="1"/>
  <c r="G48348" i="1"/>
  <c r="G48349" i="1"/>
  <c r="G48350" i="1"/>
  <c r="G48351" i="1"/>
  <c r="G48352" i="1"/>
  <c r="G48353" i="1"/>
  <c r="G48354" i="1"/>
  <c r="G48355" i="1"/>
  <c r="G48356" i="1"/>
  <c r="G48357" i="1"/>
  <c r="G48358" i="1"/>
  <c r="G48359" i="1"/>
  <c r="G48360" i="1"/>
  <c r="G48361" i="1"/>
  <c r="G48362" i="1"/>
  <c r="G48363" i="1"/>
  <c r="G48364" i="1"/>
  <c r="G48365" i="1"/>
  <c r="G48366" i="1"/>
  <c r="G48367" i="1"/>
  <c r="G48368" i="1"/>
  <c r="G48369" i="1"/>
  <c r="G48370" i="1"/>
  <c r="G48371" i="1"/>
  <c r="G48372" i="1"/>
  <c r="G48373" i="1"/>
  <c r="G48374" i="1"/>
  <c r="G48375" i="1"/>
  <c r="G48376" i="1"/>
  <c r="G48377" i="1"/>
  <c r="G48378" i="1"/>
  <c r="G48379" i="1"/>
  <c r="G48380" i="1"/>
  <c r="G48381" i="1"/>
  <c r="G48382" i="1"/>
  <c r="G48383" i="1"/>
  <c r="G48384" i="1"/>
  <c r="G48385" i="1"/>
  <c r="G48386" i="1"/>
  <c r="G48387" i="1"/>
  <c r="G48388" i="1"/>
  <c r="G48389" i="1"/>
  <c r="G48390" i="1"/>
  <c r="G48391" i="1"/>
  <c r="G48392" i="1"/>
  <c r="G48393" i="1"/>
  <c r="G48394" i="1"/>
  <c r="G48395" i="1"/>
  <c r="G48396" i="1"/>
  <c r="G48397" i="1"/>
  <c r="G48398" i="1"/>
  <c r="G48399" i="1"/>
  <c r="G48400" i="1"/>
  <c r="G48401" i="1"/>
  <c r="G48402" i="1"/>
  <c r="G48403" i="1"/>
  <c r="G48404" i="1"/>
  <c r="G48405" i="1"/>
  <c r="G48406" i="1"/>
  <c r="G48407" i="1"/>
  <c r="G48408" i="1"/>
  <c r="G48409" i="1"/>
  <c r="G48410" i="1"/>
  <c r="G48411" i="1"/>
  <c r="G48412" i="1"/>
  <c r="G48413" i="1"/>
  <c r="G48414" i="1"/>
  <c r="G48415" i="1"/>
  <c r="G48416" i="1"/>
  <c r="G48417" i="1"/>
  <c r="G48418" i="1"/>
  <c r="G48419" i="1"/>
  <c r="G48420" i="1"/>
  <c r="G48421" i="1"/>
  <c r="G48422" i="1"/>
  <c r="G48423" i="1"/>
  <c r="G48424" i="1"/>
  <c r="G48425" i="1"/>
  <c r="G48426" i="1"/>
  <c r="G48427" i="1"/>
  <c r="G48428" i="1"/>
  <c r="G48429" i="1"/>
  <c r="G48430" i="1"/>
  <c r="G48431" i="1"/>
  <c r="G48432" i="1"/>
  <c r="G48433" i="1"/>
  <c r="G48434" i="1"/>
  <c r="G48435" i="1"/>
  <c r="G48436" i="1"/>
  <c r="G48437" i="1"/>
  <c r="G48438" i="1"/>
  <c r="G48439" i="1"/>
  <c r="G48440" i="1"/>
  <c r="G48441" i="1"/>
  <c r="G48442" i="1"/>
  <c r="G48443" i="1"/>
  <c r="G48444" i="1"/>
  <c r="G48445" i="1"/>
  <c r="G48446" i="1"/>
  <c r="G48447" i="1"/>
  <c r="G48448" i="1"/>
  <c r="G48449" i="1"/>
  <c r="G48450" i="1"/>
  <c r="G48451" i="1"/>
  <c r="G48452" i="1"/>
  <c r="G48453" i="1"/>
  <c r="G48454" i="1"/>
  <c r="G48455" i="1"/>
  <c r="G48456" i="1"/>
  <c r="G48457" i="1"/>
  <c r="G48458" i="1"/>
  <c r="G48459" i="1"/>
  <c r="G48460" i="1"/>
  <c r="G48461" i="1"/>
  <c r="G48462" i="1"/>
  <c r="G48463" i="1"/>
  <c r="G48464" i="1"/>
  <c r="G48465" i="1"/>
  <c r="G48466" i="1"/>
  <c r="G48467" i="1"/>
  <c r="G48468" i="1"/>
  <c r="G48469" i="1"/>
  <c r="G48470" i="1"/>
  <c r="G48471" i="1"/>
  <c r="G48472" i="1"/>
  <c r="G48473" i="1"/>
  <c r="G48474" i="1"/>
  <c r="G48475" i="1"/>
  <c r="G48476" i="1"/>
  <c r="G48477" i="1"/>
  <c r="G48478" i="1"/>
  <c r="G48479" i="1"/>
  <c r="G48480" i="1"/>
  <c r="G48481" i="1"/>
  <c r="G48482" i="1"/>
  <c r="G48483" i="1"/>
  <c r="G48484" i="1"/>
  <c r="G48485" i="1"/>
  <c r="G48486" i="1"/>
  <c r="G48487" i="1"/>
  <c r="G48488" i="1"/>
  <c r="G48489" i="1"/>
  <c r="G48490" i="1"/>
  <c r="G48491" i="1"/>
  <c r="G48492" i="1"/>
  <c r="G48493" i="1"/>
  <c r="G48494" i="1"/>
  <c r="G48495" i="1"/>
  <c r="G48496" i="1"/>
  <c r="G48497" i="1"/>
  <c r="G48498" i="1"/>
  <c r="G48499" i="1"/>
  <c r="G48500" i="1"/>
  <c r="G48501" i="1"/>
  <c r="G48502" i="1"/>
  <c r="G48503" i="1"/>
  <c r="G48504" i="1"/>
  <c r="G48505" i="1"/>
  <c r="G48506" i="1"/>
  <c r="G48507" i="1"/>
  <c r="G48508" i="1"/>
  <c r="G48509" i="1"/>
  <c r="G48510" i="1"/>
  <c r="G48511" i="1"/>
  <c r="G48512" i="1"/>
  <c r="G48513" i="1"/>
  <c r="G48514" i="1"/>
  <c r="G48515" i="1"/>
  <c r="G48516" i="1"/>
  <c r="G48517" i="1"/>
  <c r="G48518" i="1"/>
  <c r="G48519" i="1"/>
  <c r="G48520" i="1"/>
  <c r="G48521" i="1"/>
  <c r="G48522" i="1"/>
  <c r="G48523" i="1"/>
  <c r="G48524" i="1"/>
  <c r="G48525" i="1"/>
  <c r="G48526" i="1"/>
  <c r="G48527" i="1"/>
  <c r="G48528" i="1"/>
  <c r="G48529" i="1"/>
  <c r="G48530" i="1"/>
  <c r="G48531" i="1"/>
  <c r="G48532" i="1"/>
  <c r="G48533" i="1"/>
  <c r="G48534" i="1"/>
  <c r="G48535" i="1"/>
  <c r="G48536" i="1"/>
  <c r="G48537" i="1"/>
  <c r="G48538" i="1"/>
  <c r="G48539" i="1"/>
  <c r="G48540" i="1"/>
  <c r="G48541" i="1"/>
  <c r="G48542" i="1"/>
  <c r="G48543" i="1"/>
  <c r="G48544" i="1"/>
  <c r="G48545" i="1"/>
  <c r="G48546" i="1"/>
  <c r="G48547" i="1"/>
  <c r="G48548" i="1"/>
  <c r="G48549" i="1"/>
  <c r="G48550" i="1"/>
  <c r="G48551" i="1"/>
  <c r="G48552" i="1"/>
  <c r="G48553" i="1"/>
  <c r="G48554" i="1"/>
  <c r="G48555" i="1"/>
  <c r="G48556" i="1"/>
  <c r="G48557" i="1"/>
  <c r="G48558" i="1"/>
  <c r="G48559" i="1"/>
  <c r="G48560" i="1"/>
  <c r="G48561" i="1"/>
  <c r="G48562" i="1"/>
  <c r="G48563" i="1"/>
  <c r="G48564" i="1"/>
  <c r="G48565" i="1"/>
  <c r="G48566" i="1"/>
  <c r="G48567" i="1"/>
  <c r="G48568" i="1"/>
  <c r="G48569" i="1"/>
  <c r="G48570" i="1"/>
  <c r="G48571" i="1"/>
  <c r="G48572" i="1"/>
  <c r="G48573" i="1"/>
  <c r="G48574" i="1"/>
  <c r="G48575" i="1"/>
  <c r="G48576" i="1"/>
  <c r="G48577" i="1"/>
  <c r="G48578" i="1"/>
  <c r="G48579" i="1"/>
  <c r="G48580" i="1"/>
  <c r="G48581" i="1"/>
  <c r="G48582" i="1"/>
  <c r="G48583" i="1"/>
  <c r="G48584" i="1"/>
  <c r="G48585" i="1"/>
  <c r="G48586" i="1"/>
  <c r="G48587" i="1"/>
  <c r="G48588" i="1"/>
  <c r="G48589" i="1"/>
  <c r="G48590" i="1"/>
  <c r="G48591" i="1"/>
  <c r="G48592" i="1"/>
  <c r="G48593" i="1"/>
  <c r="G48594" i="1"/>
  <c r="G48595" i="1"/>
  <c r="G48596" i="1"/>
  <c r="G48597" i="1"/>
  <c r="G48598" i="1"/>
  <c r="G48599" i="1"/>
  <c r="G48600" i="1"/>
  <c r="G48601" i="1"/>
  <c r="G48602" i="1"/>
  <c r="G48603" i="1"/>
  <c r="G48604" i="1"/>
  <c r="G48605" i="1"/>
  <c r="G48606" i="1"/>
  <c r="G48607" i="1"/>
  <c r="G48608" i="1"/>
  <c r="G48609" i="1"/>
  <c r="G48610" i="1"/>
  <c r="G48611" i="1"/>
  <c r="G48612" i="1"/>
  <c r="G48613" i="1"/>
  <c r="G48614" i="1"/>
  <c r="G48615" i="1"/>
  <c r="G48616" i="1"/>
  <c r="G48617" i="1"/>
  <c r="G48618" i="1"/>
  <c r="G48619" i="1"/>
  <c r="G48620" i="1"/>
  <c r="G48621" i="1"/>
  <c r="G48622" i="1"/>
  <c r="G48623" i="1"/>
  <c r="G48624" i="1"/>
  <c r="G48625" i="1"/>
  <c r="G48626" i="1"/>
  <c r="G48627" i="1"/>
  <c r="G48628" i="1"/>
  <c r="G48629" i="1"/>
  <c r="G48630" i="1"/>
  <c r="G48631" i="1"/>
  <c r="G48632" i="1"/>
  <c r="G48633" i="1"/>
  <c r="G48634" i="1"/>
  <c r="G48635" i="1"/>
  <c r="G48636" i="1"/>
  <c r="G48637" i="1"/>
  <c r="G48638" i="1"/>
  <c r="G48639" i="1"/>
  <c r="G48640" i="1"/>
  <c r="G48641" i="1"/>
  <c r="G48642" i="1"/>
  <c r="G48643" i="1"/>
  <c r="G48644" i="1"/>
  <c r="G48645" i="1"/>
  <c r="G48646" i="1"/>
  <c r="G48647" i="1"/>
  <c r="G48648" i="1"/>
  <c r="G48649" i="1"/>
  <c r="G48650" i="1"/>
  <c r="G48651" i="1"/>
  <c r="G48652" i="1"/>
  <c r="G48653" i="1"/>
  <c r="G48654" i="1"/>
  <c r="G48655" i="1"/>
  <c r="G48656" i="1"/>
  <c r="G48657" i="1"/>
  <c r="G48658" i="1"/>
  <c r="G48659" i="1"/>
  <c r="G48660" i="1"/>
  <c r="G48661" i="1"/>
  <c r="G48662" i="1"/>
  <c r="G48663" i="1"/>
  <c r="G48664" i="1"/>
  <c r="G48665" i="1"/>
  <c r="G48666" i="1"/>
  <c r="G48667" i="1"/>
  <c r="G48668" i="1"/>
  <c r="G48669" i="1"/>
  <c r="G48670" i="1"/>
  <c r="G48671" i="1"/>
  <c r="G48672" i="1"/>
  <c r="G48673" i="1"/>
  <c r="G48674" i="1"/>
  <c r="G48675" i="1"/>
  <c r="G48676" i="1"/>
  <c r="G48677" i="1"/>
  <c r="G48678" i="1"/>
  <c r="G48679" i="1"/>
  <c r="G48680" i="1"/>
  <c r="G48681" i="1"/>
  <c r="G48682" i="1"/>
  <c r="G48683" i="1"/>
  <c r="G48684" i="1"/>
  <c r="G48685" i="1"/>
  <c r="G48686" i="1"/>
  <c r="G48687" i="1"/>
  <c r="G48688" i="1"/>
  <c r="G48689" i="1"/>
  <c r="G48690" i="1"/>
  <c r="G48691" i="1"/>
  <c r="G48692" i="1"/>
  <c r="G48693" i="1"/>
  <c r="G48694" i="1"/>
  <c r="G48695" i="1"/>
  <c r="G48696" i="1"/>
  <c r="G48697" i="1"/>
  <c r="G48698" i="1"/>
  <c r="G48699" i="1"/>
  <c r="G48700" i="1"/>
  <c r="G48701" i="1"/>
  <c r="G48702" i="1"/>
  <c r="G48703" i="1"/>
  <c r="G48704" i="1"/>
  <c r="G48705" i="1"/>
  <c r="G48706" i="1"/>
  <c r="G48707" i="1"/>
  <c r="G48708" i="1"/>
  <c r="G48709" i="1"/>
  <c r="G48710" i="1"/>
  <c r="G48711" i="1"/>
  <c r="G48712" i="1"/>
  <c r="G48713" i="1"/>
  <c r="G48714" i="1"/>
  <c r="G48715" i="1"/>
  <c r="G48716" i="1"/>
  <c r="G48717" i="1"/>
  <c r="G48718" i="1"/>
  <c r="G48719" i="1"/>
  <c r="G48720" i="1"/>
  <c r="G48721" i="1"/>
  <c r="G48722" i="1"/>
  <c r="G48723" i="1"/>
  <c r="G48724" i="1"/>
  <c r="G48725" i="1"/>
  <c r="G48726" i="1"/>
  <c r="G48727" i="1"/>
  <c r="G48728" i="1"/>
  <c r="G48729" i="1"/>
  <c r="G48730" i="1"/>
  <c r="G48731" i="1"/>
  <c r="G48732" i="1"/>
  <c r="G48733" i="1"/>
  <c r="G48734" i="1"/>
  <c r="G48735" i="1"/>
  <c r="G48736" i="1"/>
  <c r="G48737" i="1"/>
  <c r="G48738" i="1"/>
  <c r="G48739" i="1"/>
  <c r="G48740" i="1"/>
  <c r="G48741" i="1"/>
  <c r="G48742" i="1"/>
  <c r="G48743" i="1"/>
  <c r="G48744" i="1"/>
  <c r="G48745" i="1"/>
  <c r="G48746" i="1"/>
  <c r="G48747" i="1"/>
  <c r="G48748" i="1"/>
  <c r="G48749" i="1"/>
  <c r="G48750" i="1"/>
  <c r="G48751" i="1"/>
  <c r="G48752" i="1"/>
  <c r="G48753" i="1"/>
  <c r="G48754" i="1"/>
  <c r="G48755" i="1"/>
  <c r="G48756" i="1"/>
  <c r="G48757" i="1"/>
  <c r="G48758" i="1"/>
  <c r="G48759" i="1"/>
  <c r="G48760" i="1"/>
  <c r="G48761" i="1"/>
  <c r="G48762" i="1"/>
  <c r="G48763" i="1"/>
  <c r="G48764" i="1"/>
  <c r="G48765" i="1"/>
  <c r="G48766" i="1"/>
  <c r="G48767" i="1"/>
  <c r="G48768" i="1"/>
  <c r="G48769" i="1"/>
  <c r="G48770" i="1"/>
  <c r="G48771" i="1"/>
  <c r="G48772" i="1"/>
  <c r="G48773" i="1"/>
  <c r="G48774" i="1"/>
  <c r="G48775" i="1"/>
  <c r="G48776" i="1"/>
  <c r="G48777" i="1"/>
  <c r="G48778" i="1"/>
  <c r="G48779" i="1"/>
  <c r="G48780" i="1"/>
  <c r="G48781" i="1"/>
  <c r="G48782" i="1"/>
  <c r="G48783" i="1"/>
  <c r="G48784" i="1"/>
  <c r="G48785" i="1"/>
  <c r="G48786" i="1"/>
  <c r="G48787" i="1"/>
  <c r="G48788" i="1"/>
  <c r="G48789" i="1"/>
  <c r="G48790" i="1"/>
  <c r="G48791" i="1"/>
  <c r="G48792" i="1"/>
  <c r="G48793" i="1"/>
  <c r="G48794" i="1"/>
  <c r="G48795" i="1"/>
  <c r="G48796" i="1"/>
  <c r="G48797" i="1"/>
  <c r="G48798" i="1"/>
  <c r="G48799" i="1"/>
  <c r="G48800" i="1"/>
  <c r="G48801" i="1"/>
  <c r="G48802" i="1"/>
  <c r="G48803" i="1"/>
  <c r="G48804" i="1"/>
  <c r="G48805" i="1"/>
  <c r="G48806" i="1"/>
  <c r="G48807" i="1"/>
  <c r="G48808" i="1"/>
  <c r="G48809" i="1"/>
  <c r="G48810" i="1"/>
  <c r="G48811" i="1"/>
  <c r="G48812" i="1"/>
  <c r="G48813" i="1"/>
  <c r="G48814" i="1"/>
  <c r="G48815" i="1"/>
  <c r="G48816" i="1"/>
  <c r="G48817" i="1"/>
  <c r="G48818" i="1"/>
  <c r="G48819" i="1"/>
  <c r="G48820" i="1"/>
  <c r="G48821" i="1"/>
  <c r="G48822" i="1"/>
  <c r="G48823" i="1"/>
  <c r="G48824" i="1"/>
  <c r="G48825" i="1"/>
  <c r="G48826" i="1"/>
  <c r="G48827" i="1"/>
  <c r="G48828" i="1"/>
  <c r="G48829" i="1"/>
  <c r="G48830" i="1"/>
  <c r="G48831" i="1"/>
  <c r="G48832" i="1"/>
  <c r="G48833" i="1"/>
  <c r="G48834" i="1"/>
  <c r="G48835" i="1"/>
  <c r="G48836" i="1"/>
  <c r="G48837" i="1"/>
  <c r="G48838" i="1"/>
  <c r="G48839" i="1"/>
  <c r="G48840" i="1"/>
  <c r="G48841" i="1"/>
  <c r="G48842" i="1"/>
  <c r="G48843" i="1"/>
  <c r="G48844" i="1"/>
  <c r="G48845" i="1"/>
  <c r="G48846" i="1"/>
  <c r="G48847" i="1"/>
  <c r="G48848" i="1"/>
  <c r="G48849" i="1"/>
  <c r="G48850" i="1"/>
  <c r="G48851" i="1"/>
  <c r="G48852" i="1"/>
  <c r="G48853" i="1"/>
  <c r="G48854" i="1"/>
  <c r="G48855" i="1"/>
  <c r="G48856" i="1"/>
  <c r="G48857" i="1"/>
  <c r="G48858" i="1"/>
  <c r="G48859" i="1"/>
  <c r="G48860" i="1"/>
  <c r="G48861" i="1"/>
  <c r="G48862" i="1"/>
  <c r="G48863" i="1"/>
  <c r="G48864" i="1"/>
  <c r="G48865" i="1"/>
  <c r="G48866" i="1"/>
  <c r="G48867" i="1"/>
  <c r="G48868" i="1"/>
  <c r="G48869" i="1"/>
  <c r="G48870" i="1"/>
  <c r="G48871" i="1"/>
  <c r="G48872" i="1"/>
  <c r="G48873" i="1"/>
  <c r="G48874" i="1"/>
  <c r="G48875" i="1"/>
  <c r="G48876" i="1"/>
  <c r="G48877" i="1"/>
  <c r="G48878" i="1"/>
  <c r="G48879" i="1"/>
  <c r="G48880" i="1"/>
  <c r="G48881" i="1"/>
  <c r="G48882" i="1"/>
  <c r="G48883" i="1"/>
  <c r="G48884" i="1"/>
  <c r="G48885" i="1"/>
  <c r="G48886" i="1"/>
  <c r="G48887" i="1"/>
  <c r="G48888" i="1"/>
  <c r="G48889" i="1"/>
  <c r="G48890" i="1"/>
  <c r="G48891" i="1"/>
  <c r="G48892" i="1"/>
  <c r="G48893" i="1"/>
  <c r="G48894" i="1"/>
  <c r="G48895" i="1"/>
  <c r="G48896" i="1"/>
  <c r="G48897" i="1"/>
  <c r="G48898" i="1"/>
  <c r="G48899" i="1"/>
  <c r="G48900" i="1"/>
  <c r="G48901" i="1"/>
  <c r="G48902" i="1"/>
  <c r="G48903" i="1"/>
  <c r="G48904" i="1"/>
  <c r="G48905" i="1"/>
  <c r="G48906" i="1"/>
  <c r="G48907" i="1"/>
  <c r="G48908" i="1"/>
  <c r="G48909" i="1"/>
  <c r="G48910" i="1"/>
  <c r="G48911" i="1"/>
  <c r="G48912" i="1"/>
  <c r="G48913" i="1"/>
  <c r="G48914" i="1"/>
  <c r="G48915" i="1"/>
  <c r="G48916" i="1"/>
  <c r="G48917" i="1"/>
  <c r="G48918" i="1"/>
  <c r="G48919" i="1"/>
  <c r="G48920" i="1"/>
  <c r="G48921" i="1"/>
  <c r="G48922" i="1"/>
  <c r="G48923" i="1"/>
  <c r="G48924" i="1"/>
  <c r="G48925" i="1"/>
  <c r="G48926" i="1"/>
  <c r="G48927" i="1"/>
  <c r="G48928" i="1"/>
  <c r="G48929" i="1"/>
  <c r="G48930" i="1"/>
  <c r="G48931" i="1"/>
  <c r="G48932" i="1"/>
  <c r="G48933" i="1"/>
  <c r="G48934" i="1"/>
  <c r="G48935" i="1"/>
  <c r="G48936" i="1"/>
  <c r="G48937" i="1"/>
  <c r="G48938" i="1"/>
  <c r="G48939" i="1"/>
  <c r="G48940" i="1"/>
  <c r="G48941" i="1"/>
  <c r="G48942" i="1"/>
  <c r="G48943" i="1"/>
  <c r="G48944" i="1"/>
  <c r="G48945" i="1"/>
  <c r="G48946" i="1"/>
  <c r="G48947" i="1"/>
  <c r="G48948" i="1"/>
  <c r="G48949" i="1"/>
  <c r="G48950" i="1"/>
  <c r="G48951" i="1"/>
  <c r="G48952" i="1"/>
  <c r="G48953" i="1"/>
  <c r="G48954" i="1"/>
  <c r="G48955" i="1"/>
  <c r="G48956" i="1"/>
  <c r="G48957" i="1"/>
  <c r="G48958" i="1"/>
  <c r="G48959" i="1"/>
  <c r="G48960" i="1"/>
  <c r="G48961" i="1"/>
  <c r="G48962" i="1"/>
  <c r="G48963" i="1"/>
  <c r="G48964" i="1"/>
  <c r="G48965" i="1"/>
  <c r="G48966" i="1"/>
  <c r="G48967" i="1"/>
  <c r="G48968" i="1"/>
  <c r="G48969" i="1"/>
  <c r="G48970" i="1"/>
  <c r="G48971" i="1"/>
  <c r="G48972" i="1"/>
  <c r="G48973" i="1"/>
  <c r="G48974" i="1"/>
  <c r="G48975" i="1"/>
  <c r="G48976" i="1"/>
  <c r="G48977" i="1"/>
  <c r="G48978" i="1"/>
  <c r="G48979" i="1"/>
  <c r="G48980" i="1"/>
  <c r="G48981" i="1"/>
  <c r="G48982" i="1"/>
  <c r="G48983" i="1"/>
  <c r="G48984" i="1"/>
  <c r="G48985" i="1"/>
  <c r="G48986" i="1"/>
  <c r="G48987" i="1"/>
  <c r="G48988" i="1"/>
  <c r="G48989" i="1"/>
  <c r="G48990" i="1"/>
  <c r="G48991" i="1"/>
  <c r="G48992" i="1"/>
  <c r="G48993" i="1"/>
  <c r="G48994" i="1"/>
  <c r="G48995" i="1"/>
  <c r="G48996" i="1"/>
  <c r="G48997" i="1"/>
  <c r="G48998" i="1"/>
  <c r="G48999" i="1"/>
  <c r="G49000" i="1"/>
  <c r="G49001" i="1"/>
  <c r="G49002" i="1"/>
  <c r="G49003" i="1"/>
  <c r="G49004" i="1"/>
  <c r="G49005" i="1"/>
  <c r="G49006" i="1"/>
  <c r="G49007" i="1"/>
  <c r="G49008" i="1"/>
  <c r="G49009" i="1"/>
  <c r="G49010" i="1"/>
  <c r="G49011" i="1"/>
  <c r="G49012" i="1"/>
  <c r="G49013" i="1"/>
  <c r="G49014" i="1"/>
  <c r="G49015" i="1"/>
  <c r="G49016" i="1"/>
  <c r="G49017" i="1"/>
  <c r="G49018" i="1"/>
  <c r="G49019" i="1"/>
  <c r="G49020" i="1"/>
  <c r="G49021" i="1"/>
  <c r="G49022" i="1"/>
  <c r="G49023" i="1"/>
  <c r="G49024" i="1"/>
  <c r="G49025" i="1"/>
  <c r="G49026" i="1"/>
  <c r="G49027" i="1"/>
  <c r="G49028" i="1"/>
  <c r="G49029" i="1"/>
  <c r="G49030" i="1"/>
  <c r="G49031" i="1"/>
  <c r="G49032" i="1"/>
  <c r="G49033" i="1"/>
  <c r="G49034" i="1"/>
  <c r="G49035" i="1"/>
  <c r="G49036" i="1"/>
  <c r="G49037" i="1"/>
  <c r="G49038" i="1"/>
  <c r="G49039" i="1"/>
  <c r="G49040" i="1"/>
  <c r="G49041" i="1"/>
  <c r="G49042" i="1"/>
  <c r="G49043" i="1"/>
  <c r="G49044" i="1"/>
  <c r="G49045" i="1"/>
  <c r="G49046" i="1"/>
  <c r="G49047" i="1"/>
  <c r="G49048" i="1"/>
  <c r="G49049" i="1"/>
  <c r="G49050" i="1"/>
  <c r="G49051" i="1"/>
  <c r="G49052" i="1"/>
  <c r="G49053" i="1"/>
  <c r="G49054" i="1"/>
  <c r="G49055" i="1"/>
  <c r="G49056" i="1"/>
  <c r="G49057" i="1"/>
  <c r="G49058" i="1"/>
  <c r="G49059" i="1"/>
  <c r="G49060" i="1"/>
  <c r="G49061" i="1"/>
  <c r="G49062" i="1"/>
  <c r="G49063" i="1"/>
  <c r="G49064" i="1"/>
  <c r="G49065" i="1"/>
  <c r="G49066" i="1"/>
  <c r="G49067" i="1"/>
  <c r="G49068" i="1"/>
  <c r="G49069" i="1"/>
  <c r="G49070" i="1"/>
  <c r="G49071" i="1"/>
  <c r="G49072" i="1"/>
  <c r="G49073" i="1"/>
  <c r="G49074" i="1"/>
  <c r="G49075" i="1"/>
  <c r="G49076" i="1"/>
  <c r="G49077" i="1"/>
  <c r="G49078" i="1"/>
  <c r="G49079" i="1"/>
  <c r="G49080" i="1"/>
  <c r="G49081" i="1"/>
  <c r="G49082" i="1"/>
  <c r="G49083" i="1"/>
  <c r="G49084" i="1"/>
  <c r="G49085" i="1"/>
  <c r="G49086" i="1"/>
  <c r="G49087" i="1"/>
  <c r="G49088" i="1"/>
  <c r="G49089" i="1"/>
  <c r="G49090" i="1"/>
  <c r="G49091" i="1"/>
  <c r="G49092" i="1"/>
  <c r="G49093" i="1"/>
  <c r="G49094" i="1"/>
  <c r="G49095" i="1"/>
  <c r="G49096" i="1"/>
  <c r="G49097" i="1"/>
  <c r="G49098" i="1"/>
  <c r="G49099" i="1"/>
  <c r="G49100" i="1"/>
  <c r="G49101" i="1"/>
  <c r="G49102" i="1"/>
  <c r="G49103" i="1"/>
  <c r="G49104" i="1"/>
  <c r="G49105" i="1"/>
  <c r="G49106" i="1"/>
  <c r="G49107" i="1"/>
  <c r="G49108" i="1"/>
  <c r="G49109" i="1"/>
  <c r="G49110" i="1"/>
  <c r="G49111" i="1"/>
  <c r="G49112" i="1"/>
  <c r="G49113" i="1"/>
  <c r="G49114" i="1"/>
  <c r="G49115" i="1"/>
  <c r="G49116" i="1"/>
  <c r="G49117" i="1"/>
  <c r="G49118" i="1"/>
  <c r="G49119" i="1"/>
  <c r="G49120" i="1"/>
  <c r="G49121" i="1"/>
  <c r="G49122" i="1"/>
  <c r="G49123" i="1"/>
  <c r="G49124" i="1"/>
  <c r="G49125" i="1"/>
  <c r="G49126" i="1"/>
  <c r="G49127" i="1"/>
  <c r="G49128" i="1"/>
  <c r="G49129" i="1"/>
  <c r="G49130" i="1"/>
  <c r="G49131" i="1"/>
  <c r="G49132" i="1"/>
  <c r="G49133" i="1"/>
  <c r="G49134" i="1"/>
  <c r="G49135" i="1"/>
  <c r="G49136" i="1"/>
  <c r="G49137" i="1"/>
  <c r="G49138" i="1"/>
  <c r="G49139" i="1"/>
  <c r="G49140" i="1"/>
  <c r="G49141" i="1"/>
  <c r="G49142" i="1"/>
  <c r="G49143" i="1"/>
  <c r="G49144" i="1"/>
  <c r="G49145" i="1"/>
  <c r="G49146" i="1"/>
  <c r="G49147" i="1"/>
  <c r="G49148" i="1"/>
  <c r="G49149" i="1"/>
  <c r="G49150" i="1"/>
  <c r="G49151" i="1"/>
  <c r="G49152" i="1"/>
  <c r="G49153" i="1"/>
  <c r="G49154" i="1"/>
  <c r="G49155" i="1"/>
  <c r="G49156" i="1"/>
  <c r="G49157" i="1"/>
  <c r="G49158" i="1"/>
  <c r="G49159" i="1"/>
  <c r="G49160" i="1"/>
  <c r="G49161" i="1"/>
  <c r="G49162" i="1"/>
  <c r="G49163" i="1"/>
  <c r="G49164" i="1"/>
  <c r="G49165" i="1"/>
  <c r="G49166" i="1"/>
  <c r="G49167" i="1"/>
  <c r="G49168" i="1"/>
  <c r="G49169" i="1"/>
  <c r="G49170" i="1"/>
  <c r="G49171" i="1"/>
  <c r="G49172" i="1"/>
  <c r="G49173" i="1"/>
  <c r="G49174" i="1"/>
  <c r="G49175" i="1"/>
  <c r="G49176" i="1"/>
  <c r="G49177" i="1"/>
  <c r="G49178" i="1"/>
  <c r="G49179" i="1"/>
  <c r="G49180" i="1"/>
  <c r="G49181" i="1"/>
  <c r="G49182" i="1"/>
  <c r="G49183" i="1"/>
  <c r="G49184" i="1"/>
  <c r="G49185" i="1"/>
  <c r="G49186" i="1"/>
  <c r="G49187" i="1"/>
  <c r="G49188" i="1"/>
  <c r="G49189" i="1"/>
  <c r="G49190" i="1"/>
  <c r="G49191" i="1"/>
  <c r="G49192" i="1"/>
  <c r="G49193" i="1"/>
  <c r="G49194" i="1"/>
  <c r="G49195" i="1"/>
  <c r="G49196" i="1"/>
  <c r="G49197" i="1"/>
  <c r="G49198" i="1"/>
  <c r="G49199" i="1"/>
  <c r="G49200" i="1"/>
  <c r="G49201" i="1"/>
  <c r="G49202" i="1"/>
  <c r="G49203" i="1"/>
  <c r="G49204" i="1"/>
  <c r="G49205" i="1"/>
  <c r="G49206" i="1"/>
  <c r="G49207" i="1"/>
  <c r="G49208" i="1"/>
  <c r="G49209" i="1"/>
  <c r="G49210" i="1"/>
  <c r="G49211" i="1"/>
  <c r="G49212" i="1"/>
  <c r="G49213" i="1"/>
  <c r="G49214" i="1"/>
  <c r="G49215" i="1"/>
  <c r="G49216" i="1"/>
  <c r="G49217" i="1"/>
  <c r="G49218" i="1"/>
  <c r="G49219" i="1"/>
  <c r="G49220" i="1"/>
  <c r="G49221" i="1"/>
  <c r="G49222" i="1"/>
  <c r="G49223" i="1"/>
  <c r="G49224" i="1"/>
  <c r="G49225" i="1"/>
  <c r="G49226" i="1"/>
  <c r="G49227" i="1"/>
  <c r="G49228" i="1"/>
  <c r="G49229" i="1"/>
  <c r="G49230" i="1"/>
  <c r="G49231" i="1"/>
  <c r="G49232" i="1"/>
  <c r="G49233" i="1"/>
  <c r="G49234" i="1"/>
  <c r="G49235" i="1"/>
  <c r="G49236" i="1"/>
  <c r="G49237" i="1"/>
  <c r="G49238" i="1"/>
  <c r="G49239" i="1"/>
  <c r="G49240" i="1"/>
  <c r="G49241" i="1"/>
  <c r="G49242" i="1"/>
  <c r="G49243" i="1"/>
  <c r="G49244" i="1"/>
  <c r="G49245" i="1"/>
  <c r="G49246" i="1"/>
  <c r="G49247" i="1"/>
  <c r="G49248" i="1"/>
  <c r="G49249" i="1"/>
  <c r="G49250" i="1"/>
  <c r="G49251" i="1"/>
  <c r="G49252" i="1"/>
  <c r="G49253" i="1"/>
  <c r="G49254" i="1"/>
  <c r="G49255" i="1"/>
  <c r="G49256" i="1"/>
  <c r="G49257" i="1"/>
  <c r="G49258" i="1"/>
  <c r="G49259" i="1"/>
  <c r="G49260" i="1"/>
  <c r="G49261" i="1"/>
  <c r="G49262" i="1"/>
  <c r="G49263" i="1"/>
  <c r="G49264" i="1"/>
  <c r="G49265" i="1"/>
  <c r="G49266" i="1"/>
  <c r="G49267" i="1"/>
  <c r="G49268" i="1"/>
  <c r="G49269" i="1"/>
  <c r="G49270" i="1"/>
  <c r="G49271" i="1"/>
  <c r="G49272" i="1"/>
  <c r="G49273" i="1"/>
  <c r="G49274" i="1"/>
  <c r="G49275" i="1"/>
  <c r="G49276" i="1"/>
  <c r="G49277" i="1"/>
  <c r="G49278" i="1"/>
  <c r="G49279" i="1"/>
  <c r="G49280" i="1"/>
  <c r="G49281" i="1"/>
  <c r="G49282" i="1"/>
  <c r="G49283" i="1"/>
  <c r="G49284" i="1"/>
  <c r="G49285" i="1"/>
  <c r="G49286" i="1"/>
  <c r="G49287" i="1"/>
  <c r="G49288" i="1"/>
  <c r="G49289" i="1"/>
  <c r="G49290" i="1"/>
  <c r="G49291" i="1"/>
  <c r="G49292" i="1"/>
  <c r="G49293" i="1"/>
  <c r="G49294" i="1"/>
  <c r="G49295" i="1"/>
  <c r="G49296" i="1"/>
  <c r="G49297" i="1"/>
  <c r="G49298" i="1"/>
  <c r="G49299" i="1"/>
  <c r="G49300" i="1"/>
  <c r="G49301" i="1"/>
  <c r="G49302" i="1"/>
  <c r="G49303" i="1"/>
  <c r="G49304" i="1"/>
  <c r="G49305" i="1"/>
  <c r="G49306" i="1"/>
  <c r="G49307" i="1"/>
  <c r="G49308" i="1"/>
  <c r="G49309" i="1"/>
  <c r="G49310" i="1"/>
  <c r="G49311" i="1"/>
  <c r="G49312" i="1"/>
  <c r="G49313" i="1"/>
  <c r="G49314" i="1"/>
  <c r="G49315" i="1"/>
  <c r="G49316" i="1"/>
  <c r="G49317" i="1"/>
  <c r="G49318" i="1"/>
  <c r="G49319" i="1"/>
  <c r="G49320" i="1"/>
  <c r="G49321" i="1"/>
  <c r="G49322" i="1"/>
  <c r="G49323" i="1"/>
  <c r="G49324" i="1"/>
  <c r="G49325" i="1"/>
  <c r="G49326" i="1"/>
  <c r="G49327" i="1"/>
  <c r="G49328" i="1"/>
  <c r="G49329" i="1"/>
  <c r="G49330" i="1"/>
  <c r="G49331" i="1"/>
  <c r="G49332" i="1"/>
  <c r="G49333" i="1"/>
  <c r="G49334" i="1"/>
  <c r="G49335" i="1"/>
  <c r="G49336" i="1"/>
  <c r="G49337" i="1"/>
  <c r="G49338" i="1"/>
  <c r="G49339" i="1"/>
  <c r="G49340" i="1"/>
  <c r="G49341" i="1"/>
  <c r="G49342" i="1"/>
  <c r="G49343" i="1"/>
  <c r="G49344" i="1"/>
  <c r="G49345" i="1"/>
  <c r="G49346" i="1"/>
  <c r="G49347" i="1"/>
  <c r="G49348" i="1"/>
  <c r="G49349" i="1"/>
  <c r="G49350" i="1"/>
  <c r="G49351" i="1"/>
  <c r="G49352" i="1"/>
  <c r="G49353" i="1"/>
  <c r="G49354" i="1"/>
  <c r="G49355" i="1"/>
  <c r="G49356" i="1"/>
  <c r="G49357" i="1"/>
  <c r="G49358" i="1"/>
  <c r="G49359" i="1"/>
  <c r="G49360" i="1"/>
  <c r="G49361" i="1"/>
  <c r="G49362" i="1"/>
  <c r="G49363" i="1"/>
  <c r="G49364" i="1"/>
  <c r="G49365" i="1"/>
  <c r="G49366" i="1"/>
  <c r="G49367" i="1"/>
  <c r="G49368" i="1"/>
  <c r="G49369" i="1"/>
  <c r="G49370" i="1"/>
  <c r="G49371" i="1"/>
  <c r="G49372" i="1"/>
  <c r="G49373" i="1"/>
  <c r="G49374" i="1"/>
  <c r="G49375" i="1"/>
  <c r="G49376" i="1"/>
  <c r="G49377" i="1"/>
  <c r="G49378" i="1"/>
  <c r="G49379" i="1"/>
  <c r="G49380" i="1"/>
  <c r="G49381" i="1"/>
  <c r="G49382" i="1"/>
  <c r="G49383" i="1"/>
  <c r="G49384" i="1"/>
  <c r="G49385" i="1"/>
  <c r="G49386" i="1"/>
  <c r="G49387" i="1"/>
  <c r="G49388" i="1"/>
  <c r="G49389" i="1"/>
  <c r="G49390" i="1"/>
  <c r="G49391" i="1"/>
  <c r="G49392" i="1"/>
  <c r="G49393" i="1"/>
  <c r="G49394" i="1"/>
  <c r="G49395" i="1"/>
  <c r="G49396" i="1"/>
  <c r="G49397" i="1"/>
  <c r="G49398" i="1"/>
  <c r="G49399" i="1"/>
  <c r="G49400" i="1"/>
  <c r="G49401" i="1"/>
  <c r="G49402" i="1"/>
  <c r="G49403" i="1"/>
  <c r="G49404" i="1"/>
  <c r="G49405" i="1"/>
  <c r="G49406" i="1"/>
  <c r="G49407" i="1"/>
  <c r="G49408" i="1"/>
  <c r="G49409" i="1"/>
  <c r="G49410" i="1"/>
  <c r="G49411" i="1"/>
  <c r="G49412" i="1"/>
  <c r="G49413" i="1"/>
  <c r="G49414" i="1"/>
  <c r="G49415" i="1"/>
  <c r="G49416" i="1"/>
  <c r="G49417" i="1"/>
  <c r="G49418" i="1"/>
  <c r="G49419" i="1"/>
  <c r="G49420" i="1"/>
  <c r="G49421" i="1"/>
  <c r="G49422" i="1"/>
  <c r="G49423" i="1"/>
  <c r="G49424" i="1"/>
  <c r="G49425" i="1"/>
  <c r="G49426" i="1"/>
  <c r="G49427" i="1"/>
  <c r="G49428" i="1"/>
  <c r="G49429" i="1"/>
  <c r="G49430" i="1"/>
  <c r="G49431" i="1"/>
  <c r="G49432" i="1"/>
  <c r="G49433" i="1"/>
  <c r="G49434" i="1"/>
  <c r="G49435" i="1"/>
  <c r="G49436" i="1"/>
  <c r="G49437" i="1"/>
  <c r="G49438" i="1"/>
  <c r="G49439" i="1"/>
  <c r="G49440" i="1"/>
  <c r="G49441" i="1"/>
  <c r="G49442" i="1"/>
  <c r="G49443" i="1"/>
  <c r="G49444" i="1"/>
  <c r="G49445" i="1"/>
  <c r="G49446" i="1"/>
  <c r="G49447" i="1"/>
  <c r="G49448" i="1"/>
  <c r="G49449" i="1"/>
  <c r="G49450" i="1"/>
  <c r="G49451" i="1"/>
  <c r="G49452" i="1"/>
  <c r="G49453" i="1"/>
  <c r="G49454" i="1"/>
  <c r="G49455" i="1"/>
  <c r="G49456" i="1"/>
  <c r="G49457" i="1"/>
  <c r="G49458" i="1"/>
  <c r="G49459" i="1"/>
  <c r="G49460" i="1"/>
  <c r="G49461" i="1"/>
  <c r="G49462" i="1"/>
  <c r="G49463" i="1"/>
  <c r="G49464" i="1"/>
  <c r="G49465" i="1"/>
  <c r="G49466" i="1"/>
  <c r="G49467" i="1"/>
  <c r="G49468" i="1"/>
  <c r="G49469" i="1"/>
  <c r="G49470" i="1"/>
  <c r="G49471" i="1"/>
  <c r="G49472" i="1"/>
  <c r="G49473" i="1"/>
  <c r="G49474" i="1"/>
  <c r="G49475" i="1"/>
  <c r="G49476" i="1"/>
  <c r="G49477" i="1"/>
  <c r="G49478" i="1"/>
  <c r="G49479" i="1"/>
  <c r="G49480" i="1"/>
  <c r="G49481" i="1"/>
  <c r="G49482" i="1"/>
  <c r="G49483" i="1"/>
  <c r="G49484" i="1"/>
  <c r="G49485" i="1"/>
  <c r="G49486" i="1"/>
  <c r="G49487" i="1"/>
  <c r="G49488" i="1"/>
  <c r="G49489" i="1"/>
  <c r="G49490" i="1"/>
  <c r="G49491" i="1"/>
  <c r="G49492" i="1"/>
  <c r="G49493" i="1"/>
  <c r="G49494" i="1"/>
  <c r="G49495" i="1"/>
  <c r="G49496" i="1"/>
  <c r="G49497" i="1"/>
  <c r="G49498" i="1"/>
  <c r="G49499" i="1"/>
  <c r="G49500" i="1"/>
  <c r="G49501" i="1"/>
  <c r="G49502" i="1"/>
  <c r="G49503" i="1"/>
  <c r="G49504" i="1"/>
  <c r="G49505" i="1"/>
  <c r="G49506" i="1"/>
  <c r="G49507" i="1"/>
  <c r="G49508" i="1"/>
  <c r="G49509" i="1"/>
  <c r="G49510" i="1"/>
  <c r="G49511" i="1"/>
  <c r="G49512" i="1"/>
  <c r="G49513" i="1"/>
  <c r="G49514" i="1"/>
  <c r="G49515" i="1"/>
  <c r="G49516" i="1"/>
  <c r="G49517" i="1"/>
  <c r="G49518" i="1"/>
  <c r="G49519" i="1"/>
  <c r="G49520" i="1"/>
  <c r="G49521" i="1"/>
  <c r="G49522" i="1"/>
  <c r="G49523" i="1"/>
  <c r="G49524" i="1"/>
  <c r="G49525" i="1"/>
  <c r="G49526" i="1"/>
  <c r="G49527" i="1"/>
  <c r="G49528" i="1"/>
  <c r="G49529" i="1"/>
  <c r="G49530" i="1"/>
  <c r="G49531" i="1"/>
  <c r="G49532" i="1"/>
  <c r="G49533" i="1"/>
  <c r="G49534" i="1"/>
  <c r="G49535" i="1"/>
  <c r="G49536" i="1"/>
  <c r="G49537" i="1"/>
  <c r="G49538" i="1"/>
  <c r="G49539" i="1"/>
  <c r="G49540" i="1"/>
  <c r="G49541" i="1"/>
  <c r="G49542" i="1"/>
  <c r="G49543" i="1"/>
  <c r="G49544" i="1"/>
  <c r="G49545" i="1"/>
  <c r="G49546" i="1"/>
  <c r="G49547" i="1"/>
  <c r="G49548" i="1"/>
  <c r="G49549" i="1"/>
  <c r="G49550" i="1"/>
  <c r="G49551" i="1"/>
  <c r="G49552" i="1"/>
  <c r="G49553" i="1"/>
  <c r="G49554" i="1"/>
  <c r="G49555" i="1"/>
  <c r="G49556" i="1"/>
  <c r="G49557" i="1"/>
  <c r="G49558" i="1"/>
  <c r="G49559" i="1"/>
  <c r="G49560" i="1"/>
  <c r="G49561" i="1"/>
  <c r="G49562" i="1"/>
  <c r="G49563" i="1"/>
  <c r="G49564" i="1"/>
  <c r="G49565" i="1"/>
  <c r="G49566" i="1"/>
  <c r="G49567" i="1"/>
  <c r="G49568" i="1"/>
  <c r="G49569" i="1"/>
  <c r="G49570" i="1"/>
  <c r="G49571" i="1"/>
  <c r="G49572" i="1"/>
  <c r="G49573" i="1"/>
  <c r="G49574" i="1"/>
  <c r="G49575" i="1"/>
  <c r="G49576" i="1"/>
  <c r="G49577" i="1"/>
  <c r="G49578" i="1"/>
  <c r="G49579" i="1"/>
  <c r="G49580" i="1"/>
  <c r="G49581" i="1"/>
  <c r="G49582" i="1"/>
  <c r="G49583" i="1"/>
  <c r="G49584" i="1"/>
  <c r="G49585" i="1"/>
  <c r="G49586" i="1"/>
  <c r="G49587" i="1"/>
  <c r="G49588" i="1"/>
  <c r="G49589" i="1"/>
  <c r="G49590" i="1"/>
  <c r="G49591" i="1"/>
  <c r="G49592" i="1"/>
  <c r="G49593" i="1"/>
  <c r="G49594" i="1"/>
  <c r="G49595" i="1"/>
  <c r="G49596" i="1"/>
  <c r="G49597" i="1"/>
  <c r="G49598" i="1"/>
  <c r="G49599" i="1"/>
  <c r="G49600" i="1"/>
  <c r="G49601" i="1"/>
  <c r="G49602" i="1"/>
  <c r="G49603" i="1"/>
  <c r="G49604" i="1"/>
  <c r="G49605" i="1"/>
  <c r="G49606" i="1"/>
  <c r="G49607" i="1"/>
  <c r="G49608" i="1"/>
  <c r="G49609" i="1"/>
  <c r="G49610" i="1"/>
  <c r="G49611" i="1"/>
  <c r="G49612" i="1"/>
  <c r="G49613" i="1"/>
  <c r="G49614" i="1"/>
  <c r="G49615" i="1"/>
  <c r="G49616" i="1"/>
  <c r="G49617" i="1"/>
  <c r="G49618" i="1"/>
  <c r="G49619" i="1"/>
  <c r="G49620" i="1"/>
  <c r="G49621" i="1"/>
  <c r="G49622" i="1"/>
  <c r="G49623" i="1"/>
  <c r="G49624" i="1"/>
  <c r="G49625" i="1"/>
  <c r="G49626" i="1"/>
  <c r="G49627" i="1"/>
  <c r="G49628" i="1"/>
  <c r="G49629" i="1"/>
  <c r="G49630" i="1"/>
  <c r="G49631" i="1"/>
  <c r="G49632" i="1"/>
  <c r="G49633" i="1"/>
  <c r="G49634" i="1"/>
  <c r="G49635" i="1"/>
  <c r="G49636" i="1"/>
  <c r="G49637" i="1"/>
  <c r="G49638" i="1"/>
  <c r="G49639" i="1"/>
  <c r="G49640" i="1"/>
  <c r="G49641" i="1"/>
  <c r="G49642" i="1"/>
  <c r="G49643" i="1"/>
  <c r="G49644" i="1"/>
  <c r="G49645" i="1"/>
  <c r="G49646" i="1"/>
  <c r="G49647" i="1"/>
  <c r="G49648" i="1"/>
  <c r="G49649" i="1"/>
  <c r="G49650" i="1"/>
  <c r="G49651" i="1"/>
  <c r="G49652" i="1"/>
  <c r="G49653" i="1"/>
  <c r="G49654" i="1"/>
  <c r="G49655" i="1"/>
  <c r="G49656" i="1"/>
  <c r="G49657" i="1"/>
  <c r="G49658" i="1"/>
  <c r="G49659" i="1"/>
  <c r="G49660" i="1"/>
  <c r="G49661" i="1"/>
  <c r="G49662" i="1"/>
  <c r="G49663" i="1"/>
  <c r="G49664" i="1"/>
  <c r="G49665" i="1"/>
  <c r="G49666" i="1"/>
  <c r="G49667" i="1"/>
  <c r="G49668" i="1"/>
  <c r="G49669" i="1"/>
  <c r="G49670" i="1"/>
  <c r="G49671" i="1"/>
  <c r="G49672" i="1"/>
  <c r="G49673" i="1"/>
  <c r="G49674" i="1"/>
  <c r="G49675" i="1"/>
  <c r="G49676" i="1"/>
  <c r="G49677" i="1"/>
  <c r="G49678" i="1"/>
  <c r="G49679" i="1"/>
  <c r="G49680" i="1"/>
  <c r="G49681" i="1"/>
  <c r="G49682" i="1"/>
  <c r="G49683" i="1"/>
  <c r="G49684" i="1"/>
  <c r="G49685" i="1"/>
  <c r="G49686" i="1"/>
  <c r="G49687" i="1"/>
  <c r="G49688" i="1"/>
  <c r="G49689" i="1"/>
  <c r="G49690" i="1"/>
  <c r="G49691" i="1"/>
  <c r="G49692" i="1"/>
  <c r="G49693" i="1"/>
  <c r="G49694" i="1"/>
  <c r="G49695" i="1"/>
  <c r="G49696" i="1"/>
  <c r="G49697" i="1"/>
  <c r="G49698" i="1"/>
  <c r="G49699" i="1"/>
  <c r="G49700" i="1"/>
  <c r="G49701" i="1"/>
  <c r="G49702" i="1"/>
  <c r="G49703" i="1"/>
  <c r="G49704" i="1"/>
  <c r="G49705" i="1"/>
  <c r="G49706" i="1"/>
  <c r="G49707" i="1"/>
  <c r="G49708" i="1"/>
  <c r="G49709" i="1"/>
  <c r="G49710" i="1"/>
  <c r="G49711" i="1"/>
  <c r="G49712" i="1"/>
  <c r="G49713" i="1"/>
  <c r="G49714" i="1"/>
  <c r="G49715" i="1"/>
  <c r="G49716" i="1"/>
  <c r="G49717" i="1"/>
  <c r="G49718" i="1"/>
  <c r="G49719" i="1"/>
  <c r="G49720" i="1"/>
  <c r="G49721" i="1"/>
  <c r="G49722" i="1"/>
  <c r="G49723" i="1"/>
  <c r="G49724" i="1"/>
  <c r="G49725" i="1"/>
  <c r="G49726" i="1"/>
  <c r="G49727" i="1"/>
  <c r="G49728" i="1"/>
  <c r="G49729" i="1"/>
  <c r="G49730" i="1"/>
  <c r="G49731" i="1"/>
  <c r="G49732" i="1"/>
  <c r="G49733" i="1"/>
  <c r="G49734" i="1"/>
  <c r="G49735" i="1"/>
  <c r="G49736" i="1"/>
  <c r="G49737" i="1"/>
  <c r="G49738" i="1"/>
  <c r="G49739" i="1"/>
  <c r="G49740" i="1"/>
  <c r="G49741" i="1"/>
  <c r="G49742" i="1"/>
  <c r="G49743" i="1"/>
  <c r="G49744" i="1"/>
  <c r="G49745" i="1"/>
  <c r="G49746" i="1"/>
  <c r="G49747" i="1"/>
  <c r="G49748" i="1"/>
  <c r="G49749" i="1"/>
  <c r="G49750" i="1"/>
  <c r="G49751" i="1"/>
  <c r="G49752" i="1"/>
  <c r="G49753" i="1"/>
  <c r="G49754" i="1"/>
  <c r="G49755" i="1"/>
  <c r="G49756" i="1"/>
  <c r="G49757" i="1"/>
  <c r="G49758" i="1"/>
  <c r="G49759" i="1"/>
  <c r="G49760" i="1"/>
  <c r="G49761" i="1"/>
  <c r="G49762" i="1"/>
  <c r="G49763" i="1"/>
  <c r="G49764" i="1"/>
  <c r="G49765" i="1"/>
  <c r="G49766" i="1"/>
  <c r="G49767" i="1"/>
  <c r="G49768" i="1"/>
  <c r="G49769" i="1"/>
  <c r="G49770" i="1"/>
  <c r="G49771" i="1"/>
  <c r="G49772" i="1"/>
  <c r="G49773" i="1"/>
  <c r="G49774" i="1"/>
  <c r="G49775" i="1"/>
  <c r="G49776" i="1"/>
  <c r="G49777" i="1"/>
  <c r="G49778" i="1"/>
  <c r="G49779" i="1"/>
  <c r="G49780" i="1"/>
  <c r="G49781" i="1"/>
  <c r="G49782" i="1"/>
  <c r="G49783" i="1"/>
  <c r="G49784" i="1"/>
  <c r="G49785" i="1"/>
  <c r="G49786" i="1"/>
  <c r="G49787" i="1"/>
  <c r="G49788" i="1"/>
  <c r="G49789" i="1"/>
  <c r="G49790" i="1"/>
  <c r="G49791" i="1"/>
  <c r="G49792" i="1"/>
  <c r="G49793" i="1"/>
  <c r="G49794" i="1"/>
  <c r="G49795" i="1"/>
  <c r="G49796" i="1"/>
  <c r="G49797" i="1"/>
  <c r="G49798" i="1"/>
  <c r="G49799" i="1"/>
  <c r="G49800" i="1"/>
  <c r="G49801" i="1"/>
  <c r="G49802" i="1"/>
  <c r="G49803" i="1"/>
  <c r="G49804" i="1"/>
  <c r="G49805" i="1"/>
  <c r="G49806" i="1"/>
  <c r="G49807" i="1"/>
  <c r="G49808" i="1"/>
  <c r="G49809" i="1"/>
  <c r="G49810" i="1"/>
  <c r="G49811" i="1"/>
  <c r="G49812" i="1"/>
  <c r="G49813" i="1"/>
  <c r="G49814" i="1"/>
  <c r="G49815" i="1"/>
  <c r="G49816" i="1"/>
  <c r="G49817" i="1"/>
  <c r="G49818" i="1"/>
  <c r="G49819" i="1"/>
  <c r="G49820" i="1"/>
  <c r="G49821" i="1"/>
  <c r="G49822" i="1"/>
  <c r="G49823" i="1"/>
  <c r="G49824" i="1"/>
  <c r="G49825" i="1"/>
  <c r="G49826" i="1"/>
  <c r="G49827" i="1"/>
  <c r="G49828" i="1"/>
  <c r="G49829" i="1"/>
  <c r="G49830" i="1"/>
  <c r="G49831" i="1"/>
  <c r="G49832" i="1"/>
  <c r="G49833" i="1"/>
  <c r="G49834" i="1"/>
  <c r="G49835" i="1"/>
  <c r="G49836" i="1"/>
  <c r="G49837" i="1"/>
  <c r="G49838" i="1"/>
  <c r="G49839" i="1"/>
  <c r="G49840" i="1"/>
  <c r="G49841" i="1"/>
  <c r="G49842" i="1"/>
  <c r="G49843" i="1"/>
  <c r="G49844" i="1"/>
  <c r="G49845" i="1"/>
  <c r="G49846" i="1"/>
  <c r="G49847" i="1"/>
  <c r="G49848" i="1"/>
  <c r="G49849" i="1"/>
  <c r="G49850" i="1"/>
  <c r="G49851" i="1"/>
  <c r="G49852" i="1"/>
  <c r="G49853" i="1"/>
  <c r="G49854" i="1"/>
  <c r="G49855" i="1"/>
  <c r="G49856" i="1"/>
  <c r="G49857" i="1"/>
  <c r="G49858" i="1"/>
  <c r="G49859" i="1"/>
  <c r="G49860" i="1"/>
  <c r="G49861" i="1"/>
  <c r="G49862" i="1"/>
  <c r="G49863" i="1"/>
  <c r="G49864" i="1"/>
  <c r="G49865" i="1"/>
  <c r="G49866" i="1"/>
  <c r="G49867" i="1"/>
  <c r="G49868" i="1"/>
  <c r="G49869" i="1"/>
  <c r="G49870" i="1"/>
  <c r="G49871" i="1"/>
  <c r="G49872" i="1"/>
  <c r="G49873" i="1"/>
  <c r="G49874" i="1"/>
  <c r="G49875" i="1"/>
  <c r="G49876" i="1"/>
  <c r="G49877" i="1"/>
  <c r="G49878" i="1"/>
  <c r="G49879" i="1"/>
  <c r="G49880" i="1"/>
  <c r="G49881" i="1"/>
  <c r="G49882" i="1"/>
  <c r="G49883" i="1"/>
  <c r="G49884" i="1"/>
  <c r="G49885" i="1"/>
  <c r="G49886" i="1"/>
  <c r="G49887" i="1"/>
  <c r="G49888" i="1"/>
  <c r="G49889" i="1"/>
  <c r="G49890" i="1"/>
  <c r="G49891" i="1"/>
  <c r="G49892" i="1"/>
  <c r="G49893" i="1"/>
  <c r="G49894" i="1"/>
  <c r="G49895" i="1"/>
  <c r="G49896" i="1"/>
  <c r="G49897" i="1"/>
  <c r="G49898" i="1"/>
  <c r="G49899" i="1"/>
  <c r="G49900" i="1"/>
  <c r="G49901" i="1"/>
  <c r="G49902" i="1"/>
  <c r="G49903" i="1"/>
  <c r="G49904" i="1"/>
  <c r="G49905" i="1"/>
  <c r="G49906" i="1"/>
  <c r="G49907" i="1"/>
  <c r="G49908" i="1"/>
  <c r="G49909" i="1"/>
  <c r="G49910" i="1"/>
  <c r="G49911" i="1"/>
  <c r="G49912" i="1"/>
  <c r="G49913" i="1"/>
  <c r="G49914" i="1"/>
  <c r="G49915" i="1"/>
  <c r="G49916" i="1"/>
  <c r="G49917" i="1"/>
  <c r="G49918" i="1"/>
  <c r="G49919" i="1"/>
  <c r="G49920" i="1"/>
  <c r="G49921" i="1"/>
  <c r="G49922" i="1"/>
  <c r="G49923" i="1"/>
  <c r="G49924" i="1"/>
  <c r="G49925" i="1"/>
  <c r="G49926" i="1"/>
  <c r="G49927" i="1"/>
  <c r="G49928" i="1"/>
  <c r="G49929" i="1"/>
  <c r="G49930" i="1"/>
  <c r="G49931" i="1"/>
  <c r="G49932" i="1"/>
  <c r="G49933" i="1"/>
  <c r="G49934" i="1"/>
  <c r="G49935" i="1"/>
  <c r="G49936" i="1"/>
  <c r="G49937" i="1"/>
  <c r="G49938" i="1"/>
  <c r="G49939" i="1"/>
  <c r="G49940" i="1"/>
  <c r="G49941" i="1"/>
  <c r="G49942" i="1"/>
  <c r="G49943" i="1"/>
  <c r="G49944" i="1"/>
  <c r="G49945" i="1"/>
  <c r="G49946" i="1"/>
  <c r="G49947" i="1"/>
  <c r="G49948" i="1"/>
  <c r="G49949" i="1"/>
  <c r="G49950" i="1"/>
  <c r="G49951" i="1"/>
  <c r="G49952" i="1"/>
  <c r="G49953" i="1"/>
  <c r="G49954" i="1"/>
  <c r="G49955" i="1"/>
  <c r="G49956" i="1"/>
  <c r="G49957" i="1"/>
  <c r="G49958" i="1"/>
  <c r="G49959" i="1"/>
  <c r="G49960" i="1"/>
  <c r="G49961" i="1"/>
  <c r="G49962" i="1"/>
  <c r="G49963" i="1"/>
  <c r="G49964" i="1"/>
  <c r="G49965" i="1"/>
  <c r="G49966" i="1"/>
  <c r="G49967" i="1"/>
  <c r="G49968" i="1"/>
  <c r="G49969" i="1"/>
  <c r="G49970" i="1"/>
  <c r="G49971" i="1"/>
  <c r="G49972" i="1"/>
  <c r="G49973" i="1"/>
  <c r="G49974" i="1"/>
  <c r="G49975" i="1"/>
  <c r="G49976" i="1"/>
  <c r="G49977" i="1"/>
  <c r="G49978" i="1"/>
  <c r="G49979" i="1"/>
  <c r="G49980" i="1"/>
  <c r="G49981" i="1"/>
  <c r="G49982" i="1"/>
  <c r="G49983" i="1"/>
  <c r="G49984" i="1"/>
  <c r="G49985" i="1"/>
  <c r="G49986" i="1"/>
  <c r="G49987" i="1"/>
  <c r="G49988" i="1"/>
  <c r="G49989" i="1"/>
  <c r="G49990" i="1"/>
  <c r="G49991" i="1"/>
  <c r="G49992" i="1"/>
  <c r="G49993" i="1"/>
  <c r="G49994" i="1"/>
  <c r="G49995" i="1"/>
  <c r="G49996" i="1"/>
  <c r="G49997" i="1"/>
  <c r="G49998" i="1"/>
  <c r="G49999" i="1"/>
  <c r="G50000" i="1"/>
  <c r="G50001" i="1"/>
  <c r="G50002" i="1"/>
  <c r="G50003" i="1"/>
  <c r="G50004" i="1"/>
  <c r="G50005" i="1"/>
  <c r="G50006" i="1"/>
  <c r="G50007" i="1"/>
  <c r="G50008" i="1"/>
  <c r="G50009" i="1"/>
  <c r="G50010" i="1"/>
  <c r="G50011" i="1"/>
  <c r="G50012" i="1"/>
  <c r="G50013" i="1"/>
  <c r="G50014" i="1"/>
  <c r="G50015" i="1"/>
  <c r="G50016" i="1"/>
  <c r="G50017" i="1"/>
  <c r="G50018" i="1"/>
  <c r="G50019" i="1"/>
  <c r="G50020" i="1"/>
  <c r="G50021" i="1"/>
  <c r="G50022" i="1"/>
  <c r="G50023" i="1"/>
  <c r="G50024" i="1"/>
  <c r="G50025" i="1"/>
  <c r="G50026" i="1"/>
  <c r="G50027" i="1"/>
  <c r="G50028" i="1"/>
  <c r="G50029" i="1"/>
  <c r="G50030" i="1"/>
  <c r="G50031" i="1"/>
  <c r="G50032" i="1"/>
  <c r="G50033" i="1"/>
  <c r="G50034" i="1"/>
  <c r="G50035" i="1"/>
  <c r="G50036" i="1"/>
  <c r="G50037" i="1"/>
  <c r="G50038" i="1"/>
  <c r="G50039" i="1"/>
  <c r="G50040" i="1"/>
  <c r="G50041" i="1"/>
  <c r="G50042" i="1"/>
  <c r="G50043" i="1"/>
  <c r="G50044" i="1"/>
  <c r="G50045" i="1"/>
  <c r="G50046" i="1"/>
  <c r="G50047" i="1"/>
  <c r="G50048" i="1"/>
  <c r="G50049" i="1"/>
  <c r="G50050" i="1"/>
  <c r="G50051" i="1"/>
  <c r="G50052" i="1"/>
  <c r="G50053" i="1"/>
  <c r="G50054" i="1"/>
  <c r="G50055" i="1"/>
  <c r="G50056" i="1"/>
  <c r="G50057" i="1"/>
  <c r="G50058" i="1"/>
  <c r="G50059" i="1"/>
  <c r="G50060" i="1"/>
  <c r="G50061" i="1"/>
  <c r="G50062" i="1"/>
  <c r="G50063" i="1"/>
  <c r="G50064" i="1"/>
  <c r="G50065" i="1"/>
  <c r="G50066" i="1"/>
  <c r="G50067" i="1"/>
  <c r="G50068" i="1"/>
  <c r="G50069" i="1"/>
  <c r="G50070" i="1"/>
  <c r="G50071" i="1"/>
  <c r="G50072" i="1"/>
  <c r="G50073" i="1"/>
  <c r="G50074" i="1"/>
  <c r="G50075" i="1"/>
  <c r="G50076" i="1"/>
  <c r="G50077" i="1"/>
  <c r="G50078" i="1"/>
  <c r="G50079" i="1"/>
  <c r="G50080" i="1"/>
  <c r="G50081" i="1"/>
  <c r="G50082" i="1"/>
  <c r="G50083" i="1"/>
  <c r="G50084" i="1"/>
  <c r="G50085" i="1"/>
  <c r="G50086" i="1"/>
  <c r="G50087" i="1"/>
  <c r="G50088" i="1"/>
  <c r="G50089" i="1"/>
  <c r="G50090" i="1"/>
  <c r="G50091" i="1"/>
  <c r="G50092" i="1"/>
  <c r="G50093" i="1"/>
  <c r="G50094" i="1"/>
  <c r="G50095" i="1"/>
  <c r="G50096" i="1"/>
  <c r="G50097" i="1"/>
  <c r="G50098" i="1"/>
  <c r="G50099" i="1"/>
  <c r="G50100" i="1"/>
  <c r="G50101" i="1"/>
  <c r="G50102" i="1"/>
  <c r="G50103" i="1"/>
  <c r="G50104" i="1"/>
  <c r="G50105" i="1"/>
  <c r="G50106" i="1"/>
  <c r="G50107" i="1"/>
  <c r="G50108" i="1"/>
  <c r="G50109" i="1"/>
  <c r="G50110" i="1"/>
  <c r="G50111" i="1"/>
  <c r="G50112" i="1"/>
  <c r="G50113" i="1"/>
  <c r="G50114" i="1"/>
  <c r="G50115" i="1"/>
  <c r="G50116" i="1"/>
  <c r="G50117" i="1"/>
  <c r="G50118" i="1"/>
  <c r="G50119" i="1"/>
  <c r="G50120" i="1"/>
  <c r="G50121" i="1"/>
  <c r="G50122" i="1"/>
  <c r="G50123" i="1"/>
  <c r="G50124" i="1"/>
  <c r="G50125" i="1"/>
  <c r="G50126" i="1"/>
  <c r="G50127" i="1"/>
  <c r="G50128" i="1"/>
  <c r="G50129" i="1"/>
  <c r="G50130" i="1"/>
  <c r="G50131" i="1"/>
  <c r="G50132" i="1"/>
  <c r="G50133" i="1"/>
  <c r="G50134" i="1"/>
  <c r="G50135" i="1"/>
  <c r="G50136" i="1"/>
  <c r="G50137" i="1"/>
  <c r="G50138" i="1"/>
  <c r="G50139" i="1"/>
  <c r="G50140" i="1"/>
  <c r="G50141" i="1"/>
  <c r="G50142" i="1"/>
  <c r="G50143" i="1"/>
  <c r="G50144" i="1"/>
  <c r="G50145" i="1"/>
  <c r="G50146" i="1"/>
  <c r="G50147" i="1"/>
  <c r="G50148" i="1"/>
  <c r="G50149" i="1"/>
  <c r="G50150" i="1"/>
  <c r="G50151" i="1"/>
  <c r="G50152" i="1"/>
  <c r="G50153" i="1"/>
  <c r="G50154" i="1"/>
  <c r="G50155" i="1"/>
  <c r="G50156" i="1"/>
  <c r="G50157" i="1"/>
  <c r="G50158" i="1"/>
  <c r="G50159" i="1"/>
  <c r="G50160" i="1"/>
  <c r="G50161" i="1"/>
  <c r="G50162" i="1"/>
  <c r="G50163" i="1"/>
  <c r="G50164" i="1"/>
  <c r="G50165" i="1"/>
  <c r="G50166" i="1"/>
  <c r="G50167" i="1"/>
  <c r="G50168" i="1"/>
  <c r="G50169" i="1"/>
  <c r="G50170" i="1"/>
  <c r="G50171" i="1"/>
  <c r="G50172" i="1"/>
  <c r="G50173" i="1"/>
  <c r="G50174" i="1"/>
  <c r="G50175" i="1"/>
  <c r="G50176" i="1"/>
  <c r="G50177" i="1"/>
  <c r="G50178" i="1"/>
  <c r="G50179" i="1"/>
  <c r="G50180" i="1"/>
  <c r="G50181" i="1"/>
  <c r="G50182" i="1"/>
  <c r="G50183" i="1"/>
  <c r="G50184" i="1"/>
  <c r="G50185" i="1"/>
  <c r="G50186" i="1"/>
  <c r="G50187" i="1"/>
  <c r="G50188" i="1"/>
  <c r="G50189" i="1"/>
  <c r="G50190" i="1"/>
  <c r="G50191" i="1"/>
  <c r="G50192" i="1"/>
  <c r="G50193" i="1"/>
  <c r="G50194" i="1"/>
  <c r="G50195" i="1"/>
  <c r="G50196" i="1"/>
  <c r="G50197" i="1"/>
  <c r="G50198" i="1"/>
  <c r="G50199" i="1"/>
  <c r="G50200" i="1"/>
  <c r="G50201" i="1"/>
  <c r="G50202" i="1"/>
  <c r="G50203" i="1"/>
  <c r="G50204" i="1"/>
  <c r="G50205" i="1"/>
  <c r="G50206" i="1"/>
  <c r="G50207" i="1"/>
  <c r="G50208" i="1"/>
  <c r="G50209" i="1"/>
  <c r="G50210" i="1"/>
  <c r="G50211" i="1"/>
  <c r="G50212" i="1"/>
  <c r="G50213" i="1"/>
  <c r="G50214" i="1"/>
  <c r="G50215" i="1"/>
  <c r="G50216" i="1"/>
  <c r="G50217" i="1"/>
  <c r="G50218" i="1"/>
  <c r="G50219" i="1"/>
  <c r="G50220" i="1"/>
  <c r="G50221" i="1"/>
  <c r="G50222" i="1"/>
  <c r="G50223" i="1"/>
  <c r="G50224" i="1"/>
  <c r="G50225" i="1"/>
  <c r="G50226" i="1"/>
  <c r="G50227" i="1"/>
  <c r="G50228" i="1"/>
  <c r="G50229" i="1"/>
  <c r="G50230" i="1"/>
  <c r="G50231" i="1"/>
  <c r="G50232" i="1"/>
  <c r="G50233" i="1"/>
  <c r="G50234" i="1"/>
  <c r="G50235" i="1"/>
  <c r="G50236" i="1"/>
  <c r="G50237" i="1"/>
  <c r="G50238" i="1"/>
  <c r="G50239" i="1"/>
  <c r="G50240" i="1"/>
  <c r="G50241" i="1"/>
  <c r="G50242" i="1"/>
  <c r="G50243" i="1"/>
  <c r="G50244" i="1"/>
  <c r="G50245" i="1"/>
  <c r="G50246" i="1"/>
  <c r="G50247" i="1"/>
  <c r="G50248" i="1"/>
  <c r="G50249" i="1"/>
  <c r="G50250" i="1"/>
  <c r="G50251" i="1"/>
  <c r="G50252" i="1"/>
  <c r="G50253" i="1"/>
  <c r="G50254" i="1"/>
  <c r="G50255" i="1"/>
  <c r="G50256" i="1"/>
  <c r="G50257" i="1"/>
  <c r="G50258" i="1"/>
  <c r="G50259" i="1"/>
  <c r="G50260" i="1"/>
  <c r="G50261" i="1"/>
  <c r="G50262" i="1"/>
  <c r="G50263" i="1"/>
  <c r="G50264" i="1"/>
  <c r="G50265" i="1"/>
  <c r="G50266" i="1"/>
  <c r="G50267" i="1"/>
  <c r="G50268" i="1"/>
  <c r="G50269" i="1"/>
  <c r="G50270" i="1"/>
  <c r="G50271" i="1"/>
  <c r="G50272" i="1"/>
  <c r="G50273" i="1"/>
  <c r="G50274" i="1"/>
  <c r="G50275" i="1"/>
  <c r="G50276" i="1"/>
  <c r="G50277" i="1"/>
  <c r="G50278" i="1"/>
  <c r="G50279" i="1"/>
  <c r="G50280" i="1"/>
  <c r="G50281" i="1"/>
  <c r="G50282" i="1"/>
  <c r="G50283" i="1"/>
  <c r="G50284" i="1"/>
  <c r="G50285" i="1"/>
  <c r="G50286" i="1"/>
  <c r="G50287" i="1"/>
  <c r="G50288" i="1"/>
  <c r="G50289" i="1"/>
  <c r="G50290" i="1"/>
  <c r="G50291" i="1"/>
  <c r="G50292" i="1"/>
  <c r="G50293" i="1"/>
  <c r="G50294" i="1"/>
  <c r="G50295" i="1"/>
  <c r="G50296" i="1"/>
  <c r="G50297" i="1"/>
  <c r="G50298" i="1"/>
  <c r="G50299" i="1"/>
  <c r="G50300" i="1"/>
  <c r="G50301" i="1"/>
  <c r="G50302" i="1"/>
  <c r="G50303" i="1"/>
  <c r="G50304" i="1"/>
  <c r="G50305" i="1"/>
  <c r="G50306" i="1"/>
  <c r="G50307" i="1"/>
  <c r="G50308" i="1"/>
  <c r="G50309" i="1"/>
  <c r="G50310" i="1"/>
  <c r="G50311" i="1"/>
  <c r="G50312" i="1"/>
  <c r="G50313" i="1"/>
  <c r="G50314" i="1"/>
  <c r="G50315" i="1"/>
  <c r="G50316" i="1"/>
  <c r="G50317" i="1"/>
  <c r="G50318" i="1"/>
  <c r="G50319" i="1"/>
  <c r="G50320" i="1"/>
  <c r="G50321" i="1"/>
  <c r="G50322" i="1"/>
  <c r="G50323" i="1"/>
  <c r="G50324" i="1"/>
  <c r="G50325" i="1"/>
  <c r="G50326" i="1"/>
  <c r="G50327" i="1"/>
  <c r="G50328" i="1"/>
  <c r="G50329" i="1"/>
  <c r="G50330" i="1"/>
  <c r="G50331" i="1"/>
  <c r="G50332" i="1"/>
  <c r="G50333" i="1"/>
  <c r="G50334" i="1"/>
  <c r="G50335" i="1"/>
  <c r="G50336" i="1"/>
  <c r="G50337" i="1"/>
  <c r="G50338" i="1"/>
  <c r="G50339" i="1"/>
  <c r="G50340" i="1"/>
  <c r="G50341" i="1"/>
  <c r="G50342" i="1"/>
  <c r="G50343" i="1"/>
  <c r="G50344" i="1"/>
  <c r="G50345" i="1"/>
  <c r="G50346" i="1"/>
  <c r="G50347" i="1"/>
  <c r="G50348" i="1"/>
  <c r="G50349" i="1"/>
  <c r="G50350" i="1"/>
  <c r="G50351" i="1"/>
  <c r="G50352" i="1"/>
  <c r="G50353" i="1"/>
  <c r="G50354" i="1"/>
  <c r="G50355" i="1"/>
  <c r="G50356" i="1"/>
  <c r="G50357" i="1"/>
  <c r="G50358" i="1"/>
  <c r="G50359" i="1"/>
  <c r="G50360" i="1"/>
  <c r="G50361" i="1"/>
  <c r="G50362" i="1"/>
  <c r="G50363" i="1"/>
  <c r="G50364" i="1"/>
  <c r="G50365" i="1"/>
  <c r="G50366" i="1"/>
  <c r="G50367" i="1"/>
  <c r="G50368" i="1"/>
  <c r="G50369" i="1"/>
  <c r="G50370" i="1"/>
  <c r="G50371" i="1"/>
  <c r="G50372" i="1"/>
  <c r="G50373" i="1"/>
  <c r="G50374" i="1"/>
  <c r="G50375" i="1"/>
  <c r="G50376" i="1"/>
  <c r="G50377" i="1"/>
  <c r="G50378" i="1"/>
  <c r="G50379" i="1"/>
  <c r="G50380" i="1"/>
  <c r="G50381" i="1"/>
  <c r="G50382" i="1"/>
  <c r="G50383" i="1"/>
  <c r="G50384" i="1"/>
  <c r="G50385" i="1"/>
  <c r="G50386" i="1"/>
  <c r="G50387" i="1"/>
  <c r="G50388" i="1"/>
  <c r="G50389" i="1"/>
  <c r="G50390" i="1"/>
  <c r="G50391" i="1"/>
  <c r="G50392" i="1"/>
  <c r="G50393" i="1"/>
  <c r="G50394" i="1"/>
  <c r="G50395" i="1"/>
  <c r="G50396" i="1"/>
  <c r="G50397" i="1"/>
  <c r="G50398" i="1"/>
  <c r="G50399" i="1"/>
  <c r="G50400" i="1"/>
  <c r="G50401" i="1"/>
  <c r="G50402" i="1"/>
  <c r="G50403" i="1"/>
  <c r="G50404" i="1"/>
  <c r="G50405" i="1"/>
  <c r="G50406" i="1"/>
  <c r="G50407" i="1"/>
  <c r="G50408" i="1"/>
  <c r="G50409" i="1"/>
  <c r="G50410" i="1"/>
  <c r="G50411" i="1"/>
  <c r="G50412" i="1"/>
  <c r="G50413" i="1"/>
  <c r="G50414" i="1"/>
  <c r="G50415" i="1"/>
  <c r="G50416" i="1"/>
  <c r="G50417" i="1"/>
  <c r="G50418" i="1"/>
  <c r="G50419" i="1"/>
  <c r="G50420" i="1"/>
  <c r="G50421" i="1"/>
  <c r="G50422" i="1"/>
  <c r="G50423" i="1"/>
  <c r="G50424" i="1"/>
  <c r="G50425" i="1"/>
  <c r="G50426" i="1"/>
  <c r="G50427" i="1"/>
  <c r="G50428" i="1"/>
  <c r="G50429" i="1"/>
  <c r="G50430" i="1"/>
  <c r="G50431" i="1"/>
  <c r="G50432" i="1"/>
  <c r="G50433" i="1"/>
  <c r="G50434" i="1"/>
  <c r="G50435" i="1"/>
  <c r="G50436" i="1"/>
  <c r="G50437" i="1"/>
  <c r="G50438" i="1"/>
  <c r="G50439" i="1"/>
  <c r="G50440" i="1"/>
  <c r="G50441" i="1"/>
  <c r="G50442" i="1"/>
  <c r="G50443" i="1"/>
  <c r="G50444" i="1"/>
  <c r="G50445" i="1"/>
  <c r="G50446" i="1"/>
  <c r="G50447" i="1"/>
  <c r="G50448" i="1"/>
  <c r="G50449" i="1"/>
  <c r="G50450" i="1"/>
  <c r="G50451" i="1"/>
  <c r="G50452" i="1"/>
  <c r="G50453" i="1"/>
  <c r="G50454" i="1"/>
  <c r="G50455" i="1"/>
  <c r="G50456" i="1"/>
  <c r="G50457" i="1"/>
  <c r="G50458" i="1"/>
  <c r="G50459" i="1"/>
  <c r="G50460" i="1"/>
  <c r="G50461" i="1"/>
  <c r="G50462" i="1"/>
  <c r="G50463" i="1"/>
  <c r="G50464" i="1"/>
  <c r="G50465" i="1"/>
  <c r="G50466" i="1"/>
  <c r="G50467" i="1"/>
  <c r="G50468" i="1"/>
  <c r="G50469" i="1"/>
  <c r="G50470" i="1"/>
  <c r="G50471" i="1"/>
  <c r="G50472" i="1"/>
  <c r="G50473" i="1"/>
  <c r="G50474" i="1"/>
  <c r="G50475" i="1"/>
  <c r="G50476" i="1"/>
  <c r="G50477" i="1"/>
  <c r="G50478" i="1"/>
  <c r="G50479" i="1"/>
  <c r="G50480" i="1"/>
  <c r="G50481" i="1"/>
  <c r="G50482" i="1"/>
  <c r="G50483" i="1"/>
  <c r="G50484" i="1"/>
  <c r="G50485" i="1"/>
  <c r="G50486" i="1"/>
  <c r="G50487" i="1"/>
  <c r="G50488" i="1"/>
  <c r="G50489" i="1"/>
  <c r="G50490" i="1"/>
  <c r="G50491" i="1"/>
  <c r="G50492" i="1"/>
  <c r="G50493" i="1"/>
  <c r="G50494" i="1"/>
  <c r="G50495" i="1"/>
  <c r="G50496" i="1"/>
  <c r="G50497" i="1"/>
  <c r="G50498" i="1"/>
  <c r="G50499" i="1"/>
  <c r="G50500" i="1"/>
  <c r="G50501" i="1"/>
  <c r="G50502" i="1"/>
  <c r="G50503" i="1"/>
  <c r="G50504" i="1"/>
  <c r="G50505" i="1"/>
  <c r="G50506" i="1"/>
  <c r="G50507" i="1"/>
  <c r="G50508" i="1"/>
  <c r="G50509" i="1"/>
  <c r="G50510" i="1"/>
  <c r="G50511" i="1"/>
  <c r="G50512" i="1"/>
  <c r="G50513" i="1"/>
  <c r="G50514" i="1"/>
  <c r="G50515" i="1"/>
  <c r="G50516" i="1"/>
  <c r="G50517" i="1"/>
  <c r="G50518" i="1"/>
  <c r="G50519" i="1"/>
  <c r="G50520" i="1"/>
  <c r="G50521" i="1"/>
  <c r="G50522" i="1"/>
  <c r="G50523" i="1"/>
  <c r="G50524" i="1"/>
  <c r="G50525" i="1"/>
  <c r="G50526" i="1"/>
  <c r="G50527" i="1"/>
  <c r="G50528" i="1"/>
  <c r="G50529" i="1"/>
  <c r="G50530" i="1"/>
  <c r="G50531" i="1"/>
  <c r="G50532" i="1"/>
  <c r="G50533" i="1"/>
  <c r="G50534" i="1"/>
  <c r="G50535" i="1"/>
  <c r="G50536" i="1"/>
  <c r="G50537" i="1"/>
  <c r="G50538" i="1"/>
  <c r="G50539" i="1"/>
  <c r="G50540" i="1"/>
  <c r="G50541" i="1"/>
  <c r="G50542" i="1"/>
  <c r="G50543" i="1"/>
  <c r="G50544" i="1"/>
  <c r="G50545" i="1"/>
  <c r="G50546" i="1"/>
  <c r="G50547" i="1"/>
  <c r="G50548" i="1"/>
  <c r="G50549" i="1"/>
  <c r="G50550" i="1"/>
  <c r="G50551" i="1"/>
  <c r="G50552" i="1"/>
  <c r="G50553" i="1"/>
  <c r="G50554" i="1"/>
  <c r="G50555" i="1"/>
  <c r="G50556" i="1"/>
  <c r="G50557" i="1"/>
  <c r="G50558" i="1"/>
  <c r="G50559" i="1"/>
  <c r="G50560" i="1"/>
  <c r="G50561" i="1"/>
  <c r="G50562" i="1"/>
  <c r="G50563" i="1"/>
  <c r="G50564" i="1"/>
  <c r="G50565" i="1"/>
  <c r="G50566" i="1"/>
  <c r="G50567" i="1"/>
  <c r="G50568" i="1"/>
  <c r="G50569" i="1"/>
  <c r="G50570" i="1"/>
  <c r="G50571" i="1"/>
  <c r="G50572" i="1"/>
  <c r="G50573" i="1"/>
  <c r="G50574" i="1"/>
  <c r="G50575" i="1"/>
  <c r="G50576" i="1"/>
  <c r="G50577" i="1"/>
  <c r="G50578" i="1"/>
  <c r="G50579" i="1"/>
  <c r="G50580" i="1"/>
  <c r="G50581" i="1"/>
  <c r="G50582" i="1"/>
  <c r="G50583" i="1"/>
  <c r="G50584" i="1"/>
  <c r="G50585" i="1"/>
  <c r="G50586" i="1"/>
  <c r="G50587" i="1"/>
  <c r="G50588" i="1"/>
  <c r="G50589" i="1"/>
  <c r="G50590" i="1"/>
  <c r="G50591" i="1"/>
  <c r="G50592" i="1"/>
  <c r="G50593" i="1"/>
  <c r="G50594" i="1"/>
  <c r="G50595" i="1"/>
  <c r="G50596" i="1"/>
  <c r="G50597" i="1"/>
  <c r="G50598" i="1"/>
  <c r="G50599" i="1"/>
  <c r="G50600" i="1"/>
  <c r="G50601" i="1"/>
  <c r="G50602" i="1"/>
  <c r="G50603" i="1"/>
  <c r="G50604" i="1"/>
  <c r="G50605" i="1"/>
  <c r="G50606" i="1"/>
  <c r="G50607" i="1"/>
  <c r="G50608" i="1"/>
  <c r="G50609" i="1"/>
  <c r="G50610" i="1"/>
  <c r="G50611" i="1"/>
  <c r="G50612" i="1"/>
  <c r="G50613" i="1"/>
  <c r="G50614" i="1"/>
  <c r="G50615" i="1"/>
  <c r="G50616" i="1"/>
  <c r="G50617" i="1"/>
  <c r="G50618" i="1"/>
  <c r="G50619" i="1"/>
  <c r="G50620" i="1"/>
  <c r="G50621" i="1"/>
  <c r="G50622" i="1"/>
  <c r="G50623" i="1"/>
  <c r="G50624" i="1"/>
  <c r="G50625" i="1"/>
  <c r="G50626" i="1"/>
  <c r="G50627" i="1"/>
  <c r="G50628" i="1"/>
  <c r="G50629" i="1"/>
  <c r="G50630" i="1"/>
  <c r="G50631" i="1"/>
  <c r="G50632" i="1"/>
  <c r="G50633" i="1"/>
  <c r="G50634" i="1"/>
  <c r="G50635" i="1"/>
  <c r="G50636" i="1"/>
  <c r="G50637" i="1"/>
  <c r="G50638" i="1"/>
  <c r="G50639" i="1"/>
  <c r="G50640" i="1"/>
  <c r="G50641" i="1"/>
  <c r="G50642" i="1"/>
  <c r="G50643" i="1"/>
  <c r="G50644" i="1"/>
  <c r="G50645" i="1"/>
  <c r="G50646" i="1"/>
  <c r="G50647" i="1"/>
  <c r="G50648" i="1"/>
  <c r="G50649" i="1"/>
  <c r="G50650" i="1"/>
  <c r="G50651" i="1"/>
  <c r="G50652" i="1"/>
  <c r="G50653" i="1"/>
  <c r="G50654" i="1"/>
  <c r="G50655" i="1"/>
  <c r="G50656" i="1"/>
  <c r="G50657" i="1"/>
  <c r="G50658" i="1"/>
  <c r="G50659" i="1"/>
  <c r="G50660" i="1"/>
  <c r="G50661" i="1"/>
  <c r="G50662" i="1"/>
  <c r="G50663" i="1"/>
  <c r="G50664" i="1"/>
  <c r="G50665" i="1"/>
  <c r="G50666" i="1"/>
  <c r="G50667" i="1"/>
  <c r="G50668" i="1"/>
  <c r="G50669" i="1"/>
  <c r="G50670" i="1"/>
  <c r="G50671" i="1"/>
  <c r="G50672" i="1"/>
  <c r="G50673" i="1"/>
  <c r="G50674" i="1"/>
  <c r="G50675" i="1"/>
  <c r="G50676" i="1"/>
  <c r="G50677" i="1"/>
  <c r="G50678" i="1"/>
  <c r="G50679" i="1"/>
  <c r="G50680" i="1"/>
  <c r="G50681" i="1"/>
  <c r="G50682" i="1"/>
  <c r="G50683" i="1"/>
  <c r="G50684" i="1"/>
  <c r="G50685" i="1"/>
  <c r="G50686" i="1"/>
  <c r="G50687" i="1"/>
  <c r="G50688" i="1"/>
  <c r="G50689" i="1"/>
  <c r="G50690" i="1"/>
  <c r="G50691" i="1"/>
  <c r="G50692" i="1"/>
  <c r="G50693" i="1"/>
  <c r="G50694" i="1"/>
  <c r="G50695" i="1"/>
  <c r="G50696" i="1"/>
  <c r="G50697" i="1"/>
  <c r="G50698" i="1"/>
  <c r="G50699" i="1"/>
  <c r="G50700" i="1"/>
  <c r="G50701" i="1"/>
  <c r="G50702" i="1"/>
  <c r="G50703" i="1"/>
  <c r="G50704" i="1"/>
  <c r="G50705" i="1"/>
  <c r="G50706" i="1"/>
  <c r="G50707" i="1"/>
  <c r="G50708" i="1"/>
  <c r="G50709" i="1"/>
  <c r="G50710" i="1"/>
  <c r="G50711" i="1"/>
  <c r="G50712" i="1"/>
  <c r="G50713" i="1"/>
  <c r="G50714" i="1"/>
  <c r="G50715" i="1"/>
  <c r="G50716" i="1"/>
  <c r="G50717" i="1"/>
  <c r="G50718" i="1"/>
  <c r="G50719" i="1"/>
  <c r="G50720" i="1"/>
  <c r="G50721" i="1"/>
  <c r="G50722" i="1"/>
  <c r="G50723" i="1"/>
  <c r="G50724" i="1"/>
  <c r="G50725" i="1"/>
  <c r="G50726" i="1"/>
  <c r="G50727" i="1"/>
  <c r="G50728" i="1"/>
  <c r="G50729" i="1"/>
  <c r="G50730" i="1"/>
  <c r="G50731" i="1"/>
  <c r="G50732" i="1"/>
  <c r="G50733" i="1"/>
  <c r="G50734" i="1"/>
  <c r="G50735" i="1"/>
  <c r="G50736" i="1"/>
  <c r="G50737" i="1"/>
  <c r="G50738" i="1"/>
  <c r="G50739" i="1"/>
  <c r="G50740" i="1"/>
  <c r="G50741" i="1"/>
  <c r="G50742" i="1"/>
  <c r="G50743" i="1"/>
  <c r="G50744" i="1"/>
  <c r="G50745" i="1"/>
  <c r="G50746" i="1"/>
  <c r="G50747" i="1"/>
  <c r="G50748" i="1"/>
  <c r="G50749" i="1"/>
  <c r="G50750" i="1"/>
  <c r="G50751" i="1"/>
  <c r="G50752" i="1"/>
  <c r="G50753" i="1"/>
  <c r="G50754" i="1"/>
  <c r="G50755" i="1"/>
  <c r="G50756" i="1"/>
  <c r="G50757" i="1"/>
  <c r="G50758" i="1"/>
  <c r="G50759" i="1"/>
  <c r="G50760" i="1"/>
  <c r="G50761" i="1"/>
  <c r="G50762" i="1"/>
  <c r="G50763" i="1"/>
  <c r="G50764" i="1"/>
  <c r="G50765" i="1"/>
  <c r="G50766" i="1"/>
  <c r="G50767" i="1"/>
  <c r="G50768" i="1"/>
  <c r="G50769" i="1"/>
  <c r="G50770" i="1"/>
  <c r="G50771" i="1"/>
  <c r="G50772" i="1"/>
  <c r="G50773" i="1"/>
  <c r="G50774" i="1"/>
  <c r="G50775" i="1"/>
  <c r="G50776" i="1"/>
  <c r="G50777" i="1"/>
  <c r="G50778" i="1"/>
  <c r="G50779" i="1"/>
  <c r="G50780" i="1"/>
  <c r="G50781" i="1"/>
  <c r="G50782" i="1"/>
  <c r="G50783" i="1"/>
  <c r="G50784" i="1"/>
  <c r="G50785" i="1"/>
  <c r="G50786" i="1"/>
  <c r="G50787" i="1"/>
  <c r="G50788" i="1"/>
  <c r="G50789" i="1"/>
  <c r="G50790" i="1"/>
  <c r="G50791" i="1"/>
  <c r="G50792" i="1"/>
  <c r="G50793" i="1"/>
  <c r="G50794" i="1"/>
  <c r="G50795" i="1"/>
  <c r="G50796" i="1"/>
  <c r="G50797" i="1"/>
  <c r="G50798" i="1"/>
  <c r="G50799" i="1"/>
  <c r="G50800" i="1"/>
  <c r="G50801" i="1"/>
  <c r="G50802" i="1"/>
  <c r="G50803" i="1"/>
  <c r="G50804" i="1"/>
  <c r="G50805" i="1"/>
  <c r="G50806" i="1"/>
  <c r="G50807" i="1"/>
  <c r="G50808" i="1"/>
  <c r="G50809" i="1"/>
  <c r="G50810" i="1"/>
  <c r="G50811" i="1"/>
  <c r="G50812" i="1"/>
  <c r="G50813" i="1"/>
  <c r="G50814" i="1"/>
  <c r="G50815" i="1"/>
  <c r="G50816" i="1"/>
  <c r="G50817" i="1"/>
  <c r="G50818" i="1"/>
  <c r="G50819" i="1"/>
  <c r="G50820" i="1"/>
  <c r="G50821" i="1"/>
  <c r="G50822" i="1"/>
  <c r="G50823" i="1"/>
  <c r="G50824" i="1"/>
  <c r="G50825" i="1"/>
  <c r="G50826" i="1"/>
  <c r="G50827" i="1"/>
  <c r="G50828" i="1"/>
  <c r="G50829" i="1"/>
  <c r="G50830" i="1"/>
  <c r="G50831" i="1"/>
  <c r="G50832" i="1"/>
  <c r="G50833" i="1"/>
  <c r="G50834" i="1"/>
  <c r="G50835" i="1"/>
  <c r="G50836" i="1"/>
  <c r="G50837" i="1"/>
  <c r="G50838" i="1"/>
  <c r="G50839" i="1"/>
  <c r="G50840" i="1"/>
  <c r="G50841" i="1"/>
  <c r="G50842" i="1"/>
  <c r="G50843" i="1"/>
  <c r="G50844" i="1"/>
  <c r="G50845" i="1"/>
  <c r="G50846" i="1"/>
  <c r="G50847" i="1"/>
  <c r="G50848" i="1"/>
  <c r="G50849" i="1"/>
  <c r="G50850" i="1"/>
  <c r="G50851" i="1"/>
  <c r="G50852" i="1"/>
  <c r="G50853" i="1"/>
  <c r="G50854" i="1"/>
  <c r="G50855" i="1"/>
  <c r="G50856" i="1"/>
  <c r="G50857" i="1"/>
  <c r="G50858" i="1"/>
  <c r="G50859" i="1"/>
  <c r="G50860" i="1"/>
  <c r="G50861" i="1"/>
  <c r="G50862" i="1"/>
  <c r="G50863" i="1"/>
  <c r="G50864" i="1"/>
  <c r="G50865" i="1"/>
  <c r="G50866" i="1"/>
  <c r="G50867" i="1"/>
  <c r="G50868" i="1"/>
  <c r="G50869" i="1"/>
  <c r="G50870" i="1"/>
  <c r="G50871" i="1"/>
  <c r="G50872" i="1"/>
  <c r="G50873" i="1"/>
  <c r="G50874" i="1"/>
  <c r="G50875" i="1"/>
  <c r="G50876" i="1"/>
  <c r="G50877" i="1"/>
  <c r="G50878" i="1"/>
  <c r="G50879" i="1"/>
  <c r="G50880" i="1"/>
  <c r="G50881" i="1"/>
  <c r="G50882" i="1"/>
  <c r="G50883" i="1"/>
  <c r="G50884" i="1"/>
  <c r="G50885" i="1"/>
  <c r="G50886" i="1"/>
  <c r="G50887" i="1"/>
  <c r="G50888" i="1"/>
  <c r="G50889" i="1"/>
  <c r="G50890" i="1"/>
  <c r="G50891" i="1"/>
  <c r="G50892" i="1"/>
  <c r="G50893" i="1"/>
  <c r="G50894" i="1"/>
  <c r="G50895" i="1"/>
  <c r="G50896" i="1"/>
  <c r="G50897" i="1"/>
  <c r="G50898" i="1"/>
  <c r="G50899" i="1"/>
  <c r="G50900" i="1"/>
  <c r="G50901" i="1"/>
  <c r="G50902" i="1"/>
  <c r="G50903" i="1"/>
  <c r="G50904" i="1"/>
  <c r="G50905" i="1"/>
  <c r="G50906" i="1"/>
  <c r="G50907" i="1"/>
  <c r="G50908" i="1"/>
  <c r="G50909" i="1"/>
  <c r="G50910" i="1"/>
  <c r="G50911" i="1"/>
  <c r="G50912" i="1"/>
  <c r="G50913" i="1"/>
  <c r="G50914" i="1"/>
  <c r="G50915" i="1"/>
  <c r="G50916" i="1"/>
  <c r="G50917" i="1"/>
  <c r="G50918" i="1"/>
  <c r="G50919" i="1"/>
  <c r="G50920" i="1"/>
  <c r="G50921" i="1"/>
  <c r="G50922" i="1"/>
  <c r="G50923" i="1"/>
  <c r="G50924" i="1"/>
  <c r="G50925" i="1"/>
  <c r="G50926" i="1"/>
  <c r="G50927" i="1"/>
  <c r="G50928" i="1"/>
  <c r="G50929" i="1"/>
  <c r="G50930" i="1"/>
  <c r="G50931" i="1"/>
  <c r="G50932" i="1"/>
  <c r="G50933" i="1"/>
  <c r="G50934" i="1"/>
  <c r="G50935" i="1"/>
  <c r="G50936" i="1"/>
  <c r="G50937" i="1"/>
  <c r="G50938" i="1"/>
  <c r="G50939" i="1"/>
  <c r="G50940" i="1"/>
  <c r="G50941" i="1"/>
  <c r="G50942" i="1"/>
  <c r="G50943" i="1"/>
  <c r="G50944" i="1"/>
  <c r="G50945" i="1"/>
  <c r="G50946" i="1"/>
  <c r="G50947" i="1"/>
  <c r="G50948" i="1"/>
  <c r="G50949" i="1"/>
  <c r="G50950" i="1"/>
  <c r="G50951" i="1"/>
  <c r="G50952" i="1"/>
  <c r="G50953" i="1"/>
  <c r="G50954" i="1"/>
  <c r="G50955" i="1"/>
  <c r="G50956" i="1"/>
  <c r="G50957" i="1"/>
  <c r="G50958" i="1"/>
  <c r="G50959" i="1"/>
  <c r="G50960" i="1"/>
  <c r="G50961" i="1"/>
  <c r="G50962" i="1"/>
  <c r="G50963" i="1"/>
  <c r="G50964" i="1"/>
  <c r="G50965" i="1"/>
  <c r="G50966" i="1"/>
  <c r="G50967" i="1"/>
  <c r="G50968" i="1"/>
  <c r="G50969" i="1"/>
  <c r="G50970" i="1"/>
  <c r="G50971" i="1"/>
  <c r="G50972" i="1"/>
  <c r="G50973" i="1"/>
  <c r="G50974" i="1"/>
  <c r="G50975" i="1"/>
  <c r="G50976" i="1"/>
  <c r="G50977" i="1"/>
  <c r="G50978" i="1"/>
  <c r="G50979" i="1"/>
  <c r="G50980" i="1"/>
  <c r="G50981" i="1"/>
  <c r="G50982" i="1"/>
  <c r="G50983" i="1"/>
  <c r="G50984" i="1"/>
  <c r="G50985" i="1"/>
  <c r="G50986" i="1"/>
  <c r="G50987" i="1"/>
  <c r="G50988" i="1"/>
  <c r="G50989" i="1"/>
  <c r="G50990" i="1"/>
  <c r="G50991" i="1"/>
  <c r="G50992" i="1"/>
  <c r="G50993" i="1"/>
  <c r="G50994" i="1"/>
  <c r="G50995" i="1"/>
  <c r="G50996" i="1"/>
  <c r="G50997" i="1"/>
  <c r="G50998" i="1"/>
  <c r="G50999" i="1"/>
  <c r="G51000" i="1"/>
  <c r="G51001" i="1"/>
  <c r="G51002" i="1"/>
  <c r="G51003" i="1"/>
  <c r="G51004" i="1"/>
  <c r="G51005" i="1"/>
  <c r="G51006" i="1"/>
  <c r="G51007" i="1"/>
  <c r="G51008" i="1"/>
  <c r="G51009" i="1"/>
  <c r="G51010" i="1"/>
  <c r="G51011" i="1"/>
  <c r="G51012" i="1"/>
  <c r="G51013" i="1"/>
  <c r="G51014" i="1"/>
  <c r="G51015" i="1"/>
  <c r="G51016" i="1"/>
  <c r="G51017" i="1"/>
  <c r="G51018" i="1"/>
  <c r="G51019" i="1"/>
  <c r="G51020" i="1"/>
  <c r="G51021" i="1"/>
  <c r="G51022" i="1"/>
  <c r="G51023" i="1"/>
  <c r="G51024" i="1"/>
  <c r="G51025" i="1"/>
  <c r="G51026" i="1"/>
  <c r="G51027" i="1"/>
  <c r="G51028" i="1"/>
  <c r="G51029" i="1"/>
  <c r="G51030" i="1"/>
  <c r="G51031" i="1"/>
  <c r="G51032" i="1"/>
  <c r="G51033" i="1"/>
  <c r="G51034" i="1"/>
  <c r="G51035" i="1"/>
  <c r="G51036" i="1"/>
  <c r="G51037" i="1"/>
  <c r="G51038" i="1"/>
  <c r="G51039" i="1"/>
  <c r="G51040" i="1"/>
  <c r="G51041" i="1"/>
  <c r="G51042" i="1"/>
  <c r="G51043" i="1"/>
  <c r="G51044" i="1"/>
  <c r="G51045" i="1"/>
  <c r="G51046" i="1"/>
  <c r="G51047" i="1"/>
  <c r="G51048" i="1"/>
  <c r="G51049" i="1"/>
  <c r="G51050" i="1"/>
  <c r="G51051" i="1"/>
  <c r="G51052" i="1"/>
  <c r="G51053" i="1"/>
  <c r="G51054" i="1"/>
  <c r="G51055" i="1"/>
  <c r="G51056" i="1"/>
  <c r="G51057" i="1"/>
  <c r="G51058" i="1"/>
  <c r="G51059" i="1"/>
  <c r="G51060" i="1"/>
  <c r="G51061" i="1"/>
  <c r="G51062" i="1"/>
  <c r="G51063" i="1"/>
  <c r="G51064" i="1"/>
  <c r="G51065" i="1"/>
  <c r="G51066" i="1"/>
  <c r="G51067" i="1"/>
  <c r="G51068" i="1"/>
  <c r="G51069" i="1"/>
  <c r="G51070" i="1"/>
  <c r="G51071" i="1"/>
  <c r="G51072" i="1"/>
  <c r="G51073" i="1"/>
  <c r="G51074" i="1"/>
  <c r="G51075" i="1"/>
  <c r="G51076" i="1"/>
  <c r="G51077" i="1"/>
  <c r="G51078" i="1"/>
  <c r="G51079" i="1"/>
  <c r="G51080" i="1"/>
  <c r="G51081" i="1"/>
  <c r="G51082" i="1"/>
  <c r="G51083" i="1"/>
  <c r="G51084" i="1"/>
  <c r="G51085" i="1"/>
  <c r="G51086" i="1"/>
  <c r="G51087" i="1"/>
  <c r="G51088" i="1"/>
  <c r="G51089" i="1"/>
  <c r="G51090" i="1"/>
  <c r="G51091" i="1"/>
  <c r="G51092" i="1"/>
  <c r="G51093" i="1"/>
  <c r="G51094" i="1"/>
  <c r="G51095" i="1"/>
  <c r="G51096" i="1"/>
  <c r="G51097" i="1"/>
  <c r="G51098" i="1"/>
  <c r="G51099" i="1"/>
  <c r="G51100" i="1"/>
  <c r="G51101" i="1"/>
  <c r="G51102" i="1"/>
  <c r="G51103" i="1"/>
  <c r="G51104" i="1"/>
  <c r="G51105" i="1"/>
  <c r="G51106" i="1"/>
  <c r="G51107" i="1"/>
  <c r="G51108" i="1"/>
  <c r="G51109" i="1"/>
  <c r="G51110" i="1"/>
  <c r="G51111" i="1"/>
  <c r="G51112" i="1"/>
  <c r="G51113" i="1"/>
  <c r="G51114" i="1"/>
  <c r="G51115" i="1"/>
  <c r="G51116" i="1"/>
  <c r="G51117" i="1"/>
  <c r="G51118" i="1"/>
  <c r="G51119" i="1"/>
  <c r="G51120" i="1"/>
  <c r="G51121" i="1"/>
  <c r="G51122" i="1"/>
  <c r="G51123" i="1"/>
  <c r="G51124" i="1"/>
  <c r="G51125" i="1"/>
  <c r="G51126" i="1"/>
  <c r="G51127" i="1"/>
  <c r="G51128" i="1"/>
  <c r="G51129" i="1"/>
  <c r="G51130" i="1"/>
  <c r="G51131" i="1"/>
  <c r="G51132" i="1"/>
  <c r="G51133" i="1"/>
  <c r="G51134" i="1"/>
  <c r="G51135" i="1"/>
  <c r="G51136" i="1"/>
  <c r="G51137" i="1"/>
  <c r="G51138" i="1"/>
  <c r="G51139" i="1"/>
  <c r="G51140" i="1"/>
  <c r="G51141" i="1"/>
  <c r="G51142" i="1"/>
  <c r="G51143" i="1"/>
  <c r="G51144" i="1"/>
  <c r="G51145" i="1"/>
  <c r="G51146" i="1"/>
  <c r="G51147" i="1"/>
  <c r="G51148" i="1"/>
  <c r="G51149" i="1"/>
  <c r="G51150" i="1"/>
  <c r="G51151" i="1"/>
  <c r="G51152" i="1"/>
  <c r="G51153" i="1"/>
  <c r="G51154" i="1"/>
  <c r="G51155" i="1"/>
  <c r="G51156" i="1"/>
  <c r="G51157" i="1"/>
  <c r="G51158" i="1"/>
  <c r="G51159" i="1"/>
  <c r="G51160" i="1"/>
  <c r="G51161" i="1"/>
  <c r="G51162" i="1"/>
  <c r="G51163" i="1"/>
  <c r="G51164" i="1"/>
  <c r="G51165" i="1"/>
  <c r="G51166" i="1"/>
  <c r="G51167" i="1"/>
  <c r="G51168" i="1"/>
  <c r="G51169" i="1"/>
  <c r="G51170" i="1"/>
  <c r="G51171" i="1"/>
  <c r="G51172" i="1"/>
  <c r="G51173" i="1"/>
  <c r="G51174" i="1"/>
  <c r="G51175" i="1"/>
  <c r="G51176" i="1"/>
  <c r="G51177" i="1"/>
  <c r="G51178" i="1"/>
  <c r="G51179" i="1"/>
  <c r="G51180" i="1"/>
  <c r="G51181" i="1"/>
  <c r="G51182" i="1"/>
  <c r="G51183" i="1"/>
  <c r="G51184" i="1"/>
  <c r="G51185" i="1"/>
  <c r="G51186" i="1"/>
  <c r="G51187" i="1"/>
  <c r="G51188" i="1"/>
  <c r="G51189" i="1"/>
  <c r="G51190" i="1"/>
  <c r="G51191" i="1"/>
  <c r="G51192" i="1"/>
  <c r="G51193" i="1"/>
  <c r="G51194" i="1"/>
  <c r="G51195" i="1"/>
  <c r="G51196" i="1"/>
  <c r="G51197" i="1"/>
  <c r="G51198" i="1"/>
  <c r="G51199" i="1"/>
  <c r="G51200" i="1"/>
  <c r="G51201" i="1"/>
  <c r="G51202" i="1"/>
  <c r="G51203" i="1"/>
  <c r="G51204" i="1"/>
  <c r="G51205" i="1"/>
  <c r="G51206" i="1"/>
  <c r="G51207" i="1"/>
  <c r="G51208" i="1"/>
  <c r="G51209" i="1"/>
  <c r="G51210" i="1"/>
  <c r="G51211" i="1"/>
  <c r="G51212" i="1"/>
  <c r="G51213" i="1"/>
  <c r="G51214" i="1"/>
  <c r="G51215" i="1"/>
  <c r="G51216" i="1"/>
  <c r="G51217" i="1"/>
  <c r="G51218" i="1"/>
  <c r="G51219" i="1"/>
  <c r="G51220" i="1"/>
  <c r="G51221" i="1"/>
  <c r="G51222" i="1"/>
  <c r="G51223" i="1"/>
  <c r="G51224" i="1"/>
  <c r="G51225" i="1"/>
  <c r="G51226" i="1"/>
  <c r="G51227" i="1"/>
  <c r="G51228" i="1"/>
  <c r="G51229" i="1"/>
  <c r="G51230" i="1"/>
  <c r="G51231" i="1"/>
  <c r="G51232" i="1"/>
  <c r="G51233" i="1"/>
  <c r="G51234" i="1"/>
  <c r="G51235" i="1"/>
  <c r="G51236" i="1"/>
  <c r="G51237" i="1"/>
  <c r="G51238" i="1"/>
  <c r="G51239" i="1"/>
  <c r="G51240" i="1"/>
  <c r="G51241" i="1"/>
  <c r="G51242" i="1"/>
  <c r="G51243" i="1"/>
  <c r="G51244" i="1"/>
  <c r="G51245" i="1"/>
  <c r="G51246" i="1"/>
  <c r="G51247" i="1"/>
  <c r="G51248" i="1"/>
  <c r="G51249" i="1"/>
  <c r="G51250" i="1"/>
  <c r="G51251" i="1"/>
  <c r="G51252" i="1"/>
  <c r="G51253" i="1"/>
  <c r="G51254" i="1"/>
  <c r="G51255" i="1"/>
  <c r="G51256" i="1"/>
  <c r="G51257" i="1"/>
  <c r="G51258" i="1"/>
  <c r="G51259" i="1"/>
  <c r="G51260" i="1"/>
  <c r="G51261" i="1"/>
  <c r="G51262" i="1"/>
  <c r="G51263" i="1"/>
  <c r="G51264" i="1"/>
  <c r="G51265" i="1"/>
  <c r="G51266" i="1"/>
  <c r="G51267" i="1"/>
  <c r="G51268" i="1"/>
  <c r="G51269" i="1"/>
  <c r="G51270" i="1"/>
  <c r="G51271" i="1"/>
  <c r="G51272" i="1"/>
  <c r="G51273" i="1"/>
  <c r="G51274" i="1"/>
  <c r="G51275" i="1"/>
  <c r="G51276" i="1"/>
  <c r="G51277" i="1"/>
  <c r="G51278" i="1"/>
  <c r="G51279" i="1"/>
  <c r="G51280" i="1"/>
  <c r="G51281" i="1"/>
  <c r="G51282" i="1"/>
  <c r="G51283" i="1"/>
  <c r="G51284" i="1"/>
  <c r="G51285" i="1"/>
  <c r="G51286" i="1"/>
  <c r="G51287" i="1"/>
  <c r="G51288" i="1"/>
  <c r="G51289" i="1"/>
  <c r="G51290" i="1"/>
  <c r="G51291" i="1"/>
  <c r="G51292" i="1"/>
  <c r="G51293" i="1"/>
  <c r="G51294" i="1"/>
  <c r="G51295" i="1"/>
  <c r="G51296" i="1"/>
  <c r="G51297" i="1"/>
  <c r="G51298" i="1"/>
  <c r="G51299" i="1"/>
  <c r="G51300" i="1"/>
  <c r="G51301" i="1"/>
  <c r="G51302" i="1"/>
  <c r="G51303" i="1"/>
  <c r="G51304" i="1"/>
  <c r="G51305" i="1"/>
  <c r="G51306" i="1"/>
  <c r="G51307" i="1"/>
  <c r="G51308" i="1"/>
  <c r="G51309" i="1"/>
  <c r="G51310" i="1"/>
  <c r="G51311" i="1"/>
  <c r="G51312" i="1"/>
  <c r="G51313" i="1"/>
  <c r="G51314" i="1"/>
  <c r="G51315" i="1"/>
  <c r="G51316" i="1"/>
  <c r="G51317" i="1"/>
  <c r="G51318" i="1"/>
  <c r="G51319" i="1"/>
  <c r="G51320" i="1"/>
  <c r="G51321" i="1"/>
  <c r="G51322" i="1"/>
  <c r="G51323" i="1"/>
  <c r="G51324" i="1"/>
  <c r="G51325" i="1"/>
  <c r="G51326" i="1"/>
  <c r="G51327" i="1"/>
  <c r="G51328" i="1"/>
  <c r="G51329" i="1"/>
  <c r="G51330" i="1"/>
  <c r="G51331" i="1"/>
  <c r="G51332" i="1"/>
  <c r="G51333" i="1"/>
  <c r="G51334" i="1"/>
  <c r="G51335" i="1"/>
  <c r="G51336" i="1"/>
  <c r="G51337" i="1"/>
  <c r="G51338" i="1"/>
  <c r="G51339" i="1"/>
  <c r="G51340" i="1"/>
  <c r="G51341" i="1"/>
  <c r="G51342" i="1"/>
  <c r="G51343" i="1"/>
  <c r="G51344" i="1"/>
  <c r="G51345" i="1"/>
  <c r="G51346" i="1"/>
  <c r="G51347" i="1"/>
  <c r="G51348" i="1"/>
  <c r="G51349" i="1"/>
  <c r="G51350" i="1"/>
  <c r="G51351" i="1"/>
  <c r="G51352" i="1"/>
  <c r="G51353" i="1"/>
  <c r="G51354" i="1"/>
  <c r="G51355" i="1"/>
  <c r="G51356" i="1"/>
  <c r="G51357" i="1"/>
  <c r="G51358" i="1"/>
  <c r="G51359" i="1"/>
  <c r="G51360" i="1"/>
  <c r="G51361" i="1"/>
  <c r="G51362" i="1"/>
  <c r="G51363" i="1"/>
  <c r="G51364" i="1"/>
  <c r="G51365" i="1"/>
  <c r="G51366" i="1"/>
  <c r="G51367" i="1"/>
  <c r="G51368" i="1"/>
  <c r="G51369" i="1"/>
  <c r="G51370" i="1"/>
  <c r="G51371" i="1"/>
  <c r="G51372" i="1"/>
  <c r="G51373" i="1"/>
  <c r="G51374" i="1"/>
  <c r="G51375" i="1"/>
  <c r="G51376" i="1"/>
  <c r="G51377" i="1"/>
  <c r="G51378" i="1"/>
  <c r="G51379" i="1"/>
  <c r="G51380" i="1"/>
  <c r="G51381" i="1"/>
  <c r="G51382" i="1"/>
  <c r="G51383" i="1"/>
  <c r="G51384" i="1"/>
  <c r="G51385" i="1"/>
  <c r="G51386" i="1"/>
  <c r="G51387" i="1"/>
  <c r="G51388" i="1"/>
  <c r="G51389" i="1"/>
  <c r="G51390" i="1"/>
  <c r="G51391" i="1"/>
  <c r="G51392" i="1"/>
  <c r="G51393" i="1"/>
  <c r="G51394" i="1"/>
  <c r="G51395" i="1"/>
  <c r="G51396" i="1"/>
  <c r="G51397" i="1"/>
  <c r="G51398" i="1"/>
  <c r="G51399" i="1"/>
  <c r="G51400" i="1"/>
  <c r="G51401" i="1"/>
  <c r="G51402" i="1"/>
  <c r="G51403" i="1"/>
  <c r="G51404" i="1"/>
  <c r="G51405" i="1"/>
  <c r="G51406" i="1"/>
  <c r="G51407" i="1"/>
  <c r="G51408" i="1"/>
  <c r="G51409" i="1"/>
  <c r="G51410" i="1"/>
  <c r="G51411" i="1"/>
  <c r="G51412" i="1"/>
  <c r="G51413" i="1"/>
  <c r="G51414" i="1"/>
  <c r="G51415" i="1"/>
  <c r="G51416" i="1"/>
  <c r="G51417" i="1"/>
  <c r="G51418" i="1"/>
  <c r="G51419" i="1"/>
  <c r="G51420" i="1"/>
  <c r="G51421" i="1"/>
  <c r="G51422" i="1"/>
  <c r="G51423" i="1"/>
  <c r="G51424" i="1"/>
  <c r="G51425" i="1"/>
  <c r="G51426" i="1"/>
  <c r="G51427" i="1"/>
  <c r="G51428" i="1"/>
  <c r="G51429" i="1"/>
  <c r="G51430" i="1"/>
  <c r="G51431" i="1"/>
  <c r="G51432" i="1"/>
  <c r="G51433" i="1"/>
  <c r="G51434" i="1"/>
  <c r="G51435" i="1"/>
  <c r="G51436" i="1"/>
  <c r="G51437" i="1"/>
  <c r="G51438" i="1"/>
  <c r="G51439" i="1"/>
  <c r="G51440" i="1"/>
  <c r="G51441" i="1"/>
  <c r="G51442" i="1"/>
  <c r="G51443" i="1"/>
  <c r="G51444" i="1"/>
  <c r="G51445" i="1"/>
  <c r="G51446" i="1"/>
  <c r="G51447" i="1"/>
  <c r="G51448" i="1"/>
  <c r="G51449" i="1"/>
  <c r="G51450" i="1"/>
  <c r="G51451" i="1"/>
  <c r="G51452" i="1"/>
  <c r="G51453" i="1"/>
  <c r="G51454" i="1"/>
  <c r="G51455" i="1"/>
  <c r="G51456" i="1"/>
  <c r="G51457" i="1"/>
  <c r="G51458" i="1"/>
  <c r="G51459" i="1"/>
  <c r="G51460" i="1"/>
  <c r="G51461" i="1"/>
  <c r="G51462" i="1"/>
  <c r="G51463" i="1"/>
  <c r="G51464" i="1"/>
  <c r="G51465" i="1"/>
  <c r="G51466" i="1"/>
  <c r="G51467" i="1"/>
  <c r="G51468" i="1"/>
  <c r="G51469" i="1"/>
  <c r="G51470" i="1"/>
  <c r="G51471" i="1"/>
  <c r="G51472" i="1"/>
  <c r="G51473" i="1"/>
  <c r="G51474" i="1"/>
  <c r="G51475" i="1"/>
  <c r="G51476" i="1"/>
  <c r="G51477" i="1"/>
  <c r="G51478" i="1"/>
  <c r="G51479" i="1"/>
  <c r="G51480" i="1"/>
  <c r="G51481" i="1"/>
  <c r="G51482" i="1"/>
  <c r="G51483" i="1"/>
  <c r="G51484" i="1"/>
  <c r="G51485" i="1"/>
  <c r="G51486" i="1"/>
  <c r="G51487" i="1"/>
  <c r="G51488" i="1"/>
  <c r="G51489" i="1"/>
  <c r="G51490" i="1"/>
  <c r="G51491" i="1"/>
  <c r="G51492" i="1"/>
  <c r="G51493" i="1"/>
  <c r="G51494" i="1"/>
  <c r="G51495" i="1"/>
  <c r="G51496" i="1"/>
  <c r="G51497" i="1"/>
  <c r="G51498" i="1"/>
  <c r="G51499" i="1"/>
  <c r="G51500" i="1"/>
  <c r="G51501" i="1"/>
  <c r="G51502" i="1"/>
  <c r="G51503" i="1"/>
  <c r="G51504" i="1"/>
  <c r="G51505" i="1"/>
  <c r="G51506" i="1"/>
  <c r="G51507" i="1"/>
  <c r="G51508" i="1"/>
  <c r="G51509" i="1"/>
  <c r="G51510" i="1"/>
  <c r="G51511" i="1"/>
  <c r="G51512" i="1"/>
  <c r="G51513" i="1"/>
  <c r="G51514" i="1"/>
  <c r="G51515" i="1"/>
  <c r="G51516" i="1"/>
  <c r="G51517" i="1"/>
  <c r="G51518" i="1"/>
  <c r="G51519" i="1"/>
  <c r="G51520" i="1"/>
  <c r="G51521" i="1"/>
  <c r="G51522" i="1"/>
  <c r="G51523" i="1"/>
  <c r="G51524" i="1"/>
  <c r="G51525" i="1"/>
  <c r="G51526" i="1"/>
  <c r="G51527" i="1"/>
  <c r="G51528" i="1"/>
  <c r="G51529" i="1"/>
  <c r="G51530" i="1"/>
  <c r="G51531" i="1"/>
  <c r="G51532" i="1"/>
  <c r="G51533" i="1"/>
  <c r="G51534" i="1"/>
  <c r="G51535" i="1"/>
  <c r="G51536" i="1"/>
  <c r="G51537" i="1"/>
  <c r="G51538" i="1"/>
  <c r="G51539" i="1"/>
  <c r="G51540" i="1"/>
  <c r="G51541" i="1"/>
  <c r="G51542" i="1"/>
  <c r="G51543" i="1"/>
  <c r="G51544" i="1"/>
  <c r="G51545" i="1"/>
  <c r="G51546" i="1"/>
  <c r="G51547" i="1"/>
  <c r="G51548" i="1"/>
  <c r="G51549" i="1"/>
  <c r="G51550" i="1"/>
  <c r="G51551" i="1"/>
  <c r="G51552" i="1"/>
  <c r="G51553" i="1"/>
  <c r="G51554" i="1"/>
  <c r="G51555" i="1"/>
  <c r="G51556" i="1"/>
  <c r="G51557" i="1"/>
  <c r="G51558" i="1"/>
  <c r="G51559" i="1"/>
  <c r="G51560" i="1"/>
  <c r="G51561" i="1"/>
  <c r="G51562" i="1"/>
  <c r="G51563" i="1"/>
  <c r="G51564" i="1"/>
  <c r="G51565" i="1"/>
  <c r="G51566" i="1"/>
  <c r="G51567" i="1"/>
  <c r="G51568" i="1"/>
  <c r="G51569" i="1"/>
  <c r="G51570" i="1"/>
  <c r="G51571" i="1"/>
  <c r="G51572" i="1"/>
  <c r="G51573" i="1"/>
  <c r="G51574" i="1"/>
  <c r="G51575" i="1"/>
  <c r="G51576" i="1"/>
  <c r="G51577" i="1"/>
  <c r="G51578" i="1"/>
  <c r="G51579" i="1"/>
  <c r="G51580" i="1"/>
  <c r="G51581" i="1"/>
  <c r="G51582" i="1"/>
  <c r="G51583" i="1"/>
  <c r="G51584" i="1"/>
  <c r="G51585" i="1"/>
  <c r="G51586" i="1"/>
  <c r="G51587" i="1"/>
  <c r="G51588" i="1"/>
  <c r="G51589" i="1"/>
  <c r="G51590" i="1"/>
  <c r="G51591" i="1"/>
  <c r="G51592" i="1"/>
  <c r="G51593" i="1"/>
  <c r="G51594" i="1"/>
  <c r="G51595" i="1"/>
  <c r="G51596" i="1"/>
  <c r="G51597" i="1"/>
  <c r="G51598" i="1"/>
  <c r="G51599" i="1"/>
  <c r="G51600" i="1"/>
  <c r="G51601" i="1"/>
  <c r="G51602" i="1"/>
  <c r="G51603" i="1"/>
  <c r="G51604" i="1"/>
  <c r="G51605" i="1"/>
  <c r="G51606" i="1"/>
  <c r="G51607" i="1"/>
  <c r="G51608" i="1"/>
  <c r="G51609" i="1"/>
  <c r="G51610" i="1"/>
  <c r="G51611" i="1"/>
  <c r="G51612" i="1"/>
  <c r="G51613" i="1"/>
  <c r="G51614" i="1"/>
  <c r="G51615" i="1"/>
  <c r="G51616" i="1"/>
  <c r="G51617" i="1"/>
  <c r="G51618" i="1"/>
  <c r="G51619" i="1"/>
  <c r="G51620" i="1"/>
  <c r="G51621" i="1"/>
  <c r="G51622" i="1"/>
  <c r="G51623" i="1"/>
  <c r="G51624" i="1"/>
  <c r="G51625" i="1"/>
  <c r="G51626" i="1"/>
  <c r="G51627" i="1"/>
  <c r="G51628" i="1"/>
  <c r="G51629" i="1"/>
  <c r="G51630" i="1"/>
  <c r="G51631" i="1"/>
  <c r="G51632" i="1"/>
  <c r="G51633" i="1"/>
  <c r="G51634" i="1"/>
  <c r="G51635" i="1"/>
  <c r="G51636" i="1"/>
  <c r="G51637" i="1"/>
  <c r="G51638" i="1"/>
  <c r="G51639" i="1"/>
  <c r="G51640" i="1"/>
  <c r="G51641" i="1"/>
  <c r="G51642" i="1"/>
  <c r="G51643" i="1"/>
  <c r="G51644" i="1"/>
  <c r="G51645" i="1"/>
  <c r="G51646" i="1"/>
  <c r="G51647" i="1"/>
  <c r="G51648" i="1"/>
  <c r="G51649" i="1"/>
  <c r="G51650" i="1"/>
  <c r="G51651" i="1"/>
  <c r="G51652" i="1"/>
  <c r="G51653" i="1"/>
  <c r="G51654" i="1"/>
  <c r="G51655" i="1"/>
  <c r="G51656" i="1"/>
  <c r="G51657" i="1"/>
  <c r="G51658" i="1"/>
  <c r="G51659" i="1"/>
  <c r="G51660" i="1"/>
  <c r="G51661" i="1"/>
  <c r="G51662" i="1"/>
  <c r="G51663" i="1"/>
  <c r="G51664" i="1"/>
  <c r="G51665" i="1"/>
  <c r="G51666" i="1"/>
  <c r="G51667" i="1"/>
  <c r="G51668" i="1"/>
  <c r="G51669" i="1"/>
  <c r="G51670" i="1"/>
  <c r="G51671" i="1"/>
  <c r="G51672" i="1"/>
  <c r="G51673" i="1"/>
  <c r="G51674" i="1"/>
  <c r="G51675" i="1"/>
  <c r="G51676" i="1"/>
  <c r="G51677" i="1"/>
  <c r="G51678" i="1"/>
  <c r="G51679" i="1"/>
  <c r="G51680" i="1"/>
  <c r="G51681" i="1"/>
  <c r="G51682" i="1"/>
  <c r="G51683" i="1"/>
  <c r="G51684" i="1"/>
  <c r="G51685" i="1"/>
  <c r="G51686" i="1"/>
  <c r="G51687" i="1"/>
  <c r="G51688" i="1"/>
  <c r="G51689" i="1"/>
  <c r="G51690" i="1"/>
  <c r="G51691" i="1"/>
  <c r="G51692" i="1"/>
  <c r="G51693" i="1"/>
  <c r="G51694" i="1"/>
  <c r="G51695" i="1"/>
  <c r="G51696" i="1"/>
  <c r="G51697" i="1"/>
  <c r="G51698" i="1"/>
  <c r="G51699" i="1"/>
  <c r="G51700" i="1"/>
  <c r="G51701" i="1"/>
  <c r="G51702" i="1"/>
  <c r="G51703" i="1"/>
  <c r="G51704" i="1"/>
  <c r="G51705" i="1"/>
  <c r="G51706" i="1"/>
  <c r="G51707" i="1"/>
  <c r="G51708" i="1"/>
  <c r="G51709" i="1"/>
  <c r="G51710" i="1"/>
  <c r="G51711" i="1"/>
  <c r="G51712" i="1"/>
  <c r="G51713" i="1"/>
  <c r="G51714" i="1"/>
  <c r="G51715" i="1"/>
  <c r="G51716" i="1"/>
  <c r="G51717" i="1"/>
  <c r="G51718" i="1"/>
  <c r="G51719" i="1"/>
  <c r="G51720" i="1"/>
  <c r="G51721" i="1"/>
  <c r="G51722" i="1"/>
  <c r="G51723" i="1"/>
  <c r="G51724" i="1"/>
  <c r="G51725" i="1"/>
  <c r="G51726" i="1"/>
  <c r="G51727" i="1"/>
  <c r="G51728" i="1"/>
  <c r="G51729" i="1"/>
  <c r="G51730" i="1"/>
  <c r="G51731" i="1"/>
  <c r="G51732" i="1"/>
  <c r="G51733" i="1"/>
  <c r="G51734" i="1"/>
  <c r="G51735" i="1"/>
  <c r="G51736" i="1"/>
  <c r="G51737" i="1"/>
  <c r="G51738" i="1"/>
  <c r="G51739" i="1"/>
  <c r="G51740" i="1"/>
  <c r="G51741" i="1"/>
  <c r="G51742" i="1"/>
  <c r="G51743" i="1"/>
  <c r="G51744" i="1"/>
  <c r="G51745" i="1"/>
  <c r="G51746" i="1"/>
  <c r="G51747" i="1"/>
  <c r="G51748" i="1"/>
  <c r="G51749" i="1"/>
  <c r="G51750" i="1"/>
  <c r="G51751" i="1"/>
  <c r="G51752" i="1"/>
  <c r="G51753" i="1"/>
  <c r="G51754" i="1"/>
  <c r="G51755" i="1"/>
  <c r="G51756" i="1"/>
  <c r="G51757" i="1"/>
  <c r="G51758" i="1"/>
  <c r="G51759" i="1"/>
  <c r="G51760" i="1"/>
  <c r="G51761" i="1"/>
  <c r="G51762" i="1"/>
  <c r="G51763" i="1"/>
  <c r="G51764" i="1"/>
  <c r="G51765" i="1"/>
  <c r="G51766" i="1"/>
  <c r="G51767" i="1"/>
  <c r="G51768" i="1"/>
  <c r="G51769" i="1"/>
  <c r="G51770" i="1"/>
  <c r="G51771" i="1"/>
  <c r="G51772" i="1"/>
  <c r="G51773" i="1"/>
  <c r="G51774" i="1"/>
  <c r="G51775" i="1"/>
  <c r="G51776" i="1"/>
  <c r="G51777" i="1"/>
  <c r="G51778" i="1"/>
  <c r="G51779" i="1"/>
  <c r="G51780" i="1"/>
  <c r="G51781" i="1"/>
  <c r="G51782" i="1"/>
  <c r="G51783" i="1"/>
  <c r="G51784" i="1"/>
  <c r="G51785" i="1"/>
  <c r="G51786" i="1"/>
  <c r="G51787" i="1"/>
  <c r="G51788" i="1"/>
  <c r="G51789" i="1"/>
  <c r="G51790" i="1"/>
  <c r="G51791" i="1"/>
  <c r="G51792" i="1"/>
  <c r="G51793" i="1"/>
  <c r="G51794" i="1"/>
  <c r="G51795" i="1"/>
  <c r="G51796" i="1"/>
  <c r="G51797" i="1"/>
  <c r="G51798" i="1"/>
  <c r="G51799" i="1"/>
  <c r="G51800" i="1"/>
  <c r="G51801" i="1"/>
  <c r="G51802" i="1"/>
  <c r="G51803" i="1"/>
  <c r="G51804" i="1"/>
  <c r="G51805" i="1"/>
  <c r="G51806" i="1"/>
  <c r="G51807" i="1"/>
  <c r="G51808" i="1"/>
  <c r="G51809" i="1"/>
  <c r="G51810" i="1"/>
  <c r="G51811" i="1"/>
  <c r="G51812" i="1"/>
  <c r="G51813" i="1"/>
  <c r="G51814" i="1"/>
  <c r="G51815" i="1"/>
  <c r="G51816" i="1"/>
  <c r="G51817" i="1"/>
  <c r="G51818" i="1"/>
  <c r="G51819" i="1"/>
  <c r="G51820" i="1"/>
  <c r="G51821" i="1"/>
  <c r="G51822" i="1"/>
  <c r="G51823" i="1"/>
  <c r="G51824" i="1"/>
  <c r="G51825" i="1"/>
  <c r="G51826" i="1"/>
  <c r="G51827" i="1"/>
  <c r="G51828" i="1"/>
  <c r="G51829" i="1"/>
  <c r="G51830" i="1"/>
  <c r="G51831" i="1"/>
  <c r="G51832" i="1"/>
  <c r="G51833" i="1"/>
  <c r="G51834" i="1"/>
  <c r="G51835" i="1"/>
  <c r="G51836" i="1"/>
  <c r="G51837" i="1"/>
  <c r="G51838" i="1"/>
  <c r="G51839" i="1"/>
  <c r="G51840" i="1"/>
  <c r="G51841" i="1"/>
  <c r="G51842" i="1"/>
  <c r="G51843" i="1"/>
  <c r="G51844" i="1"/>
  <c r="G51845" i="1"/>
  <c r="G51846" i="1"/>
  <c r="G51847" i="1"/>
  <c r="G51848" i="1"/>
  <c r="G51849" i="1"/>
  <c r="G51850" i="1"/>
  <c r="G51851" i="1"/>
  <c r="G51852" i="1"/>
  <c r="G51853" i="1"/>
  <c r="G51854" i="1"/>
  <c r="G51855" i="1"/>
  <c r="G51856" i="1"/>
  <c r="G51857" i="1"/>
  <c r="G51858" i="1"/>
  <c r="G51859" i="1"/>
  <c r="G51860" i="1"/>
  <c r="G51861" i="1"/>
  <c r="G51862" i="1"/>
  <c r="G51863" i="1"/>
  <c r="G51864" i="1"/>
  <c r="G51865" i="1"/>
  <c r="G51866" i="1"/>
  <c r="G51867" i="1"/>
  <c r="G51868" i="1"/>
  <c r="G51869" i="1"/>
  <c r="G51870" i="1"/>
  <c r="G51871" i="1"/>
  <c r="G51872" i="1"/>
  <c r="G51873" i="1"/>
  <c r="G51874" i="1"/>
  <c r="G51875" i="1"/>
  <c r="G51876" i="1"/>
  <c r="G51877" i="1"/>
  <c r="G51878" i="1"/>
  <c r="G51879" i="1"/>
  <c r="G51880" i="1"/>
  <c r="G51881" i="1"/>
  <c r="G51882" i="1"/>
  <c r="G51883" i="1"/>
  <c r="G51884" i="1"/>
  <c r="G51885" i="1"/>
  <c r="G51886" i="1"/>
  <c r="G51887" i="1"/>
  <c r="G51888" i="1"/>
  <c r="G51889" i="1"/>
  <c r="G51890" i="1"/>
  <c r="G51891" i="1"/>
  <c r="G51892" i="1"/>
  <c r="G51893" i="1"/>
  <c r="G51894" i="1"/>
  <c r="G51895" i="1"/>
  <c r="G51896" i="1"/>
  <c r="G51897" i="1"/>
  <c r="G51898" i="1"/>
  <c r="G51899" i="1"/>
  <c r="G51900" i="1"/>
  <c r="G51901" i="1"/>
  <c r="G51902" i="1"/>
  <c r="G51903" i="1"/>
  <c r="G51904" i="1"/>
  <c r="G51905" i="1"/>
  <c r="G51906" i="1"/>
  <c r="G51907" i="1"/>
  <c r="G51908" i="1"/>
  <c r="G51909" i="1"/>
  <c r="G51910" i="1"/>
  <c r="G51911" i="1"/>
  <c r="G51912" i="1"/>
  <c r="G51913" i="1"/>
  <c r="G51914" i="1"/>
  <c r="G51915" i="1"/>
  <c r="G51916" i="1"/>
  <c r="G51917" i="1"/>
  <c r="G51918" i="1"/>
  <c r="G51919" i="1"/>
  <c r="G51920" i="1"/>
  <c r="G51921" i="1"/>
  <c r="G51922" i="1"/>
  <c r="G51923" i="1"/>
  <c r="G51924" i="1"/>
  <c r="G51925" i="1"/>
  <c r="G51926" i="1"/>
  <c r="G51927" i="1"/>
  <c r="G51928" i="1"/>
  <c r="G51929" i="1"/>
  <c r="G51930" i="1"/>
  <c r="G51931" i="1"/>
  <c r="G51932" i="1"/>
  <c r="G51933" i="1"/>
  <c r="G51934" i="1"/>
  <c r="G51935" i="1"/>
  <c r="G51936" i="1"/>
  <c r="G51937" i="1"/>
  <c r="G51938" i="1"/>
  <c r="G51939" i="1"/>
  <c r="G51940" i="1"/>
  <c r="G51941" i="1"/>
  <c r="G51942" i="1"/>
  <c r="G51943" i="1"/>
  <c r="G51944" i="1"/>
  <c r="G51945" i="1"/>
  <c r="G51946" i="1"/>
  <c r="G51947" i="1"/>
  <c r="G51948" i="1"/>
  <c r="G51949" i="1"/>
  <c r="G51950" i="1"/>
  <c r="G51951" i="1"/>
  <c r="G51952" i="1"/>
  <c r="G51953" i="1"/>
  <c r="G51954" i="1"/>
  <c r="G51955" i="1"/>
  <c r="G51956" i="1"/>
  <c r="G51957" i="1"/>
  <c r="G51958" i="1"/>
  <c r="G51959" i="1"/>
  <c r="G51960" i="1"/>
  <c r="G51961" i="1"/>
  <c r="G51962" i="1"/>
  <c r="G51963" i="1"/>
  <c r="G51964" i="1"/>
  <c r="G51965" i="1"/>
  <c r="G51966" i="1"/>
  <c r="G51967" i="1"/>
  <c r="G51968" i="1"/>
  <c r="G51969" i="1"/>
  <c r="G51970" i="1"/>
  <c r="G51971" i="1"/>
  <c r="G51972" i="1"/>
  <c r="G51973" i="1"/>
  <c r="G51974" i="1"/>
  <c r="G51975" i="1"/>
  <c r="G51976" i="1"/>
  <c r="G51977" i="1"/>
  <c r="G51978" i="1"/>
  <c r="G51979" i="1"/>
  <c r="G51980" i="1"/>
  <c r="G51981" i="1"/>
  <c r="G51982" i="1"/>
  <c r="G51983" i="1"/>
  <c r="G51984" i="1"/>
  <c r="G51985" i="1"/>
  <c r="G51986" i="1"/>
  <c r="G51987" i="1"/>
  <c r="G51988" i="1"/>
  <c r="G51989" i="1"/>
  <c r="G51990" i="1"/>
  <c r="G51991" i="1"/>
  <c r="G51992" i="1"/>
  <c r="G51993" i="1"/>
  <c r="G51994" i="1"/>
  <c r="G51995" i="1"/>
  <c r="G51996" i="1"/>
  <c r="G51997" i="1"/>
  <c r="G51998" i="1"/>
  <c r="G51999" i="1"/>
  <c r="G52000" i="1"/>
  <c r="G52001" i="1"/>
  <c r="G52002" i="1"/>
  <c r="G52003" i="1"/>
  <c r="G52004" i="1"/>
  <c r="G52005" i="1"/>
  <c r="G52006" i="1"/>
  <c r="G52007" i="1"/>
  <c r="G52008" i="1"/>
  <c r="G52009" i="1"/>
  <c r="G52010" i="1"/>
  <c r="G52011" i="1"/>
  <c r="G52012" i="1"/>
  <c r="G52013" i="1"/>
  <c r="G52014" i="1"/>
  <c r="G52015" i="1"/>
  <c r="G52016" i="1"/>
  <c r="G52017" i="1"/>
  <c r="G52018" i="1"/>
  <c r="G52019" i="1"/>
  <c r="G52020" i="1"/>
  <c r="G52021" i="1"/>
  <c r="G52022" i="1"/>
  <c r="G52023" i="1"/>
  <c r="G52024" i="1"/>
  <c r="G52025" i="1"/>
  <c r="G52026" i="1"/>
  <c r="G52027" i="1"/>
  <c r="G52028" i="1"/>
  <c r="G52029" i="1"/>
  <c r="G52030" i="1"/>
  <c r="G52031" i="1"/>
  <c r="G52032" i="1"/>
  <c r="G52033" i="1"/>
  <c r="G52034" i="1"/>
  <c r="G52035" i="1"/>
  <c r="G52036" i="1"/>
  <c r="G52037" i="1"/>
  <c r="G52038" i="1"/>
  <c r="G52039" i="1"/>
  <c r="G52040" i="1"/>
  <c r="G52041" i="1"/>
  <c r="G52042" i="1"/>
  <c r="G52043" i="1"/>
  <c r="G52044" i="1"/>
  <c r="G52045" i="1"/>
  <c r="G52046" i="1"/>
  <c r="G52047" i="1"/>
  <c r="G52048" i="1"/>
  <c r="G52049" i="1"/>
  <c r="G52050" i="1"/>
  <c r="G52051" i="1"/>
  <c r="G52052" i="1"/>
  <c r="G52053" i="1"/>
  <c r="G52054" i="1"/>
  <c r="G52055" i="1"/>
  <c r="G52056" i="1"/>
  <c r="G52057" i="1"/>
  <c r="G52058" i="1"/>
  <c r="G52059" i="1"/>
  <c r="G52060" i="1"/>
  <c r="G52061" i="1"/>
  <c r="G52062" i="1"/>
  <c r="G52063" i="1"/>
  <c r="G52064" i="1"/>
  <c r="G52065" i="1"/>
  <c r="G52066" i="1"/>
  <c r="G52067" i="1"/>
  <c r="G52068" i="1"/>
  <c r="G52069" i="1"/>
  <c r="G52070" i="1"/>
  <c r="G52071" i="1"/>
  <c r="G52072" i="1"/>
  <c r="G52073" i="1"/>
  <c r="G52074" i="1"/>
  <c r="G52075" i="1"/>
  <c r="G52076" i="1"/>
  <c r="G52077" i="1"/>
  <c r="G52078" i="1"/>
  <c r="G52079" i="1"/>
  <c r="G52080" i="1"/>
  <c r="G52081" i="1"/>
  <c r="G52082" i="1"/>
  <c r="G52083" i="1"/>
  <c r="G52084" i="1"/>
  <c r="G52085" i="1"/>
  <c r="G52086" i="1"/>
  <c r="G52087" i="1"/>
  <c r="G52088" i="1"/>
  <c r="G52089" i="1"/>
  <c r="G52090" i="1"/>
  <c r="G52091" i="1"/>
  <c r="G52092" i="1"/>
  <c r="G52093" i="1"/>
  <c r="G52094" i="1"/>
  <c r="G52095" i="1"/>
  <c r="G52096" i="1"/>
  <c r="G52097" i="1"/>
  <c r="G52098" i="1"/>
  <c r="G52099" i="1"/>
  <c r="G52100" i="1"/>
  <c r="G52101" i="1"/>
  <c r="G52102" i="1"/>
  <c r="G52103" i="1"/>
  <c r="G52104" i="1"/>
  <c r="G52105" i="1"/>
  <c r="G52106" i="1"/>
  <c r="G52107" i="1"/>
  <c r="G52108" i="1"/>
  <c r="G52109" i="1"/>
  <c r="G52110" i="1"/>
  <c r="G52111" i="1"/>
  <c r="G52112" i="1"/>
  <c r="G52113" i="1"/>
  <c r="G52114" i="1"/>
  <c r="G52115" i="1"/>
  <c r="G52116" i="1"/>
  <c r="G52117" i="1"/>
  <c r="G52118" i="1"/>
  <c r="G52119" i="1"/>
  <c r="G52120" i="1"/>
  <c r="G52121" i="1"/>
  <c r="G52122" i="1"/>
  <c r="G52123" i="1"/>
  <c r="G52124" i="1"/>
  <c r="G52125" i="1"/>
  <c r="G52126" i="1"/>
  <c r="G52127" i="1"/>
  <c r="G52128" i="1"/>
  <c r="G52129" i="1"/>
  <c r="G52130" i="1"/>
  <c r="G52131" i="1"/>
  <c r="G52132" i="1"/>
  <c r="G52133" i="1"/>
  <c r="G52134" i="1"/>
  <c r="G52135" i="1"/>
  <c r="G52136" i="1"/>
  <c r="G52137" i="1"/>
  <c r="G52138" i="1"/>
  <c r="G52139" i="1"/>
  <c r="G52140" i="1"/>
  <c r="G52141" i="1"/>
  <c r="G52142" i="1"/>
  <c r="G52143" i="1"/>
  <c r="G52144" i="1"/>
  <c r="G52145" i="1"/>
  <c r="G52146" i="1"/>
  <c r="G52147" i="1"/>
  <c r="G52148" i="1"/>
  <c r="G52149" i="1"/>
  <c r="G52150" i="1"/>
  <c r="G52151" i="1"/>
  <c r="G52152" i="1"/>
  <c r="G52153" i="1"/>
  <c r="G52154" i="1"/>
  <c r="G52155" i="1"/>
  <c r="G52156" i="1"/>
  <c r="G52157" i="1"/>
  <c r="G52158" i="1"/>
  <c r="G52159" i="1"/>
  <c r="G52160" i="1"/>
  <c r="G52161" i="1"/>
  <c r="G52162" i="1"/>
  <c r="G52163" i="1"/>
  <c r="G52164" i="1"/>
  <c r="G52165" i="1"/>
  <c r="G52166" i="1"/>
  <c r="G52167" i="1"/>
  <c r="G52168" i="1"/>
  <c r="G52169" i="1"/>
  <c r="G52170" i="1"/>
  <c r="G52171" i="1"/>
  <c r="G52172" i="1"/>
  <c r="G52173" i="1"/>
  <c r="G52174" i="1"/>
  <c r="G52175" i="1"/>
  <c r="G52176" i="1"/>
  <c r="G52177" i="1"/>
  <c r="G52178" i="1"/>
  <c r="G52179" i="1"/>
  <c r="G52180" i="1"/>
  <c r="G52181" i="1"/>
  <c r="G52182" i="1"/>
  <c r="G52183" i="1"/>
  <c r="G52184" i="1"/>
  <c r="G52185" i="1"/>
  <c r="G52186" i="1"/>
  <c r="G52187" i="1"/>
  <c r="G52188" i="1"/>
  <c r="G52189" i="1"/>
  <c r="G52190" i="1"/>
  <c r="G52191" i="1"/>
  <c r="G52192" i="1"/>
  <c r="G52193" i="1"/>
  <c r="G52194" i="1"/>
  <c r="G52195" i="1"/>
  <c r="G52196" i="1"/>
  <c r="G52197" i="1"/>
  <c r="G52198" i="1"/>
  <c r="G52199" i="1"/>
  <c r="G52200" i="1"/>
  <c r="G52201" i="1"/>
  <c r="G52202" i="1"/>
  <c r="G52203" i="1"/>
  <c r="G52204" i="1"/>
  <c r="G52205" i="1"/>
  <c r="G52206" i="1"/>
  <c r="G52207" i="1"/>
  <c r="G52208" i="1"/>
  <c r="G52209" i="1"/>
  <c r="G52210" i="1"/>
  <c r="G52211" i="1"/>
  <c r="G52212" i="1"/>
  <c r="G52213" i="1"/>
  <c r="G52214" i="1"/>
  <c r="G52215" i="1"/>
  <c r="G52216" i="1"/>
  <c r="G52217" i="1"/>
  <c r="G52218" i="1"/>
  <c r="G52219" i="1"/>
  <c r="G52220" i="1"/>
  <c r="G52221" i="1"/>
  <c r="G52222" i="1"/>
  <c r="G52223" i="1"/>
  <c r="G52224" i="1"/>
  <c r="G52225" i="1"/>
  <c r="G52226" i="1"/>
  <c r="G52227" i="1"/>
  <c r="G52228" i="1"/>
  <c r="G52229" i="1"/>
  <c r="G52230" i="1"/>
  <c r="G52231" i="1"/>
  <c r="G52232" i="1"/>
  <c r="G52233" i="1"/>
  <c r="G52234" i="1"/>
  <c r="G52235" i="1"/>
  <c r="G52236" i="1"/>
  <c r="G52237" i="1"/>
  <c r="G52238" i="1"/>
  <c r="G52239" i="1"/>
  <c r="G52240" i="1"/>
  <c r="G52241" i="1"/>
  <c r="G52242" i="1"/>
  <c r="G52243" i="1"/>
  <c r="G52244" i="1"/>
  <c r="G52245" i="1"/>
  <c r="G52246" i="1"/>
  <c r="G52247" i="1"/>
  <c r="G52248" i="1"/>
  <c r="G52249" i="1"/>
  <c r="G52250" i="1"/>
  <c r="G52251" i="1"/>
  <c r="G52252" i="1"/>
  <c r="G52253" i="1"/>
  <c r="G52254" i="1"/>
  <c r="G52255" i="1"/>
  <c r="G52256" i="1"/>
  <c r="G52257" i="1"/>
  <c r="G52258" i="1"/>
  <c r="G52259" i="1"/>
  <c r="G52260" i="1"/>
  <c r="G52261" i="1"/>
  <c r="G52262" i="1"/>
  <c r="G52263" i="1"/>
  <c r="G52264" i="1"/>
  <c r="G52265" i="1"/>
  <c r="G52266" i="1"/>
  <c r="G52267" i="1"/>
  <c r="G52268" i="1"/>
  <c r="G52269" i="1"/>
  <c r="G52270" i="1"/>
  <c r="G52271" i="1"/>
  <c r="G52272" i="1"/>
  <c r="G52273" i="1"/>
  <c r="G52274" i="1"/>
  <c r="G52275" i="1"/>
  <c r="G52276" i="1"/>
  <c r="G52277" i="1"/>
  <c r="G52278" i="1"/>
  <c r="G52279" i="1"/>
  <c r="G52280" i="1"/>
  <c r="G52281" i="1"/>
  <c r="G52282" i="1"/>
  <c r="G52283" i="1"/>
  <c r="G52284" i="1"/>
  <c r="G52285" i="1"/>
  <c r="G52286" i="1"/>
  <c r="G52287" i="1"/>
  <c r="G52288" i="1"/>
  <c r="G52289" i="1"/>
  <c r="G52290" i="1"/>
  <c r="G52291" i="1"/>
  <c r="G52292" i="1"/>
  <c r="G52293" i="1"/>
  <c r="G52294" i="1"/>
  <c r="G52295" i="1"/>
  <c r="G52296" i="1"/>
  <c r="G52297" i="1"/>
  <c r="G52298" i="1"/>
  <c r="G52299" i="1"/>
  <c r="G52300" i="1"/>
  <c r="G52301" i="1"/>
  <c r="G52302" i="1"/>
  <c r="G52303" i="1"/>
  <c r="G52304" i="1"/>
  <c r="G52305" i="1"/>
  <c r="G52306" i="1"/>
  <c r="G52307" i="1"/>
  <c r="G52308" i="1"/>
  <c r="G52309" i="1"/>
  <c r="G52310" i="1"/>
  <c r="G52311" i="1"/>
  <c r="G52312" i="1"/>
  <c r="G52313" i="1"/>
  <c r="G52314" i="1"/>
  <c r="G52315" i="1"/>
  <c r="G52316" i="1"/>
  <c r="G52317" i="1"/>
  <c r="G52318" i="1"/>
  <c r="G52319" i="1"/>
  <c r="G52320" i="1"/>
  <c r="G52321" i="1"/>
  <c r="G52322" i="1"/>
  <c r="G52323" i="1"/>
  <c r="G52324" i="1"/>
  <c r="G52325" i="1"/>
  <c r="G52326" i="1"/>
  <c r="G52327" i="1"/>
  <c r="G52328" i="1"/>
  <c r="G52329" i="1"/>
  <c r="G52330" i="1"/>
  <c r="G52331" i="1"/>
  <c r="G52332" i="1"/>
  <c r="G52333" i="1"/>
  <c r="G52334" i="1"/>
  <c r="G52335" i="1"/>
  <c r="G52336" i="1"/>
  <c r="G52337" i="1"/>
  <c r="G52338" i="1"/>
  <c r="G52339" i="1"/>
  <c r="G52340" i="1"/>
  <c r="G52341" i="1"/>
  <c r="G52342" i="1"/>
  <c r="G52343" i="1"/>
  <c r="G52344" i="1"/>
  <c r="G52345" i="1"/>
  <c r="G52346" i="1"/>
  <c r="G52347" i="1"/>
  <c r="G52348" i="1"/>
  <c r="G52349" i="1"/>
  <c r="G52350" i="1"/>
  <c r="G52351" i="1"/>
  <c r="G52352" i="1"/>
  <c r="G52353" i="1"/>
  <c r="G52354" i="1"/>
  <c r="G52355" i="1"/>
  <c r="G52356" i="1"/>
  <c r="G52357" i="1"/>
  <c r="G52358" i="1"/>
  <c r="G52359" i="1"/>
  <c r="G52360" i="1"/>
  <c r="G52361" i="1"/>
  <c r="G52362" i="1"/>
  <c r="G52363" i="1"/>
  <c r="G52364" i="1"/>
  <c r="G52365" i="1"/>
  <c r="G52366" i="1"/>
  <c r="G52367" i="1"/>
  <c r="G52368" i="1"/>
  <c r="G52369" i="1"/>
  <c r="G52370" i="1"/>
  <c r="G52371" i="1"/>
  <c r="G52372" i="1"/>
  <c r="G52373" i="1"/>
  <c r="G52374" i="1"/>
  <c r="G52375" i="1"/>
  <c r="G52376" i="1"/>
  <c r="G52377" i="1"/>
  <c r="G52378" i="1"/>
  <c r="G52379" i="1"/>
  <c r="G52380" i="1"/>
  <c r="G52381" i="1"/>
  <c r="G52382" i="1"/>
  <c r="G52383" i="1"/>
  <c r="G52384" i="1"/>
  <c r="G52385" i="1"/>
  <c r="G52386" i="1"/>
  <c r="G52387" i="1"/>
  <c r="G52388" i="1"/>
  <c r="G52389" i="1"/>
  <c r="G52390" i="1"/>
  <c r="G52391" i="1"/>
  <c r="G52392" i="1"/>
  <c r="G52393" i="1"/>
  <c r="G52394" i="1"/>
  <c r="G52395" i="1"/>
  <c r="G52396" i="1"/>
  <c r="G52397" i="1"/>
  <c r="G52398" i="1"/>
  <c r="G52399" i="1"/>
  <c r="G52400" i="1"/>
  <c r="G52401" i="1"/>
  <c r="G52402" i="1"/>
  <c r="G52403" i="1"/>
  <c r="G52404" i="1"/>
  <c r="G52405" i="1"/>
  <c r="G52406" i="1"/>
  <c r="G52407" i="1"/>
  <c r="G52408" i="1"/>
  <c r="G52409" i="1"/>
  <c r="G52410" i="1"/>
  <c r="G52411" i="1"/>
  <c r="G52412" i="1"/>
  <c r="G52413" i="1"/>
  <c r="G52414" i="1"/>
  <c r="G52415" i="1"/>
  <c r="G52416" i="1"/>
  <c r="G52417" i="1"/>
  <c r="G52418" i="1"/>
  <c r="G52419" i="1"/>
  <c r="G52420" i="1"/>
  <c r="G52421" i="1"/>
  <c r="G52422" i="1"/>
  <c r="G52423" i="1"/>
  <c r="G52424" i="1"/>
  <c r="G52425" i="1"/>
  <c r="G52426" i="1"/>
  <c r="G52427" i="1"/>
  <c r="G52428" i="1"/>
  <c r="G52429" i="1"/>
  <c r="G52430" i="1"/>
  <c r="G52431" i="1"/>
  <c r="G52432" i="1"/>
  <c r="G52433" i="1"/>
  <c r="G52434" i="1"/>
  <c r="G52435" i="1"/>
  <c r="G52436" i="1"/>
  <c r="G52437" i="1"/>
  <c r="G52438" i="1"/>
  <c r="G52439" i="1"/>
  <c r="G52440" i="1"/>
  <c r="G52441" i="1"/>
  <c r="G52442" i="1"/>
  <c r="G52443" i="1"/>
  <c r="G52444" i="1"/>
  <c r="G52445" i="1"/>
  <c r="G52446" i="1"/>
  <c r="G52447" i="1"/>
  <c r="G52448" i="1"/>
  <c r="G52449" i="1"/>
  <c r="G52450" i="1"/>
  <c r="G52451" i="1"/>
  <c r="G52452" i="1"/>
  <c r="G52453" i="1"/>
  <c r="G52454" i="1"/>
  <c r="G52455" i="1"/>
  <c r="G52456" i="1"/>
  <c r="G52457" i="1"/>
  <c r="G52458" i="1"/>
  <c r="G52459" i="1"/>
  <c r="G52460" i="1"/>
  <c r="G52461" i="1"/>
  <c r="G52462" i="1"/>
  <c r="G52463" i="1"/>
  <c r="G52464" i="1"/>
  <c r="G52465" i="1"/>
  <c r="G52466" i="1"/>
  <c r="G52467" i="1"/>
  <c r="G52468" i="1"/>
  <c r="G52469" i="1"/>
  <c r="G52470" i="1"/>
  <c r="G52471" i="1"/>
  <c r="G52472" i="1"/>
  <c r="G52473" i="1"/>
  <c r="G52474" i="1"/>
  <c r="G52475" i="1"/>
  <c r="G52476" i="1"/>
  <c r="G52477" i="1"/>
  <c r="G52478" i="1"/>
  <c r="G52479" i="1"/>
  <c r="G52480" i="1"/>
  <c r="G52481" i="1"/>
  <c r="G52482" i="1"/>
  <c r="G52483" i="1"/>
  <c r="G52484" i="1"/>
  <c r="G52485" i="1"/>
  <c r="G52486" i="1"/>
  <c r="G52487" i="1"/>
  <c r="G52488" i="1"/>
  <c r="G52489" i="1"/>
  <c r="G52490" i="1"/>
  <c r="G52491" i="1"/>
  <c r="G52492" i="1"/>
  <c r="G52493" i="1"/>
  <c r="G52494" i="1"/>
  <c r="G52495" i="1"/>
  <c r="G52496" i="1"/>
  <c r="G52497" i="1"/>
  <c r="G52498" i="1"/>
  <c r="G52499" i="1"/>
  <c r="G52500" i="1"/>
  <c r="G52501" i="1"/>
  <c r="G52502" i="1"/>
  <c r="G52503" i="1"/>
  <c r="G52504" i="1"/>
  <c r="G52505" i="1"/>
  <c r="G52506" i="1"/>
  <c r="G52507" i="1"/>
  <c r="G52508" i="1"/>
  <c r="G52509" i="1"/>
  <c r="G52510" i="1"/>
  <c r="G52511" i="1"/>
  <c r="G52512" i="1"/>
  <c r="G52513" i="1"/>
  <c r="G52514" i="1"/>
  <c r="G52515" i="1"/>
  <c r="G52516" i="1"/>
  <c r="G52517" i="1"/>
  <c r="G52518" i="1"/>
  <c r="G52519" i="1"/>
  <c r="G52520" i="1"/>
  <c r="G52521" i="1"/>
  <c r="G52522" i="1"/>
  <c r="G52523" i="1"/>
  <c r="G52524" i="1"/>
  <c r="G52525" i="1"/>
  <c r="G52526" i="1"/>
  <c r="G52527" i="1"/>
  <c r="G52528" i="1"/>
  <c r="G52529" i="1"/>
  <c r="G52530" i="1"/>
  <c r="G52531" i="1"/>
  <c r="G52532" i="1"/>
  <c r="G52533" i="1"/>
  <c r="G52534" i="1"/>
  <c r="G52535" i="1"/>
  <c r="G52536" i="1"/>
  <c r="G52537" i="1"/>
  <c r="G52538" i="1"/>
  <c r="G52539" i="1"/>
  <c r="G52540" i="1"/>
  <c r="G52541" i="1"/>
  <c r="G52542" i="1"/>
  <c r="G52543" i="1"/>
  <c r="G52544" i="1"/>
  <c r="G52545" i="1"/>
  <c r="G52546" i="1"/>
  <c r="G52547" i="1"/>
  <c r="G52548" i="1"/>
  <c r="G52549" i="1"/>
  <c r="G52550" i="1"/>
  <c r="G52551" i="1"/>
  <c r="G52552" i="1"/>
  <c r="G52553" i="1"/>
  <c r="G52554" i="1"/>
  <c r="G52555" i="1"/>
  <c r="G52556" i="1"/>
  <c r="G52557" i="1"/>
  <c r="G52558" i="1"/>
  <c r="G52559" i="1"/>
  <c r="G52560" i="1"/>
  <c r="G52561" i="1"/>
  <c r="G52562" i="1"/>
  <c r="G52563" i="1"/>
  <c r="G52564" i="1"/>
  <c r="G52565" i="1"/>
  <c r="G52566" i="1"/>
  <c r="G52567" i="1"/>
  <c r="G52568" i="1"/>
  <c r="G52569" i="1"/>
  <c r="G52570" i="1"/>
  <c r="G52571" i="1"/>
  <c r="G52572" i="1"/>
  <c r="G52573" i="1"/>
  <c r="G52574" i="1"/>
  <c r="G52575" i="1"/>
  <c r="G52576" i="1"/>
  <c r="G52577" i="1"/>
  <c r="G52578" i="1"/>
  <c r="G52579" i="1"/>
  <c r="G52580" i="1"/>
  <c r="G52581" i="1"/>
  <c r="G52582" i="1"/>
  <c r="G52583" i="1"/>
  <c r="G52584" i="1"/>
  <c r="G52585" i="1"/>
  <c r="G52586" i="1"/>
  <c r="G52587" i="1"/>
  <c r="G52588" i="1"/>
  <c r="G52589" i="1"/>
  <c r="G52590" i="1"/>
  <c r="G52591" i="1"/>
  <c r="G52592" i="1"/>
  <c r="G52593" i="1"/>
  <c r="G52594" i="1"/>
  <c r="G52595" i="1"/>
  <c r="G52596" i="1"/>
  <c r="G52597" i="1"/>
  <c r="G52598" i="1"/>
  <c r="G52599" i="1"/>
  <c r="G52600" i="1"/>
  <c r="G52601" i="1"/>
  <c r="G52602" i="1"/>
  <c r="G52603" i="1"/>
  <c r="G52604" i="1"/>
  <c r="G52605" i="1"/>
  <c r="G52606" i="1"/>
  <c r="G52607" i="1"/>
  <c r="G52608" i="1"/>
  <c r="G52609" i="1"/>
  <c r="G52610" i="1"/>
  <c r="G52611" i="1"/>
  <c r="G52612" i="1"/>
  <c r="G52613" i="1"/>
  <c r="G52614" i="1"/>
  <c r="G52615" i="1"/>
  <c r="G52616" i="1"/>
  <c r="G52617" i="1"/>
  <c r="G52618" i="1"/>
  <c r="G52619" i="1"/>
  <c r="G52620" i="1"/>
  <c r="G52621" i="1"/>
  <c r="G52622" i="1"/>
  <c r="G52623" i="1"/>
  <c r="G52624" i="1"/>
  <c r="G52625" i="1"/>
  <c r="G52626" i="1"/>
  <c r="G52627" i="1"/>
  <c r="G52628" i="1"/>
  <c r="G52629" i="1"/>
  <c r="G52630" i="1"/>
  <c r="G52631" i="1"/>
  <c r="G52632" i="1"/>
  <c r="G52633" i="1"/>
  <c r="G52634" i="1"/>
  <c r="G52635" i="1"/>
  <c r="G52636" i="1"/>
  <c r="G52637" i="1"/>
  <c r="G52638" i="1"/>
  <c r="G52639" i="1"/>
  <c r="G52640" i="1"/>
  <c r="G52641" i="1"/>
  <c r="G52642" i="1"/>
  <c r="G52643" i="1"/>
  <c r="G52644" i="1"/>
  <c r="G52645" i="1"/>
  <c r="G52646" i="1"/>
  <c r="G52647" i="1"/>
  <c r="G52648" i="1"/>
  <c r="G52649" i="1"/>
  <c r="G52650" i="1"/>
  <c r="G52651" i="1"/>
  <c r="G52652" i="1"/>
  <c r="G52653" i="1"/>
  <c r="G52654" i="1"/>
  <c r="G52655" i="1"/>
  <c r="G52656" i="1"/>
  <c r="G52657" i="1"/>
  <c r="G52658" i="1"/>
  <c r="G52659" i="1"/>
  <c r="G52660" i="1"/>
  <c r="G52661" i="1"/>
  <c r="G52662" i="1"/>
  <c r="G52663" i="1"/>
  <c r="G52664" i="1"/>
  <c r="G52665" i="1"/>
  <c r="G52666" i="1"/>
  <c r="G52667" i="1"/>
  <c r="G52668" i="1"/>
  <c r="G52669" i="1"/>
  <c r="G52670" i="1"/>
  <c r="G52671" i="1"/>
  <c r="G52672" i="1"/>
  <c r="G52673" i="1"/>
  <c r="G52674" i="1"/>
  <c r="G52675" i="1"/>
  <c r="G52676" i="1"/>
  <c r="G52677" i="1"/>
  <c r="G52678" i="1"/>
  <c r="G52679" i="1"/>
  <c r="G52680" i="1"/>
  <c r="G52681" i="1"/>
  <c r="G52682" i="1"/>
  <c r="G52683" i="1"/>
  <c r="G52684" i="1"/>
  <c r="G52685" i="1"/>
  <c r="G52686" i="1"/>
  <c r="G52687" i="1"/>
  <c r="G52688" i="1"/>
  <c r="G52689" i="1"/>
  <c r="G52690" i="1"/>
  <c r="G52691" i="1"/>
  <c r="G52692" i="1"/>
  <c r="G52693" i="1"/>
  <c r="G52694" i="1"/>
  <c r="G52695" i="1"/>
  <c r="G52696" i="1"/>
  <c r="G52697" i="1"/>
  <c r="G52698" i="1"/>
  <c r="G52699" i="1"/>
  <c r="G52700" i="1"/>
  <c r="G52701" i="1"/>
  <c r="G52702" i="1"/>
  <c r="G52703" i="1"/>
  <c r="G52704" i="1"/>
  <c r="G52705" i="1"/>
  <c r="G52706" i="1"/>
  <c r="G52707" i="1"/>
  <c r="G52708" i="1"/>
  <c r="G52709" i="1"/>
  <c r="G52710" i="1"/>
  <c r="G52711" i="1"/>
  <c r="G52712" i="1"/>
  <c r="G52713" i="1"/>
  <c r="G52714" i="1"/>
  <c r="G52715" i="1"/>
  <c r="G52716" i="1"/>
  <c r="G52717" i="1"/>
  <c r="G52718" i="1"/>
  <c r="G52719" i="1"/>
  <c r="G52720" i="1"/>
  <c r="G52721" i="1"/>
  <c r="G52722" i="1"/>
  <c r="G52723" i="1"/>
  <c r="G52724" i="1"/>
  <c r="G52725" i="1"/>
  <c r="G52726" i="1"/>
  <c r="G52727" i="1"/>
  <c r="G52728" i="1"/>
  <c r="G52729" i="1"/>
  <c r="G52730" i="1"/>
  <c r="G52731" i="1"/>
  <c r="G52732" i="1"/>
  <c r="G52733" i="1"/>
  <c r="G52734" i="1"/>
  <c r="G52735" i="1"/>
  <c r="G52736" i="1"/>
  <c r="G52737" i="1"/>
  <c r="G52738" i="1"/>
  <c r="G52739" i="1"/>
  <c r="G52740" i="1"/>
  <c r="G52741" i="1"/>
  <c r="G52742" i="1"/>
  <c r="G52743" i="1"/>
  <c r="G52744" i="1"/>
  <c r="G52745" i="1"/>
  <c r="G52746" i="1"/>
  <c r="G52747" i="1"/>
  <c r="G52748" i="1"/>
  <c r="G52749" i="1"/>
  <c r="G52750" i="1"/>
  <c r="G52751" i="1"/>
  <c r="G52752" i="1"/>
  <c r="G52753" i="1"/>
  <c r="G52754" i="1"/>
  <c r="G52755" i="1"/>
  <c r="G52756" i="1"/>
  <c r="G52757" i="1"/>
  <c r="G52758" i="1"/>
  <c r="G52759" i="1"/>
  <c r="G52760" i="1"/>
  <c r="G52761" i="1"/>
  <c r="G52762" i="1"/>
  <c r="G52763" i="1"/>
  <c r="G52764" i="1"/>
  <c r="G52765" i="1"/>
  <c r="G52766" i="1"/>
  <c r="G52767" i="1"/>
  <c r="G52768" i="1"/>
  <c r="G52769" i="1"/>
  <c r="G52770" i="1"/>
  <c r="G52771" i="1"/>
  <c r="G52772" i="1"/>
  <c r="G52773" i="1"/>
  <c r="G52774" i="1"/>
  <c r="G52775" i="1"/>
  <c r="G52776" i="1"/>
  <c r="G52777" i="1"/>
  <c r="G52778" i="1"/>
  <c r="G52779" i="1"/>
  <c r="G52780" i="1"/>
  <c r="G52781" i="1"/>
  <c r="G52782" i="1"/>
  <c r="G52783" i="1"/>
  <c r="G52784" i="1"/>
  <c r="G52785" i="1"/>
  <c r="G52786" i="1"/>
  <c r="G52787" i="1"/>
  <c r="G52788" i="1"/>
  <c r="G52789" i="1"/>
  <c r="G52790" i="1"/>
  <c r="G52791" i="1"/>
  <c r="G52792" i="1"/>
  <c r="G52793" i="1"/>
  <c r="G52794" i="1"/>
  <c r="G52795" i="1"/>
  <c r="G52796" i="1"/>
  <c r="G52797" i="1"/>
  <c r="G52798" i="1"/>
  <c r="G52799" i="1"/>
  <c r="G52800" i="1"/>
  <c r="G52801" i="1"/>
  <c r="G52802" i="1"/>
  <c r="G52803" i="1"/>
  <c r="G52804" i="1"/>
  <c r="G52805" i="1"/>
  <c r="G52806" i="1"/>
  <c r="G52807" i="1"/>
  <c r="G52808" i="1"/>
  <c r="G52809" i="1"/>
  <c r="G52810" i="1"/>
  <c r="G52811" i="1"/>
  <c r="G52812" i="1"/>
  <c r="G52813" i="1"/>
  <c r="G52814" i="1"/>
  <c r="G52815" i="1"/>
  <c r="G52816" i="1"/>
  <c r="G52817" i="1"/>
  <c r="G52818" i="1"/>
  <c r="G52819" i="1"/>
  <c r="G52820" i="1"/>
  <c r="G52821" i="1"/>
  <c r="G52822" i="1"/>
  <c r="G52823" i="1"/>
  <c r="G52824" i="1"/>
  <c r="G52825" i="1"/>
  <c r="G52826" i="1"/>
  <c r="G52827" i="1"/>
  <c r="G52828" i="1"/>
  <c r="G52829" i="1"/>
  <c r="G52830" i="1"/>
  <c r="G52831" i="1"/>
  <c r="G52832" i="1"/>
  <c r="G52833" i="1"/>
  <c r="G52834" i="1"/>
  <c r="G52835" i="1"/>
  <c r="G52836" i="1"/>
  <c r="G52837" i="1"/>
  <c r="G52838" i="1"/>
  <c r="G52839" i="1"/>
  <c r="G52840" i="1"/>
  <c r="G52841" i="1"/>
  <c r="G52842" i="1"/>
  <c r="G52843" i="1"/>
  <c r="G52844" i="1"/>
  <c r="G52845" i="1"/>
  <c r="G52846" i="1"/>
  <c r="G52847" i="1"/>
  <c r="G52848" i="1"/>
  <c r="G52849" i="1"/>
  <c r="G52850" i="1"/>
  <c r="G52851" i="1"/>
  <c r="G52852" i="1"/>
  <c r="G52853" i="1"/>
  <c r="G52854" i="1"/>
  <c r="G52855" i="1"/>
  <c r="G52856" i="1"/>
  <c r="G52857" i="1"/>
  <c r="G52858" i="1"/>
  <c r="G52859" i="1"/>
  <c r="G52860" i="1"/>
  <c r="G52861" i="1"/>
  <c r="G52862" i="1"/>
  <c r="G52863" i="1"/>
  <c r="G52864" i="1"/>
  <c r="G52865" i="1"/>
  <c r="G52866" i="1"/>
  <c r="G52867" i="1"/>
  <c r="G52868" i="1"/>
  <c r="G52869" i="1"/>
  <c r="G52870" i="1"/>
  <c r="G52871" i="1"/>
  <c r="G52872" i="1"/>
  <c r="G52873" i="1"/>
  <c r="G52874" i="1"/>
  <c r="G52875" i="1"/>
  <c r="G52876" i="1"/>
  <c r="G52877" i="1"/>
  <c r="G52878" i="1"/>
  <c r="G52879" i="1"/>
  <c r="G52880" i="1"/>
  <c r="G52881" i="1"/>
  <c r="G52882" i="1"/>
  <c r="G52883" i="1"/>
  <c r="G52884" i="1"/>
  <c r="G52885" i="1"/>
  <c r="G52886" i="1"/>
  <c r="G52887" i="1"/>
  <c r="G52888" i="1"/>
  <c r="G52889" i="1"/>
  <c r="G52890" i="1"/>
  <c r="G52891" i="1"/>
  <c r="G52892" i="1"/>
  <c r="G52893" i="1"/>
  <c r="G52894" i="1"/>
  <c r="G52895" i="1"/>
  <c r="G52896" i="1"/>
  <c r="G52897" i="1"/>
  <c r="G52898" i="1"/>
  <c r="G52899" i="1"/>
  <c r="G52900" i="1"/>
  <c r="G52901" i="1"/>
  <c r="G52902" i="1"/>
  <c r="G52903" i="1"/>
  <c r="G52904" i="1"/>
  <c r="G52905" i="1"/>
  <c r="G52906" i="1"/>
  <c r="G52907" i="1"/>
  <c r="G52908" i="1"/>
  <c r="G52909" i="1"/>
  <c r="G52910" i="1"/>
  <c r="G52911" i="1"/>
  <c r="G52912" i="1"/>
  <c r="G52913" i="1"/>
  <c r="G52914" i="1"/>
  <c r="G52915" i="1"/>
  <c r="G52916" i="1"/>
  <c r="G52917" i="1"/>
  <c r="G52918" i="1"/>
  <c r="G52919" i="1"/>
  <c r="G52920" i="1"/>
  <c r="G52921" i="1"/>
  <c r="G52922" i="1"/>
  <c r="G52923" i="1"/>
  <c r="G52924" i="1"/>
  <c r="G52925" i="1"/>
  <c r="G52926" i="1"/>
  <c r="G52927" i="1"/>
  <c r="G52928" i="1"/>
  <c r="G52929" i="1"/>
  <c r="G52930" i="1"/>
  <c r="G52931" i="1"/>
  <c r="G52932" i="1"/>
  <c r="G52933" i="1"/>
  <c r="G52934" i="1"/>
  <c r="G52935" i="1"/>
  <c r="G52936" i="1"/>
  <c r="G52937" i="1"/>
  <c r="G52938" i="1"/>
  <c r="G52939" i="1"/>
  <c r="G52940" i="1"/>
  <c r="G52941" i="1"/>
  <c r="G52942" i="1"/>
  <c r="G52943" i="1"/>
  <c r="G52944" i="1"/>
  <c r="G52945" i="1"/>
  <c r="G52946" i="1"/>
  <c r="G52947" i="1"/>
  <c r="G52948" i="1"/>
  <c r="G52949" i="1"/>
  <c r="G52950" i="1"/>
  <c r="G52951" i="1"/>
  <c r="G52952" i="1"/>
  <c r="G52953" i="1"/>
  <c r="G52954" i="1"/>
  <c r="G52955" i="1"/>
  <c r="G52956" i="1"/>
  <c r="G52957" i="1"/>
  <c r="G52958" i="1"/>
  <c r="G52959" i="1"/>
  <c r="G52960" i="1"/>
  <c r="G52961" i="1"/>
  <c r="G52962" i="1"/>
  <c r="G52963" i="1"/>
  <c r="G52964" i="1"/>
  <c r="G52965" i="1"/>
  <c r="G52966" i="1"/>
  <c r="G52967" i="1"/>
  <c r="G52968" i="1"/>
  <c r="G52969" i="1"/>
  <c r="G52970" i="1"/>
  <c r="G52971" i="1"/>
  <c r="G52972" i="1"/>
  <c r="G52973" i="1"/>
  <c r="G52974" i="1"/>
  <c r="G52975" i="1"/>
  <c r="G52976" i="1"/>
  <c r="G52977" i="1"/>
  <c r="G52978" i="1"/>
  <c r="G52979" i="1"/>
  <c r="G52980" i="1"/>
  <c r="G52981" i="1"/>
  <c r="G52982" i="1"/>
  <c r="G52983" i="1"/>
  <c r="G52984" i="1"/>
  <c r="G52985" i="1"/>
  <c r="G52986" i="1"/>
  <c r="G52987" i="1"/>
  <c r="G52988" i="1"/>
  <c r="G52989" i="1"/>
  <c r="G52990" i="1"/>
  <c r="G52991" i="1"/>
  <c r="G52992" i="1"/>
  <c r="G52993" i="1"/>
  <c r="G52994" i="1"/>
  <c r="G52995" i="1"/>
  <c r="G52996" i="1"/>
  <c r="G52997" i="1"/>
  <c r="G52998" i="1"/>
  <c r="G52999" i="1"/>
  <c r="G53000" i="1"/>
  <c r="G53001" i="1"/>
  <c r="G53002" i="1"/>
  <c r="G53003" i="1"/>
  <c r="G53004" i="1"/>
  <c r="G53005" i="1"/>
  <c r="G53006" i="1"/>
  <c r="G53007" i="1"/>
  <c r="G53008" i="1"/>
  <c r="G53009" i="1"/>
  <c r="G53010" i="1"/>
  <c r="G53011" i="1"/>
  <c r="G53012" i="1"/>
  <c r="G53013" i="1"/>
  <c r="G53014" i="1"/>
  <c r="G53015" i="1"/>
  <c r="G53016" i="1"/>
  <c r="G53017" i="1"/>
  <c r="G53018" i="1"/>
  <c r="G53019" i="1"/>
  <c r="G53020" i="1"/>
  <c r="G53021" i="1"/>
  <c r="G53022" i="1"/>
  <c r="G53023" i="1"/>
  <c r="G53024" i="1"/>
  <c r="G53025" i="1"/>
  <c r="G53026" i="1"/>
  <c r="G53027" i="1"/>
  <c r="G53028" i="1"/>
  <c r="G53029" i="1"/>
  <c r="G53030" i="1"/>
  <c r="G53031" i="1"/>
  <c r="G53032" i="1"/>
  <c r="G53033" i="1"/>
  <c r="G53034" i="1"/>
  <c r="G53035" i="1"/>
  <c r="G53036" i="1"/>
  <c r="G53037" i="1"/>
  <c r="G53038" i="1"/>
  <c r="G53039" i="1"/>
  <c r="G53040" i="1"/>
  <c r="G53041" i="1"/>
  <c r="G53042" i="1"/>
  <c r="G53043" i="1"/>
  <c r="G53044" i="1"/>
  <c r="G53045" i="1"/>
  <c r="G53046" i="1"/>
  <c r="G53047" i="1"/>
  <c r="G53048" i="1"/>
  <c r="G53049" i="1"/>
  <c r="G53050" i="1"/>
  <c r="G53051" i="1"/>
  <c r="G53052" i="1"/>
  <c r="G53053" i="1"/>
  <c r="G53054" i="1"/>
  <c r="G53055" i="1"/>
  <c r="G53056" i="1"/>
  <c r="G53057" i="1"/>
  <c r="G53058" i="1"/>
  <c r="G53059" i="1"/>
  <c r="G53060" i="1"/>
  <c r="G53061" i="1"/>
  <c r="G53062" i="1"/>
  <c r="G53063" i="1"/>
  <c r="G53064" i="1"/>
  <c r="G53065" i="1"/>
  <c r="G53066" i="1"/>
  <c r="G53067" i="1"/>
  <c r="G53068" i="1"/>
  <c r="G53069" i="1"/>
  <c r="G53070" i="1"/>
  <c r="G53071" i="1"/>
  <c r="G53072" i="1"/>
  <c r="G53073" i="1"/>
  <c r="G53074" i="1"/>
  <c r="G53075" i="1"/>
  <c r="G53076" i="1"/>
  <c r="G53077" i="1"/>
  <c r="G53078" i="1"/>
  <c r="G53079" i="1"/>
  <c r="G53080" i="1"/>
  <c r="G53081" i="1"/>
  <c r="G53082" i="1"/>
  <c r="G53083" i="1"/>
  <c r="G53084" i="1"/>
  <c r="G53085" i="1"/>
  <c r="G53086" i="1"/>
  <c r="G53087" i="1"/>
  <c r="G53088" i="1"/>
  <c r="G53089" i="1"/>
  <c r="G53090" i="1"/>
  <c r="G53091" i="1"/>
  <c r="G53092" i="1"/>
  <c r="G53093" i="1"/>
  <c r="G53094" i="1"/>
  <c r="G53095" i="1"/>
  <c r="G53096" i="1"/>
  <c r="G53097" i="1"/>
  <c r="G53098" i="1"/>
  <c r="G53099" i="1"/>
  <c r="G53100" i="1"/>
  <c r="G53101" i="1"/>
  <c r="G53102" i="1"/>
  <c r="G53103" i="1"/>
  <c r="G53104" i="1"/>
  <c r="G53105" i="1"/>
  <c r="G53106" i="1"/>
  <c r="G53107" i="1"/>
  <c r="G53108" i="1"/>
  <c r="G53109" i="1"/>
  <c r="G53110" i="1"/>
  <c r="G53111" i="1"/>
  <c r="G53112" i="1"/>
  <c r="G53113" i="1"/>
  <c r="G53114" i="1"/>
  <c r="G53115" i="1"/>
  <c r="G53116" i="1"/>
  <c r="G53117" i="1"/>
  <c r="G53118" i="1"/>
  <c r="G53119" i="1"/>
  <c r="G53120" i="1"/>
  <c r="G53121" i="1"/>
  <c r="G53122" i="1"/>
  <c r="G53123" i="1"/>
  <c r="G53124" i="1"/>
  <c r="G53125" i="1"/>
  <c r="G53126" i="1"/>
  <c r="G53127" i="1"/>
  <c r="G53128" i="1"/>
  <c r="G53129" i="1"/>
  <c r="G53130" i="1"/>
  <c r="G53131" i="1"/>
  <c r="G53132" i="1"/>
  <c r="G53133" i="1"/>
  <c r="G53134" i="1"/>
  <c r="G53135" i="1"/>
  <c r="G53136" i="1"/>
  <c r="G53137" i="1"/>
  <c r="G53138" i="1"/>
  <c r="G53139" i="1"/>
  <c r="G53140" i="1"/>
  <c r="G53141" i="1"/>
  <c r="G53142" i="1"/>
  <c r="G53143" i="1"/>
  <c r="G53144" i="1"/>
  <c r="G53145" i="1"/>
  <c r="G53146" i="1"/>
  <c r="G53147" i="1"/>
  <c r="G53148" i="1"/>
  <c r="G53149" i="1"/>
  <c r="G53150" i="1"/>
  <c r="G53151" i="1"/>
  <c r="G53152" i="1"/>
  <c r="G53153" i="1"/>
  <c r="G53154" i="1"/>
  <c r="G53155" i="1"/>
  <c r="G53156" i="1"/>
  <c r="G53157" i="1"/>
  <c r="G53158" i="1"/>
  <c r="G53159" i="1"/>
  <c r="G53160" i="1"/>
  <c r="G53161" i="1"/>
  <c r="G53162" i="1"/>
  <c r="G53163" i="1"/>
  <c r="G53164" i="1"/>
  <c r="G53165" i="1"/>
  <c r="G53166" i="1"/>
  <c r="G53167" i="1"/>
  <c r="G53168" i="1"/>
  <c r="G53169" i="1"/>
  <c r="G53170" i="1"/>
  <c r="G53171" i="1"/>
  <c r="G53172" i="1"/>
  <c r="G53173" i="1"/>
  <c r="G53174" i="1"/>
  <c r="G53175" i="1"/>
  <c r="G53176" i="1"/>
  <c r="G53177" i="1"/>
  <c r="G53178" i="1"/>
  <c r="G53179" i="1"/>
  <c r="G53180" i="1"/>
  <c r="G53181" i="1"/>
  <c r="G53182" i="1"/>
  <c r="G53183" i="1"/>
  <c r="G53184" i="1"/>
  <c r="G53185" i="1"/>
  <c r="G53186" i="1"/>
  <c r="G53187" i="1"/>
  <c r="G53188" i="1"/>
  <c r="G53189" i="1"/>
  <c r="G53190" i="1"/>
  <c r="G53191" i="1"/>
  <c r="G53192" i="1"/>
  <c r="G53193" i="1"/>
  <c r="G53194" i="1"/>
  <c r="G53195" i="1"/>
  <c r="G53196" i="1"/>
  <c r="G53197" i="1"/>
  <c r="G53198" i="1"/>
  <c r="G53199" i="1"/>
  <c r="G53200" i="1"/>
  <c r="G53201" i="1"/>
  <c r="G53202" i="1"/>
  <c r="G53203" i="1"/>
  <c r="G53204" i="1"/>
  <c r="G53205" i="1"/>
  <c r="G53206" i="1"/>
  <c r="G53207" i="1"/>
  <c r="G53208" i="1"/>
  <c r="G53209" i="1"/>
  <c r="G53210" i="1"/>
  <c r="G53211" i="1"/>
  <c r="G53212" i="1"/>
  <c r="G53213" i="1"/>
  <c r="G53214" i="1"/>
  <c r="G53215" i="1"/>
  <c r="G53216" i="1"/>
  <c r="G53217" i="1"/>
  <c r="G53218" i="1"/>
  <c r="G53219" i="1"/>
  <c r="G53220" i="1"/>
  <c r="G53221" i="1"/>
  <c r="G53222" i="1"/>
  <c r="G53223" i="1"/>
  <c r="G53224" i="1"/>
  <c r="G53225" i="1"/>
  <c r="G53226" i="1"/>
  <c r="G53227" i="1"/>
  <c r="G53228" i="1"/>
  <c r="G53229" i="1"/>
  <c r="G53230" i="1"/>
  <c r="G53231" i="1"/>
  <c r="G53232" i="1"/>
  <c r="G53233" i="1"/>
  <c r="G53234" i="1"/>
  <c r="G53235" i="1"/>
  <c r="G53236" i="1"/>
  <c r="G53237" i="1"/>
  <c r="G53238" i="1"/>
  <c r="G53239" i="1"/>
  <c r="G53240" i="1"/>
  <c r="G53241" i="1"/>
  <c r="G53242" i="1"/>
  <c r="G53243" i="1"/>
  <c r="G53244" i="1"/>
  <c r="G53245" i="1"/>
  <c r="G53246" i="1"/>
  <c r="G53247" i="1"/>
  <c r="G53248" i="1"/>
  <c r="G53249" i="1"/>
  <c r="G53250" i="1"/>
  <c r="G53251" i="1"/>
  <c r="G53252" i="1"/>
  <c r="G53253" i="1"/>
  <c r="G53254" i="1"/>
  <c r="G53255" i="1"/>
  <c r="G53256" i="1"/>
  <c r="G53257" i="1"/>
  <c r="G53258" i="1"/>
  <c r="G53259" i="1"/>
  <c r="G53260" i="1"/>
  <c r="G53261" i="1"/>
  <c r="G53262" i="1"/>
  <c r="G53263" i="1"/>
  <c r="G53264" i="1"/>
  <c r="G53265" i="1"/>
  <c r="G53266" i="1"/>
  <c r="G53267" i="1"/>
  <c r="G53268" i="1"/>
  <c r="G53269" i="1"/>
  <c r="G53270" i="1"/>
  <c r="G53271" i="1"/>
  <c r="G53272" i="1"/>
  <c r="G53273" i="1"/>
  <c r="G53274" i="1"/>
  <c r="G53275" i="1"/>
  <c r="G53276" i="1"/>
  <c r="G53277" i="1"/>
  <c r="G53278" i="1"/>
  <c r="G53279" i="1"/>
  <c r="G53280" i="1"/>
  <c r="G53281" i="1"/>
  <c r="G53282" i="1"/>
  <c r="G53283" i="1"/>
  <c r="G53284" i="1"/>
  <c r="G53285" i="1"/>
  <c r="G53286" i="1"/>
  <c r="G53287" i="1"/>
  <c r="G53288" i="1"/>
  <c r="G53289" i="1"/>
  <c r="G53290" i="1"/>
  <c r="G53291" i="1"/>
  <c r="G53292" i="1"/>
  <c r="G53293" i="1"/>
  <c r="G53294" i="1"/>
  <c r="G53295" i="1"/>
  <c r="G53296" i="1"/>
  <c r="G53297" i="1"/>
  <c r="G53298" i="1"/>
  <c r="G53299" i="1"/>
  <c r="G53300" i="1"/>
  <c r="G53301" i="1"/>
  <c r="G53302" i="1"/>
  <c r="G53303" i="1"/>
  <c r="G53304" i="1"/>
  <c r="G53305" i="1"/>
  <c r="G53306" i="1"/>
  <c r="G53307" i="1"/>
  <c r="G53308" i="1"/>
  <c r="G53309" i="1"/>
  <c r="G53310" i="1"/>
  <c r="G53311" i="1"/>
  <c r="G53312" i="1"/>
  <c r="G53313" i="1"/>
  <c r="G53314" i="1"/>
  <c r="G53315" i="1"/>
  <c r="G53316" i="1"/>
  <c r="G53317" i="1"/>
  <c r="G53318" i="1"/>
  <c r="G53319" i="1"/>
  <c r="G53320" i="1"/>
  <c r="G53321" i="1"/>
  <c r="G53322" i="1"/>
  <c r="G53323" i="1"/>
  <c r="G53324" i="1"/>
  <c r="G53325" i="1"/>
  <c r="G53326" i="1"/>
  <c r="G53327" i="1"/>
  <c r="G53328" i="1"/>
  <c r="G53329" i="1"/>
  <c r="G53330" i="1"/>
  <c r="G53331" i="1"/>
  <c r="G53332" i="1"/>
  <c r="G53333" i="1"/>
  <c r="G53334" i="1"/>
  <c r="G53335" i="1"/>
  <c r="G53336" i="1"/>
  <c r="G53337" i="1"/>
  <c r="G53338" i="1"/>
  <c r="G53339" i="1"/>
  <c r="G53340" i="1"/>
  <c r="G53341" i="1"/>
  <c r="G53342" i="1"/>
  <c r="G53343" i="1"/>
  <c r="G53344" i="1"/>
  <c r="G53345" i="1"/>
  <c r="G53346" i="1"/>
  <c r="G53347" i="1"/>
  <c r="G53348" i="1"/>
  <c r="G53349" i="1"/>
  <c r="G53350" i="1"/>
  <c r="G53351" i="1"/>
  <c r="G53352" i="1"/>
  <c r="G53353" i="1"/>
  <c r="G53354" i="1"/>
  <c r="G53355" i="1"/>
  <c r="G53356" i="1"/>
  <c r="G53357" i="1"/>
  <c r="G53358" i="1"/>
  <c r="G53359" i="1"/>
  <c r="G53360" i="1"/>
  <c r="G53361" i="1"/>
  <c r="G53362" i="1"/>
  <c r="G53363" i="1"/>
  <c r="G53364" i="1"/>
  <c r="G53365" i="1"/>
  <c r="G53366" i="1"/>
  <c r="G53367" i="1"/>
  <c r="G53368" i="1"/>
  <c r="G53369" i="1"/>
  <c r="G53370" i="1"/>
  <c r="G53371" i="1"/>
  <c r="G53372" i="1"/>
  <c r="G53373" i="1"/>
  <c r="G53374" i="1"/>
  <c r="G53375" i="1"/>
  <c r="G53376" i="1"/>
  <c r="G53377" i="1"/>
  <c r="G53378" i="1"/>
  <c r="G53379" i="1"/>
  <c r="G53380" i="1"/>
  <c r="G53381" i="1"/>
  <c r="G53382" i="1"/>
  <c r="G53383" i="1"/>
  <c r="G53384" i="1"/>
  <c r="G53385" i="1"/>
  <c r="G53386" i="1"/>
  <c r="G53387" i="1"/>
  <c r="G53388" i="1"/>
  <c r="G53389" i="1"/>
  <c r="G53390" i="1"/>
  <c r="G53391" i="1"/>
  <c r="G53392" i="1"/>
  <c r="G53393" i="1"/>
  <c r="G53394" i="1"/>
  <c r="G53395" i="1"/>
  <c r="G53396" i="1"/>
  <c r="G53397" i="1"/>
  <c r="G53398" i="1"/>
  <c r="G53399" i="1"/>
  <c r="G53400" i="1"/>
  <c r="G53401" i="1"/>
  <c r="G53402" i="1"/>
  <c r="G53403" i="1"/>
  <c r="G53404" i="1"/>
  <c r="G53405" i="1"/>
  <c r="G53406" i="1"/>
  <c r="G53407" i="1"/>
  <c r="G53408" i="1"/>
  <c r="G53409" i="1"/>
  <c r="G53410" i="1"/>
  <c r="G53411" i="1"/>
  <c r="G53412" i="1"/>
  <c r="G53413" i="1"/>
  <c r="G53414" i="1"/>
  <c r="G53415" i="1"/>
  <c r="G53416" i="1"/>
  <c r="G53417" i="1"/>
  <c r="G53418" i="1"/>
  <c r="G53419" i="1"/>
  <c r="G53420" i="1"/>
  <c r="G53421" i="1"/>
  <c r="G53422" i="1"/>
  <c r="G53423" i="1"/>
  <c r="G53424" i="1"/>
  <c r="G53425" i="1"/>
  <c r="G53426" i="1"/>
  <c r="G53427" i="1"/>
  <c r="G53428" i="1"/>
  <c r="G53429" i="1"/>
  <c r="G53430" i="1"/>
  <c r="G53431" i="1"/>
  <c r="G53432" i="1"/>
  <c r="G53433" i="1"/>
  <c r="G53434" i="1"/>
  <c r="G53435" i="1"/>
  <c r="G53436" i="1"/>
  <c r="G53437" i="1"/>
  <c r="G53438" i="1"/>
  <c r="G53439" i="1"/>
  <c r="G53440" i="1"/>
  <c r="G53441" i="1"/>
  <c r="G53442" i="1"/>
  <c r="G53443" i="1"/>
  <c r="G53444" i="1"/>
  <c r="G53445" i="1"/>
  <c r="G53446" i="1"/>
  <c r="G53447" i="1"/>
  <c r="G53448" i="1"/>
  <c r="G53449" i="1"/>
  <c r="G53450" i="1"/>
  <c r="G53451" i="1"/>
  <c r="G53452" i="1"/>
  <c r="G53453" i="1"/>
  <c r="G53454" i="1"/>
  <c r="G53455" i="1"/>
  <c r="G53456" i="1"/>
  <c r="G53457" i="1"/>
  <c r="G53458" i="1"/>
  <c r="G53459" i="1"/>
  <c r="G53460" i="1"/>
  <c r="G53461" i="1"/>
  <c r="G53462" i="1"/>
  <c r="G53463" i="1"/>
  <c r="G53464" i="1"/>
  <c r="G53465" i="1"/>
  <c r="G53466" i="1"/>
  <c r="G53467" i="1"/>
  <c r="G53468" i="1"/>
  <c r="G53469" i="1"/>
  <c r="G53470" i="1"/>
  <c r="G53471" i="1"/>
  <c r="G53472" i="1"/>
  <c r="G53473" i="1"/>
  <c r="G53474" i="1"/>
  <c r="G53475" i="1"/>
  <c r="G53476" i="1"/>
  <c r="G53477" i="1"/>
  <c r="G53478" i="1"/>
  <c r="G53479" i="1"/>
  <c r="G53480" i="1"/>
  <c r="G53481" i="1"/>
  <c r="G53482" i="1"/>
  <c r="G53483" i="1"/>
  <c r="G53484" i="1"/>
  <c r="G53485" i="1"/>
  <c r="G53486" i="1"/>
  <c r="G53487" i="1"/>
  <c r="G53488" i="1"/>
  <c r="G53489" i="1"/>
  <c r="G53490" i="1"/>
  <c r="G53491" i="1"/>
  <c r="G53492" i="1"/>
  <c r="G53493" i="1"/>
  <c r="G53494" i="1"/>
  <c r="G53495" i="1"/>
  <c r="G53496" i="1"/>
  <c r="G53497" i="1"/>
  <c r="G53498" i="1"/>
  <c r="G53499" i="1"/>
  <c r="G53500" i="1"/>
  <c r="G53501" i="1"/>
  <c r="G53502" i="1"/>
  <c r="G53503" i="1"/>
  <c r="G53504" i="1"/>
  <c r="G53505" i="1"/>
  <c r="G53506" i="1"/>
  <c r="G53507" i="1"/>
  <c r="G53508" i="1"/>
  <c r="G53509" i="1"/>
  <c r="G53510" i="1"/>
  <c r="G53511" i="1"/>
  <c r="G53512" i="1"/>
  <c r="G53513" i="1"/>
  <c r="G53514" i="1"/>
  <c r="G53515" i="1"/>
  <c r="G53516" i="1"/>
  <c r="G53517" i="1"/>
  <c r="G53518" i="1"/>
  <c r="G53519" i="1"/>
  <c r="G53520" i="1"/>
  <c r="G53521" i="1"/>
  <c r="G53522" i="1"/>
  <c r="G53523" i="1"/>
  <c r="G53524" i="1"/>
  <c r="G53525" i="1"/>
  <c r="G53526" i="1"/>
  <c r="G53527" i="1"/>
  <c r="G53528" i="1"/>
  <c r="G53529" i="1"/>
  <c r="G53530" i="1"/>
  <c r="G53531" i="1"/>
  <c r="G53532" i="1"/>
  <c r="G53533" i="1"/>
  <c r="G53534" i="1"/>
  <c r="G53535" i="1"/>
  <c r="G53536" i="1"/>
  <c r="G53537" i="1"/>
  <c r="G53538" i="1"/>
  <c r="G53539" i="1"/>
  <c r="G53540" i="1"/>
  <c r="G53541" i="1"/>
  <c r="G53542" i="1"/>
  <c r="G53543" i="1"/>
  <c r="G53544" i="1"/>
  <c r="G53545" i="1"/>
  <c r="G53546" i="1"/>
  <c r="G53547" i="1"/>
  <c r="G53548" i="1"/>
  <c r="G53549" i="1"/>
  <c r="G53550" i="1"/>
  <c r="G53551" i="1"/>
  <c r="G53552" i="1"/>
  <c r="G53553" i="1"/>
  <c r="G53554" i="1"/>
  <c r="G53555" i="1"/>
  <c r="G53556" i="1"/>
  <c r="G53557" i="1"/>
  <c r="G53558" i="1"/>
  <c r="G53559" i="1"/>
  <c r="G53560" i="1"/>
  <c r="G53561" i="1"/>
  <c r="G53562" i="1"/>
  <c r="G53563" i="1"/>
  <c r="G53564" i="1"/>
  <c r="G53565" i="1"/>
  <c r="G53566" i="1"/>
  <c r="G53567" i="1"/>
  <c r="G53568" i="1"/>
  <c r="G53569" i="1"/>
  <c r="G53570" i="1"/>
  <c r="G53571" i="1"/>
  <c r="G53572" i="1"/>
  <c r="G53573" i="1"/>
  <c r="G53574" i="1"/>
  <c r="G53575" i="1"/>
  <c r="G53576" i="1"/>
  <c r="G53577" i="1"/>
  <c r="G53578" i="1"/>
  <c r="G53579" i="1"/>
  <c r="G53580" i="1"/>
  <c r="G53581" i="1"/>
  <c r="G53582" i="1"/>
  <c r="G53583" i="1"/>
  <c r="G53584" i="1"/>
  <c r="G53585" i="1"/>
  <c r="G53586" i="1"/>
  <c r="G53587" i="1"/>
  <c r="G53588" i="1"/>
  <c r="G53589" i="1"/>
  <c r="G53590" i="1"/>
  <c r="G53591" i="1"/>
  <c r="G53592" i="1"/>
  <c r="G53593" i="1"/>
  <c r="G53594" i="1"/>
  <c r="G53595" i="1"/>
  <c r="G53596" i="1"/>
  <c r="G53597" i="1"/>
  <c r="G53598" i="1"/>
  <c r="G53599" i="1"/>
  <c r="G53600" i="1"/>
  <c r="G53601" i="1"/>
  <c r="G53602" i="1"/>
  <c r="G53603" i="1"/>
  <c r="G53604" i="1"/>
  <c r="G53605" i="1"/>
  <c r="G53606" i="1"/>
  <c r="G53607" i="1"/>
  <c r="G53608" i="1"/>
  <c r="G53609" i="1"/>
  <c r="G53610" i="1"/>
  <c r="G53611" i="1"/>
  <c r="G53612" i="1"/>
  <c r="G53613" i="1"/>
  <c r="G53614" i="1"/>
  <c r="G53615" i="1"/>
  <c r="G53616" i="1"/>
  <c r="G53617" i="1"/>
  <c r="G53618" i="1"/>
  <c r="G53619" i="1"/>
  <c r="G53620" i="1"/>
  <c r="G53621" i="1"/>
  <c r="G53622" i="1"/>
  <c r="G53623" i="1"/>
  <c r="G53624" i="1"/>
  <c r="G53625" i="1"/>
  <c r="G53626" i="1"/>
  <c r="G53627" i="1"/>
  <c r="G53628" i="1"/>
  <c r="G53629" i="1"/>
  <c r="G53630" i="1"/>
  <c r="G53631" i="1"/>
  <c r="G53632" i="1"/>
  <c r="G53633" i="1"/>
  <c r="G53634" i="1"/>
  <c r="G53635" i="1"/>
  <c r="G53636" i="1"/>
  <c r="G53637" i="1"/>
  <c r="G53638" i="1"/>
  <c r="G53639" i="1"/>
  <c r="G53640" i="1"/>
  <c r="G53641" i="1"/>
  <c r="G53642" i="1"/>
  <c r="G53643" i="1"/>
  <c r="G53644" i="1"/>
  <c r="G53645" i="1"/>
  <c r="G53646" i="1"/>
  <c r="G53647" i="1"/>
  <c r="G53648" i="1"/>
  <c r="G53649" i="1"/>
  <c r="G53650" i="1"/>
  <c r="G53651" i="1"/>
  <c r="G53652" i="1"/>
  <c r="G53653" i="1"/>
  <c r="G53654" i="1"/>
  <c r="G53655" i="1"/>
  <c r="G53656" i="1"/>
  <c r="G53657" i="1"/>
  <c r="G53658" i="1"/>
  <c r="G53659" i="1"/>
  <c r="G53660" i="1"/>
  <c r="G53661" i="1"/>
  <c r="G53662" i="1"/>
  <c r="G53663" i="1"/>
  <c r="G53664" i="1"/>
  <c r="G53665" i="1"/>
  <c r="G53666" i="1"/>
  <c r="G53667" i="1"/>
  <c r="G53668" i="1"/>
  <c r="G53669" i="1"/>
  <c r="G53670" i="1"/>
  <c r="G53671" i="1"/>
  <c r="G53672" i="1"/>
  <c r="G53673" i="1"/>
  <c r="G53674" i="1"/>
  <c r="G53675" i="1"/>
  <c r="G53676" i="1"/>
  <c r="G53677" i="1"/>
  <c r="G53678" i="1"/>
  <c r="G53679" i="1"/>
  <c r="G53680" i="1"/>
  <c r="G53681" i="1"/>
  <c r="G53682" i="1"/>
  <c r="G53683" i="1"/>
  <c r="G53684" i="1"/>
  <c r="G53685" i="1"/>
  <c r="G53686" i="1"/>
  <c r="G53687" i="1"/>
  <c r="G53688" i="1"/>
  <c r="G53689" i="1"/>
  <c r="G53690" i="1"/>
  <c r="G53691" i="1"/>
  <c r="G53692" i="1"/>
  <c r="G53693" i="1"/>
  <c r="G53694" i="1"/>
  <c r="G53695" i="1"/>
  <c r="G53696" i="1"/>
  <c r="G53697" i="1"/>
  <c r="G53698" i="1"/>
  <c r="G53699" i="1"/>
  <c r="G53700" i="1"/>
  <c r="G53701" i="1"/>
  <c r="G53702" i="1"/>
  <c r="G53703" i="1"/>
  <c r="G53704" i="1"/>
  <c r="G53705" i="1"/>
  <c r="G53706" i="1"/>
  <c r="G53707" i="1"/>
  <c r="G53708" i="1"/>
  <c r="G53709" i="1"/>
  <c r="G53710" i="1"/>
  <c r="G53711" i="1"/>
  <c r="G53712" i="1"/>
  <c r="G53713" i="1"/>
  <c r="G53714" i="1"/>
  <c r="G53715" i="1"/>
  <c r="G53716" i="1"/>
  <c r="G53717" i="1"/>
  <c r="G53718" i="1"/>
  <c r="G53719" i="1"/>
  <c r="G53720" i="1"/>
  <c r="G53721" i="1"/>
  <c r="G53722" i="1"/>
  <c r="G53723" i="1"/>
  <c r="G53724" i="1"/>
  <c r="G53725" i="1"/>
  <c r="G53726" i="1"/>
  <c r="G53727" i="1"/>
  <c r="G53728" i="1"/>
  <c r="G53729" i="1"/>
  <c r="G53730" i="1"/>
  <c r="G53731" i="1"/>
  <c r="G53732" i="1"/>
  <c r="G53733" i="1"/>
  <c r="G53734" i="1"/>
  <c r="G53735" i="1"/>
  <c r="G53736" i="1"/>
  <c r="G53737" i="1"/>
  <c r="G53738" i="1"/>
  <c r="G53739" i="1"/>
  <c r="G53740" i="1"/>
  <c r="G53741" i="1"/>
  <c r="G53742" i="1"/>
  <c r="G53743" i="1"/>
  <c r="G53744" i="1"/>
  <c r="G53745" i="1"/>
  <c r="G53746" i="1"/>
  <c r="G53747" i="1"/>
  <c r="G53748" i="1"/>
  <c r="G53749" i="1"/>
  <c r="G53750" i="1"/>
  <c r="G53751" i="1"/>
  <c r="G53752" i="1"/>
  <c r="G53753" i="1"/>
  <c r="G53754" i="1"/>
  <c r="G53755" i="1"/>
  <c r="G53756" i="1"/>
  <c r="G53757" i="1"/>
  <c r="G53758" i="1"/>
  <c r="G53759" i="1"/>
  <c r="G53760" i="1"/>
  <c r="G53761" i="1"/>
  <c r="G53762" i="1"/>
  <c r="G53763" i="1"/>
  <c r="G53764" i="1"/>
  <c r="G53765" i="1"/>
  <c r="G53766" i="1"/>
  <c r="G53767" i="1"/>
  <c r="G53768" i="1"/>
  <c r="G53769" i="1"/>
  <c r="G53770" i="1"/>
  <c r="G53771" i="1"/>
  <c r="G53772" i="1"/>
  <c r="G53773" i="1"/>
  <c r="G53774" i="1"/>
  <c r="G53775" i="1"/>
  <c r="G53776" i="1"/>
  <c r="G53777" i="1"/>
  <c r="G53778" i="1"/>
  <c r="G53779" i="1"/>
  <c r="G53780" i="1"/>
  <c r="G53781" i="1"/>
  <c r="G53782" i="1"/>
  <c r="G53783" i="1"/>
  <c r="G53784" i="1"/>
  <c r="G53785" i="1"/>
  <c r="G53786" i="1"/>
  <c r="G53787" i="1"/>
  <c r="G53788" i="1"/>
  <c r="G53789" i="1"/>
  <c r="G53790" i="1"/>
  <c r="G53791" i="1"/>
  <c r="G53792" i="1"/>
  <c r="G53793" i="1"/>
  <c r="G53794" i="1"/>
  <c r="G53795" i="1"/>
  <c r="G53796" i="1"/>
  <c r="G53797" i="1"/>
  <c r="G53798" i="1"/>
  <c r="G53799" i="1"/>
  <c r="G53800" i="1"/>
  <c r="G53801" i="1"/>
  <c r="G53802" i="1"/>
  <c r="G53803" i="1"/>
  <c r="G53804" i="1"/>
  <c r="G53805" i="1"/>
  <c r="G53806" i="1"/>
  <c r="G53807" i="1"/>
  <c r="G53808" i="1"/>
  <c r="G53809" i="1"/>
  <c r="G53810" i="1"/>
  <c r="G53811" i="1"/>
  <c r="G53812" i="1"/>
  <c r="G53813" i="1"/>
  <c r="G53814" i="1"/>
  <c r="G53815" i="1"/>
  <c r="G53816" i="1"/>
  <c r="G53817" i="1"/>
  <c r="G53818" i="1"/>
  <c r="G53819" i="1"/>
  <c r="G53820" i="1"/>
  <c r="G53821" i="1"/>
  <c r="G53822" i="1"/>
  <c r="G53823" i="1"/>
  <c r="G53824" i="1"/>
  <c r="G53825" i="1"/>
  <c r="G53826" i="1"/>
  <c r="G53827" i="1"/>
  <c r="G53828" i="1"/>
  <c r="G53829" i="1"/>
  <c r="G53830" i="1"/>
  <c r="G53831" i="1"/>
  <c r="G53832" i="1"/>
  <c r="G53833" i="1"/>
  <c r="G53834" i="1"/>
  <c r="G53835" i="1"/>
  <c r="G53836" i="1"/>
  <c r="G53837" i="1"/>
  <c r="G53838" i="1"/>
  <c r="G53839" i="1"/>
  <c r="G53840" i="1"/>
  <c r="G53841" i="1"/>
  <c r="G53842" i="1"/>
  <c r="G53843" i="1"/>
  <c r="G53844" i="1"/>
  <c r="G53845" i="1"/>
  <c r="G53846" i="1"/>
  <c r="G53847" i="1"/>
  <c r="G53848" i="1"/>
  <c r="G53849" i="1"/>
  <c r="G53850" i="1"/>
  <c r="G53851" i="1"/>
  <c r="G53852" i="1"/>
  <c r="G53853" i="1"/>
  <c r="G53854" i="1"/>
  <c r="G53855" i="1"/>
  <c r="G53856" i="1"/>
  <c r="G53857" i="1"/>
  <c r="G53858" i="1"/>
  <c r="G53859" i="1"/>
  <c r="G53860" i="1"/>
  <c r="G53861" i="1"/>
  <c r="G53862" i="1"/>
  <c r="G53863" i="1"/>
  <c r="G53864" i="1"/>
  <c r="G53865" i="1"/>
  <c r="G53866" i="1"/>
  <c r="G53867" i="1"/>
  <c r="G53868" i="1"/>
  <c r="G53869" i="1"/>
  <c r="G53870" i="1"/>
  <c r="G53871" i="1"/>
  <c r="G53872" i="1"/>
  <c r="G53873" i="1"/>
  <c r="G53874" i="1"/>
  <c r="G53875" i="1"/>
  <c r="G53876" i="1"/>
  <c r="G53877" i="1"/>
  <c r="G53878" i="1"/>
  <c r="G53879" i="1"/>
  <c r="G53880" i="1"/>
  <c r="G53881" i="1"/>
  <c r="G53882" i="1"/>
  <c r="G53883" i="1"/>
  <c r="G53884" i="1"/>
  <c r="G53885" i="1"/>
  <c r="G53886" i="1"/>
  <c r="G53887" i="1"/>
  <c r="G53888" i="1"/>
  <c r="G53889" i="1"/>
  <c r="G53890" i="1"/>
  <c r="G53891" i="1"/>
  <c r="G53892" i="1"/>
  <c r="G53893" i="1"/>
  <c r="G53894" i="1"/>
  <c r="G53895" i="1"/>
  <c r="G53896" i="1"/>
  <c r="G53897" i="1"/>
  <c r="G53898" i="1"/>
  <c r="G53899" i="1"/>
  <c r="G53900" i="1"/>
  <c r="G53901" i="1"/>
  <c r="G53902" i="1"/>
  <c r="G53903" i="1"/>
  <c r="G53904" i="1"/>
  <c r="G53905" i="1"/>
  <c r="G53906" i="1"/>
  <c r="G53907" i="1"/>
  <c r="G53908" i="1"/>
  <c r="G53909" i="1"/>
  <c r="G53910" i="1"/>
  <c r="G53911" i="1"/>
  <c r="G53912" i="1"/>
  <c r="G53913" i="1"/>
  <c r="G53914" i="1"/>
  <c r="G53915" i="1"/>
  <c r="G53916" i="1"/>
  <c r="G53917" i="1"/>
  <c r="G53918" i="1"/>
  <c r="G53919" i="1"/>
  <c r="G53920" i="1"/>
  <c r="G53921" i="1"/>
  <c r="G53922" i="1"/>
  <c r="G53923" i="1"/>
  <c r="G53924" i="1"/>
  <c r="G53925" i="1"/>
  <c r="G53926" i="1"/>
  <c r="G53927" i="1"/>
  <c r="G53928" i="1"/>
  <c r="G53929" i="1"/>
  <c r="G53930" i="1"/>
  <c r="G53931" i="1"/>
  <c r="G53932" i="1"/>
  <c r="G53933" i="1"/>
  <c r="G53934" i="1"/>
  <c r="G53935" i="1"/>
  <c r="G53936" i="1"/>
  <c r="G53937" i="1"/>
  <c r="G53938" i="1"/>
  <c r="G53939" i="1"/>
  <c r="G53940" i="1"/>
  <c r="G53941" i="1"/>
  <c r="G53942" i="1"/>
  <c r="G53943" i="1"/>
  <c r="G53944" i="1"/>
  <c r="G53945" i="1"/>
  <c r="G53946" i="1"/>
  <c r="G53947" i="1"/>
  <c r="G53948" i="1"/>
  <c r="G53949" i="1"/>
  <c r="G53950" i="1"/>
  <c r="G53951" i="1"/>
  <c r="G53952" i="1"/>
  <c r="G53953" i="1"/>
  <c r="G53954" i="1"/>
  <c r="G53955" i="1"/>
  <c r="G53956" i="1"/>
  <c r="G53957" i="1"/>
  <c r="G53958" i="1"/>
  <c r="G53959" i="1"/>
  <c r="G53960" i="1"/>
  <c r="G53961" i="1"/>
  <c r="G53962" i="1"/>
  <c r="G53963" i="1"/>
  <c r="G53964" i="1"/>
  <c r="G53965" i="1"/>
  <c r="G53966" i="1"/>
  <c r="G53967" i="1"/>
  <c r="G53968" i="1"/>
  <c r="G53969" i="1"/>
  <c r="G53970" i="1"/>
  <c r="G53971" i="1"/>
  <c r="G53972" i="1"/>
  <c r="G53973" i="1"/>
  <c r="G53974" i="1"/>
  <c r="G53975" i="1"/>
  <c r="G53976" i="1"/>
  <c r="G53977" i="1"/>
  <c r="G53978" i="1"/>
  <c r="G53979" i="1"/>
  <c r="G53980" i="1"/>
  <c r="G53981" i="1"/>
  <c r="G53982" i="1"/>
  <c r="G53983" i="1"/>
  <c r="G53984" i="1"/>
  <c r="G53985" i="1"/>
  <c r="G53986" i="1"/>
  <c r="G53987" i="1"/>
  <c r="G53988" i="1"/>
  <c r="G53989" i="1"/>
  <c r="G53990" i="1"/>
  <c r="G53991" i="1"/>
  <c r="G53992" i="1"/>
  <c r="G53993" i="1"/>
  <c r="G53994" i="1"/>
  <c r="G53995" i="1"/>
  <c r="G53996" i="1"/>
  <c r="G53997" i="1"/>
  <c r="G53998" i="1"/>
  <c r="G53999" i="1"/>
  <c r="G54000" i="1"/>
  <c r="G54001" i="1"/>
  <c r="G54002" i="1"/>
  <c r="G54003" i="1"/>
  <c r="G54004" i="1"/>
  <c r="G54005" i="1"/>
  <c r="G54006" i="1"/>
  <c r="G54007" i="1"/>
  <c r="G54008" i="1"/>
  <c r="G54009" i="1"/>
  <c r="G54010" i="1"/>
  <c r="G54011" i="1"/>
  <c r="G54012" i="1"/>
  <c r="G54013" i="1"/>
  <c r="G54014" i="1"/>
  <c r="G54015" i="1"/>
  <c r="G54016" i="1"/>
  <c r="G54017" i="1"/>
  <c r="G54018" i="1"/>
  <c r="G54019" i="1"/>
  <c r="G54020" i="1"/>
  <c r="G54021" i="1"/>
  <c r="G54022" i="1"/>
  <c r="G54023" i="1"/>
  <c r="G54024" i="1"/>
  <c r="G54025" i="1"/>
  <c r="G54026" i="1"/>
  <c r="G54027" i="1"/>
  <c r="G54028" i="1"/>
  <c r="G54029" i="1"/>
  <c r="G54030" i="1"/>
  <c r="G54031" i="1"/>
  <c r="G54032" i="1"/>
  <c r="G54033" i="1"/>
  <c r="G54034" i="1"/>
  <c r="G54035" i="1"/>
  <c r="G54036" i="1"/>
  <c r="G54037" i="1"/>
  <c r="G54038" i="1"/>
  <c r="G54039" i="1"/>
  <c r="G54040" i="1"/>
  <c r="G54041" i="1"/>
  <c r="G54042" i="1"/>
  <c r="G54043" i="1"/>
  <c r="G54044" i="1"/>
  <c r="G54045" i="1"/>
  <c r="G54046" i="1"/>
  <c r="G54047" i="1"/>
  <c r="G54048" i="1"/>
  <c r="G54049" i="1"/>
  <c r="G54050" i="1"/>
  <c r="G54051" i="1"/>
  <c r="G54052" i="1"/>
  <c r="G54053" i="1"/>
  <c r="G54054" i="1"/>
  <c r="G54055" i="1"/>
  <c r="G54056" i="1"/>
  <c r="G54057" i="1"/>
  <c r="G54058" i="1"/>
  <c r="G54059" i="1"/>
  <c r="G54060" i="1"/>
  <c r="G54061" i="1"/>
  <c r="G54062" i="1"/>
  <c r="G54063" i="1"/>
  <c r="G54064" i="1"/>
  <c r="G54065" i="1"/>
  <c r="G54066" i="1"/>
  <c r="G54067" i="1"/>
  <c r="G54068" i="1"/>
  <c r="G54069" i="1"/>
  <c r="G54070" i="1"/>
  <c r="G54071" i="1"/>
  <c r="G54072" i="1"/>
  <c r="G54073" i="1"/>
  <c r="G54074" i="1"/>
  <c r="G54075" i="1"/>
  <c r="G54076" i="1"/>
  <c r="G54077" i="1"/>
  <c r="G54078" i="1"/>
  <c r="G54079" i="1"/>
  <c r="G54080" i="1"/>
  <c r="G54081" i="1"/>
  <c r="G54082" i="1"/>
  <c r="G54083" i="1"/>
  <c r="G54084" i="1"/>
  <c r="G54085" i="1"/>
  <c r="G54086" i="1"/>
  <c r="G54087" i="1"/>
  <c r="G54088" i="1"/>
  <c r="G54089" i="1"/>
  <c r="G54090" i="1"/>
  <c r="G54091" i="1"/>
  <c r="G54092" i="1"/>
  <c r="G54093" i="1"/>
  <c r="G54094" i="1"/>
  <c r="G54095" i="1"/>
  <c r="G54096" i="1"/>
  <c r="G54097" i="1"/>
  <c r="G54098" i="1"/>
  <c r="G54099" i="1"/>
  <c r="G54100" i="1"/>
  <c r="G54101" i="1"/>
  <c r="G54102" i="1"/>
  <c r="G54103" i="1"/>
  <c r="G54104" i="1"/>
  <c r="G54105" i="1"/>
  <c r="G54106" i="1"/>
  <c r="G54107" i="1"/>
  <c r="G54108" i="1"/>
  <c r="G54109" i="1"/>
  <c r="G54110" i="1"/>
  <c r="G54111" i="1"/>
  <c r="G54112" i="1"/>
  <c r="G54113" i="1"/>
  <c r="G54114" i="1"/>
  <c r="G54115" i="1"/>
  <c r="G54116" i="1"/>
  <c r="G54117" i="1"/>
  <c r="G54118" i="1"/>
  <c r="G54119" i="1"/>
  <c r="G54120" i="1"/>
  <c r="G54121" i="1"/>
  <c r="G54122" i="1"/>
  <c r="G54123" i="1"/>
  <c r="G54124" i="1"/>
  <c r="G54125" i="1"/>
  <c r="G54126" i="1"/>
  <c r="G54127" i="1"/>
  <c r="G54128" i="1"/>
  <c r="G54129" i="1"/>
  <c r="G54130" i="1"/>
  <c r="G54131" i="1"/>
  <c r="G54132" i="1"/>
  <c r="G54133" i="1"/>
  <c r="G54134" i="1"/>
  <c r="G54135" i="1"/>
  <c r="G54136" i="1"/>
  <c r="G54137" i="1"/>
  <c r="G54138" i="1"/>
  <c r="G54139" i="1"/>
  <c r="G54140" i="1"/>
  <c r="G54141" i="1"/>
  <c r="G54142" i="1"/>
  <c r="G54143" i="1"/>
  <c r="G54144" i="1"/>
  <c r="G54145" i="1"/>
  <c r="G54146" i="1"/>
  <c r="G54147" i="1"/>
  <c r="G54148" i="1"/>
  <c r="G54149" i="1"/>
  <c r="G54150" i="1"/>
  <c r="G54151" i="1"/>
  <c r="G54152" i="1"/>
  <c r="G54153" i="1"/>
  <c r="G54154" i="1"/>
  <c r="G54155" i="1"/>
  <c r="G54156" i="1"/>
  <c r="G54157" i="1"/>
  <c r="G54158" i="1"/>
  <c r="G54159" i="1"/>
  <c r="G54160" i="1"/>
  <c r="G54161" i="1"/>
  <c r="G54162" i="1"/>
  <c r="G54163" i="1"/>
  <c r="G54164" i="1"/>
  <c r="G54165" i="1"/>
  <c r="G54166" i="1"/>
  <c r="G54167" i="1"/>
  <c r="G54168" i="1"/>
  <c r="G54169" i="1"/>
  <c r="G54170" i="1"/>
  <c r="G54171" i="1"/>
  <c r="G54172" i="1"/>
  <c r="G54173" i="1"/>
  <c r="G54174" i="1"/>
  <c r="G54175" i="1"/>
  <c r="G54176" i="1"/>
  <c r="G54177" i="1"/>
  <c r="G54178" i="1"/>
  <c r="G54179" i="1"/>
  <c r="G54180" i="1"/>
  <c r="G54181" i="1"/>
  <c r="G54182" i="1"/>
  <c r="G54183" i="1"/>
  <c r="G54184" i="1"/>
  <c r="G54185" i="1"/>
  <c r="G54186" i="1"/>
  <c r="G54187" i="1"/>
  <c r="G54188" i="1"/>
  <c r="G54189" i="1"/>
  <c r="G54190" i="1"/>
  <c r="G54191" i="1"/>
  <c r="G54192" i="1"/>
  <c r="G54193" i="1"/>
  <c r="G54194" i="1"/>
  <c r="G54195" i="1"/>
  <c r="G54196" i="1"/>
  <c r="G54197" i="1"/>
  <c r="G54198" i="1"/>
  <c r="G54199" i="1"/>
  <c r="G54200" i="1"/>
  <c r="G54201" i="1"/>
  <c r="G54202" i="1"/>
  <c r="G54203" i="1"/>
  <c r="G54204" i="1"/>
  <c r="G54205" i="1"/>
  <c r="G54206" i="1"/>
  <c r="G54207" i="1"/>
  <c r="G54208" i="1"/>
  <c r="G54209" i="1"/>
  <c r="G54210" i="1"/>
  <c r="G54211" i="1"/>
  <c r="G54212" i="1"/>
  <c r="G54213" i="1"/>
  <c r="G54214" i="1"/>
  <c r="G54215" i="1"/>
  <c r="G54216" i="1"/>
  <c r="G54217" i="1"/>
  <c r="G54218" i="1"/>
  <c r="G54219" i="1"/>
  <c r="G54220" i="1"/>
  <c r="G54221" i="1"/>
  <c r="G54222" i="1"/>
  <c r="G54223" i="1"/>
  <c r="G54224" i="1"/>
  <c r="G54225" i="1"/>
  <c r="G54226" i="1"/>
  <c r="G54227" i="1"/>
  <c r="G54228" i="1"/>
  <c r="G54229" i="1"/>
  <c r="G54230" i="1"/>
  <c r="G54231" i="1"/>
  <c r="G54232" i="1"/>
  <c r="G54233" i="1"/>
  <c r="G54234" i="1"/>
  <c r="G54235" i="1"/>
  <c r="G54236" i="1"/>
  <c r="G54237" i="1"/>
  <c r="G54238" i="1"/>
  <c r="G54239" i="1"/>
  <c r="G54240" i="1"/>
  <c r="G54241" i="1"/>
  <c r="G54242" i="1"/>
  <c r="G54243" i="1"/>
  <c r="G54244" i="1"/>
  <c r="G54245" i="1"/>
  <c r="G54246" i="1"/>
  <c r="G54247" i="1"/>
  <c r="G54248" i="1"/>
  <c r="G54249" i="1"/>
  <c r="G54250" i="1"/>
  <c r="G54251" i="1"/>
  <c r="G54252" i="1"/>
  <c r="G54253" i="1"/>
  <c r="G54254" i="1"/>
  <c r="G54255" i="1"/>
  <c r="G54256" i="1"/>
  <c r="G54257" i="1"/>
  <c r="G54258" i="1"/>
  <c r="G54259" i="1"/>
  <c r="G54260" i="1"/>
  <c r="G54261" i="1"/>
  <c r="G54262" i="1"/>
  <c r="G54263" i="1"/>
  <c r="G54264" i="1"/>
  <c r="G54265" i="1"/>
  <c r="G54266" i="1"/>
  <c r="G54267" i="1"/>
  <c r="G54268" i="1"/>
  <c r="G54269" i="1"/>
  <c r="G54270" i="1"/>
  <c r="G54271" i="1"/>
  <c r="G54272" i="1"/>
  <c r="G54273" i="1"/>
  <c r="G54274" i="1"/>
  <c r="G54275" i="1"/>
  <c r="G54276" i="1"/>
  <c r="G54277" i="1"/>
  <c r="G54278" i="1"/>
  <c r="G54279" i="1"/>
  <c r="G54280" i="1"/>
  <c r="G54281" i="1"/>
  <c r="G54282" i="1"/>
  <c r="G54283" i="1"/>
  <c r="G54284" i="1"/>
  <c r="G54285" i="1"/>
  <c r="G54286" i="1"/>
  <c r="G54287" i="1"/>
  <c r="G54288" i="1"/>
  <c r="G54289" i="1"/>
  <c r="G54290" i="1"/>
  <c r="G54291" i="1"/>
  <c r="G54292" i="1"/>
  <c r="G54293" i="1"/>
  <c r="G54294" i="1"/>
  <c r="G54295" i="1"/>
  <c r="G54296" i="1"/>
  <c r="G54297" i="1"/>
  <c r="G54298" i="1"/>
  <c r="G54299" i="1"/>
  <c r="G54300" i="1"/>
  <c r="G54301" i="1"/>
  <c r="G54302" i="1"/>
  <c r="G54303" i="1"/>
  <c r="G54304" i="1"/>
  <c r="G54305" i="1"/>
  <c r="G54306" i="1"/>
  <c r="G54307" i="1"/>
  <c r="G54308" i="1"/>
  <c r="G54309" i="1"/>
  <c r="G54310" i="1"/>
  <c r="G54311" i="1"/>
  <c r="G54312" i="1"/>
  <c r="G54313" i="1"/>
  <c r="G54314" i="1"/>
  <c r="G54315" i="1"/>
  <c r="G54316" i="1"/>
  <c r="G54317" i="1"/>
  <c r="G54318" i="1"/>
  <c r="G54319" i="1"/>
  <c r="G54320" i="1"/>
  <c r="G54321" i="1"/>
  <c r="G54322" i="1"/>
  <c r="G54323" i="1"/>
  <c r="G54324" i="1"/>
  <c r="G54325" i="1"/>
  <c r="G54326" i="1"/>
  <c r="G54327" i="1"/>
  <c r="G54328" i="1"/>
  <c r="G54329" i="1"/>
  <c r="G54330" i="1"/>
  <c r="G54331" i="1"/>
  <c r="G54332" i="1"/>
  <c r="G54333" i="1"/>
  <c r="G54334" i="1"/>
  <c r="G54335" i="1"/>
  <c r="G54336" i="1"/>
  <c r="G54337" i="1"/>
  <c r="G54338" i="1"/>
  <c r="G54339" i="1"/>
  <c r="G54340" i="1"/>
  <c r="G54341" i="1"/>
  <c r="G54342" i="1"/>
  <c r="G54343" i="1"/>
  <c r="G54344" i="1"/>
  <c r="G54345" i="1"/>
  <c r="G54346" i="1"/>
  <c r="G54347" i="1"/>
  <c r="G54348" i="1"/>
  <c r="G54349" i="1"/>
  <c r="G54350" i="1"/>
  <c r="G54351" i="1"/>
  <c r="G54352" i="1"/>
  <c r="G54353" i="1"/>
  <c r="G54354" i="1"/>
  <c r="G54355" i="1"/>
  <c r="G54356" i="1"/>
  <c r="G54357" i="1"/>
  <c r="G54358" i="1"/>
  <c r="G54359" i="1"/>
  <c r="G54360" i="1"/>
  <c r="G54361" i="1"/>
  <c r="G54362" i="1"/>
  <c r="G54363" i="1"/>
  <c r="G54364" i="1"/>
  <c r="G54365" i="1"/>
  <c r="G54366" i="1"/>
  <c r="G54367" i="1"/>
  <c r="G54368" i="1"/>
  <c r="G54369" i="1"/>
  <c r="G54370" i="1"/>
  <c r="G54371" i="1"/>
  <c r="G54372" i="1"/>
  <c r="G54373" i="1"/>
  <c r="G54374" i="1"/>
  <c r="G54375" i="1"/>
  <c r="G54376" i="1"/>
  <c r="G54377" i="1"/>
  <c r="G54378" i="1"/>
  <c r="G54379" i="1"/>
  <c r="G54380" i="1"/>
  <c r="G54381" i="1"/>
  <c r="G54382" i="1"/>
  <c r="G54383" i="1"/>
  <c r="G54384" i="1"/>
  <c r="G54385" i="1"/>
  <c r="G54386" i="1"/>
  <c r="G54387" i="1"/>
  <c r="G54388" i="1"/>
  <c r="G54389" i="1"/>
  <c r="G54390" i="1"/>
  <c r="G54391" i="1"/>
  <c r="G54392" i="1"/>
  <c r="G54393" i="1"/>
  <c r="G54394" i="1"/>
  <c r="G54395" i="1"/>
  <c r="G54396" i="1"/>
  <c r="G54397" i="1"/>
  <c r="G54398" i="1"/>
  <c r="G54399" i="1"/>
  <c r="G54400" i="1"/>
  <c r="G54401" i="1"/>
  <c r="G54402" i="1"/>
  <c r="G54403" i="1"/>
  <c r="G54404" i="1"/>
  <c r="G54405" i="1"/>
  <c r="G54406" i="1"/>
  <c r="G54407" i="1"/>
  <c r="G54408" i="1"/>
  <c r="G54409" i="1"/>
  <c r="G54410" i="1"/>
  <c r="G54411" i="1"/>
  <c r="G54412" i="1"/>
  <c r="G54413" i="1"/>
  <c r="G54414" i="1"/>
  <c r="G54415" i="1"/>
  <c r="G54416" i="1"/>
  <c r="G54417" i="1"/>
  <c r="G54418" i="1"/>
  <c r="G54419" i="1"/>
  <c r="G54420" i="1"/>
  <c r="G54421" i="1"/>
  <c r="G54422" i="1"/>
  <c r="G54423" i="1"/>
  <c r="G54424" i="1"/>
  <c r="G54425" i="1"/>
  <c r="G54426" i="1"/>
  <c r="G54427" i="1"/>
  <c r="G54428" i="1"/>
  <c r="G54429" i="1"/>
  <c r="G54430" i="1"/>
  <c r="G54431" i="1"/>
  <c r="G54432" i="1"/>
  <c r="G54433" i="1"/>
  <c r="G54434" i="1"/>
  <c r="G54435" i="1"/>
  <c r="G54436" i="1"/>
  <c r="G54437" i="1"/>
  <c r="G54438" i="1"/>
  <c r="G54439" i="1"/>
  <c r="G54440" i="1"/>
  <c r="G54441" i="1"/>
  <c r="G54442" i="1"/>
  <c r="G54443" i="1"/>
  <c r="G54444" i="1"/>
  <c r="G54445" i="1"/>
  <c r="G54446" i="1"/>
  <c r="G54447" i="1"/>
  <c r="G54448" i="1"/>
  <c r="G54449" i="1"/>
  <c r="G54450" i="1"/>
  <c r="G54451" i="1"/>
  <c r="G54452" i="1"/>
  <c r="G54453" i="1"/>
  <c r="G54454" i="1"/>
  <c r="G54455" i="1"/>
  <c r="G54456" i="1"/>
  <c r="G54457" i="1"/>
  <c r="G54458" i="1"/>
  <c r="G54459" i="1"/>
  <c r="G54460" i="1"/>
  <c r="G54461" i="1"/>
  <c r="G54462" i="1"/>
  <c r="G54463" i="1"/>
  <c r="G54464" i="1"/>
  <c r="G54465" i="1"/>
  <c r="G54466" i="1"/>
  <c r="G54467" i="1"/>
  <c r="G54468" i="1"/>
  <c r="G54469" i="1"/>
  <c r="G54470" i="1"/>
  <c r="G54471" i="1"/>
  <c r="G54472" i="1"/>
  <c r="G54473" i="1"/>
  <c r="G54474" i="1"/>
  <c r="G54475" i="1"/>
  <c r="G54476" i="1"/>
  <c r="G54477" i="1"/>
  <c r="G54478" i="1"/>
  <c r="G54479" i="1"/>
  <c r="G54480" i="1"/>
  <c r="G54481" i="1"/>
  <c r="G54482" i="1"/>
  <c r="G54483" i="1"/>
  <c r="G54484" i="1"/>
  <c r="G54485" i="1"/>
  <c r="G54486" i="1"/>
  <c r="G54487" i="1"/>
  <c r="G54488" i="1"/>
  <c r="G54489" i="1"/>
  <c r="G54490" i="1"/>
  <c r="G54491" i="1"/>
  <c r="G54492" i="1"/>
  <c r="G54493" i="1"/>
  <c r="G54494" i="1"/>
  <c r="G54495" i="1"/>
  <c r="G54496" i="1"/>
  <c r="G54497" i="1"/>
  <c r="G54498" i="1"/>
  <c r="G54499" i="1"/>
  <c r="G54500" i="1"/>
  <c r="G54501" i="1"/>
  <c r="G54502" i="1"/>
  <c r="G54503" i="1"/>
  <c r="G54504" i="1"/>
  <c r="G54505" i="1"/>
  <c r="G54506" i="1"/>
  <c r="G54507" i="1"/>
  <c r="G54508" i="1"/>
  <c r="G54509" i="1"/>
  <c r="G54510" i="1"/>
  <c r="G54511" i="1"/>
  <c r="G54512" i="1"/>
  <c r="G54513" i="1"/>
  <c r="G54514" i="1"/>
  <c r="G54515" i="1"/>
  <c r="G54516" i="1"/>
  <c r="G54517" i="1"/>
  <c r="G54518" i="1"/>
  <c r="G54519" i="1"/>
  <c r="G54520" i="1"/>
  <c r="G54521" i="1"/>
  <c r="G54522" i="1"/>
  <c r="G54523" i="1"/>
  <c r="G54524" i="1"/>
  <c r="G54525" i="1"/>
  <c r="G54526" i="1"/>
  <c r="G54527" i="1"/>
  <c r="G54528" i="1"/>
  <c r="G54529" i="1"/>
  <c r="G54530" i="1"/>
  <c r="G54531" i="1"/>
  <c r="G54532" i="1"/>
  <c r="G54533" i="1"/>
  <c r="G54534" i="1"/>
  <c r="G54535" i="1"/>
  <c r="G54536" i="1"/>
  <c r="G54537" i="1"/>
  <c r="G54538" i="1"/>
  <c r="G54539" i="1"/>
  <c r="G54540" i="1"/>
  <c r="G54541" i="1"/>
  <c r="G54542" i="1"/>
  <c r="G54543" i="1"/>
  <c r="G54544" i="1"/>
  <c r="G54545" i="1"/>
  <c r="G54546" i="1"/>
  <c r="G54547" i="1"/>
  <c r="G54548" i="1"/>
  <c r="G54549" i="1"/>
  <c r="G54550" i="1"/>
  <c r="G54551" i="1"/>
  <c r="G54552" i="1"/>
  <c r="G54553" i="1"/>
  <c r="G54554" i="1"/>
  <c r="G54555" i="1"/>
  <c r="G54556" i="1"/>
  <c r="G54557" i="1"/>
  <c r="G54558" i="1"/>
  <c r="G54559" i="1"/>
  <c r="G54560" i="1"/>
  <c r="G54561" i="1"/>
  <c r="G54562" i="1"/>
  <c r="G54563" i="1"/>
  <c r="G54564" i="1"/>
  <c r="G54565" i="1"/>
  <c r="G54566" i="1"/>
  <c r="G54567" i="1"/>
  <c r="G54568" i="1"/>
  <c r="G54569" i="1"/>
  <c r="G54570" i="1"/>
  <c r="G54571" i="1"/>
  <c r="G54572" i="1"/>
  <c r="G54573" i="1"/>
  <c r="G54574" i="1"/>
  <c r="G54575" i="1"/>
  <c r="G54576" i="1"/>
  <c r="G54577" i="1"/>
  <c r="G54578" i="1"/>
  <c r="G54579" i="1"/>
  <c r="G54580" i="1"/>
  <c r="G54581" i="1"/>
  <c r="G54582" i="1"/>
  <c r="G54583" i="1"/>
  <c r="G54584" i="1"/>
  <c r="G54585" i="1"/>
  <c r="G54586" i="1"/>
  <c r="G54587" i="1"/>
  <c r="G54588" i="1"/>
  <c r="G54589" i="1"/>
  <c r="G54590" i="1"/>
  <c r="G54591" i="1"/>
  <c r="G54592" i="1"/>
  <c r="G54593" i="1"/>
  <c r="G54594" i="1"/>
  <c r="G54595" i="1"/>
  <c r="G54596" i="1"/>
  <c r="G54597" i="1"/>
  <c r="G54598" i="1"/>
  <c r="G54599" i="1"/>
  <c r="G54600" i="1"/>
  <c r="G54601" i="1"/>
  <c r="G54602" i="1"/>
  <c r="G54603" i="1"/>
  <c r="G54604" i="1"/>
  <c r="G54605" i="1"/>
  <c r="G54606" i="1"/>
  <c r="G54607" i="1"/>
  <c r="G54608" i="1"/>
  <c r="G54609" i="1"/>
  <c r="G54610" i="1"/>
  <c r="G54611" i="1"/>
  <c r="G54612" i="1"/>
  <c r="G54613" i="1"/>
  <c r="G54614" i="1"/>
  <c r="G54615" i="1"/>
  <c r="G54616" i="1"/>
  <c r="G54617" i="1"/>
  <c r="G54618" i="1"/>
  <c r="G54619" i="1"/>
  <c r="G54620" i="1"/>
  <c r="G54621" i="1"/>
  <c r="G54622" i="1"/>
  <c r="G54623" i="1"/>
  <c r="G54624" i="1"/>
  <c r="G54625" i="1"/>
  <c r="G54626" i="1"/>
  <c r="G54627" i="1"/>
  <c r="G54628" i="1"/>
  <c r="G54629" i="1"/>
  <c r="G54630" i="1"/>
  <c r="G54631" i="1"/>
  <c r="G54632" i="1"/>
  <c r="G54633" i="1"/>
  <c r="G54634" i="1"/>
  <c r="G54635" i="1"/>
  <c r="G54636" i="1"/>
  <c r="G54637" i="1"/>
  <c r="G54638" i="1"/>
  <c r="G54639" i="1"/>
  <c r="G54640" i="1"/>
  <c r="G54641" i="1"/>
  <c r="G54642" i="1"/>
  <c r="G54643" i="1"/>
  <c r="G54644" i="1"/>
  <c r="G54645" i="1"/>
  <c r="G54646" i="1"/>
  <c r="G54647" i="1"/>
  <c r="G54648" i="1"/>
  <c r="G54649" i="1"/>
  <c r="G54650" i="1"/>
  <c r="G54651" i="1"/>
  <c r="G54652" i="1"/>
  <c r="G54653" i="1"/>
  <c r="G54654" i="1"/>
  <c r="G54655" i="1"/>
  <c r="G54656" i="1"/>
  <c r="G54657" i="1"/>
  <c r="G54658" i="1"/>
  <c r="G54659" i="1"/>
  <c r="G54660" i="1"/>
  <c r="G54661" i="1"/>
  <c r="G54662" i="1"/>
  <c r="G54663" i="1"/>
  <c r="G54664" i="1"/>
  <c r="G54665" i="1"/>
  <c r="G54666" i="1"/>
  <c r="G54667" i="1"/>
  <c r="G54668" i="1"/>
  <c r="G54669" i="1"/>
  <c r="G54670" i="1"/>
  <c r="G54671" i="1"/>
  <c r="G54672" i="1"/>
  <c r="G54673" i="1"/>
  <c r="G54674" i="1"/>
  <c r="G54675" i="1"/>
  <c r="G54676" i="1"/>
  <c r="G54677" i="1"/>
  <c r="G54678" i="1"/>
  <c r="G54679" i="1"/>
  <c r="G54680" i="1"/>
  <c r="G54681" i="1"/>
  <c r="G54682" i="1"/>
  <c r="G54683" i="1"/>
  <c r="G54684" i="1"/>
  <c r="G54685" i="1"/>
  <c r="G54686" i="1"/>
  <c r="G54687" i="1"/>
  <c r="G54688" i="1"/>
  <c r="G54689" i="1"/>
  <c r="G54690" i="1"/>
  <c r="G54691" i="1"/>
  <c r="G54692" i="1"/>
  <c r="G54693" i="1"/>
  <c r="G54694" i="1"/>
  <c r="G54695" i="1"/>
  <c r="G54696" i="1"/>
  <c r="G54697" i="1"/>
  <c r="G54698" i="1"/>
  <c r="G54699" i="1"/>
  <c r="G54700" i="1"/>
  <c r="G54701" i="1"/>
  <c r="G54702" i="1"/>
  <c r="G54703" i="1"/>
  <c r="G54704" i="1"/>
  <c r="G54705" i="1"/>
  <c r="G54706" i="1"/>
  <c r="G54707" i="1"/>
  <c r="G54708" i="1"/>
  <c r="G54709" i="1"/>
  <c r="G54710" i="1"/>
  <c r="G54711" i="1"/>
  <c r="G54712" i="1"/>
  <c r="G54713" i="1"/>
  <c r="G54714" i="1"/>
  <c r="G54715" i="1"/>
  <c r="G54716" i="1"/>
  <c r="G54717" i="1"/>
  <c r="G54718" i="1"/>
  <c r="G54719" i="1"/>
  <c r="G54720" i="1"/>
  <c r="G54721" i="1"/>
  <c r="G54722" i="1"/>
  <c r="G54723" i="1"/>
  <c r="G54724" i="1"/>
  <c r="G54725" i="1"/>
  <c r="G54726" i="1"/>
  <c r="G54727" i="1"/>
  <c r="G54728" i="1"/>
  <c r="G54729" i="1"/>
  <c r="G54730" i="1"/>
  <c r="G54731" i="1"/>
  <c r="G54732" i="1"/>
  <c r="G54733" i="1"/>
  <c r="G54734" i="1"/>
  <c r="G54735" i="1"/>
  <c r="G54736" i="1"/>
  <c r="G54737" i="1"/>
  <c r="G54738" i="1"/>
  <c r="G54739" i="1"/>
  <c r="G54740" i="1"/>
  <c r="G54741" i="1"/>
  <c r="G54742" i="1"/>
  <c r="G54743" i="1"/>
  <c r="G54744" i="1"/>
  <c r="G54745" i="1"/>
  <c r="G54746" i="1"/>
  <c r="G54747" i="1"/>
  <c r="G54748" i="1"/>
  <c r="G54749" i="1"/>
  <c r="G54750" i="1"/>
  <c r="G54751" i="1"/>
  <c r="G54752" i="1"/>
  <c r="G54753" i="1"/>
  <c r="G54754" i="1"/>
  <c r="G54755" i="1"/>
  <c r="G54756" i="1"/>
  <c r="G54757" i="1"/>
  <c r="G54758" i="1"/>
  <c r="G54759" i="1"/>
  <c r="G54760" i="1"/>
  <c r="G54761" i="1"/>
  <c r="G54762" i="1"/>
  <c r="G54763" i="1"/>
  <c r="G54764" i="1"/>
  <c r="G54765" i="1"/>
  <c r="G54766" i="1"/>
  <c r="G54767" i="1"/>
  <c r="G54768" i="1"/>
  <c r="G54769" i="1"/>
  <c r="G54770" i="1"/>
  <c r="G54771" i="1"/>
  <c r="G54772" i="1"/>
  <c r="G54773" i="1"/>
  <c r="G54774" i="1"/>
  <c r="G54775" i="1"/>
  <c r="G54776" i="1"/>
  <c r="G54777" i="1"/>
  <c r="G54778" i="1"/>
  <c r="G54779" i="1"/>
  <c r="G54780" i="1"/>
  <c r="G54781" i="1"/>
  <c r="G54782" i="1"/>
  <c r="G54783" i="1"/>
  <c r="G54784" i="1"/>
  <c r="G54785" i="1"/>
  <c r="G54786" i="1"/>
  <c r="G54787" i="1"/>
  <c r="G54788" i="1"/>
  <c r="G54789" i="1"/>
  <c r="G54790" i="1"/>
  <c r="G54791" i="1"/>
  <c r="G54792" i="1"/>
  <c r="G54793" i="1"/>
  <c r="G54794" i="1"/>
  <c r="G54795" i="1"/>
  <c r="G54796" i="1"/>
  <c r="G54797" i="1"/>
  <c r="G54798" i="1"/>
  <c r="G54799" i="1"/>
  <c r="G54800" i="1"/>
  <c r="G54801" i="1"/>
  <c r="G54802" i="1"/>
  <c r="G54803" i="1"/>
  <c r="G54804" i="1"/>
  <c r="G54805" i="1"/>
  <c r="G54806" i="1"/>
  <c r="G54807" i="1"/>
  <c r="G54808" i="1"/>
  <c r="G54809" i="1"/>
  <c r="G54810" i="1"/>
  <c r="G54811" i="1"/>
  <c r="G54812" i="1"/>
  <c r="G54813" i="1"/>
  <c r="G54814" i="1"/>
  <c r="G54815" i="1"/>
  <c r="G54816" i="1"/>
  <c r="G54817" i="1"/>
  <c r="G54818" i="1"/>
  <c r="G54819" i="1"/>
  <c r="G54820" i="1"/>
  <c r="G54821" i="1"/>
  <c r="G54822" i="1"/>
  <c r="G54823" i="1"/>
  <c r="G54824" i="1"/>
  <c r="G54825" i="1"/>
  <c r="G54826" i="1"/>
  <c r="G54827" i="1"/>
  <c r="G54828" i="1"/>
  <c r="G54829" i="1"/>
  <c r="G54830" i="1"/>
  <c r="G54831" i="1"/>
  <c r="G54832" i="1"/>
  <c r="G54833" i="1"/>
  <c r="G54834" i="1"/>
  <c r="G54835" i="1"/>
  <c r="G54836" i="1"/>
  <c r="G54837" i="1"/>
  <c r="G54838" i="1"/>
  <c r="G54839" i="1"/>
  <c r="G54840" i="1"/>
  <c r="G54841" i="1"/>
  <c r="G54842" i="1"/>
  <c r="G54843" i="1"/>
  <c r="G54844" i="1"/>
  <c r="G54845" i="1"/>
  <c r="G54846" i="1"/>
  <c r="G54847" i="1"/>
  <c r="G54848" i="1"/>
  <c r="G54849" i="1"/>
  <c r="G54850" i="1"/>
  <c r="G54851" i="1"/>
  <c r="G54852" i="1"/>
  <c r="G54853" i="1"/>
  <c r="G54854" i="1"/>
  <c r="G54855" i="1"/>
  <c r="G54856" i="1"/>
  <c r="G54857" i="1"/>
  <c r="G54858" i="1"/>
  <c r="G54859" i="1"/>
  <c r="G54860" i="1"/>
  <c r="G54861" i="1"/>
  <c r="G54862" i="1"/>
  <c r="G54863" i="1"/>
  <c r="G54864" i="1"/>
  <c r="G54865" i="1"/>
  <c r="G54866" i="1"/>
  <c r="G54867" i="1"/>
  <c r="G54868" i="1"/>
  <c r="G54869" i="1"/>
  <c r="G54870" i="1"/>
  <c r="G54871" i="1"/>
  <c r="G54872" i="1"/>
  <c r="G54873" i="1"/>
  <c r="G54874" i="1"/>
  <c r="G54875" i="1"/>
  <c r="G54876" i="1"/>
  <c r="G54877" i="1"/>
  <c r="G54878" i="1"/>
  <c r="G54879" i="1"/>
  <c r="G54880" i="1"/>
  <c r="G54881" i="1"/>
  <c r="G54882" i="1"/>
  <c r="G54883" i="1"/>
  <c r="G54884" i="1"/>
  <c r="G54885" i="1"/>
  <c r="G54886" i="1"/>
  <c r="G54887" i="1"/>
  <c r="G54888" i="1"/>
  <c r="G54889" i="1"/>
  <c r="G54890" i="1"/>
  <c r="G54891" i="1"/>
  <c r="G54892" i="1"/>
  <c r="G54893" i="1"/>
  <c r="G54894" i="1"/>
  <c r="G54895" i="1"/>
  <c r="G54896" i="1"/>
  <c r="G54897" i="1"/>
  <c r="G54898" i="1"/>
  <c r="G54899" i="1"/>
  <c r="G54900" i="1"/>
  <c r="G54901" i="1"/>
  <c r="G54902" i="1"/>
  <c r="G54903" i="1"/>
  <c r="G54904" i="1"/>
  <c r="G54905" i="1"/>
  <c r="G54906" i="1"/>
  <c r="G54907" i="1"/>
  <c r="G54908" i="1"/>
  <c r="G54909" i="1"/>
  <c r="G54910" i="1"/>
  <c r="G54911" i="1"/>
  <c r="G54912" i="1"/>
  <c r="G54913" i="1"/>
  <c r="G54914" i="1"/>
  <c r="G54915" i="1"/>
  <c r="G54916" i="1"/>
  <c r="G54917" i="1"/>
  <c r="G54918" i="1"/>
  <c r="G54919" i="1"/>
  <c r="G54920" i="1"/>
  <c r="G54921" i="1"/>
  <c r="G54922" i="1"/>
  <c r="G54923" i="1"/>
  <c r="G54924" i="1"/>
  <c r="G54925" i="1"/>
  <c r="G54926" i="1"/>
  <c r="G54927" i="1"/>
  <c r="G54928" i="1"/>
  <c r="G54929" i="1"/>
  <c r="G54930" i="1"/>
  <c r="G54931" i="1"/>
  <c r="G54932" i="1"/>
  <c r="G54933" i="1"/>
  <c r="G54934" i="1"/>
  <c r="G54935" i="1"/>
  <c r="G54936" i="1"/>
  <c r="G54937" i="1"/>
  <c r="G54938" i="1"/>
  <c r="G54939" i="1"/>
  <c r="G54940" i="1"/>
  <c r="G54941" i="1"/>
  <c r="G54942" i="1"/>
  <c r="G54943" i="1"/>
  <c r="G54944" i="1"/>
  <c r="G54945" i="1"/>
  <c r="G54946" i="1"/>
  <c r="G54947" i="1"/>
  <c r="G54948" i="1"/>
  <c r="G54949" i="1"/>
  <c r="G54950" i="1"/>
  <c r="G54951" i="1"/>
  <c r="G54952" i="1"/>
  <c r="G54953" i="1"/>
  <c r="G54954" i="1"/>
  <c r="G54955" i="1"/>
  <c r="G54956" i="1"/>
  <c r="G54957" i="1"/>
  <c r="G54958" i="1"/>
  <c r="G54959" i="1"/>
  <c r="G54960" i="1"/>
  <c r="G54961" i="1"/>
  <c r="G54962" i="1"/>
  <c r="G54963" i="1"/>
  <c r="G54964" i="1"/>
  <c r="G54965" i="1"/>
  <c r="G54966" i="1"/>
  <c r="G54967" i="1"/>
  <c r="G54968" i="1"/>
  <c r="G54969" i="1"/>
  <c r="G54970" i="1"/>
  <c r="G54971" i="1"/>
  <c r="G54972" i="1"/>
  <c r="G54973" i="1"/>
  <c r="G54974" i="1"/>
  <c r="G54975" i="1"/>
  <c r="G54976" i="1"/>
  <c r="G54977" i="1"/>
  <c r="G54978" i="1"/>
  <c r="G54979" i="1"/>
  <c r="G54980" i="1"/>
  <c r="G54981" i="1"/>
  <c r="G54982" i="1"/>
  <c r="G54983" i="1"/>
  <c r="G54984" i="1"/>
  <c r="G54985" i="1"/>
  <c r="G54986" i="1"/>
  <c r="G54987" i="1"/>
  <c r="G54988" i="1"/>
  <c r="G54989" i="1"/>
  <c r="G54990" i="1"/>
  <c r="G54991" i="1"/>
  <c r="G54992" i="1"/>
  <c r="G54993" i="1"/>
  <c r="G54994" i="1"/>
  <c r="G54995" i="1"/>
  <c r="G54996" i="1"/>
  <c r="G54997" i="1"/>
  <c r="G54998" i="1"/>
  <c r="G54999" i="1"/>
  <c r="G55000" i="1"/>
  <c r="G55001" i="1"/>
  <c r="G55002" i="1"/>
  <c r="G55003" i="1"/>
  <c r="G55004" i="1"/>
  <c r="G55005" i="1"/>
  <c r="G55006" i="1"/>
  <c r="G55007" i="1"/>
  <c r="G55008" i="1"/>
  <c r="G55009" i="1"/>
  <c r="G55010" i="1"/>
  <c r="G55011" i="1"/>
  <c r="G55012" i="1"/>
  <c r="G55013" i="1"/>
  <c r="G55014" i="1"/>
  <c r="G55015" i="1"/>
  <c r="G55016" i="1"/>
  <c r="G55017" i="1"/>
  <c r="G55018" i="1"/>
  <c r="G55019" i="1"/>
  <c r="G55020" i="1"/>
  <c r="G55021" i="1"/>
  <c r="G55022" i="1"/>
  <c r="G55023" i="1"/>
  <c r="G55024" i="1"/>
  <c r="G55025" i="1"/>
  <c r="G55026" i="1"/>
  <c r="G55027" i="1"/>
  <c r="G55028" i="1"/>
  <c r="G55029" i="1"/>
  <c r="G55030" i="1"/>
  <c r="G55031" i="1"/>
  <c r="G55032" i="1"/>
  <c r="G55033" i="1"/>
  <c r="G55034" i="1"/>
  <c r="G55035" i="1"/>
  <c r="G55036" i="1"/>
  <c r="G55037" i="1"/>
  <c r="G55038" i="1"/>
  <c r="G55039" i="1"/>
  <c r="G55040" i="1"/>
  <c r="G55041" i="1"/>
  <c r="G55042" i="1"/>
  <c r="G55043" i="1"/>
  <c r="G55044" i="1"/>
  <c r="G55045" i="1"/>
  <c r="G55046" i="1"/>
  <c r="G55047" i="1"/>
  <c r="G55048" i="1"/>
  <c r="G55049" i="1"/>
  <c r="G55050" i="1"/>
  <c r="G55051" i="1"/>
  <c r="G55052" i="1"/>
  <c r="G55053" i="1"/>
  <c r="G55054" i="1"/>
  <c r="G55055" i="1"/>
  <c r="G55056" i="1"/>
  <c r="G55057" i="1"/>
  <c r="G55058" i="1"/>
  <c r="G55059" i="1"/>
  <c r="G55060" i="1"/>
  <c r="G55061" i="1"/>
  <c r="G55062" i="1"/>
  <c r="G55063" i="1"/>
  <c r="G55064" i="1"/>
  <c r="G55065" i="1"/>
  <c r="G55066" i="1"/>
  <c r="G55067" i="1"/>
  <c r="G55068" i="1"/>
  <c r="G55069" i="1"/>
  <c r="G55070" i="1"/>
  <c r="G55071" i="1"/>
  <c r="G55072" i="1"/>
  <c r="G55073" i="1"/>
  <c r="G55074" i="1"/>
  <c r="G55075" i="1"/>
  <c r="G55076" i="1"/>
  <c r="G55077" i="1"/>
  <c r="G55078" i="1"/>
  <c r="G55079" i="1"/>
  <c r="G55080" i="1"/>
  <c r="G55081" i="1"/>
  <c r="G55082" i="1"/>
  <c r="G55083" i="1"/>
  <c r="G55084" i="1"/>
  <c r="G55085" i="1"/>
  <c r="G55086" i="1"/>
  <c r="G55087" i="1"/>
  <c r="G55088" i="1"/>
  <c r="G55089" i="1"/>
  <c r="G55090" i="1"/>
  <c r="G55091" i="1"/>
  <c r="G55092" i="1"/>
  <c r="G55093" i="1"/>
  <c r="G55094" i="1"/>
  <c r="G55095" i="1"/>
  <c r="G55096" i="1"/>
  <c r="G55097" i="1"/>
  <c r="G55098" i="1"/>
  <c r="G55099" i="1"/>
  <c r="G55100" i="1"/>
  <c r="G55101" i="1"/>
  <c r="G55102" i="1"/>
  <c r="G55103" i="1"/>
  <c r="G55104" i="1"/>
  <c r="G55105" i="1"/>
  <c r="G55106" i="1"/>
  <c r="G55107" i="1"/>
  <c r="G55108" i="1"/>
  <c r="G55109" i="1"/>
  <c r="G55110" i="1"/>
  <c r="G55111" i="1"/>
  <c r="G55112" i="1"/>
  <c r="G55113" i="1"/>
  <c r="G55114" i="1"/>
  <c r="G55115" i="1"/>
  <c r="G55116" i="1"/>
  <c r="G55117" i="1"/>
  <c r="G55118" i="1"/>
  <c r="G55119" i="1"/>
  <c r="G55120" i="1"/>
  <c r="G55121" i="1"/>
  <c r="G55122" i="1"/>
  <c r="G55123" i="1"/>
  <c r="G55124" i="1"/>
  <c r="G55125" i="1"/>
  <c r="G55126" i="1"/>
  <c r="G55127" i="1"/>
  <c r="G55128" i="1"/>
  <c r="G55129" i="1"/>
  <c r="G55130" i="1"/>
  <c r="G55131" i="1"/>
  <c r="G55132" i="1"/>
  <c r="G55133" i="1"/>
  <c r="G55134" i="1"/>
  <c r="G55135" i="1"/>
  <c r="G55136" i="1"/>
  <c r="G55137" i="1"/>
  <c r="G55138" i="1"/>
  <c r="G55139" i="1"/>
  <c r="G55140" i="1"/>
  <c r="G55141" i="1"/>
  <c r="G55142" i="1"/>
  <c r="G55143" i="1"/>
  <c r="G55144" i="1"/>
  <c r="G55145" i="1"/>
  <c r="G55146" i="1"/>
  <c r="G55147" i="1"/>
  <c r="G55148" i="1"/>
  <c r="G55149" i="1"/>
  <c r="G55150" i="1"/>
  <c r="G55151" i="1"/>
  <c r="G55152" i="1"/>
  <c r="G55153" i="1"/>
  <c r="G55154" i="1"/>
  <c r="G55155" i="1"/>
  <c r="G55156" i="1"/>
  <c r="G55157" i="1"/>
  <c r="G55158" i="1"/>
  <c r="G55159" i="1"/>
  <c r="G55160" i="1"/>
  <c r="G55161" i="1"/>
  <c r="G55162" i="1"/>
  <c r="G55163" i="1"/>
  <c r="G55164" i="1"/>
  <c r="G55165" i="1"/>
  <c r="G55166" i="1"/>
  <c r="G55167" i="1"/>
  <c r="G55168" i="1"/>
  <c r="G55169" i="1"/>
  <c r="G55170" i="1"/>
  <c r="G55171" i="1"/>
  <c r="G55172" i="1"/>
  <c r="G55173" i="1"/>
  <c r="G55174" i="1"/>
  <c r="G55175" i="1"/>
  <c r="G55176" i="1"/>
  <c r="G55177" i="1"/>
  <c r="G55178" i="1"/>
  <c r="G55179" i="1"/>
  <c r="G55180" i="1"/>
  <c r="G55181" i="1"/>
  <c r="G55182" i="1"/>
  <c r="G55183" i="1"/>
  <c r="G55184" i="1"/>
  <c r="G55185" i="1"/>
  <c r="G55186" i="1"/>
  <c r="G55187" i="1"/>
  <c r="G55188" i="1"/>
  <c r="G55189" i="1"/>
  <c r="G55190" i="1"/>
  <c r="G55191" i="1"/>
  <c r="G55192" i="1"/>
  <c r="G55193" i="1"/>
  <c r="G55194" i="1"/>
  <c r="G55195" i="1"/>
  <c r="G55196" i="1"/>
  <c r="G55197" i="1"/>
  <c r="G55198" i="1"/>
  <c r="G55199" i="1"/>
  <c r="G55200" i="1"/>
  <c r="G55201" i="1"/>
  <c r="G55202" i="1"/>
  <c r="G55203" i="1"/>
  <c r="G55204" i="1"/>
  <c r="G55205" i="1"/>
  <c r="G55206" i="1"/>
  <c r="G55207" i="1"/>
  <c r="G55208" i="1"/>
  <c r="G55209" i="1"/>
  <c r="G55210" i="1"/>
  <c r="G55211" i="1"/>
  <c r="G55212" i="1"/>
  <c r="G55213" i="1"/>
  <c r="G55214" i="1"/>
  <c r="G55215" i="1"/>
  <c r="G55216" i="1"/>
  <c r="G55217" i="1"/>
  <c r="G55218" i="1"/>
  <c r="G55219" i="1"/>
  <c r="G55220" i="1"/>
  <c r="G55221" i="1"/>
  <c r="G55222" i="1"/>
  <c r="G55223" i="1"/>
  <c r="G55224" i="1"/>
  <c r="G55225" i="1"/>
  <c r="G55226" i="1"/>
  <c r="G55227" i="1"/>
  <c r="G55228" i="1"/>
  <c r="G55229" i="1"/>
  <c r="G55230" i="1"/>
  <c r="G55231" i="1"/>
  <c r="G55232" i="1"/>
  <c r="G55233" i="1"/>
  <c r="G55234" i="1"/>
  <c r="G55235" i="1"/>
  <c r="G55236" i="1"/>
  <c r="G55237" i="1"/>
  <c r="G55238" i="1"/>
  <c r="G55239" i="1"/>
  <c r="G55240" i="1"/>
  <c r="G55241" i="1"/>
  <c r="G55242" i="1"/>
  <c r="G55243" i="1"/>
  <c r="G55244" i="1"/>
  <c r="G55245" i="1"/>
  <c r="G55246" i="1"/>
  <c r="G55247" i="1"/>
  <c r="G55248" i="1"/>
  <c r="G55249" i="1"/>
  <c r="G55250" i="1"/>
  <c r="G55251" i="1"/>
  <c r="G55252" i="1"/>
  <c r="G55253" i="1"/>
  <c r="G55254" i="1"/>
  <c r="G55255" i="1"/>
  <c r="G55256" i="1"/>
  <c r="G55257" i="1"/>
  <c r="G55258" i="1"/>
  <c r="G55259" i="1"/>
  <c r="G55260" i="1"/>
  <c r="G55261" i="1"/>
  <c r="G55262" i="1"/>
  <c r="G55263" i="1"/>
  <c r="G55264" i="1"/>
  <c r="G55265" i="1"/>
  <c r="G55266" i="1"/>
  <c r="G55267" i="1"/>
  <c r="G55268" i="1"/>
  <c r="G55269" i="1"/>
  <c r="G55270" i="1"/>
  <c r="G55271" i="1"/>
  <c r="G55272" i="1"/>
  <c r="G55273" i="1"/>
  <c r="G55274" i="1"/>
  <c r="G55275" i="1"/>
  <c r="G55276" i="1"/>
  <c r="G55277" i="1"/>
  <c r="G55278" i="1"/>
  <c r="G55279" i="1"/>
  <c r="G55280" i="1"/>
  <c r="G55281" i="1"/>
  <c r="G55282" i="1"/>
  <c r="G55283" i="1"/>
  <c r="G55284" i="1"/>
  <c r="G55285" i="1"/>
  <c r="G55286" i="1"/>
  <c r="G55287" i="1"/>
  <c r="G55288" i="1"/>
  <c r="G55289" i="1"/>
  <c r="G55290" i="1"/>
  <c r="G55291" i="1"/>
  <c r="G55292" i="1"/>
  <c r="G55293" i="1"/>
  <c r="G55294" i="1"/>
  <c r="G55295" i="1"/>
  <c r="G55296" i="1"/>
  <c r="G55297" i="1"/>
  <c r="G55298" i="1"/>
  <c r="G55299" i="1"/>
  <c r="G55300" i="1"/>
  <c r="G55301" i="1"/>
  <c r="G55302" i="1"/>
  <c r="G55303" i="1"/>
  <c r="G55304" i="1"/>
  <c r="G55305" i="1"/>
  <c r="G55306" i="1"/>
  <c r="G55307" i="1"/>
  <c r="G55308" i="1"/>
  <c r="G55309" i="1"/>
  <c r="G55310" i="1"/>
  <c r="G55311" i="1"/>
  <c r="G55312" i="1"/>
  <c r="G55313" i="1"/>
  <c r="G55314" i="1"/>
  <c r="G55315" i="1"/>
  <c r="G55316" i="1"/>
  <c r="G55317" i="1"/>
  <c r="G55318" i="1"/>
  <c r="G55319" i="1"/>
  <c r="G55320" i="1"/>
  <c r="G55321" i="1"/>
  <c r="G55322" i="1"/>
  <c r="G55323" i="1"/>
  <c r="G55324" i="1"/>
  <c r="G55325" i="1"/>
  <c r="G55326" i="1"/>
  <c r="G55327" i="1"/>
  <c r="G55328" i="1"/>
  <c r="G55329" i="1"/>
  <c r="G55330" i="1"/>
  <c r="G55331" i="1"/>
  <c r="G55332" i="1"/>
  <c r="G55333" i="1"/>
  <c r="G55334" i="1"/>
  <c r="G55335" i="1"/>
  <c r="G55336" i="1"/>
  <c r="G55337" i="1"/>
  <c r="G55338" i="1"/>
  <c r="G55339" i="1"/>
  <c r="G55340" i="1"/>
  <c r="G55341" i="1"/>
  <c r="G55342" i="1"/>
  <c r="G55343" i="1"/>
  <c r="G55344" i="1"/>
  <c r="G55345" i="1"/>
  <c r="G55346" i="1"/>
  <c r="G55347" i="1"/>
  <c r="G55348" i="1"/>
  <c r="G55349" i="1"/>
  <c r="G55350" i="1"/>
  <c r="G55351" i="1"/>
  <c r="G55352" i="1"/>
  <c r="G55353" i="1"/>
  <c r="G55354" i="1"/>
  <c r="G55355" i="1"/>
  <c r="G55356" i="1"/>
  <c r="G55357" i="1"/>
  <c r="G55358" i="1"/>
  <c r="G55359" i="1"/>
  <c r="G55360" i="1"/>
  <c r="G55361" i="1"/>
  <c r="G55362" i="1"/>
  <c r="G55363" i="1"/>
  <c r="G55364" i="1"/>
  <c r="G55365" i="1"/>
  <c r="G55366" i="1"/>
  <c r="G55367" i="1"/>
  <c r="G55368" i="1"/>
  <c r="G55369" i="1"/>
  <c r="G55370" i="1"/>
  <c r="G55371" i="1"/>
  <c r="G55372" i="1"/>
  <c r="G55373" i="1"/>
  <c r="G55374" i="1"/>
  <c r="G55375" i="1"/>
  <c r="G55376" i="1"/>
  <c r="G55377" i="1"/>
  <c r="G55378" i="1"/>
  <c r="G55379" i="1"/>
  <c r="G55380" i="1"/>
  <c r="G55381" i="1"/>
  <c r="G55382" i="1"/>
  <c r="G55383" i="1"/>
  <c r="G55384" i="1"/>
  <c r="G55385" i="1"/>
  <c r="G55386" i="1"/>
  <c r="G55387" i="1"/>
  <c r="G55388" i="1"/>
  <c r="G55389" i="1"/>
  <c r="G55390" i="1"/>
  <c r="G55391" i="1"/>
  <c r="G55392" i="1"/>
  <c r="G55393" i="1"/>
  <c r="G55394" i="1"/>
  <c r="G55395" i="1"/>
  <c r="G55396" i="1"/>
  <c r="G55397" i="1"/>
  <c r="G55398" i="1"/>
  <c r="G55399" i="1"/>
  <c r="G55400" i="1"/>
  <c r="G55401" i="1"/>
  <c r="G55402" i="1"/>
  <c r="G55403" i="1"/>
  <c r="G55404" i="1"/>
  <c r="G55405" i="1"/>
  <c r="G55406" i="1"/>
  <c r="G55407" i="1"/>
  <c r="G55408" i="1"/>
  <c r="G55409" i="1"/>
  <c r="G55410" i="1"/>
  <c r="G55411" i="1"/>
  <c r="G55412" i="1"/>
  <c r="G55413" i="1"/>
  <c r="G55414" i="1"/>
  <c r="G55415" i="1"/>
  <c r="G55416" i="1"/>
  <c r="G55417" i="1"/>
  <c r="G55418" i="1"/>
  <c r="G55419" i="1"/>
  <c r="G55420" i="1"/>
  <c r="G55421" i="1"/>
  <c r="G55422" i="1"/>
  <c r="G55423" i="1"/>
  <c r="G55424" i="1"/>
  <c r="G55425" i="1"/>
  <c r="G55426" i="1"/>
  <c r="G55427" i="1"/>
  <c r="G55428" i="1"/>
  <c r="G55429" i="1"/>
  <c r="G55430" i="1"/>
  <c r="G55431" i="1"/>
  <c r="G55432" i="1"/>
  <c r="G55433" i="1"/>
  <c r="G55434" i="1"/>
  <c r="G55435" i="1"/>
  <c r="G55436" i="1"/>
  <c r="G55437" i="1"/>
  <c r="G55438" i="1"/>
  <c r="G55439" i="1"/>
  <c r="G55440" i="1"/>
  <c r="G55441" i="1"/>
  <c r="G55442" i="1"/>
  <c r="G55443" i="1"/>
  <c r="G55444" i="1"/>
  <c r="G55445" i="1"/>
  <c r="G55446" i="1"/>
  <c r="G55447" i="1"/>
  <c r="G55448" i="1"/>
  <c r="G55449" i="1"/>
  <c r="G55450" i="1"/>
  <c r="G55451" i="1"/>
  <c r="G55452" i="1"/>
  <c r="G55453" i="1"/>
  <c r="G55454" i="1"/>
  <c r="G55455" i="1"/>
  <c r="G55456" i="1"/>
  <c r="G55457" i="1"/>
  <c r="G55458" i="1"/>
  <c r="G55459" i="1"/>
  <c r="G55460" i="1"/>
  <c r="G55461" i="1"/>
  <c r="G55462" i="1"/>
  <c r="G55463" i="1"/>
  <c r="G55464" i="1"/>
  <c r="G55465" i="1"/>
  <c r="G55466" i="1"/>
  <c r="G55467" i="1"/>
  <c r="G55468" i="1"/>
  <c r="G55469" i="1"/>
  <c r="G55470" i="1"/>
  <c r="G55471" i="1"/>
  <c r="G55472" i="1"/>
  <c r="G55473" i="1"/>
  <c r="G55474" i="1"/>
  <c r="G55475" i="1"/>
  <c r="G55476" i="1"/>
  <c r="G55477" i="1"/>
  <c r="G55478" i="1"/>
  <c r="G55479" i="1"/>
  <c r="G55480" i="1"/>
  <c r="G55481" i="1"/>
  <c r="G55482" i="1"/>
  <c r="G55483" i="1"/>
  <c r="G55484" i="1"/>
  <c r="G55485" i="1"/>
  <c r="G55486" i="1"/>
  <c r="G55487" i="1"/>
  <c r="G55488" i="1"/>
  <c r="G55489" i="1"/>
  <c r="G55490" i="1"/>
  <c r="G55491" i="1"/>
  <c r="G55492" i="1"/>
  <c r="G55493" i="1"/>
  <c r="G55494" i="1"/>
  <c r="G55495" i="1"/>
  <c r="G55496" i="1"/>
  <c r="G55497" i="1"/>
  <c r="G55498" i="1"/>
  <c r="G55499" i="1"/>
  <c r="G55500" i="1"/>
  <c r="G55501" i="1"/>
  <c r="G55502" i="1"/>
  <c r="G55503" i="1"/>
  <c r="G55504" i="1"/>
  <c r="G55505" i="1"/>
  <c r="G55506" i="1"/>
  <c r="G55507" i="1"/>
  <c r="G55508" i="1"/>
  <c r="G55509" i="1"/>
  <c r="G55510" i="1"/>
  <c r="G55511" i="1"/>
  <c r="G55512" i="1"/>
  <c r="G55513" i="1"/>
  <c r="G55514" i="1"/>
  <c r="G55515" i="1"/>
  <c r="G55516" i="1"/>
  <c r="G55517" i="1"/>
  <c r="G55518" i="1"/>
  <c r="G55519" i="1"/>
  <c r="G55520" i="1"/>
  <c r="G55521" i="1"/>
  <c r="G55522" i="1"/>
  <c r="G55523" i="1"/>
  <c r="G55524" i="1"/>
  <c r="G55525" i="1"/>
  <c r="G55526" i="1"/>
  <c r="G55527" i="1"/>
  <c r="G55528" i="1"/>
  <c r="G55529" i="1"/>
  <c r="G55530" i="1"/>
  <c r="G55531" i="1"/>
  <c r="G55532" i="1"/>
  <c r="G55533" i="1"/>
  <c r="G55534" i="1"/>
  <c r="G55535" i="1"/>
  <c r="G55536" i="1"/>
  <c r="G55537" i="1"/>
  <c r="G55538" i="1"/>
  <c r="G55539" i="1"/>
  <c r="G55540" i="1"/>
  <c r="G55541" i="1"/>
  <c r="G55542" i="1"/>
  <c r="G55543" i="1"/>
  <c r="G55544" i="1"/>
  <c r="G55545" i="1"/>
  <c r="G55546" i="1"/>
  <c r="G55547" i="1"/>
  <c r="G55548" i="1"/>
  <c r="G55549" i="1"/>
  <c r="G55550" i="1"/>
  <c r="G55551" i="1"/>
  <c r="G55552" i="1"/>
  <c r="G55553" i="1"/>
  <c r="G55554" i="1"/>
  <c r="G55555" i="1"/>
  <c r="G55556" i="1"/>
  <c r="G55557" i="1"/>
  <c r="G55558" i="1"/>
  <c r="G55559" i="1"/>
  <c r="G55560" i="1"/>
  <c r="G55561" i="1"/>
  <c r="G55562" i="1"/>
  <c r="G55563" i="1"/>
  <c r="G55564" i="1"/>
  <c r="G55565" i="1"/>
  <c r="G55566" i="1"/>
  <c r="G55567" i="1"/>
  <c r="G55568" i="1"/>
  <c r="G55569" i="1"/>
  <c r="G55570" i="1"/>
  <c r="G55571" i="1"/>
  <c r="G55572" i="1"/>
  <c r="G55573" i="1"/>
  <c r="G55574" i="1"/>
  <c r="G55575" i="1"/>
  <c r="G55576" i="1"/>
  <c r="G55577" i="1"/>
  <c r="G55578" i="1"/>
  <c r="G55579" i="1"/>
  <c r="G55580" i="1"/>
  <c r="G55581" i="1"/>
  <c r="G55582" i="1"/>
  <c r="G55583" i="1"/>
  <c r="G55584" i="1"/>
  <c r="G55585" i="1"/>
  <c r="G55586" i="1"/>
  <c r="G55587" i="1"/>
  <c r="G55588" i="1"/>
  <c r="G55589" i="1"/>
  <c r="G55590" i="1"/>
  <c r="G55591" i="1"/>
  <c r="G55592" i="1"/>
  <c r="G55593" i="1"/>
  <c r="G55594" i="1"/>
  <c r="G55595" i="1"/>
  <c r="G55596" i="1"/>
  <c r="G55597" i="1"/>
  <c r="G55598" i="1"/>
  <c r="G55599" i="1"/>
  <c r="G55600" i="1"/>
  <c r="G55601" i="1"/>
  <c r="G55602" i="1"/>
  <c r="G55603" i="1"/>
  <c r="G55604" i="1"/>
  <c r="G55605" i="1"/>
  <c r="G55606" i="1"/>
  <c r="G55607" i="1"/>
  <c r="G55608" i="1"/>
  <c r="G55609" i="1"/>
  <c r="G55610" i="1"/>
  <c r="G55611" i="1"/>
  <c r="G55612" i="1"/>
  <c r="G55613" i="1"/>
  <c r="G55614" i="1"/>
  <c r="G55615" i="1"/>
  <c r="G55616" i="1"/>
  <c r="G55617" i="1"/>
  <c r="G55618" i="1"/>
  <c r="G55619" i="1"/>
  <c r="G55620" i="1"/>
  <c r="G55621" i="1"/>
  <c r="G55622" i="1"/>
  <c r="G55623" i="1"/>
  <c r="G55624" i="1"/>
  <c r="G55625" i="1"/>
  <c r="G55626" i="1"/>
  <c r="G55627" i="1"/>
  <c r="G55628" i="1"/>
  <c r="G55629" i="1"/>
  <c r="G55630" i="1"/>
  <c r="G55631" i="1"/>
  <c r="G55632" i="1"/>
  <c r="G55633" i="1"/>
  <c r="G55634" i="1"/>
  <c r="G55635" i="1"/>
  <c r="G55636" i="1"/>
  <c r="G55637" i="1"/>
  <c r="G55638" i="1"/>
  <c r="G55639" i="1"/>
  <c r="G55640" i="1"/>
  <c r="G55641" i="1"/>
  <c r="G55642" i="1"/>
  <c r="G55643" i="1"/>
  <c r="G55644" i="1"/>
  <c r="G55645" i="1"/>
  <c r="G55646" i="1"/>
  <c r="G55647" i="1"/>
  <c r="G55648" i="1"/>
  <c r="G55649" i="1"/>
  <c r="G55650" i="1"/>
  <c r="G55651" i="1"/>
  <c r="G55652" i="1"/>
  <c r="G55653" i="1"/>
  <c r="G55654" i="1"/>
  <c r="G55655" i="1"/>
  <c r="G55656" i="1"/>
  <c r="G55657" i="1"/>
  <c r="G55658" i="1"/>
  <c r="G55659" i="1"/>
  <c r="G55660" i="1"/>
  <c r="G55661" i="1"/>
  <c r="G55662" i="1"/>
  <c r="G55663" i="1"/>
  <c r="G55664" i="1"/>
  <c r="G55665" i="1"/>
  <c r="G55666" i="1"/>
  <c r="G55667" i="1"/>
  <c r="G55668" i="1"/>
  <c r="G55669" i="1"/>
  <c r="G55670" i="1"/>
  <c r="G55671" i="1"/>
  <c r="G55672" i="1"/>
  <c r="G55673" i="1"/>
  <c r="G55674" i="1"/>
  <c r="G55675" i="1"/>
  <c r="G55676" i="1"/>
  <c r="G55677" i="1"/>
  <c r="G55678" i="1"/>
  <c r="G55679" i="1"/>
  <c r="G55680" i="1"/>
  <c r="G55681" i="1"/>
  <c r="G55682" i="1"/>
  <c r="G55683" i="1"/>
  <c r="G55684" i="1"/>
  <c r="G55685" i="1"/>
  <c r="G55686" i="1"/>
  <c r="G55687" i="1"/>
  <c r="G55688" i="1"/>
  <c r="G55689" i="1"/>
  <c r="G55690" i="1"/>
  <c r="G55691" i="1"/>
  <c r="G55692" i="1"/>
  <c r="G55693" i="1"/>
  <c r="G55694" i="1"/>
  <c r="G55695" i="1"/>
  <c r="G55696" i="1"/>
  <c r="G55697" i="1"/>
  <c r="G55698" i="1"/>
  <c r="G55699" i="1"/>
  <c r="G55700" i="1"/>
  <c r="G55701" i="1"/>
  <c r="G55702" i="1"/>
  <c r="G55703" i="1"/>
  <c r="G55704" i="1"/>
  <c r="G55705" i="1"/>
  <c r="G55706" i="1"/>
  <c r="G55707" i="1"/>
  <c r="G55708" i="1"/>
  <c r="G55709" i="1"/>
  <c r="G55710" i="1"/>
  <c r="G55711" i="1"/>
  <c r="G55712" i="1"/>
  <c r="G55713" i="1"/>
  <c r="G55714" i="1"/>
  <c r="G55715" i="1"/>
  <c r="G55716" i="1"/>
  <c r="G55717" i="1"/>
  <c r="G55718" i="1"/>
  <c r="G55719" i="1"/>
  <c r="G55720" i="1"/>
  <c r="G55721" i="1"/>
  <c r="G55722" i="1"/>
  <c r="G55723" i="1"/>
  <c r="G55724" i="1"/>
  <c r="G55725" i="1"/>
  <c r="G55726" i="1"/>
  <c r="G55727" i="1"/>
  <c r="G55728" i="1"/>
  <c r="G55729" i="1"/>
  <c r="G55730" i="1"/>
  <c r="G55731" i="1"/>
  <c r="G55732" i="1"/>
  <c r="G55733" i="1"/>
  <c r="G55734" i="1"/>
  <c r="G55735" i="1"/>
  <c r="G55736" i="1"/>
  <c r="G55737" i="1"/>
  <c r="G55738" i="1"/>
  <c r="G55739" i="1"/>
  <c r="G55740" i="1"/>
  <c r="G55741" i="1"/>
  <c r="G55742" i="1"/>
  <c r="G55743" i="1"/>
  <c r="G55744" i="1"/>
  <c r="G55745" i="1"/>
  <c r="G55746" i="1"/>
  <c r="G55747" i="1"/>
  <c r="G55748" i="1"/>
  <c r="G55749" i="1"/>
  <c r="G55750" i="1"/>
  <c r="G55751" i="1"/>
  <c r="G55752" i="1"/>
  <c r="G55753" i="1"/>
  <c r="G55754" i="1"/>
  <c r="G55755" i="1"/>
  <c r="G55756" i="1"/>
  <c r="G55757" i="1"/>
  <c r="G55758" i="1"/>
  <c r="G55759" i="1"/>
  <c r="G55760" i="1"/>
  <c r="G55761" i="1"/>
  <c r="G55762" i="1"/>
  <c r="G55763" i="1"/>
  <c r="G55764" i="1"/>
  <c r="G55765" i="1"/>
  <c r="G55766" i="1"/>
  <c r="G55767" i="1"/>
  <c r="G55768" i="1"/>
  <c r="G55769" i="1"/>
  <c r="G55770" i="1"/>
  <c r="G55771" i="1"/>
  <c r="G55772" i="1"/>
  <c r="G55773" i="1"/>
  <c r="G55774" i="1"/>
  <c r="G55775" i="1"/>
  <c r="G55776" i="1"/>
  <c r="G55777" i="1"/>
  <c r="G55778" i="1"/>
  <c r="G55779" i="1"/>
  <c r="G55780" i="1"/>
  <c r="G55781" i="1"/>
  <c r="G55782" i="1"/>
  <c r="G55783" i="1"/>
  <c r="G55784" i="1"/>
  <c r="G55785" i="1"/>
  <c r="G55786" i="1"/>
  <c r="G55787" i="1"/>
  <c r="G55788" i="1"/>
  <c r="G55789" i="1"/>
  <c r="G55790" i="1"/>
  <c r="G55791" i="1"/>
  <c r="G55792" i="1"/>
  <c r="G55793" i="1"/>
  <c r="G55794" i="1"/>
  <c r="G55795" i="1"/>
  <c r="G55796" i="1"/>
  <c r="G55797" i="1"/>
  <c r="G55798" i="1"/>
  <c r="G55799" i="1"/>
  <c r="G55800" i="1"/>
  <c r="G55801" i="1"/>
  <c r="G55802" i="1"/>
  <c r="G55803" i="1"/>
  <c r="G55804" i="1"/>
  <c r="G55805" i="1"/>
  <c r="G55806" i="1"/>
  <c r="G55807" i="1"/>
  <c r="G55808" i="1"/>
  <c r="G55809" i="1"/>
  <c r="G55810" i="1"/>
  <c r="G55811" i="1"/>
  <c r="G55812" i="1"/>
  <c r="G55813" i="1"/>
  <c r="G55814" i="1"/>
  <c r="G55815" i="1"/>
  <c r="G55816" i="1"/>
  <c r="G55817" i="1"/>
  <c r="G55818" i="1"/>
  <c r="G55819" i="1"/>
  <c r="G55820" i="1"/>
  <c r="G55821" i="1"/>
  <c r="G55822" i="1"/>
  <c r="G55823" i="1"/>
  <c r="G55824" i="1"/>
  <c r="G55825" i="1"/>
  <c r="G55826" i="1"/>
  <c r="G55827" i="1"/>
  <c r="G55828" i="1"/>
  <c r="G55829" i="1"/>
  <c r="G55830" i="1"/>
  <c r="G55831" i="1"/>
  <c r="G55832" i="1"/>
  <c r="G55833" i="1"/>
  <c r="G55834" i="1"/>
  <c r="G55835" i="1"/>
  <c r="G55836" i="1"/>
  <c r="G55837" i="1"/>
  <c r="G55838" i="1"/>
  <c r="G55839" i="1"/>
  <c r="G55840" i="1"/>
  <c r="G55841" i="1"/>
  <c r="G55842" i="1"/>
  <c r="G55843" i="1"/>
  <c r="G55844" i="1"/>
  <c r="G55845" i="1"/>
  <c r="G55846" i="1"/>
  <c r="G55847" i="1"/>
  <c r="G55848" i="1"/>
  <c r="G55849" i="1"/>
  <c r="G55850" i="1"/>
  <c r="G55851" i="1"/>
  <c r="G55852" i="1"/>
  <c r="G55853" i="1"/>
  <c r="G55854" i="1"/>
  <c r="G55855" i="1"/>
  <c r="G55856" i="1"/>
  <c r="G55857" i="1"/>
  <c r="G55858" i="1"/>
  <c r="G55859" i="1"/>
  <c r="G55860" i="1"/>
  <c r="G55861" i="1"/>
  <c r="G55862" i="1"/>
  <c r="G55863" i="1"/>
  <c r="G55864" i="1"/>
  <c r="G55865" i="1"/>
  <c r="G55866" i="1"/>
  <c r="G55867" i="1"/>
  <c r="G55868" i="1"/>
  <c r="G55869" i="1"/>
  <c r="G55870" i="1"/>
  <c r="G55871" i="1"/>
  <c r="G55872" i="1"/>
  <c r="G55873" i="1"/>
  <c r="G55874" i="1"/>
  <c r="G55875" i="1"/>
  <c r="G55876" i="1"/>
  <c r="G55877" i="1"/>
  <c r="G55878" i="1"/>
  <c r="G55879" i="1"/>
  <c r="G55880" i="1"/>
  <c r="G55881" i="1"/>
  <c r="G55882" i="1"/>
  <c r="G55883" i="1"/>
  <c r="G55884" i="1"/>
  <c r="G55885" i="1"/>
  <c r="G55886" i="1"/>
  <c r="G55887" i="1"/>
  <c r="G55888" i="1"/>
  <c r="G55889" i="1"/>
  <c r="G55890" i="1"/>
  <c r="G55891" i="1"/>
  <c r="G55892" i="1"/>
  <c r="G55893" i="1"/>
  <c r="G55894" i="1"/>
  <c r="G55895" i="1"/>
  <c r="G55896" i="1"/>
  <c r="G55897" i="1"/>
  <c r="G55898" i="1"/>
  <c r="G55899" i="1"/>
  <c r="G55900" i="1"/>
  <c r="G55901" i="1"/>
  <c r="G55902" i="1"/>
  <c r="G55903" i="1"/>
  <c r="G55904" i="1"/>
  <c r="G55905" i="1"/>
  <c r="G55906" i="1"/>
  <c r="G55907" i="1"/>
  <c r="G55908" i="1"/>
  <c r="G55909" i="1"/>
  <c r="G55910" i="1"/>
  <c r="G55911" i="1"/>
  <c r="G55912" i="1"/>
  <c r="G55913" i="1"/>
  <c r="G55914" i="1"/>
  <c r="G55915" i="1"/>
  <c r="G55916" i="1"/>
  <c r="G55917" i="1"/>
  <c r="G55918" i="1"/>
  <c r="G55919" i="1"/>
  <c r="G55920" i="1"/>
  <c r="G55921" i="1"/>
  <c r="G55922" i="1"/>
  <c r="G55923" i="1"/>
  <c r="G55924" i="1"/>
  <c r="G55925" i="1"/>
  <c r="G55926" i="1"/>
  <c r="G55927" i="1"/>
  <c r="G55928" i="1"/>
  <c r="G55929" i="1"/>
  <c r="G55930" i="1"/>
  <c r="G55931" i="1"/>
  <c r="G55932" i="1"/>
  <c r="G55933" i="1"/>
  <c r="G55934" i="1"/>
  <c r="G55935" i="1"/>
  <c r="G55936" i="1"/>
  <c r="G55937" i="1"/>
  <c r="G55938" i="1"/>
  <c r="G55939" i="1"/>
  <c r="G55940" i="1"/>
  <c r="G55941" i="1"/>
  <c r="G55942" i="1"/>
  <c r="G55943" i="1"/>
  <c r="G55944" i="1"/>
  <c r="G55945" i="1"/>
  <c r="G55946" i="1"/>
  <c r="G55947" i="1"/>
  <c r="G55948" i="1"/>
  <c r="G55949" i="1"/>
  <c r="G55950" i="1"/>
  <c r="G55951" i="1"/>
  <c r="G55952" i="1"/>
  <c r="G55953" i="1"/>
  <c r="G55954" i="1"/>
  <c r="G55955" i="1"/>
  <c r="G55956" i="1"/>
  <c r="G55957" i="1"/>
  <c r="G55958" i="1"/>
  <c r="G55959" i="1"/>
  <c r="G55960" i="1"/>
  <c r="G55961" i="1"/>
  <c r="G55962" i="1"/>
  <c r="G55963" i="1"/>
  <c r="G55964" i="1"/>
  <c r="G55965" i="1"/>
  <c r="G55966" i="1"/>
  <c r="G55967" i="1"/>
  <c r="G55968" i="1"/>
  <c r="G55969" i="1"/>
  <c r="G55970" i="1"/>
  <c r="G55971" i="1"/>
  <c r="G55972" i="1"/>
  <c r="G55973" i="1"/>
  <c r="G55974" i="1"/>
  <c r="G55975" i="1"/>
  <c r="G55976" i="1"/>
  <c r="G55977" i="1"/>
  <c r="G55978" i="1"/>
  <c r="G55979" i="1"/>
  <c r="G55980" i="1"/>
  <c r="G55981" i="1"/>
  <c r="G55982" i="1"/>
  <c r="G55983" i="1"/>
  <c r="G55984" i="1"/>
  <c r="G55985" i="1"/>
  <c r="G55986" i="1"/>
  <c r="G55987" i="1"/>
  <c r="G55988" i="1"/>
  <c r="G55989" i="1"/>
  <c r="G55990" i="1"/>
  <c r="G55991" i="1"/>
  <c r="G55992" i="1"/>
  <c r="G55993" i="1"/>
  <c r="G55994" i="1"/>
  <c r="G55995" i="1"/>
  <c r="G55996" i="1"/>
  <c r="G55997" i="1"/>
  <c r="G55998" i="1"/>
  <c r="G55999" i="1"/>
  <c r="G56000" i="1"/>
  <c r="G56001" i="1"/>
  <c r="G56002" i="1"/>
  <c r="G56003" i="1"/>
  <c r="G56004" i="1"/>
  <c r="G56005" i="1"/>
  <c r="G56006" i="1"/>
  <c r="G56007" i="1"/>
  <c r="G56008" i="1"/>
  <c r="G56009" i="1"/>
  <c r="G56010" i="1"/>
  <c r="G56011" i="1"/>
  <c r="G56012" i="1"/>
  <c r="G56013" i="1"/>
  <c r="G56014" i="1"/>
  <c r="G56015" i="1"/>
  <c r="G56016" i="1"/>
  <c r="G56017" i="1"/>
  <c r="G56018" i="1"/>
  <c r="G56019" i="1"/>
  <c r="G56020" i="1"/>
  <c r="G56021" i="1"/>
  <c r="G56022" i="1"/>
  <c r="G56023" i="1"/>
  <c r="G56024" i="1"/>
  <c r="G56025" i="1"/>
  <c r="G56026" i="1"/>
  <c r="G56027" i="1"/>
  <c r="G56028" i="1"/>
  <c r="G56029" i="1"/>
  <c r="G56030" i="1"/>
  <c r="G56031" i="1"/>
  <c r="G56032" i="1"/>
  <c r="G56033" i="1"/>
  <c r="G56034" i="1"/>
  <c r="G56035" i="1"/>
  <c r="G56036" i="1"/>
  <c r="G56037" i="1"/>
  <c r="G56038" i="1"/>
  <c r="G56039" i="1"/>
  <c r="G56040" i="1"/>
  <c r="G56041" i="1"/>
  <c r="G56042" i="1"/>
  <c r="G56043" i="1"/>
  <c r="G56044" i="1"/>
  <c r="G56045" i="1"/>
  <c r="G56046" i="1"/>
  <c r="G56047" i="1"/>
  <c r="G56048" i="1"/>
  <c r="G56049" i="1"/>
  <c r="G56050" i="1"/>
  <c r="G56051" i="1"/>
  <c r="G56052" i="1"/>
  <c r="G56053" i="1"/>
  <c r="G56054" i="1"/>
  <c r="G56055" i="1"/>
  <c r="G56056" i="1"/>
  <c r="G56057" i="1"/>
  <c r="G56058" i="1"/>
  <c r="G56059" i="1"/>
  <c r="G56060" i="1"/>
  <c r="G56061" i="1"/>
  <c r="G56062" i="1"/>
  <c r="G56063" i="1"/>
  <c r="G56064" i="1"/>
  <c r="G56065" i="1"/>
  <c r="G56066" i="1"/>
  <c r="G56067" i="1"/>
  <c r="G56068" i="1"/>
  <c r="G56069" i="1"/>
  <c r="G56070" i="1"/>
  <c r="G56071" i="1"/>
  <c r="G56072" i="1"/>
  <c r="G56073" i="1"/>
  <c r="G56074" i="1"/>
  <c r="G56075" i="1"/>
  <c r="G56076" i="1"/>
  <c r="G56077" i="1"/>
  <c r="G56078" i="1"/>
  <c r="G56079" i="1"/>
  <c r="G56080" i="1"/>
  <c r="G56081" i="1"/>
  <c r="G56082" i="1"/>
  <c r="G56083" i="1"/>
  <c r="G56084" i="1"/>
  <c r="G56085" i="1"/>
  <c r="G56086" i="1"/>
  <c r="G56087" i="1"/>
  <c r="G56088" i="1"/>
  <c r="G56089" i="1"/>
  <c r="G56090" i="1"/>
  <c r="G56091" i="1"/>
  <c r="G56092" i="1"/>
  <c r="G56093" i="1"/>
  <c r="G56094" i="1"/>
  <c r="G56095" i="1"/>
  <c r="G56096" i="1"/>
  <c r="G56097" i="1"/>
  <c r="G56098" i="1"/>
  <c r="G56099" i="1"/>
  <c r="G56100" i="1"/>
  <c r="G56101" i="1"/>
  <c r="G56102" i="1"/>
  <c r="G56103" i="1"/>
  <c r="G56104" i="1"/>
  <c r="G56105" i="1"/>
  <c r="G56106" i="1"/>
  <c r="G56107" i="1"/>
  <c r="G56108" i="1"/>
  <c r="G56109" i="1"/>
  <c r="G56110" i="1"/>
  <c r="G56111" i="1"/>
  <c r="G56112" i="1"/>
  <c r="G56113" i="1"/>
  <c r="G56114" i="1"/>
  <c r="G56115" i="1"/>
  <c r="G56116" i="1"/>
  <c r="G56117" i="1"/>
  <c r="G56118" i="1"/>
  <c r="G56119" i="1"/>
  <c r="G56120" i="1"/>
  <c r="G56121" i="1"/>
  <c r="G56122" i="1"/>
  <c r="G56123" i="1"/>
  <c r="G56124" i="1"/>
  <c r="G56125" i="1"/>
  <c r="G56126" i="1"/>
  <c r="G56127" i="1"/>
  <c r="G56128" i="1"/>
  <c r="G56129" i="1"/>
  <c r="G56130" i="1"/>
  <c r="G56131" i="1"/>
  <c r="G56132" i="1"/>
  <c r="G56133" i="1"/>
  <c r="G56134" i="1"/>
  <c r="G56135" i="1"/>
  <c r="G56136" i="1"/>
  <c r="G56137" i="1"/>
  <c r="G56138" i="1"/>
  <c r="G56139" i="1"/>
  <c r="G56140" i="1"/>
  <c r="G56141" i="1"/>
  <c r="G56142" i="1"/>
  <c r="G56143" i="1"/>
  <c r="G56144" i="1"/>
  <c r="G56145" i="1"/>
  <c r="G56146" i="1"/>
  <c r="G56147" i="1"/>
  <c r="G56148" i="1"/>
  <c r="G56149" i="1"/>
  <c r="G56150" i="1"/>
  <c r="G56151" i="1"/>
  <c r="G56152" i="1"/>
  <c r="G56153" i="1"/>
  <c r="G56154" i="1"/>
  <c r="G56155" i="1"/>
  <c r="G56156" i="1"/>
  <c r="G56157" i="1"/>
  <c r="G56158" i="1"/>
  <c r="G56159" i="1"/>
  <c r="G56160" i="1"/>
  <c r="G56161" i="1"/>
  <c r="G56162" i="1"/>
  <c r="G56163" i="1"/>
  <c r="G56164" i="1"/>
  <c r="G56165" i="1"/>
  <c r="G56166" i="1"/>
  <c r="G56167" i="1"/>
  <c r="G56168" i="1"/>
  <c r="G56169" i="1"/>
  <c r="G56170" i="1"/>
  <c r="G56171" i="1"/>
  <c r="G56172" i="1"/>
  <c r="G56173" i="1"/>
  <c r="G56174" i="1"/>
  <c r="G56175" i="1"/>
  <c r="G56176" i="1"/>
  <c r="G56177" i="1"/>
  <c r="G56178" i="1"/>
  <c r="G56179" i="1"/>
  <c r="G56180" i="1"/>
  <c r="G56181" i="1"/>
  <c r="G56182" i="1"/>
  <c r="G56183" i="1"/>
  <c r="G56184" i="1"/>
  <c r="G56185" i="1"/>
  <c r="G56186" i="1"/>
  <c r="G56187" i="1"/>
  <c r="G56188" i="1"/>
  <c r="G56189" i="1"/>
  <c r="G56190" i="1"/>
  <c r="G56191" i="1"/>
  <c r="G56192" i="1"/>
  <c r="G56193" i="1"/>
  <c r="G56194" i="1"/>
  <c r="G56195" i="1"/>
  <c r="G56196" i="1"/>
  <c r="G56197" i="1"/>
  <c r="G56198" i="1"/>
  <c r="G56199" i="1"/>
  <c r="G56200" i="1"/>
  <c r="G56201" i="1"/>
  <c r="G56202" i="1"/>
  <c r="G56203" i="1"/>
  <c r="G56204" i="1"/>
  <c r="G56205" i="1"/>
  <c r="G56206" i="1"/>
  <c r="G56207" i="1"/>
  <c r="G56208" i="1"/>
  <c r="G56209" i="1"/>
  <c r="G56210" i="1"/>
  <c r="G56211" i="1"/>
  <c r="G56212" i="1"/>
  <c r="G56213" i="1"/>
  <c r="G56214" i="1"/>
  <c r="G56215" i="1"/>
  <c r="G56216" i="1"/>
  <c r="G56217" i="1"/>
  <c r="G56218" i="1"/>
  <c r="G56219" i="1"/>
  <c r="G56220" i="1"/>
  <c r="G56221" i="1"/>
  <c r="G56222" i="1"/>
  <c r="G56223" i="1"/>
  <c r="G56224" i="1"/>
  <c r="G56225" i="1"/>
  <c r="G56226" i="1"/>
  <c r="G56227" i="1"/>
  <c r="G56228" i="1"/>
  <c r="G56229" i="1"/>
  <c r="G56230" i="1"/>
  <c r="G56231" i="1"/>
  <c r="G56232" i="1"/>
  <c r="G56233" i="1"/>
  <c r="G56234" i="1"/>
  <c r="G56235" i="1"/>
  <c r="G56236" i="1"/>
  <c r="G56237" i="1"/>
  <c r="G56238" i="1"/>
  <c r="G56239" i="1"/>
  <c r="G56240" i="1"/>
  <c r="G56241" i="1"/>
  <c r="G56242" i="1"/>
  <c r="G56243" i="1"/>
  <c r="G56244" i="1"/>
  <c r="G56245" i="1"/>
  <c r="G56246" i="1"/>
  <c r="G56247" i="1"/>
  <c r="G56248" i="1"/>
  <c r="G56249" i="1"/>
  <c r="G56250" i="1"/>
  <c r="G56251" i="1"/>
  <c r="G56252" i="1"/>
  <c r="G56253" i="1"/>
  <c r="G56254" i="1"/>
  <c r="G56255" i="1"/>
  <c r="G56256" i="1"/>
  <c r="G56257" i="1"/>
  <c r="G56258" i="1"/>
  <c r="G56259" i="1"/>
  <c r="G56260" i="1"/>
  <c r="G56261" i="1"/>
  <c r="G56262" i="1"/>
  <c r="G56263" i="1"/>
  <c r="G56264" i="1"/>
  <c r="G56265" i="1"/>
  <c r="G56266" i="1"/>
  <c r="G56267" i="1"/>
  <c r="G56268" i="1"/>
  <c r="G56269" i="1"/>
  <c r="G56270" i="1"/>
  <c r="G56271" i="1"/>
  <c r="G56272" i="1"/>
  <c r="G56273" i="1"/>
  <c r="G56274" i="1"/>
  <c r="G56275" i="1"/>
  <c r="G56276" i="1"/>
  <c r="G56277" i="1"/>
  <c r="G56278" i="1"/>
  <c r="G56279" i="1"/>
  <c r="G56280" i="1"/>
  <c r="G56281" i="1"/>
  <c r="G56282" i="1"/>
  <c r="G56283" i="1"/>
  <c r="G56284" i="1"/>
  <c r="G56285" i="1"/>
  <c r="G56286" i="1"/>
  <c r="G56287" i="1"/>
  <c r="G56288" i="1"/>
  <c r="G56289" i="1"/>
  <c r="G56290" i="1"/>
  <c r="G56291" i="1"/>
  <c r="G56292" i="1"/>
  <c r="G56293" i="1"/>
  <c r="G56294" i="1"/>
  <c r="G56295" i="1"/>
  <c r="G56296" i="1"/>
  <c r="G56297" i="1"/>
  <c r="G56298" i="1"/>
  <c r="G56299" i="1"/>
  <c r="G56300" i="1"/>
  <c r="G56301" i="1"/>
  <c r="G56302" i="1"/>
  <c r="G56303" i="1"/>
  <c r="G56304" i="1"/>
  <c r="G56305" i="1"/>
  <c r="G56306" i="1"/>
  <c r="G56307" i="1"/>
  <c r="G56308" i="1"/>
  <c r="G56309" i="1"/>
  <c r="G56310" i="1"/>
  <c r="G56311" i="1"/>
  <c r="G56312" i="1"/>
  <c r="G56313" i="1"/>
  <c r="G56314" i="1"/>
  <c r="G56315" i="1"/>
  <c r="G56316" i="1"/>
  <c r="G56317" i="1"/>
  <c r="G56318" i="1"/>
  <c r="G56319" i="1"/>
  <c r="G56320" i="1"/>
  <c r="G56321" i="1"/>
  <c r="G56322" i="1"/>
  <c r="G56323" i="1"/>
  <c r="G56324" i="1"/>
  <c r="G56325" i="1"/>
  <c r="G56326" i="1"/>
  <c r="G56327" i="1"/>
  <c r="G56328" i="1"/>
  <c r="G56329" i="1"/>
  <c r="G56330" i="1"/>
  <c r="G56331" i="1"/>
  <c r="G56332" i="1"/>
  <c r="G56333" i="1"/>
  <c r="G56334" i="1"/>
  <c r="G56335" i="1"/>
  <c r="G56336" i="1"/>
  <c r="G56337" i="1"/>
  <c r="G56338" i="1"/>
  <c r="G56339" i="1"/>
  <c r="G56340" i="1"/>
  <c r="G56341" i="1"/>
  <c r="G56342" i="1"/>
  <c r="G56343" i="1"/>
  <c r="G56344" i="1"/>
  <c r="G56345" i="1"/>
  <c r="G56346" i="1"/>
  <c r="G56347" i="1"/>
  <c r="G56348" i="1"/>
  <c r="G56349" i="1"/>
  <c r="G56350" i="1"/>
  <c r="G56351" i="1"/>
  <c r="G56352" i="1"/>
  <c r="G56353" i="1"/>
  <c r="G56354" i="1"/>
  <c r="G56355" i="1"/>
  <c r="G56356" i="1"/>
  <c r="G56357" i="1"/>
  <c r="G56358" i="1"/>
  <c r="G56359" i="1"/>
  <c r="G56360" i="1"/>
  <c r="G56361" i="1"/>
  <c r="G56362" i="1"/>
  <c r="G56363" i="1"/>
  <c r="G56364" i="1"/>
  <c r="G56365" i="1"/>
  <c r="G56366" i="1"/>
  <c r="G56367" i="1"/>
  <c r="G56368" i="1"/>
  <c r="G56369" i="1"/>
  <c r="G56370" i="1"/>
  <c r="G56371" i="1"/>
  <c r="G56372" i="1"/>
  <c r="G56373" i="1"/>
  <c r="G56374" i="1"/>
  <c r="G56375" i="1"/>
  <c r="G56376" i="1"/>
  <c r="G56377" i="1"/>
  <c r="G56378" i="1"/>
  <c r="G56379" i="1"/>
  <c r="G56380" i="1"/>
  <c r="G56381" i="1"/>
  <c r="G56382" i="1"/>
  <c r="G56383" i="1"/>
  <c r="G56384" i="1"/>
  <c r="G56385" i="1"/>
  <c r="G56386" i="1"/>
  <c r="G56387" i="1"/>
  <c r="G56388" i="1"/>
  <c r="G56389" i="1"/>
  <c r="G56390" i="1"/>
  <c r="G56391" i="1"/>
  <c r="G56392" i="1"/>
  <c r="G56393" i="1"/>
  <c r="G56394" i="1"/>
  <c r="G56395" i="1"/>
  <c r="G56396" i="1"/>
  <c r="G56397" i="1"/>
  <c r="G56398" i="1"/>
  <c r="G56399" i="1"/>
  <c r="G56400" i="1"/>
  <c r="G56401" i="1"/>
  <c r="G56402" i="1"/>
  <c r="G56403" i="1"/>
  <c r="G56404" i="1"/>
  <c r="G56405" i="1"/>
  <c r="G56406" i="1"/>
  <c r="G56407" i="1"/>
  <c r="G56408" i="1"/>
  <c r="G56409" i="1"/>
  <c r="G56410" i="1"/>
  <c r="G56411" i="1"/>
  <c r="G56412" i="1"/>
  <c r="G56413" i="1"/>
  <c r="G56414" i="1"/>
  <c r="G56415" i="1"/>
  <c r="G56416" i="1"/>
  <c r="G56417" i="1"/>
  <c r="G56418" i="1"/>
  <c r="G56419" i="1"/>
  <c r="G56420" i="1"/>
  <c r="G56421" i="1"/>
  <c r="G56422" i="1"/>
  <c r="G56423" i="1"/>
  <c r="G56424" i="1"/>
  <c r="G56425" i="1"/>
  <c r="G56426" i="1"/>
  <c r="G56427" i="1"/>
  <c r="G56428" i="1"/>
  <c r="G56429" i="1"/>
  <c r="G56430" i="1"/>
  <c r="G56431" i="1"/>
  <c r="G56432" i="1"/>
  <c r="G56433" i="1"/>
  <c r="G56434" i="1"/>
  <c r="G56435" i="1"/>
  <c r="G56436" i="1"/>
  <c r="G56437" i="1"/>
  <c r="G56438" i="1"/>
  <c r="G56439" i="1"/>
  <c r="G56440" i="1"/>
  <c r="G56441" i="1"/>
  <c r="G56442" i="1"/>
  <c r="G56443" i="1"/>
  <c r="G56444" i="1"/>
  <c r="G56445" i="1"/>
  <c r="G56446" i="1"/>
  <c r="G56447" i="1"/>
  <c r="G56448" i="1"/>
  <c r="G56449" i="1"/>
  <c r="G56450" i="1"/>
  <c r="G56451" i="1"/>
  <c r="G56452" i="1"/>
  <c r="G56453" i="1"/>
  <c r="G56454" i="1"/>
  <c r="G56455" i="1"/>
  <c r="G56456" i="1"/>
  <c r="G56457" i="1"/>
  <c r="G56458" i="1"/>
  <c r="G56459" i="1"/>
  <c r="G56460" i="1"/>
  <c r="G56461" i="1"/>
  <c r="G56462" i="1"/>
  <c r="G56463" i="1"/>
  <c r="G56464" i="1"/>
  <c r="G56465" i="1"/>
  <c r="G56466" i="1"/>
  <c r="G56467" i="1"/>
  <c r="G56468" i="1"/>
  <c r="G56469" i="1"/>
  <c r="G56470" i="1"/>
  <c r="G56471" i="1"/>
  <c r="G56472" i="1"/>
  <c r="G56473" i="1"/>
  <c r="G56474" i="1"/>
  <c r="G56475" i="1"/>
  <c r="G56476" i="1"/>
  <c r="G56477" i="1"/>
  <c r="G56478" i="1"/>
  <c r="G56479" i="1"/>
  <c r="G56480" i="1"/>
  <c r="G56481" i="1"/>
  <c r="G56482" i="1"/>
  <c r="G56483" i="1"/>
  <c r="G56484" i="1"/>
  <c r="G56485" i="1"/>
  <c r="G56486" i="1"/>
  <c r="G56487" i="1"/>
  <c r="G56488" i="1"/>
  <c r="G56489" i="1"/>
  <c r="G56490" i="1"/>
  <c r="G56491" i="1"/>
  <c r="G56492" i="1"/>
  <c r="G56493" i="1"/>
  <c r="G56494" i="1"/>
  <c r="G56495" i="1"/>
  <c r="G56496" i="1"/>
  <c r="G56497" i="1"/>
  <c r="G56498" i="1"/>
  <c r="G56499" i="1"/>
  <c r="G56500" i="1"/>
  <c r="G56501" i="1"/>
  <c r="G56502" i="1"/>
  <c r="G56503" i="1"/>
  <c r="G56504" i="1"/>
  <c r="G56505" i="1"/>
  <c r="G56506" i="1"/>
  <c r="G56507" i="1"/>
  <c r="G56508" i="1"/>
  <c r="G56509" i="1"/>
  <c r="G56510" i="1"/>
  <c r="G56511" i="1"/>
  <c r="G56512" i="1"/>
  <c r="G56513" i="1"/>
  <c r="G56514" i="1"/>
  <c r="G56515" i="1"/>
  <c r="G56516" i="1"/>
  <c r="G56517" i="1"/>
  <c r="G56518" i="1"/>
  <c r="G56519" i="1"/>
  <c r="G56520" i="1"/>
  <c r="G56521" i="1"/>
  <c r="G56522" i="1"/>
  <c r="G56523" i="1"/>
  <c r="G56524" i="1"/>
  <c r="G56525" i="1"/>
  <c r="G56526" i="1"/>
  <c r="G56527" i="1"/>
  <c r="G56528" i="1"/>
  <c r="G56529" i="1"/>
  <c r="G56530" i="1"/>
  <c r="G56531" i="1"/>
  <c r="G56532" i="1"/>
  <c r="G56533" i="1"/>
  <c r="G56534" i="1"/>
  <c r="G56535" i="1"/>
  <c r="G56536" i="1"/>
  <c r="G56537" i="1"/>
  <c r="G56538" i="1"/>
  <c r="G56539" i="1"/>
  <c r="G56540" i="1"/>
  <c r="G56541" i="1"/>
  <c r="G56542" i="1"/>
  <c r="G56543" i="1"/>
  <c r="G56544" i="1"/>
  <c r="G56545" i="1"/>
  <c r="G56546" i="1"/>
  <c r="G56547" i="1"/>
  <c r="G56548" i="1"/>
  <c r="G56549" i="1"/>
  <c r="G56550" i="1"/>
  <c r="G56551" i="1"/>
  <c r="G56552" i="1"/>
  <c r="G56553" i="1"/>
  <c r="G56554" i="1"/>
  <c r="G56555" i="1"/>
  <c r="G56556" i="1"/>
  <c r="G56557" i="1"/>
  <c r="G56558" i="1"/>
  <c r="G56559" i="1"/>
  <c r="G56560" i="1"/>
  <c r="G56561" i="1"/>
  <c r="G56562" i="1"/>
  <c r="G56563" i="1"/>
  <c r="G56564" i="1"/>
  <c r="G56565" i="1"/>
  <c r="G56566" i="1"/>
  <c r="G56567" i="1"/>
  <c r="G56568" i="1"/>
  <c r="G56569" i="1"/>
  <c r="G56570" i="1"/>
  <c r="G56571" i="1"/>
  <c r="G56572" i="1"/>
  <c r="G56573" i="1"/>
  <c r="G56574" i="1"/>
  <c r="G56575" i="1"/>
  <c r="G56576" i="1"/>
  <c r="G56577" i="1"/>
  <c r="G56578" i="1"/>
  <c r="G56579" i="1"/>
  <c r="G56580" i="1"/>
  <c r="G56581" i="1"/>
  <c r="G56582" i="1"/>
  <c r="G56583" i="1"/>
  <c r="G56584" i="1"/>
  <c r="G56585" i="1"/>
  <c r="G56586" i="1"/>
  <c r="G56587" i="1"/>
  <c r="G56588" i="1"/>
  <c r="G56589" i="1"/>
  <c r="G56590" i="1"/>
  <c r="G56591" i="1"/>
  <c r="G56592" i="1"/>
  <c r="G56593" i="1"/>
  <c r="G56594" i="1"/>
  <c r="G56595" i="1"/>
  <c r="G56596" i="1"/>
  <c r="G56597" i="1"/>
  <c r="G56598" i="1"/>
  <c r="G56599" i="1"/>
  <c r="G56600" i="1"/>
  <c r="G56601" i="1"/>
  <c r="G56602" i="1"/>
  <c r="G56603" i="1"/>
  <c r="G56604" i="1"/>
  <c r="G56605" i="1"/>
  <c r="G56606" i="1"/>
  <c r="G56607" i="1"/>
  <c r="G56608" i="1"/>
  <c r="G56609" i="1"/>
  <c r="G56610" i="1"/>
  <c r="G56611" i="1"/>
  <c r="G56612" i="1"/>
  <c r="G56613" i="1"/>
  <c r="G56614" i="1"/>
  <c r="G56615" i="1"/>
  <c r="G56616" i="1"/>
  <c r="G56617" i="1"/>
  <c r="G56618" i="1"/>
  <c r="G56619" i="1"/>
  <c r="G56620" i="1"/>
  <c r="G56621" i="1"/>
  <c r="G56622" i="1"/>
  <c r="G56623" i="1"/>
  <c r="G56624" i="1"/>
  <c r="G56625" i="1"/>
  <c r="G56626" i="1"/>
  <c r="G56627" i="1"/>
  <c r="G56628" i="1"/>
  <c r="G56629" i="1"/>
  <c r="G56630" i="1"/>
  <c r="G56631" i="1"/>
  <c r="G56632" i="1"/>
  <c r="G56633" i="1"/>
  <c r="G56634" i="1"/>
  <c r="G56635" i="1"/>
  <c r="G56636" i="1"/>
  <c r="G56637" i="1"/>
  <c r="G56638" i="1"/>
  <c r="G56639" i="1"/>
  <c r="G56640" i="1"/>
  <c r="G56641" i="1"/>
  <c r="G56642" i="1"/>
  <c r="G56643" i="1"/>
  <c r="G56644" i="1"/>
  <c r="G56645" i="1"/>
  <c r="G56646" i="1"/>
  <c r="G56647" i="1"/>
  <c r="G56648" i="1"/>
  <c r="G56649" i="1"/>
  <c r="G56650" i="1"/>
  <c r="G56651" i="1"/>
  <c r="G56652" i="1"/>
  <c r="G56653" i="1"/>
  <c r="G56654" i="1"/>
  <c r="G56655" i="1"/>
  <c r="G56656" i="1"/>
  <c r="G56657" i="1"/>
  <c r="G56658" i="1"/>
  <c r="G56659" i="1"/>
  <c r="G56660" i="1"/>
  <c r="G56661" i="1"/>
  <c r="G56662" i="1"/>
  <c r="G56663" i="1"/>
  <c r="G56664" i="1"/>
  <c r="G56665" i="1"/>
  <c r="G56666" i="1"/>
  <c r="G56667" i="1"/>
  <c r="G56668" i="1"/>
  <c r="G56669" i="1"/>
  <c r="G56670" i="1"/>
  <c r="G56671" i="1"/>
  <c r="G56672" i="1"/>
  <c r="G56673" i="1"/>
  <c r="G56674" i="1"/>
  <c r="G56675" i="1"/>
  <c r="G56676" i="1"/>
  <c r="G56677" i="1"/>
  <c r="G56678" i="1"/>
  <c r="G56679" i="1"/>
  <c r="G56680" i="1"/>
  <c r="G56681" i="1"/>
  <c r="G56682" i="1"/>
  <c r="G56683" i="1"/>
  <c r="G56684" i="1"/>
  <c r="G56685" i="1"/>
  <c r="G56686" i="1"/>
  <c r="G56687" i="1"/>
  <c r="G56688" i="1"/>
  <c r="G56689" i="1"/>
  <c r="G56690" i="1"/>
  <c r="G56691" i="1"/>
  <c r="G56692" i="1"/>
  <c r="G56693" i="1"/>
  <c r="G56694" i="1"/>
  <c r="G56695" i="1"/>
  <c r="G56696" i="1"/>
  <c r="G56697" i="1"/>
  <c r="G56698" i="1"/>
  <c r="G56699" i="1"/>
  <c r="G56700" i="1"/>
  <c r="G56701" i="1"/>
  <c r="G56702" i="1"/>
  <c r="G56703" i="1"/>
  <c r="G56704" i="1"/>
  <c r="G56705" i="1"/>
  <c r="G56706" i="1"/>
  <c r="G56707" i="1"/>
  <c r="G56708" i="1"/>
  <c r="G56709" i="1"/>
  <c r="G56710" i="1"/>
  <c r="G56711" i="1"/>
  <c r="G56712" i="1"/>
  <c r="G56713" i="1"/>
  <c r="G56714" i="1"/>
  <c r="G56715" i="1"/>
  <c r="G56716" i="1"/>
  <c r="G56717" i="1"/>
  <c r="G56718" i="1"/>
  <c r="G56719" i="1"/>
  <c r="G56720" i="1"/>
  <c r="G56721" i="1"/>
  <c r="G56722" i="1"/>
  <c r="G56723" i="1"/>
  <c r="G56724" i="1"/>
  <c r="G56725" i="1"/>
  <c r="G56726" i="1"/>
  <c r="G56727" i="1"/>
  <c r="G56728" i="1"/>
  <c r="G56729" i="1"/>
  <c r="G56730" i="1"/>
  <c r="G56731" i="1"/>
  <c r="G56732" i="1"/>
  <c r="G56733" i="1"/>
  <c r="G56734" i="1"/>
  <c r="G56735" i="1"/>
  <c r="G56736" i="1"/>
  <c r="G56737" i="1"/>
  <c r="G56738" i="1"/>
  <c r="G56739" i="1"/>
  <c r="G56740" i="1"/>
  <c r="G56741" i="1"/>
  <c r="G56742" i="1"/>
  <c r="G56743" i="1"/>
  <c r="G56744" i="1"/>
  <c r="G56745" i="1"/>
  <c r="G56746" i="1"/>
  <c r="G56747" i="1"/>
  <c r="G56748" i="1"/>
  <c r="G56749" i="1"/>
  <c r="G56750" i="1"/>
  <c r="G56751" i="1"/>
  <c r="G56752" i="1"/>
  <c r="G56753" i="1"/>
  <c r="G56754" i="1"/>
  <c r="G56755" i="1"/>
  <c r="G56756" i="1"/>
  <c r="G56757" i="1"/>
  <c r="G56758" i="1"/>
  <c r="G56759" i="1"/>
  <c r="G56760" i="1"/>
  <c r="G56761" i="1"/>
  <c r="G56762" i="1"/>
  <c r="G56763" i="1"/>
  <c r="G56764" i="1"/>
  <c r="G56765" i="1"/>
  <c r="G56766" i="1"/>
  <c r="G56767" i="1"/>
  <c r="G56768" i="1"/>
  <c r="G56769" i="1"/>
  <c r="G56770" i="1"/>
  <c r="G56771" i="1"/>
  <c r="G56772" i="1"/>
  <c r="G56773" i="1"/>
  <c r="G56774" i="1"/>
  <c r="G56775" i="1"/>
  <c r="G56776" i="1"/>
  <c r="G56777" i="1"/>
  <c r="G56778" i="1"/>
  <c r="G56779" i="1"/>
  <c r="G56780" i="1"/>
  <c r="G56781" i="1"/>
  <c r="G56782" i="1"/>
  <c r="G56783" i="1"/>
  <c r="G56784" i="1"/>
  <c r="G56785" i="1"/>
  <c r="G56786" i="1"/>
  <c r="G56787" i="1"/>
  <c r="G56788" i="1"/>
  <c r="G56789" i="1"/>
  <c r="G56790" i="1"/>
  <c r="G56791" i="1"/>
  <c r="G56792" i="1"/>
  <c r="G56793" i="1"/>
  <c r="G56794" i="1"/>
  <c r="G56795" i="1"/>
  <c r="G56796" i="1"/>
  <c r="G56797" i="1"/>
  <c r="G56798" i="1"/>
  <c r="G56799" i="1"/>
  <c r="G56800" i="1"/>
  <c r="G56801" i="1"/>
  <c r="G56802" i="1"/>
  <c r="G56803" i="1"/>
  <c r="G56804" i="1"/>
  <c r="G56805" i="1"/>
  <c r="G56806" i="1"/>
  <c r="G56807" i="1"/>
  <c r="G56808" i="1"/>
  <c r="G56809" i="1"/>
  <c r="G56810" i="1"/>
  <c r="G56811" i="1"/>
  <c r="G56812" i="1"/>
  <c r="G56813" i="1"/>
  <c r="G56814" i="1"/>
  <c r="G56815" i="1"/>
  <c r="G56816" i="1"/>
  <c r="G56817" i="1"/>
  <c r="G56818" i="1"/>
  <c r="G56819" i="1"/>
  <c r="G56820" i="1"/>
  <c r="G56821" i="1"/>
  <c r="G56822" i="1"/>
  <c r="G56823" i="1"/>
  <c r="G56824" i="1"/>
  <c r="G56825" i="1"/>
  <c r="G56826" i="1"/>
  <c r="G56827" i="1"/>
  <c r="G56828" i="1"/>
  <c r="G56829" i="1"/>
  <c r="G56830" i="1"/>
  <c r="G56831" i="1"/>
  <c r="G56832" i="1"/>
  <c r="G56833" i="1"/>
  <c r="G56834" i="1"/>
  <c r="G56835" i="1"/>
  <c r="G56836" i="1"/>
  <c r="G56837" i="1"/>
  <c r="G56838" i="1"/>
  <c r="G56839" i="1"/>
  <c r="G56840" i="1"/>
  <c r="G56841" i="1"/>
  <c r="G56842" i="1"/>
  <c r="G56843" i="1"/>
  <c r="G56844" i="1"/>
  <c r="G56845" i="1"/>
  <c r="G56846" i="1"/>
  <c r="G56847" i="1"/>
  <c r="G56848" i="1"/>
  <c r="G56849" i="1"/>
  <c r="G56850" i="1"/>
  <c r="G56851" i="1"/>
  <c r="G56852" i="1"/>
  <c r="G56853" i="1"/>
  <c r="G56854" i="1"/>
  <c r="G56855" i="1"/>
  <c r="G56856" i="1"/>
  <c r="G56857" i="1"/>
  <c r="G56858" i="1"/>
  <c r="G56859" i="1"/>
  <c r="G56860" i="1"/>
  <c r="G56861" i="1"/>
  <c r="G56862" i="1"/>
  <c r="G56863" i="1"/>
  <c r="G56864" i="1"/>
  <c r="G56865" i="1"/>
  <c r="G56866" i="1"/>
  <c r="G56867" i="1"/>
  <c r="G56868" i="1"/>
  <c r="G56869" i="1"/>
  <c r="G56870" i="1"/>
  <c r="G56871" i="1"/>
  <c r="G56872" i="1"/>
  <c r="G56873" i="1"/>
  <c r="G56874" i="1"/>
  <c r="G56875" i="1"/>
  <c r="G56876" i="1"/>
  <c r="G56877" i="1"/>
  <c r="G56878" i="1"/>
  <c r="G56879" i="1"/>
  <c r="G56880" i="1"/>
  <c r="G56881" i="1"/>
  <c r="G56882" i="1"/>
  <c r="G56883" i="1"/>
  <c r="G56884" i="1"/>
  <c r="G56885" i="1"/>
  <c r="G56886" i="1"/>
  <c r="G56887" i="1"/>
  <c r="G56888" i="1"/>
  <c r="G56889" i="1"/>
  <c r="G56890" i="1"/>
  <c r="G56891" i="1"/>
  <c r="G56892" i="1"/>
  <c r="G56893" i="1"/>
  <c r="G56894" i="1"/>
  <c r="G56895" i="1"/>
  <c r="G56896" i="1"/>
  <c r="G56897" i="1"/>
  <c r="G56898" i="1"/>
  <c r="G56899" i="1"/>
  <c r="G56900" i="1"/>
  <c r="G56901" i="1"/>
  <c r="G56902" i="1"/>
  <c r="G56903" i="1"/>
  <c r="G56904" i="1"/>
  <c r="G56905" i="1"/>
  <c r="G56906" i="1"/>
  <c r="G56907" i="1"/>
  <c r="G56908" i="1"/>
  <c r="G56909" i="1"/>
  <c r="G56910" i="1"/>
  <c r="G56911" i="1"/>
  <c r="G56912" i="1"/>
  <c r="G56913" i="1"/>
  <c r="G56914" i="1"/>
  <c r="G56915" i="1"/>
  <c r="G56916" i="1"/>
  <c r="G56917" i="1"/>
  <c r="G56918" i="1"/>
  <c r="G56919" i="1"/>
  <c r="G56920" i="1"/>
  <c r="G56921" i="1"/>
  <c r="G56922" i="1"/>
  <c r="G56923" i="1"/>
  <c r="G56924" i="1"/>
  <c r="G56925" i="1"/>
  <c r="G56926" i="1"/>
  <c r="G56927" i="1"/>
  <c r="G56928" i="1"/>
  <c r="G56929" i="1"/>
  <c r="G56930" i="1"/>
  <c r="G56931" i="1"/>
  <c r="G56932" i="1"/>
  <c r="G56933" i="1"/>
  <c r="G56934" i="1"/>
  <c r="G56935" i="1"/>
  <c r="G56936" i="1"/>
  <c r="G56937" i="1"/>
  <c r="G56938" i="1"/>
  <c r="G56939" i="1"/>
  <c r="G56940" i="1"/>
  <c r="G56941" i="1"/>
  <c r="G56942" i="1"/>
  <c r="G56943" i="1"/>
  <c r="G56944" i="1"/>
  <c r="G56945" i="1"/>
  <c r="G56946" i="1"/>
  <c r="G56947" i="1"/>
  <c r="G56948" i="1"/>
  <c r="G56949" i="1"/>
  <c r="G56950" i="1"/>
  <c r="G56951" i="1"/>
  <c r="G56952" i="1"/>
  <c r="G56953" i="1"/>
  <c r="G56954" i="1"/>
  <c r="G56955" i="1"/>
  <c r="G56956" i="1"/>
  <c r="G56957" i="1"/>
  <c r="G56958" i="1"/>
  <c r="G56959" i="1"/>
  <c r="G56960" i="1"/>
  <c r="G56961" i="1"/>
  <c r="G56962" i="1"/>
  <c r="G56963" i="1"/>
  <c r="G56964" i="1"/>
  <c r="G56965" i="1"/>
  <c r="G56966" i="1"/>
  <c r="G56967" i="1"/>
  <c r="G56968" i="1"/>
  <c r="G56969" i="1"/>
  <c r="G56970" i="1"/>
  <c r="G56971" i="1"/>
  <c r="G56972" i="1"/>
  <c r="G56973" i="1"/>
  <c r="G56974" i="1"/>
  <c r="G56975" i="1"/>
  <c r="G56976" i="1"/>
  <c r="G56977" i="1"/>
  <c r="G56978" i="1"/>
  <c r="G56979" i="1"/>
  <c r="G56980" i="1"/>
  <c r="G56981" i="1"/>
  <c r="G56982" i="1"/>
  <c r="G56983" i="1"/>
  <c r="G56984" i="1"/>
  <c r="G56985" i="1"/>
  <c r="G56986" i="1"/>
  <c r="G56987" i="1"/>
  <c r="G56988" i="1"/>
  <c r="G56989" i="1"/>
  <c r="G56990" i="1"/>
  <c r="G56991" i="1"/>
  <c r="G56992" i="1"/>
  <c r="G56993" i="1"/>
  <c r="G56994" i="1"/>
  <c r="G56995" i="1"/>
  <c r="G56996" i="1"/>
  <c r="G56997" i="1"/>
  <c r="G56998" i="1"/>
  <c r="G56999" i="1"/>
  <c r="G57000" i="1"/>
  <c r="G57001" i="1"/>
  <c r="G57002" i="1"/>
  <c r="G57003" i="1"/>
  <c r="G57004" i="1"/>
  <c r="G57005" i="1"/>
  <c r="G57006" i="1"/>
  <c r="G57007" i="1"/>
  <c r="G57008" i="1"/>
  <c r="G57009" i="1"/>
  <c r="G57010" i="1"/>
  <c r="G57011" i="1"/>
  <c r="G57012" i="1"/>
  <c r="G57013" i="1"/>
  <c r="G57014" i="1"/>
  <c r="G57015" i="1"/>
  <c r="G57016" i="1"/>
  <c r="G57017" i="1"/>
  <c r="G57018" i="1"/>
  <c r="G57019" i="1"/>
  <c r="G57020" i="1"/>
  <c r="G57021" i="1"/>
  <c r="G57022" i="1"/>
  <c r="G57023" i="1"/>
  <c r="G57024" i="1"/>
  <c r="G57025" i="1"/>
  <c r="G57026" i="1"/>
  <c r="G57027" i="1"/>
  <c r="G57028" i="1"/>
  <c r="G57029" i="1"/>
  <c r="G57030" i="1"/>
  <c r="G57031" i="1"/>
  <c r="G57032" i="1"/>
  <c r="G57033" i="1"/>
  <c r="G57034" i="1"/>
  <c r="G57035" i="1"/>
  <c r="G57036" i="1"/>
  <c r="G57037" i="1"/>
  <c r="G57038" i="1"/>
  <c r="G57039" i="1"/>
  <c r="G57040" i="1"/>
  <c r="G57041" i="1"/>
  <c r="G57042" i="1"/>
  <c r="G57043" i="1"/>
  <c r="G57044" i="1"/>
  <c r="G57045" i="1"/>
  <c r="G57046" i="1"/>
  <c r="G57047" i="1"/>
  <c r="G57048" i="1"/>
  <c r="G57049" i="1"/>
  <c r="G57050" i="1"/>
  <c r="G57051" i="1"/>
  <c r="G57052" i="1"/>
  <c r="G57053" i="1"/>
  <c r="G57054" i="1"/>
  <c r="G57055" i="1"/>
  <c r="G57056" i="1"/>
  <c r="G57057" i="1"/>
  <c r="G57058" i="1"/>
  <c r="G57059" i="1"/>
  <c r="G57060" i="1"/>
  <c r="G57061" i="1"/>
  <c r="G57062" i="1"/>
  <c r="G57063" i="1"/>
  <c r="G57064" i="1"/>
  <c r="G57065" i="1"/>
  <c r="G57066" i="1"/>
  <c r="G57067" i="1"/>
  <c r="G57068" i="1"/>
  <c r="G57069" i="1"/>
  <c r="G57070" i="1"/>
  <c r="G57071" i="1"/>
  <c r="G57072" i="1"/>
  <c r="G57073" i="1"/>
  <c r="G57074" i="1"/>
  <c r="G57075" i="1"/>
  <c r="G57076" i="1"/>
  <c r="G57077" i="1"/>
  <c r="G57078" i="1"/>
  <c r="G57079" i="1"/>
  <c r="G57080" i="1"/>
  <c r="G57081" i="1"/>
  <c r="G57082" i="1"/>
  <c r="G57083" i="1"/>
  <c r="G57084" i="1"/>
  <c r="G57085" i="1"/>
  <c r="G57086" i="1"/>
  <c r="G57087" i="1"/>
  <c r="G57088" i="1"/>
  <c r="G57089" i="1"/>
  <c r="G57090" i="1"/>
  <c r="G57091" i="1"/>
  <c r="G57092" i="1"/>
  <c r="G57093" i="1"/>
  <c r="G57094" i="1"/>
  <c r="G57095" i="1"/>
  <c r="G57096" i="1"/>
  <c r="G57097" i="1"/>
  <c r="G57098" i="1"/>
  <c r="G57099" i="1"/>
  <c r="G57100" i="1"/>
  <c r="G57101" i="1"/>
  <c r="G57102" i="1"/>
  <c r="G57103" i="1"/>
  <c r="G57104" i="1"/>
  <c r="G57105" i="1"/>
  <c r="G57106" i="1"/>
  <c r="G57107" i="1"/>
  <c r="G57108" i="1"/>
  <c r="G57109" i="1"/>
  <c r="G57110" i="1"/>
  <c r="G57111" i="1"/>
  <c r="G57112" i="1"/>
  <c r="G57113" i="1"/>
  <c r="G57114" i="1"/>
  <c r="G57115" i="1"/>
  <c r="G57116" i="1"/>
  <c r="G57117" i="1"/>
  <c r="G57118" i="1"/>
  <c r="G57119" i="1"/>
  <c r="G57120" i="1"/>
  <c r="G57121" i="1"/>
  <c r="G57122" i="1"/>
  <c r="G57123" i="1"/>
  <c r="G57124" i="1"/>
  <c r="G57125" i="1"/>
  <c r="G57126" i="1"/>
  <c r="G57127" i="1"/>
  <c r="G57128" i="1"/>
  <c r="G57129" i="1"/>
  <c r="G57130" i="1"/>
  <c r="G57131" i="1"/>
  <c r="G57132" i="1"/>
  <c r="G57133" i="1"/>
  <c r="G57134" i="1"/>
  <c r="G57135" i="1"/>
  <c r="G57136" i="1"/>
  <c r="G57137" i="1"/>
  <c r="G57138" i="1"/>
  <c r="G57139" i="1"/>
  <c r="G57140" i="1"/>
  <c r="G57141" i="1"/>
  <c r="G57142" i="1"/>
  <c r="G57143" i="1"/>
  <c r="G57144" i="1"/>
  <c r="G57145" i="1"/>
  <c r="G57146" i="1"/>
  <c r="G57147" i="1"/>
  <c r="G57148" i="1"/>
  <c r="G57149" i="1"/>
  <c r="G57150" i="1"/>
  <c r="G57151" i="1"/>
  <c r="G57152" i="1"/>
  <c r="G57153" i="1"/>
  <c r="G57154" i="1"/>
  <c r="G57155" i="1"/>
  <c r="G57156" i="1"/>
  <c r="G57157" i="1"/>
  <c r="G57158" i="1"/>
  <c r="G57159" i="1"/>
  <c r="G57160" i="1"/>
  <c r="G57161" i="1"/>
  <c r="G57162" i="1"/>
  <c r="G57163" i="1"/>
  <c r="G57164" i="1"/>
  <c r="G57165" i="1"/>
  <c r="G57166" i="1"/>
  <c r="G57167" i="1"/>
  <c r="G57168" i="1"/>
  <c r="G57169" i="1"/>
  <c r="G57170" i="1"/>
  <c r="G57171" i="1"/>
  <c r="G57172" i="1"/>
  <c r="G57173" i="1"/>
  <c r="G57174" i="1"/>
  <c r="G57175" i="1"/>
  <c r="G57176" i="1"/>
  <c r="G57177" i="1"/>
  <c r="G57178" i="1"/>
  <c r="G57179" i="1"/>
  <c r="G57180" i="1"/>
  <c r="G57181" i="1"/>
  <c r="G57182" i="1"/>
  <c r="G57183" i="1"/>
  <c r="G57184" i="1"/>
  <c r="G57185" i="1"/>
  <c r="G57186" i="1"/>
  <c r="G57187" i="1"/>
  <c r="G57188" i="1"/>
  <c r="G57189" i="1"/>
  <c r="G57190" i="1"/>
  <c r="G57191" i="1"/>
  <c r="G57192" i="1"/>
  <c r="G57193" i="1"/>
  <c r="G57194" i="1"/>
  <c r="G57195" i="1"/>
  <c r="G57196" i="1"/>
  <c r="G57197" i="1"/>
  <c r="G57198" i="1"/>
  <c r="G57199" i="1"/>
  <c r="G57200" i="1"/>
  <c r="G57201" i="1"/>
  <c r="G57202" i="1"/>
  <c r="G57203" i="1"/>
  <c r="G57204" i="1"/>
  <c r="G57205" i="1"/>
  <c r="G57206" i="1"/>
  <c r="G57207" i="1"/>
  <c r="G57208" i="1"/>
  <c r="G57209" i="1"/>
  <c r="G57210" i="1"/>
  <c r="G57211" i="1"/>
  <c r="G57212" i="1"/>
  <c r="G57213" i="1"/>
  <c r="G57214" i="1"/>
  <c r="G57215" i="1"/>
  <c r="G57216" i="1"/>
  <c r="G57217" i="1"/>
  <c r="G57218" i="1"/>
  <c r="G57219" i="1"/>
  <c r="G57220" i="1"/>
  <c r="G57221" i="1"/>
  <c r="G57222" i="1"/>
  <c r="G57223" i="1"/>
  <c r="G57224" i="1"/>
  <c r="G57225" i="1"/>
  <c r="G57226" i="1"/>
  <c r="G57227" i="1"/>
  <c r="G57228" i="1"/>
  <c r="G57229" i="1"/>
  <c r="G57230" i="1"/>
  <c r="G57231" i="1"/>
  <c r="G57232" i="1"/>
  <c r="G57233" i="1"/>
  <c r="G57234" i="1"/>
  <c r="G57235" i="1"/>
  <c r="G57236" i="1"/>
  <c r="G57237" i="1"/>
  <c r="G57238" i="1"/>
  <c r="G57239" i="1"/>
  <c r="G57240" i="1"/>
  <c r="G57241" i="1"/>
  <c r="G57242" i="1"/>
  <c r="G57243" i="1"/>
  <c r="G57244" i="1"/>
  <c r="G57245" i="1"/>
  <c r="G57246" i="1"/>
  <c r="G57247" i="1"/>
  <c r="G57248" i="1"/>
  <c r="G57249" i="1"/>
  <c r="G57250" i="1"/>
  <c r="G57251" i="1"/>
  <c r="G57252" i="1"/>
  <c r="G57253" i="1"/>
  <c r="G57254" i="1"/>
  <c r="G57255" i="1"/>
  <c r="G57256" i="1"/>
  <c r="G57257" i="1"/>
  <c r="G57258" i="1"/>
  <c r="G57259" i="1"/>
  <c r="G57260" i="1"/>
  <c r="G57261" i="1"/>
  <c r="G57262" i="1"/>
  <c r="G57263" i="1"/>
  <c r="G57264" i="1"/>
  <c r="G57265" i="1"/>
  <c r="G57266" i="1"/>
  <c r="G57267" i="1"/>
  <c r="G57268" i="1"/>
  <c r="G57269" i="1"/>
  <c r="G57270" i="1"/>
  <c r="G57271" i="1"/>
  <c r="G57272" i="1"/>
  <c r="G57273" i="1"/>
  <c r="G57274" i="1"/>
  <c r="G57275" i="1"/>
  <c r="G57276" i="1"/>
  <c r="G57277" i="1"/>
  <c r="G57278" i="1"/>
  <c r="G57279" i="1"/>
  <c r="G57280" i="1"/>
  <c r="G57281" i="1"/>
  <c r="G57282" i="1"/>
  <c r="G57283" i="1"/>
  <c r="G57284" i="1"/>
  <c r="G57285" i="1"/>
  <c r="G57286" i="1"/>
  <c r="G57287" i="1"/>
  <c r="G57288" i="1"/>
  <c r="G57289" i="1"/>
  <c r="G57290" i="1"/>
  <c r="G57291" i="1"/>
  <c r="G57292" i="1"/>
  <c r="G57293" i="1"/>
  <c r="G57294" i="1"/>
  <c r="G57295" i="1"/>
  <c r="G57296" i="1"/>
  <c r="G57297" i="1"/>
  <c r="G57298" i="1"/>
  <c r="G57299" i="1"/>
  <c r="G57300" i="1"/>
  <c r="G57301" i="1"/>
  <c r="G57302" i="1"/>
  <c r="G57303" i="1"/>
  <c r="G57304" i="1"/>
  <c r="G57305" i="1"/>
  <c r="G57306" i="1"/>
  <c r="G57307" i="1"/>
  <c r="G57308" i="1"/>
  <c r="G57309" i="1"/>
  <c r="G57310" i="1"/>
  <c r="G57311" i="1"/>
  <c r="G57312" i="1"/>
  <c r="G57313" i="1"/>
  <c r="G57314" i="1"/>
  <c r="G57315" i="1"/>
  <c r="G57316" i="1"/>
  <c r="G57317" i="1"/>
  <c r="G57318" i="1"/>
  <c r="G57319" i="1"/>
  <c r="G57320" i="1"/>
  <c r="G57321" i="1"/>
  <c r="G57322" i="1"/>
  <c r="G57323" i="1"/>
  <c r="G57324" i="1"/>
  <c r="G57325" i="1"/>
  <c r="G57326" i="1"/>
  <c r="G57327" i="1"/>
  <c r="G57328" i="1"/>
  <c r="G57329" i="1"/>
  <c r="G57330" i="1"/>
  <c r="G57331" i="1"/>
  <c r="G57332" i="1"/>
  <c r="G57333" i="1"/>
  <c r="G57334" i="1"/>
  <c r="G57335" i="1"/>
  <c r="G57336" i="1"/>
  <c r="G57337" i="1"/>
  <c r="G57338" i="1"/>
  <c r="G57339" i="1"/>
  <c r="G57340" i="1"/>
  <c r="G57341" i="1"/>
  <c r="G57342" i="1"/>
  <c r="G57343" i="1"/>
  <c r="G57344" i="1"/>
  <c r="G57345" i="1"/>
  <c r="G57346" i="1"/>
  <c r="G57347" i="1"/>
  <c r="G57348" i="1"/>
  <c r="G57349" i="1"/>
  <c r="G57350" i="1"/>
  <c r="G57351" i="1"/>
  <c r="G57352" i="1"/>
  <c r="G57353" i="1"/>
  <c r="G57354" i="1"/>
  <c r="G57355" i="1"/>
  <c r="G57356" i="1"/>
  <c r="G57357" i="1"/>
  <c r="G57358" i="1"/>
  <c r="G57359" i="1"/>
  <c r="G57360" i="1"/>
  <c r="G57361" i="1"/>
  <c r="G57362" i="1"/>
  <c r="G57363" i="1"/>
  <c r="G57364" i="1"/>
  <c r="G57365" i="1"/>
  <c r="G57366" i="1"/>
  <c r="G57367" i="1"/>
  <c r="G57368" i="1"/>
  <c r="G57369" i="1"/>
  <c r="G57370" i="1"/>
  <c r="G57371" i="1"/>
  <c r="G57372" i="1"/>
  <c r="G57373" i="1"/>
  <c r="G57374" i="1"/>
  <c r="G57375" i="1"/>
  <c r="G57376" i="1"/>
  <c r="G57377" i="1"/>
  <c r="G57378" i="1"/>
  <c r="G57379" i="1"/>
  <c r="G57380" i="1"/>
  <c r="G57381" i="1"/>
  <c r="G57382" i="1"/>
  <c r="G57383" i="1"/>
  <c r="G57384" i="1"/>
  <c r="G57385" i="1"/>
  <c r="G57386" i="1"/>
  <c r="G57387" i="1"/>
  <c r="G57388" i="1"/>
  <c r="G57389" i="1"/>
  <c r="G57390" i="1"/>
  <c r="G57391" i="1"/>
  <c r="G57392" i="1"/>
  <c r="G57393" i="1"/>
  <c r="G57394" i="1"/>
  <c r="G57395" i="1"/>
  <c r="G57396" i="1"/>
  <c r="G57397" i="1"/>
  <c r="G57398" i="1"/>
  <c r="G57399" i="1"/>
  <c r="G57400" i="1"/>
  <c r="G57401" i="1"/>
  <c r="G57402" i="1"/>
  <c r="G57403" i="1"/>
  <c r="G57404" i="1"/>
  <c r="G57405" i="1"/>
  <c r="G57406" i="1"/>
  <c r="G57407" i="1"/>
  <c r="G57408" i="1"/>
  <c r="G57409" i="1"/>
  <c r="G57410" i="1"/>
  <c r="G57411" i="1"/>
  <c r="G57412" i="1"/>
  <c r="G57413" i="1"/>
  <c r="G57414" i="1"/>
  <c r="G57415" i="1"/>
  <c r="G57416" i="1"/>
  <c r="G57417" i="1"/>
  <c r="G57418" i="1"/>
  <c r="G57419" i="1"/>
  <c r="G57420" i="1"/>
  <c r="G57421" i="1"/>
  <c r="G57422" i="1"/>
  <c r="G57423" i="1"/>
  <c r="G57424" i="1"/>
  <c r="G57425" i="1"/>
  <c r="G57426" i="1"/>
  <c r="G57427" i="1"/>
  <c r="G57428" i="1"/>
  <c r="G57429" i="1"/>
  <c r="G57430" i="1"/>
  <c r="G57431" i="1"/>
  <c r="G57432" i="1"/>
  <c r="G57433" i="1"/>
  <c r="G57434" i="1"/>
  <c r="G57435" i="1"/>
  <c r="G57436" i="1"/>
  <c r="G57437" i="1"/>
  <c r="G57438" i="1"/>
  <c r="G57439" i="1"/>
  <c r="G57440" i="1"/>
  <c r="G57441" i="1"/>
  <c r="G57442" i="1"/>
  <c r="G57443" i="1"/>
  <c r="G57444" i="1"/>
  <c r="G57445" i="1"/>
  <c r="G57446" i="1"/>
  <c r="G57447" i="1"/>
  <c r="G57448" i="1"/>
  <c r="G57449" i="1"/>
  <c r="G57450" i="1"/>
  <c r="G57451" i="1"/>
  <c r="G57452" i="1"/>
  <c r="G57453" i="1"/>
  <c r="G57454" i="1"/>
  <c r="G57455" i="1"/>
  <c r="G57456" i="1"/>
  <c r="G57457" i="1"/>
  <c r="G57458" i="1"/>
  <c r="G57459" i="1"/>
  <c r="G57460" i="1"/>
  <c r="G57461" i="1"/>
  <c r="G57462" i="1"/>
  <c r="G57463" i="1"/>
  <c r="G57464" i="1"/>
  <c r="G57465" i="1"/>
  <c r="G57466" i="1"/>
  <c r="G57467" i="1"/>
  <c r="G57468" i="1"/>
  <c r="G57469" i="1"/>
  <c r="G57470" i="1"/>
  <c r="G57471" i="1"/>
  <c r="G57472" i="1"/>
  <c r="G57473" i="1"/>
  <c r="G57474" i="1"/>
  <c r="G57475" i="1"/>
  <c r="G57476" i="1"/>
  <c r="G57477" i="1"/>
  <c r="G57478" i="1"/>
  <c r="G57479" i="1"/>
  <c r="G57480" i="1"/>
  <c r="G57481" i="1"/>
  <c r="G57482" i="1"/>
  <c r="G57483" i="1"/>
  <c r="G57484" i="1"/>
  <c r="G57485" i="1"/>
  <c r="G57486" i="1"/>
  <c r="G57487" i="1"/>
  <c r="G57488" i="1"/>
  <c r="G57489" i="1"/>
  <c r="G57490" i="1"/>
  <c r="G57491" i="1"/>
  <c r="G57492" i="1"/>
  <c r="G57493" i="1"/>
  <c r="G57494" i="1"/>
  <c r="G57495" i="1"/>
  <c r="G57496" i="1"/>
  <c r="G57497" i="1"/>
  <c r="G57498" i="1"/>
  <c r="G57499" i="1"/>
  <c r="G57500" i="1"/>
  <c r="G57501" i="1"/>
  <c r="G57502" i="1"/>
  <c r="G57503" i="1"/>
  <c r="G57504" i="1"/>
  <c r="G57505" i="1"/>
  <c r="G57506" i="1"/>
  <c r="G57507" i="1"/>
  <c r="G57508" i="1"/>
  <c r="G57509" i="1"/>
  <c r="G57510" i="1"/>
  <c r="G57511" i="1"/>
  <c r="G57512" i="1"/>
  <c r="G57513" i="1"/>
  <c r="G57514" i="1"/>
  <c r="G57515" i="1"/>
  <c r="G57516" i="1"/>
  <c r="G57517" i="1"/>
  <c r="G57518" i="1"/>
  <c r="G57519" i="1"/>
  <c r="G57520" i="1"/>
  <c r="G57521" i="1"/>
  <c r="G57522" i="1"/>
  <c r="G57523" i="1"/>
  <c r="G57524" i="1"/>
  <c r="G57525" i="1"/>
  <c r="G57526" i="1"/>
  <c r="G57527" i="1"/>
  <c r="G57528" i="1"/>
  <c r="G57529" i="1"/>
  <c r="G57530" i="1"/>
  <c r="G57531" i="1"/>
  <c r="G57532" i="1"/>
  <c r="G57533" i="1"/>
  <c r="G57534" i="1"/>
  <c r="G57535" i="1"/>
  <c r="G57536" i="1"/>
  <c r="G57537" i="1"/>
  <c r="G57538" i="1"/>
  <c r="G57539" i="1"/>
  <c r="G57540" i="1"/>
  <c r="G57541" i="1"/>
  <c r="G57542" i="1"/>
  <c r="G57543" i="1"/>
  <c r="G57544" i="1"/>
  <c r="G57545" i="1"/>
  <c r="G57546" i="1"/>
  <c r="G57547" i="1"/>
  <c r="G57548" i="1"/>
  <c r="G57549" i="1"/>
  <c r="G57550" i="1"/>
  <c r="G57551" i="1"/>
  <c r="G57552" i="1"/>
  <c r="G57553" i="1"/>
  <c r="G57554" i="1"/>
  <c r="G57555" i="1"/>
  <c r="G57556" i="1"/>
  <c r="G57557" i="1"/>
  <c r="G57558" i="1"/>
  <c r="G57559" i="1"/>
  <c r="G57560" i="1"/>
  <c r="G57561" i="1"/>
  <c r="G57562" i="1"/>
  <c r="G57563" i="1"/>
  <c r="G57564" i="1"/>
  <c r="G57565" i="1"/>
  <c r="G57566" i="1"/>
  <c r="G57567" i="1"/>
  <c r="G57568" i="1"/>
  <c r="G57569" i="1"/>
  <c r="G57570" i="1"/>
  <c r="G57571" i="1"/>
  <c r="G57572" i="1"/>
  <c r="G57573" i="1"/>
  <c r="G57574" i="1"/>
  <c r="G57575" i="1"/>
  <c r="G57576" i="1"/>
  <c r="G57577" i="1"/>
  <c r="G57578" i="1"/>
  <c r="G57579" i="1"/>
  <c r="G57580" i="1"/>
  <c r="G57581" i="1"/>
  <c r="G57582" i="1"/>
  <c r="G57583" i="1"/>
  <c r="G57584" i="1"/>
  <c r="G57585" i="1"/>
  <c r="G57586" i="1"/>
  <c r="G57587" i="1"/>
  <c r="G57588" i="1"/>
  <c r="G57589" i="1"/>
  <c r="G57590" i="1"/>
  <c r="G57591" i="1"/>
  <c r="G57592" i="1"/>
  <c r="G57593" i="1"/>
  <c r="G57594" i="1"/>
  <c r="G57595" i="1"/>
  <c r="G57596" i="1"/>
  <c r="G57597" i="1"/>
  <c r="G57598" i="1"/>
  <c r="G57599" i="1"/>
  <c r="G57600" i="1"/>
  <c r="G57601" i="1"/>
  <c r="G57602" i="1"/>
  <c r="G57603" i="1"/>
  <c r="G57604" i="1"/>
  <c r="G57605" i="1"/>
  <c r="G57606" i="1"/>
  <c r="G57607" i="1"/>
  <c r="G57608" i="1"/>
  <c r="G57609" i="1"/>
  <c r="G57610" i="1"/>
  <c r="G57611" i="1"/>
  <c r="G57612" i="1"/>
  <c r="G57613" i="1"/>
  <c r="G57614" i="1"/>
  <c r="G57615" i="1"/>
  <c r="G57616" i="1"/>
  <c r="G57617" i="1"/>
  <c r="G57618" i="1"/>
  <c r="G57619" i="1"/>
  <c r="G57620" i="1"/>
  <c r="G57621" i="1"/>
  <c r="G57622" i="1"/>
  <c r="G57623" i="1"/>
  <c r="G57624" i="1"/>
  <c r="G57625" i="1"/>
  <c r="G57626" i="1"/>
  <c r="G57627" i="1"/>
  <c r="G57628" i="1"/>
  <c r="G57629" i="1"/>
  <c r="G57630" i="1"/>
  <c r="G57631" i="1"/>
  <c r="G57632" i="1"/>
  <c r="G57633" i="1"/>
  <c r="G57634" i="1"/>
  <c r="G57635" i="1"/>
  <c r="G57636" i="1"/>
  <c r="G57637" i="1"/>
  <c r="G57638" i="1"/>
  <c r="G57639" i="1"/>
  <c r="G57640" i="1"/>
  <c r="G57641" i="1"/>
  <c r="G57642" i="1"/>
  <c r="G57643" i="1"/>
  <c r="G57644" i="1"/>
  <c r="G57645" i="1"/>
  <c r="G57646" i="1"/>
  <c r="G57647" i="1"/>
  <c r="G57648" i="1"/>
  <c r="G57649" i="1"/>
  <c r="G57650" i="1"/>
  <c r="G57651" i="1"/>
  <c r="G57652" i="1"/>
  <c r="G57653" i="1"/>
  <c r="G57654" i="1"/>
  <c r="G57655" i="1"/>
  <c r="G57656" i="1"/>
  <c r="G57657" i="1"/>
  <c r="G57658" i="1"/>
  <c r="G57659" i="1"/>
  <c r="G57660" i="1"/>
  <c r="G57661" i="1"/>
  <c r="G57662" i="1"/>
  <c r="G57663" i="1"/>
  <c r="G57664" i="1"/>
  <c r="G57665" i="1"/>
  <c r="G57666" i="1"/>
  <c r="G57667" i="1"/>
  <c r="G57668" i="1"/>
  <c r="G57669" i="1"/>
  <c r="G57670" i="1"/>
  <c r="G57671" i="1"/>
  <c r="G57672" i="1"/>
  <c r="G57673" i="1"/>
  <c r="G57674" i="1"/>
  <c r="G57675" i="1"/>
  <c r="G57676" i="1"/>
  <c r="G57677" i="1"/>
  <c r="G57678" i="1"/>
  <c r="G57679" i="1"/>
  <c r="G57680" i="1"/>
  <c r="G57681" i="1"/>
  <c r="G57682" i="1"/>
  <c r="G57683" i="1"/>
  <c r="G57684" i="1"/>
  <c r="G57685" i="1"/>
  <c r="G57686" i="1"/>
  <c r="G57687" i="1"/>
  <c r="G57688" i="1"/>
  <c r="G57689" i="1"/>
  <c r="G57690" i="1"/>
  <c r="G57691" i="1"/>
  <c r="G57692" i="1"/>
  <c r="G57693" i="1"/>
  <c r="G57694" i="1"/>
  <c r="G57695" i="1"/>
  <c r="G57696" i="1"/>
  <c r="G57697" i="1"/>
  <c r="G57698" i="1"/>
  <c r="G57699" i="1"/>
  <c r="G57700" i="1"/>
  <c r="G57701" i="1"/>
  <c r="G57702" i="1"/>
  <c r="G57703" i="1"/>
  <c r="G57704" i="1"/>
  <c r="G57705" i="1"/>
  <c r="G57706" i="1"/>
  <c r="G57707" i="1"/>
  <c r="G57708" i="1"/>
  <c r="G57709" i="1"/>
  <c r="G57710" i="1"/>
  <c r="G57711" i="1"/>
  <c r="G57712" i="1"/>
  <c r="G57713" i="1"/>
  <c r="G57714" i="1"/>
  <c r="G57715" i="1"/>
  <c r="G57716" i="1"/>
  <c r="G57717" i="1"/>
  <c r="G57718" i="1"/>
  <c r="G57719" i="1"/>
  <c r="G57720" i="1"/>
  <c r="G57721" i="1"/>
  <c r="G57722" i="1"/>
  <c r="G57723" i="1"/>
  <c r="G57724" i="1"/>
  <c r="G57725" i="1"/>
  <c r="G57726" i="1"/>
  <c r="G57727" i="1"/>
  <c r="G57728" i="1"/>
  <c r="G57729" i="1"/>
  <c r="G57730" i="1"/>
  <c r="G57731" i="1"/>
  <c r="G57732" i="1"/>
  <c r="G57733" i="1"/>
  <c r="G57734" i="1"/>
  <c r="G57735" i="1"/>
  <c r="G57736" i="1"/>
  <c r="G57737" i="1"/>
  <c r="G57738" i="1"/>
  <c r="G57739" i="1"/>
  <c r="G57740" i="1"/>
  <c r="G57741" i="1"/>
  <c r="G57742" i="1"/>
  <c r="G57743" i="1"/>
  <c r="G57744" i="1"/>
  <c r="G57745" i="1"/>
  <c r="G57746" i="1"/>
  <c r="G57747" i="1"/>
  <c r="G57748" i="1"/>
  <c r="G57749" i="1"/>
  <c r="G57750" i="1"/>
  <c r="G57751" i="1"/>
  <c r="G57752" i="1"/>
  <c r="G57753" i="1"/>
  <c r="G57754" i="1"/>
  <c r="G57755" i="1"/>
  <c r="G57756" i="1"/>
  <c r="G57757" i="1"/>
  <c r="G57758" i="1"/>
  <c r="G57759" i="1"/>
  <c r="G57760" i="1"/>
  <c r="G57761" i="1"/>
  <c r="G57762" i="1"/>
  <c r="G57763" i="1"/>
  <c r="G57764" i="1"/>
  <c r="G57765" i="1"/>
  <c r="G57766" i="1"/>
  <c r="G57767" i="1"/>
  <c r="G57768" i="1"/>
  <c r="G57769" i="1"/>
  <c r="G57770" i="1"/>
  <c r="G57771" i="1"/>
  <c r="G57772" i="1"/>
  <c r="G57773" i="1"/>
  <c r="G57774" i="1"/>
  <c r="G57775" i="1"/>
  <c r="G57776" i="1"/>
  <c r="G57777" i="1"/>
  <c r="G57778" i="1"/>
  <c r="G57779" i="1"/>
  <c r="G57780" i="1"/>
  <c r="G57781" i="1"/>
  <c r="G57782" i="1"/>
  <c r="G57783" i="1"/>
  <c r="G57784" i="1"/>
  <c r="G57785" i="1"/>
  <c r="G57786" i="1"/>
  <c r="G57787" i="1"/>
  <c r="G57788" i="1"/>
  <c r="G57789" i="1"/>
  <c r="G57790" i="1"/>
  <c r="G57791" i="1"/>
  <c r="G57792" i="1"/>
  <c r="G57793" i="1"/>
  <c r="G57794" i="1"/>
  <c r="G57795" i="1"/>
  <c r="G57796" i="1"/>
  <c r="G57797" i="1"/>
  <c r="G57798" i="1"/>
  <c r="G57799" i="1"/>
  <c r="G57800" i="1"/>
  <c r="G57801" i="1"/>
  <c r="G57802" i="1"/>
  <c r="G57803" i="1"/>
  <c r="G57804" i="1"/>
  <c r="G57805" i="1"/>
  <c r="G57806" i="1"/>
  <c r="G57807" i="1"/>
  <c r="G57808" i="1"/>
  <c r="G57809" i="1"/>
  <c r="G57810" i="1"/>
  <c r="G57811" i="1"/>
  <c r="G57812" i="1"/>
  <c r="G57813" i="1"/>
  <c r="G57814" i="1"/>
  <c r="G57815" i="1"/>
  <c r="G57816" i="1"/>
  <c r="G57817" i="1"/>
  <c r="G57818" i="1"/>
  <c r="G57819" i="1"/>
  <c r="G57820" i="1"/>
  <c r="G57821" i="1"/>
  <c r="G57822" i="1"/>
  <c r="G57823" i="1"/>
  <c r="G57824" i="1"/>
  <c r="G57825" i="1"/>
  <c r="G57826" i="1"/>
  <c r="G57827" i="1"/>
  <c r="G57828" i="1"/>
  <c r="G57829" i="1"/>
  <c r="G57830" i="1"/>
  <c r="G57831" i="1"/>
  <c r="G57832" i="1"/>
  <c r="G57833" i="1"/>
  <c r="G57834" i="1"/>
  <c r="G57835" i="1"/>
  <c r="G57836" i="1"/>
  <c r="G57837" i="1"/>
  <c r="G57838" i="1"/>
  <c r="G57839" i="1"/>
  <c r="G57840" i="1"/>
  <c r="G57841" i="1"/>
  <c r="G57842" i="1"/>
  <c r="G57843" i="1"/>
  <c r="G57844" i="1"/>
  <c r="G57845" i="1"/>
  <c r="G57846" i="1"/>
  <c r="G57847" i="1"/>
  <c r="G57848" i="1"/>
  <c r="G57849" i="1"/>
  <c r="G57850" i="1"/>
  <c r="G57851" i="1"/>
  <c r="G57852" i="1"/>
  <c r="G57853" i="1"/>
  <c r="G57854" i="1"/>
  <c r="G57855" i="1"/>
  <c r="G57856" i="1"/>
  <c r="G57857" i="1"/>
  <c r="G57858" i="1"/>
  <c r="G57859" i="1"/>
  <c r="G57860" i="1"/>
  <c r="G57861" i="1"/>
  <c r="G57862" i="1"/>
  <c r="G57863" i="1"/>
  <c r="G57864" i="1"/>
  <c r="G57865" i="1"/>
  <c r="G57866" i="1"/>
  <c r="G57867" i="1"/>
  <c r="G57868" i="1"/>
  <c r="G57869" i="1"/>
  <c r="G57870" i="1"/>
  <c r="G57871" i="1"/>
  <c r="G57872" i="1"/>
  <c r="G57873" i="1"/>
  <c r="G57874" i="1"/>
  <c r="G57875" i="1"/>
  <c r="G57876" i="1"/>
  <c r="G57877" i="1"/>
  <c r="G57878" i="1"/>
  <c r="G57879" i="1"/>
  <c r="G57880" i="1"/>
  <c r="G57881" i="1"/>
  <c r="G57882" i="1"/>
  <c r="G57883" i="1"/>
  <c r="G57884" i="1"/>
  <c r="G57885" i="1"/>
  <c r="G57886" i="1"/>
  <c r="G57887" i="1"/>
  <c r="G57888" i="1"/>
  <c r="G57889" i="1"/>
  <c r="G57890" i="1"/>
  <c r="G57891" i="1"/>
  <c r="G57892" i="1"/>
  <c r="G57893" i="1"/>
  <c r="G57894" i="1"/>
  <c r="G57895" i="1"/>
  <c r="G57896" i="1"/>
  <c r="G57897" i="1"/>
  <c r="G57898" i="1"/>
  <c r="G57899" i="1"/>
  <c r="G57900" i="1"/>
  <c r="G57901" i="1"/>
  <c r="G57902" i="1"/>
  <c r="G57903" i="1"/>
  <c r="G57904" i="1"/>
  <c r="G57905" i="1"/>
  <c r="G57906" i="1"/>
  <c r="G57907" i="1"/>
  <c r="G57908" i="1"/>
  <c r="G57909" i="1"/>
  <c r="G57910" i="1"/>
  <c r="G57911" i="1"/>
  <c r="G57912" i="1"/>
  <c r="G57913" i="1"/>
  <c r="G57914" i="1"/>
  <c r="G57915" i="1"/>
  <c r="G57916" i="1"/>
  <c r="G57917" i="1"/>
  <c r="G57918" i="1"/>
  <c r="G57919" i="1"/>
  <c r="G57920" i="1"/>
  <c r="G57921" i="1"/>
  <c r="G57922" i="1"/>
  <c r="G57923" i="1"/>
  <c r="G57924" i="1"/>
  <c r="G57925" i="1"/>
  <c r="G57926" i="1"/>
  <c r="G57927" i="1"/>
  <c r="G57928" i="1"/>
  <c r="G57929" i="1"/>
  <c r="G57930" i="1"/>
  <c r="G57931" i="1"/>
  <c r="G57932" i="1"/>
  <c r="G57933" i="1"/>
  <c r="G57934" i="1"/>
  <c r="G57935" i="1"/>
  <c r="G57936" i="1"/>
  <c r="G57937" i="1"/>
  <c r="G57938" i="1"/>
  <c r="G57939" i="1"/>
  <c r="G57940" i="1"/>
  <c r="G57941" i="1"/>
  <c r="G57942" i="1"/>
  <c r="G57943" i="1"/>
  <c r="G57944" i="1"/>
  <c r="G57945" i="1"/>
  <c r="G57946" i="1"/>
  <c r="G57947" i="1"/>
  <c r="G57948" i="1"/>
  <c r="G57949" i="1"/>
  <c r="G57950" i="1"/>
  <c r="G57951" i="1"/>
  <c r="G57952" i="1"/>
  <c r="G57953" i="1"/>
  <c r="G57954" i="1"/>
  <c r="G57955" i="1"/>
  <c r="G57956" i="1"/>
  <c r="G57957" i="1"/>
  <c r="G57958" i="1"/>
  <c r="G57959" i="1"/>
  <c r="G57960" i="1"/>
  <c r="G57961" i="1"/>
  <c r="G57962" i="1"/>
  <c r="G57963" i="1"/>
  <c r="G57964" i="1"/>
  <c r="G57965" i="1"/>
  <c r="G57966" i="1"/>
  <c r="G57967" i="1"/>
  <c r="G57968" i="1"/>
  <c r="G57969" i="1"/>
  <c r="G57970" i="1"/>
  <c r="G57971" i="1"/>
  <c r="G57972" i="1"/>
  <c r="G57973" i="1"/>
  <c r="G57974" i="1"/>
  <c r="G57975" i="1"/>
  <c r="G57976" i="1"/>
  <c r="G57977" i="1"/>
  <c r="G57978" i="1"/>
  <c r="G57979" i="1"/>
  <c r="G57980" i="1"/>
  <c r="G57981" i="1"/>
  <c r="G57982" i="1"/>
  <c r="G57983" i="1"/>
  <c r="G57984" i="1"/>
  <c r="G57985" i="1"/>
  <c r="G57986" i="1"/>
  <c r="G57987" i="1"/>
  <c r="G57988" i="1"/>
  <c r="G57989" i="1"/>
  <c r="G57990" i="1"/>
  <c r="G57991" i="1"/>
  <c r="G57992" i="1"/>
  <c r="G57993" i="1"/>
  <c r="G57994" i="1"/>
  <c r="G57995" i="1"/>
  <c r="G57996" i="1"/>
  <c r="G57997" i="1"/>
  <c r="G57998" i="1"/>
  <c r="G57999" i="1"/>
  <c r="G58000" i="1"/>
  <c r="G58001" i="1"/>
  <c r="G58002" i="1"/>
  <c r="G58003" i="1"/>
  <c r="G58004" i="1"/>
  <c r="G58005" i="1"/>
  <c r="G58006" i="1"/>
  <c r="G58007" i="1"/>
  <c r="G58008" i="1"/>
  <c r="G58009" i="1"/>
  <c r="G58010" i="1"/>
  <c r="G58011" i="1"/>
  <c r="G58012" i="1"/>
  <c r="G58013" i="1"/>
  <c r="G58014" i="1"/>
  <c r="G58015" i="1"/>
  <c r="G58016" i="1"/>
  <c r="G58017" i="1"/>
  <c r="G58018" i="1"/>
  <c r="G58019" i="1"/>
  <c r="G58020" i="1"/>
  <c r="G58021" i="1"/>
  <c r="G58022" i="1"/>
  <c r="G58023" i="1"/>
  <c r="G58024" i="1"/>
  <c r="G58025" i="1"/>
  <c r="G58026" i="1"/>
  <c r="G58027" i="1"/>
  <c r="G58028" i="1"/>
  <c r="G58029" i="1"/>
  <c r="G58030" i="1"/>
  <c r="G58031" i="1"/>
  <c r="G58032" i="1"/>
  <c r="G58033" i="1"/>
  <c r="G58034" i="1"/>
  <c r="G58035" i="1"/>
  <c r="G58036" i="1"/>
  <c r="G58037" i="1"/>
  <c r="G58038" i="1"/>
  <c r="G58039" i="1"/>
  <c r="G58040" i="1"/>
  <c r="G58041" i="1"/>
  <c r="G58042" i="1"/>
  <c r="G58043" i="1"/>
  <c r="G58044" i="1"/>
  <c r="G58045" i="1"/>
  <c r="G58046" i="1"/>
  <c r="G58047" i="1"/>
  <c r="G58048" i="1"/>
  <c r="G58049" i="1"/>
  <c r="G58050" i="1"/>
  <c r="G58051" i="1"/>
  <c r="G58052" i="1"/>
  <c r="G58053" i="1"/>
  <c r="G58054" i="1"/>
  <c r="G58055" i="1"/>
  <c r="G58056" i="1"/>
  <c r="G58057" i="1"/>
  <c r="G58058" i="1"/>
  <c r="G58059" i="1"/>
  <c r="G58060" i="1"/>
  <c r="G58061" i="1"/>
  <c r="G58062" i="1"/>
  <c r="G58063" i="1"/>
  <c r="G58064" i="1"/>
  <c r="G58065" i="1"/>
  <c r="G58066" i="1"/>
  <c r="G58067" i="1"/>
  <c r="G58068" i="1"/>
  <c r="G58069" i="1"/>
  <c r="G58070" i="1"/>
  <c r="G58071" i="1"/>
  <c r="G58072" i="1"/>
  <c r="G58073" i="1"/>
  <c r="G58074" i="1"/>
  <c r="G58075" i="1"/>
  <c r="G58076" i="1"/>
  <c r="G58077" i="1"/>
  <c r="G58078" i="1"/>
  <c r="G58079" i="1"/>
  <c r="G58080" i="1"/>
  <c r="G58081" i="1"/>
  <c r="G58082" i="1"/>
  <c r="G58083" i="1"/>
  <c r="G58084" i="1"/>
  <c r="G58085" i="1"/>
  <c r="G58086" i="1"/>
  <c r="G58087" i="1"/>
  <c r="G58088" i="1"/>
  <c r="G58089" i="1"/>
  <c r="G58090" i="1"/>
  <c r="G58091" i="1"/>
  <c r="G58092" i="1"/>
  <c r="G58093" i="1"/>
  <c r="G58094" i="1"/>
  <c r="G58095" i="1"/>
  <c r="G58096" i="1"/>
  <c r="G58097" i="1"/>
  <c r="G58098" i="1"/>
  <c r="G58099" i="1"/>
  <c r="G58100" i="1"/>
  <c r="G58101" i="1"/>
  <c r="G58102" i="1"/>
  <c r="G58103" i="1"/>
  <c r="G58104" i="1"/>
  <c r="G58105" i="1"/>
  <c r="G58106" i="1"/>
  <c r="G58107" i="1"/>
  <c r="G58108" i="1"/>
  <c r="G58109" i="1"/>
  <c r="G58110" i="1"/>
  <c r="G58111" i="1"/>
  <c r="G58112" i="1"/>
  <c r="G58113" i="1"/>
  <c r="G58114" i="1"/>
  <c r="G58115" i="1"/>
  <c r="G58116" i="1"/>
  <c r="G58117" i="1"/>
  <c r="G58118" i="1"/>
  <c r="G58119" i="1"/>
  <c r="G58120" i="1"/>
  <c r="G58121" i="1"/>
  <c r="G58122" i="1"/>
  <c r="G58123" i="1"/>
  <c r="G58124" i="1"/>
  <c r="G58125" i="1"/>
  <c r="G58126" i="1"/>
  <c r="G58127" i="1"/>
  <c r="G58128" i="1"/>
  <c r="G58129" i="1"/>
  <c r="G58130" i="1"/>
  <c r="G58131" i="1"/>
  <c r="G58132" i="1"/>
  <c r="G58133" i="1"/>
  <c r="G58134" i="1"/>
  <c r="G58135" i="1"/>
  <c r="G58136" i="1"/>
  <c r="G58137" i="1"/>
  <c r="G58138" i="1"/>
  <c r="G58139" i="1"/>
  <c r="G58140" i="1"/>
  <c r="G58141" i="1"/>
  <c r="G58142" i="1"/>
  <c r="G58143" i="1"/>
  <c r="G58144" i="1"/>
  <c r="G58145" i="1"/>
  <c r="G58146" i="1"/>
  <c r="G58147" i="1"/>
  <c r="G58148" i="1"/>
  <c r="G58149" i="1"/>
  <c r="G58150" i="1"/>
  <c r="G58151" i="1"/>
  <c r="G58152" i="1"/>
  <c r="G58153" i="1"/>
  <c r="G58154" i="1"/>
  <c r="G58155" i="1"/>
  <c r="G58156" i="1"/>
  <c r="G58157" i="1"/>
  <c r="G58158" i="1"/>
  <c r="G58159" i="1"/>
  <c r="G58160" i="1"/>
  <c r="G58161" i="1"/>
  <c r="G58162" i="1"/>
  <c r="G58163" i="1"/>
  <c r="G58164" i="1"/>
  <c r="G58165" i="1"/>
  <c r="G58166" i="1"/>
  <c r="G58167" i="1"/>
  <c r="G58168" i="1"/>
  <c r="G58169" i="1"/>
  <c r="G58170" i="1"/>
  <c r="G58171" i="1"/>
  <c r="G58172" i="1"/>
  <c r="G58173" i="1"/>
  <c r="G58174" i="1"/>
  <c r="G58175" i="1"/>
  <c r="G58176" i="1"/>
  <c r="G58177" i="1"/>
  <c r="G58178" i="1"/>
  <c r="G58179" i="1"/>
  <c r="G58180" i="1"/>
  <c r="G58181" i="1"/>
  <c r="G58182" i="1"/>
  <c r="G58183" i="1"/>
  <c r="G58184" i="1"/>
  <c r="G58185" i="1"/>
  <c r="G58186" i="1"/>
  <c r="G58187" i="1"/>
  <c r="G58188" i="1"/>
  <c r="G58189" i="1"/>
  <c r="G58190" i="1"/>
  <c r="G58191" i="1"/>
  <c r="G58192" i="1"/>
  <c r="G58193" i="1"/>
  <c r="G58194" i="1"/>
  <c r="G58195" i="1"/>
  <c r="G58196" i="1"/>
  <c r="G58197" i="1"/>
  <c r="G58198" i="1"/>
  <c r="G58199" i="1"/>
  <c r="G58200" i="1"/>
  <c r="G58201" i="1"/>
  <c r="G58202" i="1"/>
  <c r="G58203" i="1"/>
  <c r="G58204" i="1"/>
  <c r="G58205" i="1"/>
  <c r="G58206" i="1"/>
  <c r="G58207" i="1"/>
  <c r="G58208" i="1"/>
  <c r="G58209" i="1"/>
  <c r="G58210" i="1"/>
  <c r="G58211" i="1"/>
  <c r="G58212" i="1"/>
  <c r="G58213" i="1"/>
  <c r="G58214" i="1"/>
  <c r="G58215" i="1"/>
  <c r="G58216" i="1"/>
  <c r="G58217" i="1"/>
  <c r="G58218" i="1"/>
  <c r="G58219" i="1"/>
  <c r="G58220" i="1"/>
  <c r="G58221" i="1"/>
  <c r="G58222" i="1"/>
  <c r="G58223" i="1"/>
  <c r="G58224" i="1"/>
  <c r="G58225" i="1"/>
  <c r="G58226" i="1"/>
  <c r="G58227" i="1"/>
  <c r="G58228" i="1"/>
  <c r="G58229" i="1"/>
  <c r="G58230" i="1"/>
  <c r="G58231" i="1"/>
  <c r="G58232" i="1"/>
  <c r="G58233" i="1"/>
  <c r="G58234" i="1"/>
  <c r="G58235" i="1"/>
  <c r="G58236" i="1"/>
  <c r="G58237" i="1"/>
  <c r="G58238" i="1"/>
  <c r="G58239" i="1"/>
  <c r="G58240" i="1"/>
  <c r="G58241" i="1"/>
  <c r="G58242" i="1"/>
  <c r="G58243" i="1"/>
  <c r="G58244" i="1"/>
  <c r="G58245" i="1"/>
  <c r="G58246" i="1"/>
  <c r="G58247" i="1"/>
  <c r="G58248" i="1"/>
  <c r="G58249" i="1"/>
  <c r="G58250" i="1"/>
  <c r="G58251" i="1"/>
  <c r="G58252" i="1"/>
  <c r="G58253" i="1"/>
  <c r="G58254" i="1"/>
  <c r="G58255" i="1"/>
  <c r="G58256" i="1"/>
  <c r="G58257" i="1"/>
  <c r="G58258" i="1"/>
  <c r="G58259" i="1"/>
  <c r="G58260" i="1"/>
  <c r="G58261" i="1"/>
  <c r="G58262" i="1"/>
  <c r="G58263" i="1"/>
  <c r="G58264" i="1"/>
  <c r="G58265" i="1"/>
  <c r="G58266" i="1"/>
  <c r="G58267" i="1"/>
  <c r="G58268" i="1"/>
  <c r="G58269" i="1"/>
  <c r="G58270" i="1"/>
  <c r="G58271" i="1"/>
  <c r="G58272" i="1"/>
  <c r="G58273" i="1"/>
  <c r="G58274" i="1"/>
  <c r="G58275" i="1"/>
  <c r="G58276" i="1"/>
  <c r="G58277" i="1"/>
  <c r="G58278" i="1"/>
  <c r="G58279" i="1"/>
  <c r="G58280" i="1"/>
  <c r="G58281" i="1"/>
  <c r="G58282" i="1"/>
  <c r="G58283" i="1"/>
  <c r="G58284" i="1"/>
  <c r="G58285" i="1"/>
  <c r="G58286" i="1"/>
  <c r="G58287" i="1"/>
  <c r="G58288" i="1"/>
  <c r="G58289" i="1"/>
  <c r="G58290" i="1"/>
  <c r="G58291" i="1"/>
  <c r="G58292" i="1"/>
  <c r="G58293" i="1"/>
  <c r="G58294" i="1"/>
  <c r="G58295" i="1"/>
  <c r="G58296" i="1"/>
  <c r="G58297" i="1"/>
  <c r="G58298" i="1"/>
  <c r="G58299" i="1"/>
  <c r="G58300" i="1"/>
  <c r="G58301" i="1"/>
  <c r="G58302" i="1"/>
  <c r="G58303" i="1"/>
  <c r="G58304" i="1"/>
  <c r="G58305" i="1"/>
  <c r="G58306" i="1"/>
  <c r="G58307" i="1"/>
  <c r="G58308" i="1"/>
  <c r="G58309" i="1"/>
  <c r="G58310" i="1"/>
  <c r="G58311" i="1"/>
  <c r="G58312" i="1"/>
  <c r="G58313" i="1"/>
  <c r="G58314" i="1"/>
  <c r="G58315" i="1"/>
  <c r="G58316" i="1"/>
  <c r="G58317" i="1"/>
  <c r="G58318" i="1"/>
  <c r="G58319" i="1"/>
  <c r="G58320" i="1"/>
  <c r="G58321" i="1"/>
  <c r="G58322" i="1"/>
  <c r="G58323" i="1"/>
  <c r="G58324" i="1"/>
  <c r="G58325" i="1"/>
  <c r="G58326" i="1"/>
  <c r="G58327" i="1"/>
  <c r="G58328" i="1"/>
  <c r="G58329" i="1"/>
  <c r="G58330" i="1"/>
  <c r="G58331" i="1"/>
  <c r="G58332" i="1"/>
  <c r="G58333" i="1"/>
  <c r="G58334" i="1"/>
  <c r="G58335" i="1"/>
  <c r="G58336" i="1"/>
  <c r="G58337" i="1"/>
  <c r="G58338" i="1"/>
  <c r="G58339" i="1"/>
  <c r="G58340" i="1"/>
  <c r="G58341" i="1"/>
  <c r="G58342" i="1"/>
  <c r="G58343" i="1"/>
  <c r="G58344" i="1"/>
  <c r="G58345" i="1"/>
  <c r="G58346" i="1"/>
  <c r="G58347" i="1"/>
  <c r="G58348" i="1"/>
  <c r="G58349" i="1"/>
  <c r="G58350" i="1"/>
  <c r="G58351" i="1"/>
  <c r="G58352" i="1"/>
  <c r="G58353" i="1"/>
  <c r="G58354" i="1"/>
  <c r="G58355" i="1"/>
  <c r="G58356" i="1"/>
  <c r="G58357" i="1"/>
  <c r="G58358" i="1"/>
  <c r="G58359" i="1"/>
  <c r="G58360" i="1"/>
  <c r="G58361" i="1"/>
  <c r="G58362" i="1"/>
  <c r="G58363" i="1"/>
  <c r="G58364" i="1"/>
  <c r="G58365" i="1"/>
  <c r="G58366" i="1"/>
  <c r="G58367" i="1"/>
  <c r="G58368" i="1"/>
  <c r="G58369" i="1"/>
  <c r="G58370" i="1"/>
  <c r="G58371" i="1"/>
  <c r="G58372" i="1"/>
  <c r="G58373" i="1"/>
  <c r="G58374" i="1"/>
  <c r="G58375" i="1"/>
  <c r="G58376" i="1"/>
  <c r="G58377" i="1"/>
  <c r="G58378" i="1"/>
  <c r="G58379" i="1"/>
  <c r="G58380" i="1"/>
  <c r="G58381" i="1"/>
  <c r="G58382" i="1"/>
  <c r="G58383" i="1"/>
  <c r="G58384" i="1"/>
  <c r="G58385" i="1"/>
  <c r="G58386" i="1"/>
  <c r="G58387" i="1"/>
  <c r="G58388" i="1"/>
  <c r="G58389" i="1"/>
  <c r="G58390" i="1"/>
  <c r="G58391" i="1"/>
  <c r="G58392" i="1"/>
  <c r="G58393" i="1"/>
  <c r="G58394" i="1"/>
  <c r="G58395" i="1"/>
  <c r="G58396" i="1"/>
  <c r="G58397" i="1"/>
  <c r="G58398" i="1"/>
  <c r="G58399" i="1"/>
  <c r="G58400" i="1"/>
  <c r="G58401" i="1"/>
  <c r="G58402" i="1"/>
  <c r="G58403" i="1"/>
  <c r="G58404" i="1"/>
  <c r="G58405" i="1"/>
  <c r="G58406" i="1"/>
  <c r="G58407" i="1"/>
  <c r="G58408" i="1"/>
  <c r="G58409" i="1"/>
  <c r="G58410" i="1"/>
  <c r="G58411" i="1"/>
  <c r="G58412" i="1"/>
  <c r="G58413" i="1"/>
  <c r="G58414" i="1"/>
  <c r="G58415" i="1"/>
  <c r="G58416" i="1"/>
  <c r="G58417" i="1"/>
  <c r="G58418" i="1"/>
  <c r="G58419" i="1"/>
  <c r="G58420" i="1"/>
  <c r="G58421" i="1"/>
  <c r="G58422" i="1"/>
  <c r="G58423" i="1"/>
  <c r="G58424" i="1"/>
  <c r="G58425" i="1"/>
  <c r="G58426" i="1"/>
  <c r="G58427" i="1"/>
  <c r="G58428" i="1"/>
  <c r="G58429" i="1"/>
  <c r="G58430" i="1"/>
  <c r="G58431" i="1"/>
  <c r="G58432" i="1"/>
  <c r="G58433" i="1"/>
  <c r="G58434" i="1"/>
  <c r="G58435" i="1"/>
  <c r="G58436" i="1"/>
  <c r="G58437" i="1"/>
  <c r="G58438" i="1"/>
  <c r="G58439" i="1"/>
  <c r="G58440" i="1"/>
  <c r="G58441" i="1"/>
  <c r="G58442" i="1"/>
  <c r="G58443" i="1"/>
  <c r="G58444" i="1"/>
  <c r="G58445" i="1"/>
  <c r="G58446" i="1"/>
  <c r="G58447" i="1"/>
  <c r="G58448" i="1"/>
  <c r="G58449" i="1"/>
  <c r="G58450" i="1"/>
  <c r="G58451" i="1"/>
  <c r="G58452" i="1"/>
  <c r="G58453" i="1"/>
  <c r="G58454" i="1"/>
  <c r="G58455" i="1"/>
  <c r="G58456" i="1"/>
  <c r="G58457" i="1"/>
  <c r="G58458" i="1"/>
  <c r="G58459" i="1"/>
  <c r="G58460" i="1"/>
  <c r="G58461" i="1"/>
  <c r="G58462" i="1"/>
  <c r="G58463" i="1"/>
  <c r="G58464" i="1"/>
  <c r="G58465" i="1"/>
  <c r="G58466" i="1"/>
  <c r="G58467" i="1"/>
  <c r="G58468" i="1"/>
  <c r="G58469" i="1"/>
  <c r="G58470" i="1"/>
  <c r="G58471" i="1"/>
  <c r="G58472" i="1"/>
  <c r="G58473" i="1"/>
  <c r="G58474" i="1"/>
  <c r="G58475" i="1"/>
  <c r="G58476" i="1"/>
  <c r="G58477" i="1"/>
  <c r="G58478" i="1"/>
  <c r="G58479" i="1"/>
  <c r="G58480" i="1"/>
  <c r="G58481" i="1"/>
  <c r="G58482" i="1"/>
  <c r="G58483" i="1"/>
  <c r="G58484" i="1"/>
  <c r="G58485" i="1"/>
  <c r="G58486" i="1"/>
  <c r="G58487" i="1"/>
  <c r="G58488" i="1"/>
  <c r="G58489" i="1"/>
  <c r="G58490" i="1"/>
  <c r="G58491" i="1"/>
  <c r="G58492" i="1"/>
  <c r="G58493" i="1"/>
  <c r="G58494" i="1"/>
  <c r="G58495" i="1"/>
  <c r="G58496" i="1"/>
  <c r="G58497" i="1"/>
  <c r="G58498" i="1"/>
  <c r="G58499" i="1"/>
  <c r="G58500" i="1"/>
  <c r="G58501" i="1"/>
  <c r="G58502" i="1"/>
  <c r="G58503" i="1"/>
  <c r="G58504" i="1"/>
  <c r="G58505" i="1"/>
  <c r="G58506" i="1"/>
  <c r="G58507" i="1"/>
  <c r="G58508" i="1"/>
  <c r="G58509" i="1"/>
  <c r="G58510" i="1"/>
  <c r="G58511" i="1"/>
  <c r="G58512" i="1"/>
  <c r="G58513" i="1"/>
  <c r="G58514" i="1"/>
  <c r="G58515" i="1"/>
  <c r="G58516" i="1"/>
  <c r="G58517" i="1"/>
  <c r="G58518" i="1"/>
  <c r="G58519" i="1"/>
  <c r="G58520" i="1"/>
  <c r="G58521" i="1"/>
  <c r="G58522" i="1"/>
  <c r="G58523" i="1"/>
  <c r="G58524" i="1"/>
  <c r="G58525" i="1"/>
  <c r="G58526" i="1"/>
  <c r="G58527" i="1"/>
  <c r="G58528" i="1"/>
  <c r="G58529" i="1"/>
  <c r="G58530" i="1"/>
  <c r="G58531" i="1"/>
  <c r="G58532" i="1"/>
  <c r="G58533" i="1"/>
  <c r="G58534" i="1"/>
  <c r="G58535" i="1"/>
  <c r="G58536" i="1"/>
  <c r="G58537" i="1"/>
  <c r="G58538" i="1"/>
  <c r="G58539" i="1"/>
  <c r="G58540" i="1"/>
  <c r="G58541" i="1"/>
  <c r="G58542" i="1"/>
  <c r="G58543" i="1"/>
  <c r="G58544" i="1"/>
  <c r="G58545" i="1"/>
  <c r="G58546" i="1"/>
  <c r="G58547" i="1"/>
  <c r="G58548" i="1"/>
  <c r="G58549" i="1"/>
  <c r="G58550" i="1"/>
  <c r="G58551" i="1"/>
  <c r="G58552" i="1"/>
  <c r="G58553" i="1"/>
  <c r="G58554" i="1"/>
  <c r="G58555" i="1"/>
  <c r="G58556" i="1"/>
  <c r="G58557" i="1"/>
  <c r="G58558" i="1"/>
  <c r="G58559" i="1"/>
  <c r="G58560" i="1"/>
  <c r="G58561" i="1"/>
  <c r="G58562" i="1"/>
  <c r="G58563" i="1"/>
  <c r="G58564" i="1"/>
  <c r="G58565" i="1"/>
  <c r="G58566" i="1"/>
  <c r="G58567" i="1"/>
  <c r="G58568" i="1"/>
  <c r="G58569" i="1"/>
  <c r="G58570" i="1"/>
  <c r="G58571" i="1"/>
  <c r="G58572" i="1"/>
  <c r="G58573" i="1"/>
  <c r="G58574" i="1"/>
  <c r="G58575" i="1"/>
  <c r="G58576" i="1"/>
  <c r="G58577" i="1"/>
  <c r="G58578" i="1"/>
  <c r="G58579" i="1"/>
  <c r="G58580" i="1"/>
  <c r="G58581" i="1"/>
  <c r="G58582" i="1"/>
  <c r="G58583" i="1"/>
  <c r="G58584" i="1"/>
  <c r="G58585" i="1"/>
  <c r="G58586" i="1"/>
  <c r="G58587" i="1"/>
  <c r="G58588" i="1"/>
  <c r="G58589" i="1"/>
  <c r="G58590" i="1"/>
  <c r="G58591" i="1"/>
  <c r="G58592" i="1"/>
  <c r="G58593" i="1"/>
  <c r="G58594" i="1"/>
  <c r="G58595" i="1"/>
  <c r="G58596" i="1"/>
  <c r="G58597" i="1"/>
  <c r="G58598" i="1"/>
  <c r="G58599" i="1"/>
  <c r="G58600" i="1"/>
  <c r="G58601" i="1"/>
  <c r="G58602" i="1"/>
  <c r="G58603" i="1"/>
  <c r="G58604" i="1"/>
  <c r="G58605" i="1"/>
  <c r="G58606" i="1"/>
  <c r="G58607" i="1"/>
  <c r="G58608" i="1"/>
  <c r="G58609" i="1"/>
  <c r="G58610" i="1"/>
  <c r="G58611" i="1"/>
  <c r="G58612" i="1"/>
  <c r="G58613" i="1"/>
  <c r="G58614" i="1"/>
  <c r="G58615" i="1"/>
  <c r="G58616" i="1"/>
  <c r="G58617" i="1"/>
  <c r="G58618" i="1"/>
  <c r="G58619" i="1"/>
  <c r="G58620" i="1"/>
  <c r="G58621" i="1"/>
  <c r="G58622" i="1"/>
  <c r="G58623" i="1"/>
  <c r="G58624" i="1"/>
  <c r="G58625" i="1"/>
  <c r="G58626" i="1"/>
  <c r="G58627" i="1"/>
  <c r="G58628" i="1"/>
  <c r="G58629" i="1"/>
  <c r="G58630" i="1"/>
  <c r="G58631" i="1"/>
  <c r="G58632" i="1"/>
  <c r="G58633" i="1"/>
  <c r="G58634" i="1"/>
  <c r="G58635" i="1"/>
  <c r="G58636" i="1"/>
  <c r="G58637" i="1"/>
  <c r="G58638" i="1"/>
  <c r="G58639" i="1"/>
  <c r="G58640" i="1"/>
  <c r="G58641" i="1"/>
  <c r="G58642" i="1"/>
  <c r="G58643" i="1"/>
  <c r="G58644" i="1"/>
  <c r="G58645" i="1"/>
  <c r="G58646" i="1"/>
  <c r="G58647" i="1"/>
  <c r="G58648" i="1"/>
  <c r="G58649" i="1"/>
  <c r="G58650" i="1"/>
  <c r="G58651" i="1"/>
  <c r="G58652" i="1"/>
  <c r="G58653" i="1"/>
  <c r="G58654" i="1"/>
  <c r="G58655" i="1"/>
  <c r="G58656" i="1"/>
  <c r="G58657" i="1"/>
  <c r="G58658" i="1"/>
  <c r="G58659" i="1"/>
  <c r="G58660" i="1"/>
  <c r="G58661" i="1"/>
  <c r="G58662" i="1"/>
  <c r="G58663" i="1"/>
  <c r="G58664" i="1"/>
  <c r="G58665" i="1"/>
  <c r="G58666" i="1"/>
  <c r="G58667" i="1"/>
  <c r="G58668" i="1"/>
  <c r="G58669" i="1"/>
  <c r="G58670" i="1"/>
  <c r="G58671" i="1"/>
  <c r="G58672" i="1"/>
  <c r="G58673" i="1"/>
  <c r="G58674" i="1"/>
  <c r="G58675" i="1"/>
  <c r="G58676" i="1"/>
  <c r="G58677" i="1"/>
  <c r="G58678" i="1"/>
  <c r="G58679" i="1"/>
  <c r="G58680" i="1"/>
  <c r="G58681" i="1"/>
  <c r="G58682" i="1"/>
  <c r="G58683" i="1"/>
  <c r="G58684" i="1"/>
  <c r="G58685" i="1"/>
  <c r="G58686" i="1"/>
  <c r="G58687" i="1"/>
  <c r="G58688" i="1"/>
  <c r="G58689" i="1"/>
  <c r="G58690" i="1"/>
  <c r="G58691" i="1"/>
  <c r="G58692" i="1"/>
  <c r="G58693" i="1"/>
  <c r="G58694" i="1"/>
  <c r="G58695" i="1"/>
  <c r="G58696" i="1"/>
  <c r="G58697" i="1"/>
  <c r="G58698" i="1"/>
  <c r="G58699" i="1"/>
  <c r="G58700" i="1"/>
  <c r="G58701" i="1"/>
  <c r="G58702" i="1"/>
  <c r="G58703" i="1"/>
  <c r="G58704" i="1"/>
  <c r="G58705" i="1"/>
  <c r="G58706" i="1"/>
  <c r="G58707" i="1"/>
  <c r="G58708" i="1"/>
  <c r="G58709" i="1"/>
  <c r="G58710" i="1"/>
  <c r="G58711" i="1"/>
  <c r="G58712" i="1"/>
  <c r="G58713" i="1"/>
  <c r="G58714" i="1"/>
  <c r="G58715" i="1"/>
  <c r="G58716" i="1"/>
  <c r="G58717" i="1"/>
  <c r="G58718" i="1"/>
  <c r="G58719" i="1"/>
  <c r="G58720" i="1"/>
  <c r="G58721" i="1"/>
  <c r="G58722" i="1"/>
  <c r="G58723" i="1"/>
  <c r="G58724" i="1"/>
  <c r="G58725" i="1"/>
  <c r="G58726" i="1"/>
  <c r="G58727" i="1"/>
  <c r="G58728" i="1"/>
  <c r="G58729" i="1"/>
  <c r="G58730" i="1"/>
  <c r="G58731" i="1"/>
  <c r="G58732" i="1"/>
  <c r="G58733" i="1"/>
  <c r="G58734" i="1"/>
  <c r="G58735" i="1"/>
  <c r="G58736" i="1"/>
  <c r="G58737" i="1"/>
  <c r="G58738" i="1"/>
  <c r="G58739" i="1"/>
  <c r="G58740" i="1"/>
  <c r="G58741" i="1"/>
  <c r="G58742" i="1"/>
  <c r="G58743" i="1"/>
  <c r="G58744" i="1"/>
  <c r="G58745" i="1"/>
  <c r="G58746" i="1"/>
  <c r="G58747" i="1"/>
  <c r="G58748" i="1"/>
  <c r="G58749" i="1"/>
  <c r="G58750" i="1"/>
  <c r="G58751" i="1"/>
  <c r="G58752" i="1"/>
  <c r="G58753" i="1"/>
  <c r="G58754" i="1"/>
  <c r="G58755" i="1"/>
  <c r="G58756" i="1"/>
  <c r="G58757" i="1"/>
  <c r="G58758" i="1"/>
  <c r="G58759" i="1"/>
  <c r="G58760" i="1"/>
  <c r="G58761" i="1"/>
  <c r="G58762" i="1"/>
  <c r="G58763" i="1"/>
  <c r="G58764" i="1"/>
  <c r="G58765" i="1"/>
  <c r="G58766" i="1"/>
  <c r="G58767" i="1"/>
  <c r="G58768" i="1"/>
  <c r="G58769" i="1"/>
  <c r="G58770" i="1"/>
  <c r="G58771" i="1"/>
  <c r="G58772" i="1"/>
  <c r="G58773" i="1"/>
  <c r="G58774" i="1"/>
  <c r="G58775" i="1"/>
  <c r="G58776" i="1"/>
  <c r="G58777" i="1"/>
  <c r="G58778" i="1"/>
  <c r="G58779" i="1"/>
  <c r="G58780" i="1"/>
  <c r="G58781" i="1"/>
  <c r="G58782" i="1"/>
  <c r="G58783" i="1"/>
  <c r="G58784" i="1"/>
  <c r="G58785" i="1"/>
  <c r="G58786" i="1"/>
  <c r="G58787" i="1"/>
  <c r="G58788" i="1"/>
  <c r="G58789" i="1"/>
  <c r="G58790" i="1"/>
  <c r="G58791" i="1"/>
  <c r="G58792" i="1"/>
  <c r="G58793" i="1"/>
  <c r="G58794" i="1"/>
  <c r="G58795" i="1"/>
  <c r="G58796" i="1"/>
  <c r="G58797" i="1"/>
  <c r="G58798" i="1"/>
  <c r="G58799" i="1"/>
  <c r="G58800" i="1"/>
  <c r="G58801" i="1"/>
  <c r="G58802" i="1"/>
  <c r="G58803" i="1"/>
  <c r="G58804" i="1"/>
  <c r="G58805" i="1"/>
  <c r="G58806" i="1"/>
  <c r="G58807" i="1"/>
  <c r="G58808" i="1"/>
  <c r="G58809" i="1"/>
  <c r="G58810" i="1"/>
  <c r="G58811" i="1"/>
  <c r="G58812" i="1"/>
  <c r="G58813" i="1"/>
  <c r="G58814" i="1"/>
  <c r="G58815" i="1"/>
  <c r="G58816" i="1"/>
  <c r="G58817" i="1"/>
  <c r="G58818" i="1"/>
  <c r="G58819" i="1"/>
  <c r="G58820" i="1"/>
  <c r="G58821" i="1"/>
  <c r="G58822" i="1"/>
  <c r="G58823" i="1"/>
  <c r="G58824" i="1"/>
  <c r="G58825" i="1"/>
  <c r="G58826" i="1"/>
  <c r="G58827" i="1"/>
  <c r="G58828" i="1"/>
  <c r="G58829" i="1"/>
  <c r="G58830" i="1"/>
  <c r="G58831" i="1"/>
  <c r="G58832" i="1"/>
  <c r="G58833" i="1"/>
  <c r="G58834" i="1"/>
  <c r="G58835" i="1"/>
  <c r="G58836" i="1"/>
  <c r="G58837" i="1"/>
  <c r="G58838" i="1"/>
  <c r="G58839" i="1"/>
  <c r="G58840" i="1"/>
  <c r="G58841" i="1"/>
  <c r="G58842" i="1"/>
  <c r="G58843" i="1"/>
  <c r="G58844" i="1"/>
  <c r="G58845" i="1"/>
  <c r="G58846" i="1"/>
  <c r="G58847" i="1"/>
  <c r="G58848" i="1"/>
  <c r="G58849" i="1"/>
  <c r="G58850" i="1"/>
  <c r="G58851" i="1"/>
  <c r="G58852" i="1"/>
  <c r="G58853" i="1"/>
  <c r="G58854" i="1"/>
  <c r="G58855" i="1"/>
  <c r="G58856" i="1"/>
  <c r="G58857" i="1"/>
  <c r="G58858" i="1"/>
  <c r="G58859" i="1"/>
  <c r="G58860" i="1"/>
  <c r="G58861" i="1"/>
  <c r="G58862" i="1"/>
  <c r="G58863" i="1"/>
  <c r="G58864" i="1"/>
  <c r="G58865" i="1"/>
  <c r="G58866" i="1"/>
  <c r="G58867" i="1"/>
  <c r="G58868" i="1"/>
  <c r="G58869" i="1"/>
  <c r="G58870" i="1"/>
  <c r="G58871" i="1"/>
  <c r="G58872" i="1"/>
  <c r="G58873" i="1"/>
  <c r="G58874" i="1"/>
  <c r="G58875" i="1"/>
  <c r="G58876" i="1"/>
  <c r="G58877" i="1"/>
  <c r="G58878" i="1"/>
  <c r="G58879" i="1"/>
  <c r="G58880" i="1"/>
  <c r="G58881" i="1"/>
  <c r="G58882" i="1"/>
  <c r="G58883" i="1"/>
  <c r="G58884" i="1"/>
  <c r="G58885" i="1"/>
  <c r="G58886" i="1"/>
  <c r="G58887" i="1"/>
  <c r="G58888" i="1"/>
  <c r="G58889" i="1"/>
  <c r="G58890" i="1"/>
  <c r="G58891" i="1"/>
  <c r="G58892" i="1"/>
  <c r="G58893" i="1"/>
  <c r="G58894" i="1"/>
  <c r="G58895" i="1"/>
  <c r="G58896" i="1"/>
  <c r="G58897" i="1"/>
  <c r="G58898" i="1"/>
  <c r="G58899" i="1"/>
  <c r="G58900" i="1"/>
  <c r="G58901" i="1"/>
  <c r="G58902" i="1"/>
  <c r="G58903" i="1"/>
  <c r="G58904" i="1"/>
  <c r="G58905" i="1"/>
  <c r="G58906" i="1"/>
  <c r="G58907" i="1"/>
  <c r="G58908" i="1"/>
  <c r="G58909" i="1"/>
  <c r="G58910" i="1"/>
  <c r="G58911" i="1"/>
  <c r="G58912" i="1"/>
  <c r="G58913" i="1"/>
  <c r="G58914" i="1"/>
  <c r="G58915" i="1"/>
  <c r="G58916" i="1"/>
  <c r="G58917" i="1"/>
  <c r="G58918" i="1"/>
  <c r="G58919" i="1"/>
  <c r="G58920" i="1"/>
  <c r="G58921" i="1"/>
  <c r="G58922" i="1"/>
  <c r="G58923" i="1"/>
  <c r="G58924" i="1"/>
  <c r="G58925" i="1"/>
  <c r="G58926" i="1"/>
  <c r="G58927" i="1"/>
  <c r="G58928" i="1"/>
  <c r="G58929" i="1"/>
  <c r="G58930" i="1"/>
  <c r="G58931" i="1"/>
  <c r="G58932" i="1"/>
  <c r="G58933" i="1"/>
  <c r="G58934" i="1"/>
  <c r="G58935" i="1"/>
  <c r="G58936" i="1"/>
  <c r="G58937" i="1"/>
  <c r="G58938" i="1"/>
  <c r="G58939" i="1"/>
  <c r="G58940" i="1"/>
  <c r="G58941" i="1"/>
  <c r="G58942" i="1"/>
  <c r="G58943" i="1"/>
  <c r="G58944" i="1"/>
  <c r="G58945" i="1"/>
  <c r="G58946" i="1"/>
  <c r="G58947" i="1"/>
  <c r="G58948" i="1"/>
  <c r="G58949" i="1"/>
  <c r="G58950" i="1"/>
  <c r="G58951" i="1"/>
  <c r="G58952" i="1"/>
  <c r="G58953" i="1"/>
  <c r="G58954" i="1"/>
  <c r="G58955" i="1"/>
  <c r="G58956" i="1"/>
  <c r="G58957" i="1"/>
  <c r="G58958" i="1"/>
  <c r="G58959" i="1"/>
  <c r="G58960" i="1"/>
  <c r="G58961" i="1"/>
  <c r="G58962" i="1"/>
  <c r="G58963" i="1"/>
  <c r="G58964" i="1"/>
  <c r="G58965" i="1"/>
  <c r="G58966" i="1"/>
  <c r="G58967" i="1"/>
  <c r="G58968" i="1"/>
  <c r="G58969" i="1"/>
  <c r="G58970" i="1"/>
  <c r="G58971" i="1"/>
  <c r="G58972" i="1"/>
  <c r="G58973" i="1"/>
  <c r="G58974" i="1"/>
  <c r="G58975" i="1"/>
  <c r="G58976" i="1"/>
  <c r="G58977" i="1"/>
  <c r="G58978" i="1"/>
  <c r="G58979" i="1"/>
  <c r="G58980" i="1"/>
  <c r="G58981" i="1"/>
  <c r="G58982" i="1"/>
  <c r="G58983" i="1"/>
  <c r="G58984" i="1"/>
  <c r="G58985" i="1"/>
  <c r="G58986" i="1"/>
  <c r="G58987" i="1"/>
  <c r="G58988" i="1"/>
  <c r="G58989" i="1"/>
  <c r="G58990" i="1"/>
  <c r="G58991" i="1"/>
  <c r="G58992" i="1"/>
  <c r="G58993" i="1"/>
  <c r="G58994" i="1"/>
  <c r="G58995" i="1"/>
  <c r="G58996" i="1"/>
  <c r="G58997" i="1"/>
  <c r="G58998" i="1"/>
  <c r="G58999" i="1"/>
  <c r="G59000" i="1"/>
  <c r="G59001" i="1"/>
  <c r="G59002" i="1"/>
  <c r="G59003" i="1"/>
  <c r="G59004" i="1"/>
  <c r="G59005" i="1"/>
  <c r="G59006" i="1"/>
  <c r="G59007" i="1"/>
  <c r="G59008" i="1"/>
  <c r="G59009" i="1"/>
  <c r="G59010" i="1"/>
  <c r="G59011" i="1"/>
  <c r="G59012" i="1"/>
  <c r="G59013" i="1"/>
  <c r="G59014" i="1"/>
  <c r="G59015" i="1"/>
  <c r="G59016" i="1"/>
  <c r="G59017" i="1"/>
  <c r="G59018" i="1"/>
  <c r="G59019" i="1"/>
  <c r="G59020" i="1"/>
  <c r="G59021" i="1"/>
  <c r="G59022" i="1"/>
  <c r="G59023" i="1"/>
  <c r="G59024" i="1"/>
  <c r="G59025" i="1"/>
  <c r="G59026" i="1"/>
  <c r="G59027" i="1"/>
  <c r="G59028" i="1"/>
  <c r="G59029" i="1"/>
  <c r="G59030" i="1"/>
  <c r="G59031" i="1"/>
  <c r="G59032" i="1"/>
  <c r="G59033" i="1"/>
  <c r="G59034" i="1"/>
  <c r="G59035" i="1"/>
  <c r="G59036" i="1"/>
  <c r="G59037" i="1"/>
  <c r="G59038" i="1"/>
  <c r="G59039" i="1"/>
  <c r="G59040" i="1"/>
  <c r="G59041" i="1"/>
  <c r="G59042" i="1"/>
  <c r="G59043" i="1"/>
  <c r="G59044" i="1"/>
  <c r="G59045" i="1"/>
  <c r="G59046" i="1"/>
  <c r="G59047" i="1"/>
  <c r="G59048" i="1"/>
  <c r="G59049" i="1"/>
  <c r="G59050" i="1"/>
  <c r="G59051" i="1"/>
  <c r="G59052" i="1"/>
  <c r="G59053" i="1"/>
  <c r="G59054" i="1"/>
  <c r="G59055" i="1"/>
  <c r="G59056" i="1"/>
  <c r="G59057" i="1"/>
  <c r="G59058" i="1"/>
  <c r="G59059" i="1"/>
  <c r="G59060" i="1"/>
  <c r="G59061" i="1"/>
  <c r="G59062" i="1"/>
  <c r="G59063" i="1"/>
  <c r="G59064" i="1"/>
  <c r="G59065" i="1"/>
  <c r="G59066" i="1"/>
  <c r="G59067" i="1"/>
  <c r="G59068" i="1"/>
  <c r="G59069" i="1"/>
  <c r="G59070" i="1"/>
  <c r="G59071" i="1"/>
  <c r="G59072" i="1"/>
  <c r="G59073" i="1"/>
  <c r="G59074" i="1"/>
  <c r="G59075" i="1"/>
  <c r="G59076" i="1"/>
  <c r="G59077" i="1"/>
  <c r="G59078" i="1"/>
  <c r="G59079" i="1"/>
  <c r="G59080" i="1"/>
  <c r="G59081" i="1"/>
  <c r="G59082" i="1"/>
  <c r="G59083" i="1"/>
  <c r="G59084" i="1"/>
  <c r="G59085" i="1"/>
  <c r="G59086" i="1"/>
  <c r="G59087" i="1"/>
  <c r="G59088" i="1"/>
  <c r="G59089" i="1"/>
  <c r="G59090" i="1"/>
  <c r="G59091" i="1"/>
  <c r="G59092" i="1"/>
  <c r="G59093" i="1"/>
  <c r="G59094" i="1"/>
  <c r="G59095" i="1"/>
  <c r="G59096" i="1"/>
  <c r="G59097" i="1"/>
  <c r="G59098" i="1"/>
  <c r="G59099" i="1"/>
  <c r="G59100" i="1"/>
  <c r="G59101" i="1"/>
  <c r="G59102" i="1"/>
  <c r="G59103" i="1"/>
  <c r="G59104" i="1"/>
  <c r="G59105" i="1"/>
  <c r="G59106" i="1"/>
  <c r="G59107" i="1"/>
  <c r="G59108" i="1"/>
  <c r="G59109" i="1"/>
  <c r="G59110" i="1"/>
  <c r="G59111" i="1"/>
  <c r="G59112" i="1"/>
  <c r="G59113" i="1"/>
  <c r="G59114" i="1"/>
  <c r="G59115" i="1"/>
  <c r="G59116" i="1"/>
  <c r="G59117" i="1"/>
  <c r="G59118" i="1"/>
  <c r="G59119" i="1"/>
  <c r="G59120" i="1"/>
  <c r="G59121" i="1"/>
  <c r="G59122" i="1"/>
  <c r="G59123" i="1"/>
  <c r="G59124" i="1"/>
  <c r="G59125" i="1"/>
  <c r="G59126" i="1"/>
  <c r="G59127" i="1"/>
  <c r="G59128" i="1"/>
  <c r="G59129" i="1"/>
  <c r="G59130" i="1"/>
  <c r="G59131" i="1"/>
  <c r="G59132" i="1"/>
  <c r="G59133" i="1"/>
  <c r="G59134" i="1"/>
  <c r="G59135" i="1"/>
  <c r="G59136" i="1"/>
  <c r="G59137" i="1"/>
  <c r="G59138" i="1"/>
  <c r="G59139" i="1"/>
  <c r="G59140" i="1"/>
  <c r="G59141" i="1"/>
  <c r="G59142" i="1"/>
  <c r="G59143" i="1"/>
  <c r="G59144" i="1"/>
  <c r="G59145" i="1"/>
  <c r="G59146" i="1"/>
  <c r="G59147" i="1"/>
  <c r="G59148" i="1"/>
  <c r="G59149" i="1"/>
  <c r="G59150" i="1"/>
  <c r="G59151" i="1"/>
  <c r="G59152" i="1"/>
  <c r="G59153" i="1"/>
  <c r="G59154" i="1"/>
  <c r="G59155" i="1"/>
  <c r="G59156" i="1"/>
  <c r="G59157" i="1"/>
  <c r="G59158" i="1"/>
  <c r="G59159" i="1"/>
  <c r="G59160" i="1"/>
  <c r="G59161" i="1"/>
  <c r="G59162" i="1"/>
  <c r="G59163" i="1"/>
  <c r="G59164" i="1"/>
  <c r="G59165" i="1"/>
  <c r="G59166" i="1"/>
  <c r="G59167" i="1"/>
  <c r="G59168" i="1"/>
  <c r="G59169" i="1"/>
  <c r="G59170" i="1"/>
  <c r="G59171" i="1"/>
  <c r="G59172" i="1"/>
  <c r="G59173" i="1"/>
  <c r="G59174" i="1"/>
  <c r="G59175" i="1"/>
  <c r="G59176" i="1"/>
  <c r="G59177" i="1"/>
  <c r="G59178" i="1"/>
  <c r="G59179" i="1"/>
  <c r="G59180" i="1"/>
  <c r="G59181" i="1"/>
  <c r="G59182" i="1"/>
  <c r="G59183" i="1"/>
  <c r="G59184" i="1"/>
  <c r="G59185" i="1"/>
  <c r="G59186" i="1"/>
  <c r="G59187" i="1"/>
  <c r="G59188" i="1"/>
  <c r="G59189" i="1"/>
  <c r="G59190" i="1"/>
  <c r="G59191" i="1"/>
  <c r="G59192" i="1"/>
  <c r="G59193" i="1"/>
  <c r="G59194" i="1"/>
  <c r="G59195" i="1"/>
  <c r="G59196" i="1"/>
  <c r="G59197" i="1"/>
  <c r="G59198" i="1"/>
  <c r="G59199" i="1"/>
  <c r="G59200" i="1"/>
  <c r="G59201" i="1"/>
  <c r="G59202" i="1"/>
  <c r="G59203" i="1"/>
  <c r="G59204" i="1"/>
  <c r="G59205" i="1"/>
  <c r="G59206" i="1"/>
  <c r="G59207" i="1"/>
  <c r="G59208" i="1"/>
  <c r="G59209" i="1"/>
  <c r="G59210" i="1"/>
  <c r="G59211" i="1"/>
  <c r="G59212" i="1"/>
  <c r="G59213" i="1"/>
  <c r="G59214" i="1"/>
  <c r="G59215" i="1"/>
  <c r="G59216" i="1"/>
  <c r="G59217" i="1"/>
  <c r="G59218" i="1"/>
  <c r="G59219" i="1"/>
  <c r="G59220" i="1"/>
  <c r="G59221" i="1"/>
  <c r="G59222" i="1"/>
  <c r="G59223" i="1"/>
  <c r="G59224" i="1"/>
  <c r="G59225" i="1"/>
  <c r="G59226" i="1"/>
  <c r="G59227" i="1"/>
  <c r="G59228" i="1"/>
  <c r="G59229" i="1"/>
  <c r="G59230" i="1"/>
  <c r="G59231" i="1"/>
  <c r="G59232" i="1"/>
  <c r="G59233" i="1"/>
  <c r="G59234" i="1"/>
  <c r="G59235" i="1"/>
  <c r="G59236" i="1"/>
  <c r="G59237" i="1"/>
  <c r="G59238" i="1"/>
  <c r="G59239" i="1"/>
  <c r="G59240" i="1"/>
  <c r="G59241" i="1"/>
  <c r="G59242" i="1"/>
  <c r="G59243" i="1"/>
  <c r="G59244" i="1"/>
  <c r="G59245" i="1"/>
  <c r="G59246" i="1"/>
  <c r="G59247" i="1"/>
  <c r="G59248" i="1"/>
  <c r="G59249" i="1"/>
  <c r="G59250" i="1"/>
  <c r="G59251" i="1"/>
  <c r="G59252" i="1"/>
  <c r="G59253" i="1"/>
  <c r="G59254" i="1"/>
  <c r="G59255" i="1"/>
  <c r="G59256" i="1"/>
  <c r="G59257" i="1"/>
  <c r="G59258" i="1"/>
  <c r="G59259" i="1"/>
  <c r="G59260" i="1"/>
  <c r="G59261" i="1"/>
  <c r="G59262" i="1"/>
  <c r="G59263" i="1"/>
  <c r="G59264" i="1"/>
  <c r="G59265" i="1"/>
  <c r="G59266" i="1"/>
  <c r="G59267" i="1"/>
  <c r="G59268" i="1"/>
  <c r="G59269" i="1"/>
  <c r="G59270" i="1"/>
  <c r="G59271" i="1"/>
  <c r="G59272" i="1"/>
  <c r="G59273" i="1"/>
  <c r="G59274" i="1"/>
  <c r="G59275" i="1"/>
  <c r="G59276" i="1"/>
  <c r="G59277" i="1"/>
  <c r="G59278" i="1"/>
  <c r="G59279" i="1"/>
  <c r="G59280" i="1"/>
  <c r="G59281" i="1"/>
  <c r="G59282" i="1"/>
  <c r="G59283" i="1"/>
  <c r="G59284" i="1"/>
  <c r="G59285" i="1"/>
  <c r="G59286" i="1"/>
  <c r="G59287" i="1"/>
  <c r="G59288" i="1"/>
  <c r="G59289" i="1"/>
  <c r="G59290" i="1"/>
  <c r="G59291" i="1"/>
  <c r="G59292" i="1"/>
  <c r="G59293" i="1"/>
  <c r="G59294" i="1"/>
  <c r="G59295" i="1"/>
  <c r="G59296" i="1"/>
  <c r="G59297" i="1"/>
  <c r="G59298" i="1"/>
  <c r="G59299" i="1"/>
  <c r="G59300" i="1"/>
  <c r="G59301" i="1"/>
  <c r="G59302" i="1"/>
  <c r="G59303" i="1"/>
  <c r="G59304" i="1"/>
  <c r="G59305" i="1"/>
  <c r="G59306" i="1"/>
  <c r="G59307" i="1"/>
  <c r="G59308" i="1"/>
  <c r="G59309" i="1"/>
  <c r="G59310" i="1"/>
  <c r="G59311" i="1"/>
  <c r="G59312" i="1"/>
  <c r="G59313" i="1"/>
  <c r="G59314" i="1"/>
  <c r="G59315" i="1"/>
  <c r="G59316" i="1"/>
  <c r="G59317" i="1"/>
  <c r="G59318" i="1"/>
  <c r="G59319" i="1"/>
  <c r="G59320" i="1"/>
  <c r="G59321" i="1"/>
  <c r="G59322" i="1"/>
  <c r="G59323" i="1"/>
  <c r="G59324" i="1"/>
  <c r="G59325" i="1"/>
  <c r="G59326" i="1"/>
  <c r="G59327" i="1"/>
  <c r="G59328" i="1"/>
  <c r="G59329" i="1"/>
  <c r="G59330" i="1"/>
  <c r="G59331" i="1"/>
  <c r="G59332" i="1"/>
  <c r="G59333" i="1"/>
  <c r="G59334" i="1"/>
  <c r="G59335" i="1"/>
  <c r="G59336" i="1"/>
  <c r="G59337" i="1"/>
  <c r="G59338" i="1"/>
  <c r="G59339" i="1"/>
  <c r="G59340" i="1"/>
  <c r="G59341" i="1"/>
  <c r="G59342" i="1"/>
  <c r="G59343" i="1"/>
  <c r="G59344" i="1"/>
  <c r="G59345" i="1"/>
  <c r="G59346" i="1"/>
  <c r="G59347" i="1"/>
  <c r="G59348" i="1"/>
  <c r="G59349" i="1"/>
  <c r="G59350" i="1"/>
  <c r="G59351" i="1"/>
  <c r="G59352" i="1"/>
  <c r="G59353" i="1"/>
  <c r="G59354" i="1"/>
  <c r="G59355" i="1"/>
  <c r="G59356" i="1"/>
  <c r="G59357" i="1"/>
  <c r="G59358" i="1"/>
  <c r="G59359" i="1"/>
  <c r="G59360" i="1"/>
  <c r="G59361" i="1"/>
  <c r="G59362" i="1"/>
  <c r="G59363" i="1"/>
  <c r="G59364" i="1"/>
  <c r="G59365" i="1"/>
  <c r="G59366" i="1"/>
  <c r="G59367" i="1"/>
  <c r="G59368" i="1"/>
  <c r="G59369" i="1"/>
  <c r="G59370" i="1"/>
  <c r="G59371" i="1"/>
  <c r="G59372" i="1"/>
  <c r="G59373" i="1"/>
  <c r="G59374" i="1"/>
  <c r="G59375" i="1"/>
  <c r="G59376" i="1"/>
  <c r="G59377" i="1"/>
  <c r="G59378" i="1"/>
  <c r="G59379" i="1"/>
  <c r="G59380" i="1"/>
  <c r="G59381" i="1"/>
  <c r="G59382" i="1"/>
  <c r="G59383" i="1"/>
  <c r="G59384" i="1"/>
  <c r="G59385" i="1"/>
  <c r="G59386" i="1"/>
  <c r="G59387" i="1"/>
  <c r="G59388" i="1"/>
  <c r="G59389" i="1"/>
  <c r="G59390" i="1"/>
  <c r="G59391" i="1"/>
  <c r="G59392" i="1"/>
  <c r="G59393" i="1"/>
  <c r="G59394" i="1"/>
  <c r="G59395" i="1"/>
  <c r="G59396" i="1"/>
  <c r="G59397" i="1"/>
  <c r="G59398" i="1"/>
  <c r="G59399" i="1"/>
  <c r="G59400" i="1"/>
  <c r="G59401" i="1"/>
  <c r="G59402" i="1"/>
  <c r="G59403" i="1"/>
  <c r="G59404" i="1"/>
  <c r="G59405" i="1"/>
  <c r="G59406" i="1"/>
  <c r="G59407" i="1"/>
  <c r="G59408" i="1"/>
  <c r="G59409" i="1"/>
  <c r="G59410" i="1"/>
  <c r="G59411" i="1"/>
  <c r="G59412" i="1"/>
  <c r="G59413" i="1"/>
  <c r="G59414" i="1"/>
  <c r="G59415" i="1"/>
  <c r="G59416" i="1"/>
  <c r="G59417" i="1"/>
  <c r="G59418" i="1"/>
  <c r="G59419" i="1"/>
  <c r="G59420" i="1"/>
  <c r="G59421" i="1"/>
  <c r="G59422" i="1"/>
  <c r="G59423" i="1"/>
  <c r="G59424" i="1"/>
  <c r="G59425" i="1"/>
  <c r="G59426" i="1"/>
  <c r="G59427" i="1"/>
  <c r="G59428" i="1"/>
  <c r="G59429" i="1"/>
  <c r="G59430" i="1"/>
  <c r="G59431" i="1"/>
  <c r="G59432" i="1"/>
  <c r="G59433" i="1"/>
  <c r="G59434" i="1"/>
  <c r="G59435" i="1"/>
  <c r="G59436" i="1"/>
  <c r="G59437" i="1"/>
  <c r="G59438" i="1"/>
  <c r="G59439" i="1"/>
  <c r="G59440" i="1"/>
  <c r="G59441" i="1"/>
  <c r="G59442" i="1"/>
  <c r="G59443" i="1"/>
  <c r="G59444" i="1"/>
  <c r="G59445" i="1"/>
  <c r="G59446" i="1"/>
  <c r="G59447" i="1"/>
  <c r="G59448" i="1"/>
  <c r="G59449" i="1"/>
  <c r="G59450" i="1"/>
  <c r="G59451" i="1"/>
  <c r="G59452" i="1"/>
  <c r="G59453" i="1"/>
  <c r="G59454" i="1"/>
  <c r="G59455" i="1"/>
  <c r="G59456" i="1"/>
  <c r="G59457" i="1"/>
  <c r="G59458" i="1"/>
  <c r="G59459" i="1"/>
  <c r="G59460" i="1"/>
  <c r="G59461" i="1"/>
  <c r="G59462" i="1"/>
  <c r="G59463" i="1"/>
  <c r="G59464" i="1"/>
  <c r="G59465" i="1"/>
  <c r="G59466" i="1"/>
  <c r="G59467" i="1"/>
  <c r="G59468" i="1"/>
  <c r="G59469" i="1"/>
  <c r="G59470" i="1"/>
  <c r="G59471" i="1"/>
  <c r="G59472" i="1"/>
  <c r="G59473" i="1"/>
  <c r="G59474" i="1"/>
  <c r="G59475" i="1"/>
  <c r="G59476" i="1"/>
  <c r="G59477" i="1"/>
  <c r="G59478" i="1"/>
  <c r="G59479" i="1"/>
  <c r="G59480" i="1"/>
  <c r="G59481" i="1"/>
  <c r="G59482" i="1"/>
  <c r="G59483" i="1"/>
  <c r="G59484" i="1"/>
  <c r="G59485" i="1"/>
  <c r="G59486" i="1"/>
  <c r="G59487" i="1"/>
  <c r="G59488" i="1"/>
  <c r="G59489" i="1"/>
  <c r="G59490" i="1"/>
  <c r="G59491" i="1"/>
  <c r="G59492" i="1"/>
  <c r="G59493" i="1"/>
  <c r="G59494" i="1"/>
  <c r="G59495" i="1"/>
  <c r="G59496" i="1"/>
  <c r="G59497" i="1"/>
  <c r="G59498" i="1"/>
  <c r="G59499" i="1"/>
  <c r="G59500" i="1"/>
  <c r="G59501" i="1"/>
  <c r="G59502" i="1"/>
  <c r="G59503" i="1"/>
  <c r="G59504" i="1"/>
  <c r="G59505" i="1"/>
  <c r="G59506" i="1"/>
  <c r="G59507" i="1"/>
  <c r="G59508" i="1"/>
  <c r="G59509" i="1"/>
  <c r="G59510" i="1"/>
  <c r="G59511" i="1"/>
  <c r="G59512" i="1"/>
  <c r="G59513" i="1"/>
  <c r="G59514" i="1"/>
  <c r="G59515" i="1"/>
  <c r="G59516" i="1"/>
  <c r="G59517" i="1"/>
  <c r="G59518" i="1"/>
  <c r="G59519" i="1"/>
  <c r="G59520" i="1"/>
  <c r="G59521" i="1"/>
  <c r="G59522" i="1"/>
  <c r="G59523" i="1"/>
  <c r="G59524" i="1"/>
  <c r="G59525" i="1"/>
  <c r="G59526" i="1"/>
  <c r="G59527" i="1"/>
  <c r="G59528" i="1"/>
  <c r="G59529" i="1"/>
  <c r="G59530" i="1"/>
  <c r="G59531" i="1"/>
  <c r="G59532" i="1"/>
  <c r="G59533" i="1"/>
  <c r="G59534" i="1"/>
  <c r="G59535" i="1"/>
  <c r="G59536" i="1"/>
  <c r="G59537" i="1"/>
  <c r="G59538" i="1"/>
  <c r="G59539" i="1"/>
  <c r="G59540" i="1"/>
  <c r="G59541" i="1"/>
  <c r="G59542" i="1"/>
  <c r="G59543" i="1"/>
  <c r="G59544" i="1"/>
  <c r="G59545" i="1"/>
  <c r="G59546" i="1"/>
  <c r="G59547" i="1"/>
  <c r="G59548" i="1"/>
  <c r="G59549" i="1"/>
  <c r="G59550" i="1"/>
  <c r="G59551" i="1"/>
  <c r="G59552" i="1"/>
  <c r="G59553" i="1"/>
  <c r="G59554" i="1"/>
  <c r="G59555" i="1"/>
  <c r="G59556" i="1"/>
  <c r="G59557" i="1"/>
  <c r="G59558" i="1"/>
  <c r="G59559" i="1"/>
  <c r="G59560" i="1"/>
  <c r="G59561" i="1"/>
  <c r="G59562" i="1"/>
  <c r="G59563" i="1"/>
  <c r="G59564" i="1"/>
  <c r="G59565" i="1"/>
  <c r="G59566" i="1"/>
  <c r="G59567" i="1"/>
  <c r="G59568" i="1"/>
  <c r="G59569" i="1"/>
  <c r="G59570" i="1"/>
  <c r="G59571" i="1"/>
  <c r="G59572" i="1"/>
  <c r="G59573" i="1"/>
  <c r="G59574" i="1"/>
  <c r="G59575" i="1"/>
  <c r="G59576" i="1"/>
  <c r="G59577" i="1"/>
  <c r="G59578" i="1"/>
  <c r="G59579" i="1"/>
  <c r="G59580" i="1"/>
  <c r="G59581" i="1"/>
  <c r="G59582" i="1"/>
  <c r="G59583" i="1"/>
  <c r="G59584" i="1"/>
  <c r="G59585" i="1"/>
  <c r="G59586" i="1"/>
  <c r="G59587" i="1"/>
  <c r="G59588" i="1"/>
  <c r="G59589" i="1"/>
  <c r="G59590" i="1"/>
  <c r="G59591" i="1"/>
  <c r="G59592" i="1"/>
  <c r="G59593" i="1"/>
  <c r="G59594" i="1"/>
  <c r="G59595" i="1"/>
  <c r="G59596" i="1"/>
  <c r="G59597" i="1"/>
  <c r="G59598" i="1"/>
  <c r="G59599" i="1"/>
  <c r="G59600" i="1"/>
  <c r="G59601" i="1"/>
  <c r="G59602" i="1"/>
  <c r="G59603" i="1"/>
  <c r="G59604" i="1"/>
  <c r="G59605" i="1"/>
  <c r="G59606" i="1"/>
  <c r="G59607" i="1"/>
  <c r="G59608" i="1"/>
  <c r="G59609" i="1"/>
  <c r="G59610" i="1"/>
  <c r="G59611" i="1"/>
  <c r="G59612" i="1"/>
  <c r="G59613" i="1"/>
  <c r="G59614" i="1"/>
  <c r="G59615" i="1"/>
  <c r="G59616" i="1"/>
  <c r="G59617" i="1"/>
  <c r="G59618" i="1"/>
  <c r="G59619" i="1"/>
  <c r="G59620" i="1"/>
  <c r="G59621" i="1"/>
  <c r="G59622" i="1"/>
  <c r="G59623" i="1"/>
  <c r="G59624" i="1"/>
  <c r="G59625" i="1"/>
  <c r="G59626" i="1"/>
  <c r="G59627" i="1"/>
  <c r="G59628" i="1"/>
  <c r="G59629" i="1"/>
  <c r="G59630" i="1"/>
  <c r="G59631" i="1"/>
  <c r="G59632" i="1"/>
  <c r="G59633" i="1"/>
  <c r="G59634" i="1"/>
  <c r="G59635" i="1"/>
  <c r="G59636" i="1"/>
  <c r="G59637" i="1"/>
  <c r="G59638" i="1"/>
  <c r="G59639" i="1"/>
  <c r="G59640" i="1"/>
  <c r="G59641" i="1"/>
  <c r="G59642" i="1"/>
  <c r="G59643" i="1"/>
  <c r="G59644" i="1"/>
  <c r="G59645" i="1"/>
  <c r="G59646" i="1"/>
  <c r="G59647" i="1"/>
  <c r="G59648" i="1"/>
  <c r="G59649" i="1"/>
  <c r="G59650" i="1"/>
  <c r="G59651" i="1"/>
  <c r="G59652" i="1"/>
  <c r="G59653" i="1"/>
  <c r="G59654" i="1"/>
  <c r="G59655" i="1"/>
  <c r="G59656" i="1"/>
  <c r="G59657" i="1"/>
  <c r="G59658" i="1"/>
  <c r="G59659" i="1"/>
  <c r="G59660" i="1"/>
  <c r="G59661" i="1"/>
  <c r="G59662" i="1"/>
  <c r="G59663" i="1"/>
  <c r="G59664" i="1"/>
  <c r="G59665" i="1"/>
  <c r="G59666" i="1"/>
  <c r="G59667" i="1"/>
  <c r="G59668" i="1"/>
  <c r="G59669" i="1"/>
  <c r="G59670" i="1"/>
  <c r="G59671" i="1"/>
  <c r="G59672" i="1"/>
  <c r="G59673" i="1"/>
  <c r="G59674" i="1"/>
  <c r="G59675" i="1"/>
  <c r="G59676" i="1"/>
  <c r="G59677" i="1"/>
  <c r="G59678" i="1"/>
  <c r="G59679" i="1"/>
  <c r="G59680" i="1"/>
  <c r="G59681" i="1"/>
  <c r="G59682" i="1"/>
  <c r="G59683" i="1"/>
  <c r="G59684" i="1"/>
  <c r="G59685" i="1"/>
  <c r="G59686" i="1"/>
  <c r="G59687" i="1"/>
  <c r="G59688" i="1"/>
  <c r="G59689" i="1"/>
  <c r="G59690" i="1"/>
  <c r="G59691" i="1"/>
  <c r="G59692" i="1"/>
  <c r="G59693" i="1"/>
  <c r="G59694" i="1"/>
  <c r="G59695" i="1"/>
  <c r="G59696" i="1"/>
  <c r="G59697" i="1"/>
  <c r="G59698" i="1"/>
  <c r="G59699" i="1"/>
  <c r="G59700" i="1"/>
  <c r="G59701" i="1"/>
  <c r="G59702" i="1"/>
  <c r="G59703" i="1"/>
  <c r="G59704" i="1"/>
  <c r="G59705" i="1"/>
  <c r="G59706" i="1"/>
  <c r="G59707" i="1"/>
  <c r="G59708" i="1"/>
  <c r="G59709" i="1"/>
  <c r="G59710" i="1"/>
  <c r="G59711" i="1"/>
  <c r="G59712" i="1"/>
  <c r="G59713" i="1"/>
  <c r="G59714" i="1"/>
  <c r="G59715" i="1"/>
  <c r="G59716" i="1"/>
  <c r="G59717" i="1"/>
  <c r="G59718" i="1"/>
  <c r="G59719" i="1"/>
  <c r="G59720" i="1"/>
  <c r="G59721" i="1"/>
  <c r="G59722" i="1"/>
  <c r="G59723" i="1"/>
  <c r="G59724" i="1"/>
  <c r="G59725" i="1"/>
  <c r="G59726" i="1"/>
  <c r="G59727" i="1"/>
  <c r="G59728" i="1"/>
  <c r="G59729" i="1"/>
  <c r="G59730" i="1"/>
  <c r="G59731" i="1"/>
  <c r="G59732" i="1"/>
  <c r="G59733" i="1"/>
  <c r="G59734" i="1"/>
  <c r="G59735" i="1"/>
  <c r="G59736" i="1"/>
  <c r="G59737" i="1"/>
  <c r="G59738" i="1"/>
  <c r="G59739" i="1"/>
  <c r="G59740" i="1"/>
  <c r="G59741" i="1"/>
  <c r="G59742" i="1"/>
  <c r="G59743" i="1"/>
  <c r="G59744" i="1"/>
  <c r="G59745" i="1"/>
  <c r="G59746" i="1"/>
  <c r="G59747" i="1"/>
  <c r="G59748" i="1"/>
  <c r="G59749" i="1"/>
  <c r="G59750" i="1"/>
  <c r="G59751" i="1"/>
  <c r="G59752" i="1"/>
  <c r="G59753" i="1"/>
  <c r="G59754" i="1"/>
  <c r="G59755" i="1"/>
  <c r="G59756" i="1"/>
  <c r="G59757" i="1"/>
  <c r="G59758" i="1"/>
  <c r="G59759" i="1"/>
  <c r="G59760" i="1"/>
  <c r="G59761" i="1"/>
  <c r="G59762" i="1"/>
  <c r="G59763" i="1"/>
  <c r="G59764" i="1"/>
  <c r="G59765" i="1"/>
  <c r="G59766" i="1"/>
  <c r="G59767" i="1"/>
  <c r="G59768" i="1"/>
  <c r="G59769" i="1"/>
  <c r="G59770" i="1"/>
  <c r="G59771" i="1"/>
  <c r="G59772" i="1"/>
  <c r="G59773" i="1"/>
  <c r="G59774" i="1"/>
  <c r="G59775" i="1"/>
  <c r="G59776" i="1"/>
  <c r="G59777" i="1"/>
  <c r="G59778" i="1"/>
  <c r="G59779" i="1"/>
  <c r="G59780" i="1"/>
  <c r="G59781" i="1"/>
  <c r="G59782" i="1"/>
  <c r="G59783" i="1"/>
  <c r="G59784" i="1"/>
  <c r="G59785" i="1"/>
  <c r="G59786" i="1"/>
  <c r="G59787" i="1"/>
  <c r="G59788" i="1"/>
  <c r="G59789" i="1"/>
  <c r="G59790" i="1"/>
  <c r="G59791" i="1"/>
  <c r="G59792" i="1"/>
  <c r="G59793" i="1"/>
  <c r="G59794" i="1"/>
  <c r="G59795" i="1"/>
  <c r="G59796" i="1"/>
  <c r="G59797" i="1"/>
  <c r="G59798" i="1"/>
  <c r="G59799" i="1"/>
  <c r="G59800" i="1"/>
  <c r="G59801" i="1"/>
  <c r="G59802" i="1"/>
  <c r="G59803" i="1"/>
  <c r="G59804" i="1"/>
  <c r="G59805" i="1"/>
  <c r="G59806" i="1"/>
  <c r="G59807" i="1"/>
  <c r="G59808" i="1"/>
  <c r="G59809" i="1"/>
  <c r="G59810" i="1"/>
  <c r="G59811" i="1"/>
  <c r="G59812" i="1"/>
  <c r="G59813" i="1"/>
  <c r="G59814" i="1"/>
  <c r="G59815" i="1"/>
  <c r="G59816" i="1"/>
  <c r="G59817" i="1"/>
  <c r="G59818" i="1"/>
  <c r="G59819" i="1"/>
  <c r="G59820" i="1"/>
  <c r="G59821" i="1"/>
  <c r="G59822" i="1"/>
  <c r="G59823" i="1"/>
  <c r="G59824" i="1"/>
  <c r="G59825" i="1"/>
  <c r="G59826" i="1"/>
  <c r="G59827" i="1"/>
  <c r="G59828" i="1"/>
  <c r="G59829" i="1"/>
  <c r="G59830" i="1"/>
  <c r="G59831" i="1"/>
  <c r="G59832" i="1"/>
  <c r="G59833" i="1"/>
  <c r="G59834" i="1"/>
  <c r="G59835" i="1"/>
  <c r="G59836" i="1"/>
  <c r="G59837" i="1"/>
  <c r="G59838" i="1"/>
  <c r="G59839" i="1"/>
  <c r="G59840" i="1"/>
  <c r="G59841" i="1"/>
  <c r="G59842" i="1"/>
  <c r="G59843" i="1"/>
  <c r="G59844" i="1"/>
  <c r="G59845" i="1"/>
  <c r="G59846" i="1"/>
  <c r="G59847" i="1"/>
  <c r="G59848" i="1"/>
  <c r="G59849" i="1"/>
  <c r="G59850" i="1"/>
  <c r="G59851" i="1"/>
  <c r="G59852" i="1"/>
  <c r="G59853" i="1"/>
  <c r="G59854" i="1"/>
  <c r="G59855" i="1"/>
  <c r="G59856" i="1"/>
  <c r="G59857" i="1"/>
  <c r="G59858" i="1"/>
  <c r="G59859" i="1"/>
  <c r="G59860" i="1"/>
  <c r="G59861" i="1"/>
  <c r="G59862" i="1"/>
  <c r="G59863" i="1"/>
  <c r="G59864" i="1"/>
  <c r="G59865" i="1"/>
  <c r="G59866" i="1"/>
  <c r="G59867" i="1"/>
  <c r="G59868" i="1"/>
  <c r="G59869" i="1"/>
  <c r="G59870" i="1"/>
  <c r="G59871" i="1"/>
  <c r="G59872" i="1"/>
  <c r="G59873" i="1"/>
  <c r="G59874" i="1"/>
  <c r="G59875" i="1"/>
  <c r="G59876" i="1"/>
  <c r="G59877" i="1"/>
  <c r="G59878" i="1"/>
  <c r="G59879" i="1"/>
  <c r="G59880" i="1"/>
  <c r="G59881" i="1"/>
  <c r="G59882" i="1"/>
  <c r="G59883" i="1"/>
  <c r="G59884" i="1"/>
  <c r="G59885" i="1"/>
  <c r="G59886" i="1"/>
  <c r="G59887" i="1"/>
  <c r="G59888" i="1"/>
  <c r="G59889" i="1"/>
  <c r="G59890" i="1"/>
  <c r="G59891" i="1"/>
  <c r="G59892" i="1"/>
  <c r="G59893" i="1"/>
  <c r="G59894" i="1"/>
  <c r="G59895" i="1"/>
  <c r="G59896" i="1"/>
  <c r="G59897" i="1"/>
  <c r="G59898" i="1"/>
  <c r="G59899" i="1"/>
  <c r="G59900" i="1"/>
  <c r="G59901" i="1"/>
  <c r="G59902" i="1"/>
  <c r="G59903" i="1"/>
  <c r="G59904" i="1"/>
  <c r="G59905" i="1"/>
  <c r="G59906" i="1"/>
  <c r="G59907" i="1"/>
  <c r="G59908" i="1"/>
  <c r="G59909" i="1"/>
  <c r="G59910" i="1"/>
  <c r="G59911" i="1"/>
  <c r="G59912" i="1"/>
  <c r="G59913" i="1"/>
  <c r="G59914" i="1"/>
  <c r="G59915" i="1"/>
  <c r="G59916" i="1"/>
  <c r="G59917" i="1"/>
  <c r="G59918" i="1"/>
  <c r="G59919" i="1"/>
  <c r="G59920" i="1"/>
  <c r="G59921" i="1"/>
  <c r="G59922" i="1"/>
  <c r="G59923" i="1"/>
  <c r="G59924" i="1"/>
  <c r="G59925" i="1"/>
  <c r="G59926" i="1"/>
  <c r="G59927" i="1"/>
  <c r="G59928" i="1"/>
  <c r="G59929" i="1"/>
  <c r="G59930" i="1"/>
  <c r="G59931" i="1"/>
  <c r="G59932" i="1"/>
  <c r="G59933" i="1"/>
  <c r="G59934" i="1"/>
  <c r="G59935" i="1"/>
  <c r="G59936" i="1"/>
  <c r="G59937" i="1"/>
  <c r="G59938" i="1"/>
  <c r="G59939" i="1"/>
  <c r="G59940" i="1"/>
  <c r="G59941" i="1"/>
  <c r="G59942" i="1"/>
  <c r="G59943" i="1"/>
  <c r="G59944" i="1"/>
  <c r="G59945" i="1"/>
  <c r="G59946" i="1"/>
  <c r="G59947" i="1"/>
  <c r="G59948" i="1"/>
  <c r="G59949" i="1"/>
  <c r="G59950" i="1"/>
  <c r="G59951" i="1"/>
  <c r="G59952" i="1"/>
  <c r="G59953" i="1"/>
  <c r="G59954" i="1"/>
  <c r="G59955" i="1"/>
  <c r="G59956" i="1"/>
  <c r="G59957" i="1"/>
  <c r="G59958" i="1"/>
  <c r="G59959" i="1"/>
  <c r="G59960" i="1"/>
  <c r="G59961" i="1"/>
  <c r="G59962" i="1"/>
  <c r="G59963" i="1"/>
  <c r="G59964" i="1"/>
  <c r="G59965" i="1"/>
  <c r="G59966" i="1"/>
  <c r="G59967" i="1"/>
  <c r="G59968" i="1"/>
  <c r="G59969" i="1"/>
  <c r="G59970" i="1"/>
  <c r="G59971" i="1"/>
  <c r="G59972" i="1"/>
  <c r="G59973" i="1"/>
  <c r="G59974" i="1"/>
  <c r="G59975" i="1"/>
  <c r="G59976" i="1"/>
  <c r="G59977" i="1"/>
  <c r="G59978" i="1"/>
  <c r="G59979" i="1"/>
  <c r="G59980" i="1"/>
  <c r="G59981" i="1"/>
  <c r="G59982" i="1"/>
  <c r="G59983" i="1"/>
  <c r="G59984" i="1"/>
  <c r="G59985" i="1"/>
  <c r="G59986" i="1"/>
  <c r="G59987" i="1"/>
  <c r="G59988" i="1"/>
  <c r="G59989" i="1"/>
  <c r="G59990" i="1"/>
  <c r="G59991" i="1"/>
  <c r="G59992" i="1"/>
  <c r="G59993" i="1"/>
  <c r="G59994" i="1"/>
  <c r="G59995" i="1"/>
  <c r="G59996" i="1"/>
  <c r="G59997" i="1"/>
  <c r="G59998" i="1"/>
  <c r="G59999" i="1"/>
  <c r="G60000" i="1"/>
  <c r="G60001" i="1"/>
  <c r="G60002" i="1"/>
  <c r="G60003" i="1"/>
  <c r="G60004" i="1"/>
  <c r="G60005" i="1"/>
  <c r="G60006" i="1"/>
  <c r="G60007" i="1"/>
  <c r="G60008" i="1"/>
  <c r="G60009" i="1"/>
  <c r="G60010" i="1"/>
  <c r="G60011" i="1"/>
  <c r="G60012" i="1"/>
  <c r="G60013" i="1"/>
  <c r="G60014" i="1"/>
  <c r="G60015" i="1"/>
  <c r="G60016" i="1"/>
  <c r="G60017" i="1"/>
  <c r="G60018" i="1"/>
  <c r="G60019" i="1"/>
  <c r="G60020" i="1"/>
  <c r="G60021" i="1"/>
  <c r="G60022" i="1"/>
  <c r="G60023" i="1"/>
  <c r="G60024" i="1"/>
  <c r="G60025" i="1"/>
  <c r="G60026" i="1"/>
  <c r="G60027" i="1"/>
  <c r="G60028" i="1"/>
  <c r="G60029" i="1"/>
  <c r="G60030" i="1"/>
  <c r="G60031" i="1"/>
  <c r="G60032" i="1"/>
  <c r="G60033" i="1"/>
  <c r="G60034" i="1"/>
  <c r="G60035" i="1"/>
  <c r="G60036" i="1"/>
  <c r="G60037" i="1"/>
  <c r="G60038" i="1"/>
  <c r="G60039" i="1"/>
  <c r="G60040" i="1"/>
  <c r="G60041" i="1"/>
  <c r="G60042" i="1"/>
  <c r="G60043" i="1"/>
  <c r="G60044" i="1"/>
  <c r="G60045" i="1"/>
  <c r="G60046" i="1"/>
  <c r="G60047" i="1"/>
  <c r="G60048" i="1"/>
  <c r="G60049" i="1"/>
  <c r="G60050" i="1"/>
  <c r="G60051" i="1"/>
  <c r="G60052" i="1"/>
  <c r="G60053" i="1"/>
  <c r="G60054" i="1"/>
  <c r="G60055" i="1"/>
  <c r="G60056" i="1"/>
  <c r="G60057" i="1"/>
  <c r="G60058" i="1"/>
  <c r="G60059" i="1"/>
  <c r="G60060" i="1"/>
  <c r="G60061" i="1"/>
  <c r="G60062" i="1"/>
  <c r="G60063" i="1"/>
  <c r="G60064" i="1"/>
  <c r="G60065" i="1"/>
  <c r="G60066" i="1"/>
  <c r="G60067" i="1"/>
  <c r="G60068" i="1"/>
  <c r="G60069" i="1"/>
  <c r="G60070" i="1"/>
  <c r="G60071" i="1"/>
  <c r="G60072" i="1"/>
  <c r="G60073" i="1"/>
  <c r="G60074" i="1"/>
  <c r="G60075" i="1"/>
  <c r="G60076" i="1"/>
  <c r="G60077" i="1"/>
  <c r="G60078" i="1"/>
  <c r="G60079" i="1"/>
  <c r="G60080" i="1"/>
  <c r="G60081" i="1"/>
  <c r="G60082" i="1"/>
  <c r="G60083" i="1"/>
  <c r="G60084" i="1"/>
  <c r="G60085" i="1"/>
  <c r="G60086" i="1"/>
  <c r="G60087" i="1"/>
  <c r="G60088" i="1"/>
  <c r="G60089" i="1"/>
  <c r="G60090" i="1"/>
  <c r="G60091" i="1"/>
  <c r="G60092" i="1"/>
  <c r="G60093" i="1"/>
  <c r="G60094" i="1"/>
  <c r="G60095" i="1"/>
  <c r="G60096" i="1"/>
  <c r="G60097" i="1"/>
  <c r="G60098" i="1"/>
  <c r="G60099" i="1"/>
  <c r="G60100" i="1"/>
  <c r="G60101" i="1"/>
  <c r="G60102" i="1"/>
  <c r="G60103" i="1"/>
  <c r="G60104" i="1"/>
  <c r="G60105" i="1"/>
  <c r="G60106" i="1"/>
  <c r="G60107" i="1"/>
  <c r="G60108" i="1"/>
  <c r="G60109" i="1"/>
  <c r="G60110" i="1"/>
  <c r="G60111" i="1"/>
  <c r="G60112" i="1"/>
  <c r="G60113" i="1"/>
  <c r="G60114" i="1"/>
  <c r="G60115" i="1"/>
  <c r="G60116" i="1"/>
  <c r="G60117" i="1"/>
  <c r="G60118" i="1"/>
  <c r="G60119" i="1"/>
  <c r="G60120" i="1"/>
  <c r="G60121" i="1"/>
  <c r="G60122" i="1"/>
  <c r="G60123" i="1"/>
  <c r="G60124" i="1"/>
  <c r="G60125" i="1"/>
  <c r="G60126" i="1"/>
  <c r="G60127" i="1"/>
  <c r="G60128" i="1"/>
  <c r="G60129" i="1"/>
  <c r="G60130" i="1"/>
  <c r="G60131" i="1"/>
  <c r="G60132" i="1"/>
  <c r="G60133" i="1"/>
  <c r="G60134" i="1"/>
  <c r="G60135" i="1"/>
  <c r="G60136" i="1"/>
  <c r="G60137" i="1"/>
  <c r="G60138" i="1"/>
  <c r="G60139" i="1"/>
  <c r="G60140" i="1"/>
  <c r="G60141" i="1"/>
  <c r="G60142" i="1"/>
  <c r="G60143" i="1"/>
  <c r="G60144" i="1"/>
  <c r="G60145" i="1"/>
  <c r="G60146" i="1"/>
  <c r="G60147" i="1"/>
  <c r="G60148" i="1"/>
  <c r="G60149" i="1"/>
  <c r="G60150" i="1"/>
  <c r="G60151" i="1"/>
  <c r="G60152" i="1"/>
  <c r="G60153" i="1"/>
  <c r="G60154" i="1"/>
  <c r="G60155" i="1"/>
  <c r="G60156" i="1"/>
  <c r="G60157" i="1"/>
  <c r="G60158" i="1"/>
  <c r="G60159" i="1"/>
  <c r="G60160" i="1"/>
  <c r="G60161" i="1"/>
  <c r="G60162" i="1"/>
  <c r="G60163" i="1"/>
  <c r="G60164" i="1"/>
  <c r="G60165" i="1"/>
  <c r="G60166" i="1"/>
  <c r="G60167" i="1"/>
  <c r="G60168" i="1"/>
  <c r="G60169" i="1"/>
  <c r="G60170" i="1"/>
  <c r="G60171" i="1"/>
  <c r="G60172" i="1"/>
  <c r="G60173" i="1"/>
  <c r="G60174" i="1"/>
  <c r="G60175" i="1"/>
  <c r="G60176" i="1"/>
  <c r="G60177" i="1"/>
  <c r="G60178" i="1"/>
  <c r="G60179" i="1"/>
  <c r="G60180" i="1"/>
  <c r="G60181" i="1"/>
  <c r="G60182" i="1"/>
  <c r="G60183" i="1"/>
  <c r="G60184" i="1"/>
  <c r="G60185" i="1"/>
  <c r="G60186" i="1"/>
  <c r="G60187" i="1"/>
  <c r="G60188" i="1"/>
  <c r="G60189" i="1"/>
  <c r="G60190" i="1"/>
  <c r="G60191" i="1"/>
  <c r="G60192" i="1"/>
  <c r="G60193" i="1"/>
  <c r="G60194" i="1"/>
  <c r="G60195" i="1"/>
  <c r="G60196" i="1"/>
  <c r="G60197" i="1"/>
  <c r="G60198" i="1"/>
  <c r="G60199" i="1"/>
  <c r="G60200" i="1"/>
  <c r="G60201" i="1"/>
  <c r="G60202" i="1"/>
  <c r="G60203" i="1"/>
  <c r="G60204" i="1"/>
  <c r="G60205" i="1"/>
  <c r="G60206" i="1"/>
  <c r="G60207" i="1"/>
  <c r="G60208" i="1"/>
  <c r="G60209" i="1"/>
  <c r="G60210" i="1"/>
  <c r="G60211" i="1"/>
  <c r="G60212" i="1"/>
  <c r="G60213" i="1"/>
  <c r="G60214" i="1"/>
  <c r="G60215" i="1"/>
  <c r="G60216" i="1"/>
  <c r="G60217" i="1"/>
  <c r="G60218" i="1"/>
  <c r="G60219" i="1"/>
  <c r="G60220" i="1"/>
  <c r="G60221" i="1"/>
  <c r="G60222" i="1"/>
  <c r="G60223" i="1"/>
  <c r="G60224" i="1"/>
  <c r="G60225" i="1"/>
  <c r="G60226" i="1"/>
  <c r="G60227" i="1"/>
  <c r="G60228" i="1"/>
  <c r="G60229" i="1"/>
  <c r="G60230" i="1"/>
  <c r="G60231" i="1"/>
  <c r="G60232" i="1"/>
  <c r="G60233" i="1"/>
  <c r="G60234" i="1"/>
  <c r="G60235" i="1"/>
  <c r="G60236" i="1"/>
  <c r="G60237" i="1"/>
  <c r="G60238" i="1"/>
  <c r="G60239" i="1"/>
  <c r="G60240" i="1"/>
  <c r="G60241" i="1"/>
  <c r="G60242" i="1"/>
  <c r="G60243" i="1"/>
  <c r="G60244" i="1"/>
  <c r="G60245" i="1"/>
  <c r="G60246" i="1"/>
  <c r="G60247" i="1"/>
  <c r="G60248" i="1"/>
  <c r="G60249" i="1"/>
  <c r="G60250" i="1"/>
  <c r="G60251" i="1"/>
  <c r="G60252" i="1"/>
  <c r="G60253" i="1"/>
  <c r="G60254" i="1"/>
  <c r="G60255" i="1"/>
  <c r="G60256" i="1"/>
  <c r="G60257" i="1"/>
  <c r="G60258" i="1"/>
  <c r="G60259" i="1"/>
  <c r="G60260" i="1"/>
  <c r="G60261" i="1"/>
  <c r="G60262" i="1"/>
  <c r="G60263" i="1"/>
  <c r="G60264" i="1"/>
  <c r="G60265" i="1"/>
  <c r="G60266" i="1"/>
  <c r="G60267" i="1"/>
  <c r="G60268" i="1"/>
  <c r="G60269" i="1"/>
  <c r="G60270" i="1"/>
  <c r="G60271" i="1"/>
  <c r="G60272" i="1"/>
  <c r="G60273" i="1"/>
  <c r="G60274" i="1"/>
  <c r="G60275" i="1"/>
  <c r="G60276" i="1"/>
  <c r="G60277" i="1"/>
  <c r="G60278" i="1"/>
  <c r="G60279" i="1"/>
  <c r="G60280" i="1"/>
  <c r="G60281" i="1"/>
  <c r="G60282" i="1"/>
  <c r="G60283" i="1"/>
  <c r="G60284" i="1"/>
  <c r="G60285" i="1"/>
  <c r="G60286" i="1"/>
  <c r="G60287" i="1"/>
  <c r="G60288" i="1"/>
  <c r="G60289" i="1"/>
  <c r="G60290" i="1"/>
  <c r="G60291" i="1"/>
  <c r="G60292" i="1"/>
  <c r="G60293" i="1"/>
  <c r="G60294" i="1"/>
  <c r="G60295" i="1"/>
  <c r="G60296" i="1"/>
  <c r="G60297" i="1"/>
  <c r="G60298" i="1"/>
  <c r="G60299" i="1"/>
  <c r="G60300" i="1"/>
  <c r="G60301" i="1"/>
  <c r="G60302" i="1"/>
  <c r="G60303" i="1"/>
  <c r="G60304" i="1"/>
  <c r="G60305" i="1"/>
  <c r="G60306" i="1"/>
  <c r="G60307" i="1"/>
  <c r="G60308" i="1"/>
  <c r="G60309" i="1"/>
  <c r="G60310" i="1"/>
  <c r="G60311" i="1"/>
  <c r="G60312" i="1"/>
  <c r="G60313" i="1"/>
  <c r="G60314" i="1"/>
  <c r="G60315" i="1"/>
  <c r="G60316" i="1"/>
  <c r="G60317" i="1"/>
  <c r="G60318" i="1"/>
  <c r="G60319" i="1"/>
  <c r="G60320" i="1"/>
  <c r="G60321" i="1"/>
  <c r="G60322" i="1"/>
  <c r="G60323" i="1"/>
  <c r="G60324" i="1"/>
  <c r="G60325" i="1"/>
  <c r="G60326" i="1"/>
  <c r="G60327" i="1"/>
  <c r="G60328" i="1"/>
  <c r="G60329" i="1"/>
  <c r="G60330" i="1"/>
  <c r="G60331" i="1"/>
  <c r="G60332" i="1"/>
  <c r="G60333" i="1"/>
  <c r="G60334" i="1"/>
  <c r="G60335" i="1"/>
  <c r="G60336" i="1"/>
  <c r="G60337" i="1"/>
  <c r="G60338" i="1"/>
  <c r="G60339" i="1"/>
  <c r="G60340" i="1"/>
  <c r="G60341" i="1"/>
  <c r="G60342" i="1"/>
  <c r="G60343" i="1"/>
  <c r="G60344" i="1"/>
  <c r="G60345" i="1"/>
  <c r="G60346" i="1"/>
  <c r="G60347" i="1"/>
  <c r="G60348" i="1"/>
  <c r="G60349" i="1"/>
  <c r="G60350" i="1"/>
  <c r="G60351" i="1"/>
  <c r="G60352" i="1"/>
  <c r="G60353" i="1"/>
  <c r="G60354" i="1"/>
  <c r="G60355" i="1"/>
  <c r="G60356" i="1"/>
  <c r="G60357" i="1"/>
  <c r="G60358" i="1"/>
  <c r="G60359" i="1"/>
  <c r="G60360" i="1"/>
  <c r="G60361" i="1"/>
  <c r="G60362" i="1"/>
  <c r="G60363" i="1"/>
  <c r="G60364" i="1"/>
  <c r="G60365" i="1"/>
  <c r="G60366" i="1"/>
  <c r="G60367" i="1"/>
  <c r="G60368" i="1"/>
  <c r="G60369" i="1"/>
  <c r="G60370" i="1"/>
  <c r="G60371" i="1"/>
  <c r="G60372" i="1"/>
  <c r="G60373" i="1"/>
  <c r="G60374" i="1"/>
  <c r="G60375" i="1"/>
  <c r="G60376" i="1"/>
  <c r="G60377" i="1"/>
  <c r="G60378" i="1"/>
  <c r="G60379" i="1"/>
  <c r="G60380" i="1"/>
  <c r="G60381" i="1"/>
  <c r="G60382" i="1"/>
  <c r="G60383" i="1"/>
  <c r="G60384" i="1"/>
  <c r="G60385" i="1"/>
  <c r="G60386" i="1"/>
  <c r="G60387" i="1"/>
  <c r="G60388" i="1"/>
  <c r="G60389" i="1"/>
  <c r="G60390" i="1"/>
  <c r="G60391" i="1"/>
  <c r="G60392" i="1"/>
  <c r="G60393" i="1"/>
  <c r="G60394" i="1"/>
  <c r="G60395" i="1"/>
  <c r="G60396" i="1"/>
  <c r="G60397" i="1"/>
  <c r="G60398" i="1"/>
  <c r="G60399" i="1"/>
  <c r="G60400" i="1"/>
  <c r="G60401" i="1"/>
  <c r="G60402" i="1"/>
  <c r="G60403" i="1"/>
  <c r="G60404" i="1"/>
  <c r="G60405" i="1"/>
  <c r="G60406" i="1"/>
  <c r="G60407" i="1"/>
  <c r="G60408" i="1"/>
  <c r="G60409" i="1"/>
  <c r="G60410" i="1"/>
  <c r="G60411" i="1"/>
  <c r="G60412" i="1"/>
  <c r="G60413" i="1"/>
  <c r="G60414" i="1"/>
  <c r="G60415" i="1"/>
  <c r="G60416" i="1"/>
  <c r="G60417" i="1"/>
  <c r="G60418" i="1"/>
  <c r="G60419" i="1"/>
  <c r="G60420" i="1"/>
  <c r="G60421" i="1"/>
  <c r="G60422" i="1"/>
  <c r="G60423" i="1"/>
  <c r="G60424" i="1"/>
  <c r="G60425" i="1"/>
  <c r="G60426" i="1"/>
  <c r="G60427" i="1"/>
  <c r="G60428" i="1"/>
  <c r="G60429" i="1"/>
  <c r="G60430" i="1"/>
  <c r="G60431" i="1"/>
  <c r="G60432" i="1"/>
  <c r="G60433" i="1"/>
  <c r="G60434" i="1"/>
  <c r="G60435" i="1"/>
  <c r="G60436" i="1"/>
  <c r="G60437" i="1"/>
  <c r="G60438" i="1"/>
  <c r="G60439" i="1"/>
  <c r="G60440" i="1"/>
  <c r="G60441" i="1"/>
  <c r="G60442" i="1"/>
  <c r="G60443" i="1"/>
  <c r="G60444" i="1"/>
  <c r="G60445" i="1"/>
  <c r="G60446" i="1"/>
  <c r="G60447" i="1"/>
  <c r="G60448" i="1"/>
  <c r="G60449" i="1"/>
  <c r="G60450" i="1"/>
  <c r="G60451" i="1"/>
  <c r="G60452" i="1"/>
  <c r="G60453" i="1"/>
  <c r="G60454" i="1"/>
  <c r="G60455" i="1"/>
  <c r="G60456" i="1"/>
  <c r="G60457" i="1"/>
  <c r="G60458" i="1"/>
  <c r="G60459" i="1"/>
  <c r="G60460" i="1"/>
  <c r="G60461" i="1"/>
  <c r="G60462" i="1"/>
  <c r="G60463" i="1"/>
  <c r="G60464" i="1"/>
  <c r="G60465" i="1"/>
  <c r="G60466" i="1"/>
  <c r="G60467" i="1"/>
  <c r="G60468" i="1"/>
  <c r="G60469" i="1"/>
  <c r="G60470" i="1"/>
  <c r="G60471" i="1"/>
  <c r="G60472" i="1"/>
  <c r="G60473" i="1"/>
  <c r="G60474" i="1"/>
  <c r="G60475" i="1"/>
  <c r="G60476" i="1"/>
  <c r="G60477" i="1"/>
  <c r="G60478" i="1"/>
  <c r="G60479" i="1"/>
  <c r="G60480" i="1"/>
  <c r="G60481" i="1"/>
  <c r="G60482" i="1"/>
  <c r="G60483" i="1"/>
  <c r="G60484" i="1"/>
  <c r="G60485" i="1"/>
  <c r="G60486" i="1"/>
  <c r="G60487" i="1"/>
  <c r="G60488" i="1"/>
  <c r="G60489" i="1"/>
  <c r="G60490" i="1"/>
  <c r="G60491" i="1"/>
  <c r="G60492" i="1"/>
  <c r="G60493" i="1"/>
  <c r="G60494" i="1"/>
  <c r="G60495" i="1"/>
  <c r="G60496" i="1"/>
  <c r="G60497" i="1"/>
  <c r="G60498" i="1"/>
  <c r="G60499" i="1"/>
  <c r="G60500" i="1"/>
  <c r="G60501" i="1"/>
  <c r="G60502" i="1"/>
  <c r="G60503" i="1"/>
  <c r="G60504" i="1"/>
  <c r="G60505" i="1"/>
  <c r="G60506" i="1"/>
  <c r="G60507" i="1"/>
  <c r="G60508" i="1"/>
  <c r="G60509" i="1"/>
  <c r="G60510" i="1"/>
  <c r="G60511" i="1"/>
  <c r="G60512" i="1"/>
  <c r="G60513" i="1"/>
  <c r="G60514" i="1"/>
  <c r="G60515" i="1"/>
  <c r="G60516" i="1"/>
  <c r="G60517" i="1"/>
  <c r="G60518" i="1"/>
  <c r="G60519" i="1"/>
  <c r="G60520" i="1"/>
  <c r="G60521" i="1"/>
  <c r="G60522" i="1"/>
  <c r="G60523" i="1"/>
  <c r="G60524" i="1"/>
  <c r="G60525" i="1"/>
  <c r="G60526" i="1"/>
  <c r="G60527" i="1"/>
  <c r="G60528" i="1"/>
  <c r="G60529" i="1"/>
  <c r="G60530" i="1"/>
  <c r="G60531" i="1"/>
  <c r="G60532" i="1"/>
  <c r="G60533" i="1"/>
  <c r="G60534" i="1"/>
  <c r="G60535" i="1"/>
  <c r="G60536" i="1"/>
  <c r="G60537" i="1"/>
  <c r="G60538" i="1"/>
  <c r="G60539" i="1"/>
  <c r="G60540" i="1"/>
  <c r="G60541" i="1"/>
  <c r="G60542" i="1"/>
  <c r="G60543" i="1"/>
  <c r="G60544" i="1"/>
  <c r="G60545" i="1"/>
  <c r="G60546" i="1"/>
  <c r="G60547" i="1"/>
  <c r="G60548" i="1"/>
  <c r="G60549" i="1"/>
  <c r="G60550" i="1"/>
  <c r="G60551" i="1"/>
  <c r="G60552" i="1"/>
  <c r="G60553" i="1"/>
  <c r="G60554" i="1"/>
  <c r="G60555" i="1"/>
  <c r="G60556" i="1"/>
  <c r="G60557" i="1"/>
  <c r="G60558" i="1"/>
  <c r="G60559" i="1"/>
  <c r="G60560" i="1"/>
  <c r="G60561" i="1"/>
  <c r="G60562" i="1"/>
  <c r="G60563" i="1"/>
  <c r="G60564" i="1"/>
  <c r="G60565" i="1"/>
  <c r="G60566" i="1"/>
  <c r="G60567" i="1"/>
  <c r="G60568" i="1"/>
  <c r="G60569" i="1"/>
  <c r="G60570" i="1"/>
  <c r="G60571" i="1"/>
  <c r="G60572" i="1"/>
  <c r="G60573" i="1"/>
  <c r="G60574" i="1"/>
  <c r="G60575" i="1"/>
  <c r="G60576" i="1"/>
  <c r="G60577" i="1"/>
  <c r="G60578" i="1"/>
  <c r="G60579" i="1"/>
  <c r="G60580" i="1"/>
  <c r="G60581" i="1"/>
  <c r="G60582" i="1"/>
  <c r="G60583" i="1"/>
  <c r="G60584" i="1"/>
  <c r="G60585" i="1"/>
  <c r="G60586" i="1"/>
  <c r="G60587" i="1"/>
  <c r="G60588" i="1"/>
  <c r="G60589" i="1"/>
  <c r="G60590" i="1"/>
  <c r="G60591" i="1"/>
  <c r="G60592" i="1"/>
  <c r="G60593" i="1"/>
  <c r="G60594" i="1"/>
  <c r="G60595" i="1"/>
  <c r="G60596" i="1"/>
  <c r="G60597" i="1"/>
  <c r="G60598" i="1"/>
  <c r="G60599" i="1"/>
  <c r="G60600" i="1"/>
  <c r="G60601" i="1"/>
  <c r="G60602" i="1"/>
  <c r="G60603" i="1"/>
  <c r="G60604" i="1"/>
  <c r="G60605" i="1"/>
  <c r="G60606" i="1"/>
  <c r="G60607" i="1"/>
  <c r="G60608" i="1"/>
  <c r="G60609" i="1"/>
  <c r="G60610" i="1"/>
  <c r="G60611" i="1"/>
  <c r="G60612" i="1"/>
  <c r="G60613" i="1"/>
  <c r="G60614" i="1"/>
  <c r="G60615" i="1"/>
  <c r="G60616" i="1"/>
  <c r="G60617" i="1"/>
  <c r="G60618" i="1"/>
  <c r="G60619" i="1"/>
  <c r="G60620" i="1"/>
  <c r="G60621" i="1"/>
  <c r="G60622" i="1"/>
  <c r="G60623" i="1"/>
  <c r="G60624" i="1"/>
  <c r="G60625" i="1"/>
  <c r="G60626" i="1"/>
  <c r="G60627" i="1"/>
  <c r="G60628" i="1"/>
  <c r="G60629" i="1"/>
  <c r="G60630" i="1"/>
  <c r="G60631" i="1"/>
  <c r="G60632" i="1"/>
  <c r="G60633" i="1"/>
  <c r="G60634" i="1"/>
  <c r="G60635" i="1"/>
  <c r="G60636" i="1"/>
  <c r="G60637" i="1"/>
  <c r="G60638" i="1"/>
  <c r="G60639" i="1"/>
  <c r="G60640" i="1"/>
  <c r="G60641" i="1"/>
  <c r="G60642" i="1"/>
  <c r="G60643" i="1"/>
  <c r="G60644" i="1"/>
  <c r="G60645" i="1"/>
  <c r="G60646" i="1"/>
  <c r="G60647" i="1"/>
  <c r="G60648" i="1"/>
  <c r="G60649" i="1"/>
  <c r="G60650" i="1"/>
  <c r="G60651" i="1"/>
  <c r="G60652" i="1"/>
  <c r="G60653" i="1"/>
  <c r="G60654" i="1"/>
  <c r="G60655" i="1"/>
  <c r="G60656" i="1"/>
  <c r="G60657" i="1"/>
  <c r="G60658" i="1"/>
  <c r="G60659" i="1"/>
  <c r="G60660" i="1"/>
  <c r="G60661" i="1"/>
  <c r="G60662" i="1"/>
  <c r="G60663" i="1"/>
  <c r="G60664" i="1"/>
  <c r="G60665" i="1"/>
  <c r="G60666" i="1"/>
  <c r="G60667" i="1"/>
  <c r="G60668" i="1"/>
  <c r="G60669" i="1"/>
  <c r="G60670" i="1"/>
  <c r="G60671" i="1"/>
  <c r="G60672" i="1"/>
  <c r="G60673" i="1"/>
  <c r="G60674" i="1"/>
  <c r="G60675" i="1"/>
  <c r="G60676" i="1"/>
  <c r="G60677" i="1"/>
  <c r="G60678" i="1"/>
  <c r="G60679" i="1"/>
  <c r="G60680" i="1"/>
  <c r="G60681" i="1"/>
  <c r="G60682" i="1"/>
  <c r="G60683" i="1"/>
  <c r="G60684" i="1"/>
  <c r="G60685" i="1"/>
  <c r="G60686" i="1"/>
  <c r="G60687" i="1"/>
  <c r="G60688" i="1"/>
  <c r="G60689" i="1"/>
  <c r="G60690" i="1"/>
  <c r="G60691" i="1"/>
  <c r="G60692" i="1"/>
  <c r="G60693" i="1"/>
  <c r="G60694" i="1"/>
  <c r="G60695" i="1"/>
  <c r="G60696" i="1"/>
  <c r="G60697" i="1"/>
  <c r="G60698" i="1"/>
  <c r="G60699" i="1"/>
  <c r="G60700" i="1"/>
  <c r="G60701" i="1"/>
  <c r="G60702" i="1"/>
  <c r="G60703" i="1"/>
  <c r="G60704" i="1"/>
  <c r="G60705" i="1"/>
  <c r="G60706" i="1"/>
  <c r="G60707" i="1"/>
  <c r="G60708" i="1"/>
  <c r="G60709" i="1"/>
  <c r="G60710" i="1"/>
  <c r="G60711" i="1"/>
  <c r="G60712" i="1"/>
  <c r="G60713" i="1"/>
  <c r="G60714" i="1"/>
  <c r="G60715" i="1"/>
  <c r="G60716" i="1"/>
  <c r="G60717" i="1"/>
  <c r="G60718" i="1"/>
  <c r="G60719" i="1"/>
  <c r="G60720" i="1"/>
  <c r="G60721" i="1"/>
  <c r="G60722" i="1"/>
  <c r="G60723" i="1"/>
  <c r="G60724" i="1"/>
  <c r="G60725" i="1"/>
  <c r="G60726" i="1"/>
  <c r="G60727" i="1"/>
  <c r="G60728" i="1"/>
  <c r="G60729" i="1"/>
  <c r="G60730" i="1"/>
  <c r="G60731" i="1"/>
  <c r="G60732" i="1"/>
  <c r="G60733" i="1"/>
  <c r="G60734" i="1"/>
  <c r="G60735" i="1"/>
  <c r="G60736" i="1"/>
  <c r="G60737" i="1"/>
  <c r="G60738" i="1"/>
  <c r="G60739" i="1"/>
  <c r="G60740" i="1"/>
  <c r="G60741" i="1"/>
  <c r="G60742" i="1"/>
  <c r="G60743" i="1"/>
  <c r="G60744" i="1"/>
  <c r="G60745" i="1"/>
  <c r="G60746" i="1"/>
  <c r="G60747" i="1"/>
  <c r="G60748" i="1"/>
  <c r="G60749" i="1"/>
  <c r="G60750" i="1"/>
  <c r="G60751" i="1"/>
  <c r="G60752" i="1"/>
  <c r="G60753" i="1"/>
  <c r="G60754" i="1"/>
  <c r="G60755" i="1"/>
  <c r="G60756" i="1"/>
  <c r="G60757" i="1"/>
  <c r="G60758" i="1"/>
  <c r="G60759" i="1"/>
  <c r="G60760" i="1"/>
  <c r="G60761" i="1"/>
  <c r="G60762" i="1"/>
  <c r="G60763" i="1"/>
  <c r="G60764" i="1"/>
  <c r="G60765" i="1"/>
  <c r="G60766" i="1"/>
  <c r="G60767" i="1"/>
  <c r="G60768" i="1"/>
  <c r="G60769" i="1"/>
  <c r="G60770" i="1"/>
  <c r="G60771" i="1"/>
  <c r="G60772" i="1"/>
  <c r="G60773" i="1"/>
  <c r="G60774" i="1"/>
  <c r="G60775" i="1"/>
  <c r="G60776" i="1"/>
  <c r="G60777" i="1"/>
  <c r="G60778" i="1"/>
  <c r="G60779" i="1"/>
  <c r="G60780" i="1"/>
  <c r="G60781" i="1"/>
  <c r="G60782" i="1"/>
  <c r="G60783" i="1"/>
  <c r="G60784" i="1"/>
  <c r="G60785" i="1"/>
  <c r="G60786" i="1"/>
  <c r="G60787" i="1"/>
  <c r="G60788" i="1"/>
  <c r="G60789" i="1"/>
  <c r="G60790" i="1"/>
  <c r="G60791" i="1"/>
  <c r="G60792" i="1"/>
  <c r="G60793" i="1"/>
  <c r="G60794" i="1"/>
  <c r="G60795" i="1"/>
  <c r="G60796" i="1"/>
  <c r="G60797" i="1"/>
  <c r="G60798" i="1"/>
  <c r="G60799" i="1"/>
  <c r="G60800" i="1"/>
  <c r="G60801" i="1"/>
  <c r="G60802" i="1"/>
  <c r="G60803" i="1"/>
  <c r="G60804" i="1"/>
  <c r="G60805" i="1"/>
  <c r="G60806" i="1"/>
  <c r="G60807" i="1"/>
  <c r="G60808" i="1"/>
  <c r="G60809" i="1"/>
  <c r="G60810" i="1"/>
  <c r="G60811" i="1"/>
  <c r="G60812" i="1"/>
  <c r="G60813" i="1"/>
  <c r="G60814" i="1"/>
  <c r="G60815" i="1"/>
  <c r="G60816" i="1"/>
  <c r="G60817" i="1"/>
  <c r="G60818" i="1"/>
  <c r="G60819" i="1"/>
  <c r="G60820" i="1"/>
  <c r="G60821" i="1"/>
  <c r="G60822" i="1"/>
  <c r="G60823" i="1"/>
  <c r="G60824" i="1"/>
  <c r="G60825" i="1"/>
  <c r="G60826" i="1"/>
  <c r="G60827" i="1"/>
  <c r="G60828" i="1"/>
  <c r="G60829" i="1"/>
  <c r="G60830" i="1"/>
  <c r="G60831" i="1"/>
  <c r="G60832" i="1"/>
  <c r="G60833" i="1"/>
  <c r="G60834" i="1"/>
  <c r="G60835" i="1"/>
  <c r="G60836" i="1"/>
  <c r="G60837" i="1"/>
  <c r="G60838" i="1"/>
  <c r="G60839" i="1"/>
  <c r="G60840" i="1"/>
  <c r="G60841" i="1"/>
  <c r="G60842" i="1"/>
  <c r="G60843" i="1"/>
  <c r="G60844" i="1"/>
  <c r="G60845" i="1"/>
  <c r="G60846" i="1"/>
  <c r="G60847" i="1"/>
  <c r="G60848" i="1"/>
  <c r="G60849" i="1"/>
  <c r="G60850" i="1"/>
  <c r="G60851" i="1"/>
  <c r="G60852" i="1"/>
  <c r="G60853" i="1"/>
  <c r="G60854" i="1"/>
  <c r="G60855" i="1"/>
  <c r="G60856" i="1"/>
  <c r="G60857" i="1"/>
  <c r="G60858" i="1"/>
  <c r="G60859" i="1"/>
  <c r="G60860" i="1"/>
  <c r="G60861" i="1"/>
  <c r="G60862" i="1"/>
  <c r="G60863" i="1"/>
  <c r="G60864" i="1"/>
  <c r="G60865" i="1"/>
  <c r="G60866" i="1"/>
  <c r="G60867" i="1"/>
  <c r="G60868" i="1"/>
  <c r="G60869" i="1"/>
  <c r="G60870" i="1"/>
  <c r="G60871" i="1"/>
  <c r="G60872" i="1"/>
  <c r="G60873" i="1"/>
  <c r="G60874" i="1"/>
  <c r="G60875" i="1"/>
  <c r="G60876" i="1"/>
  <c r="G60877" i="1"/>
  <c r="G60878" i="1"/>
  <c r="G60879" i="1"/>
  <c r="G60880" i="1"/>
  <c r="G60881" i="1"/>
  <c r="G60882" i="1"/>
  <c r="G60883" i="1"/>
  <c r="G60884" i="1"/>
  <c r="G60885" i="1"/>
  <c r="G60886" i="1"/>
  <c r="G60887" i="1"/>
  <c r="G60888" i="1"/>
  <c r="G60889" i="1"/>
  <c r="G60890" i="1"/>
  <c r="G60891" i="1"/>
  <c r="G60892" i="1"/>
  <c r="G60893" i="1"/>
  <c r="G60894" i="1"/>
  <c r="G60895" i="1"/>
  <c r="G60896" i="1"/>
  <c r="G60897" i="1"/>
  <c r="G60898" i="1"/>
  <c r="G60899" i="1"/>
  <c r="G60900" i="1"/>
  <c r="G60901" i="1"/>
  <c r="G60902" i="1"/>
  <c r="G60903" i="1"/>
  <c r="G60904" i="1"/>
  <c r="G60905" i="1"/>
  <c r="G60906" i="1"/>
  <c r="G60907" i="1"/>
  <c r="G60908" i="1"/>
  <c r="G60909" i="1"/>
  <c r="G60910" i="1"/>
  <c r="G60911" i="1"/>
  <c r="G60912" i="1"/>
  <c r="G60913" i="1"/>
  <c r="G60914" i="1"/>
  <c r="G60915" i="1"/>
  <c r="G60916" i="1"/>
  <c r="G60917" i="1"/>
  <c r="G60918" i="1"/>
  <c r="G60919" i="1"/>
  <c r="G60920" i="1"/>
  <c r="G60921" i="1"/>
  <c r="G60922" i="1"/>
  <c r="G60923" i="1"/>
  <c r="G60924" i="1"/>
  <c r="G60925" i="1"/>
  <c r="G60926" i="1"/>
  <c r="G60927" i="1"/>
  <c r="G60928" i="1"/>
  <c r="G60929" i="1"/>
  <c r="G60930" i="1"/>
  <c r="G60931" i="1"/>
  <c r="G60932" i="1"/>
  <c r="G60933" i="1"/>
  <c r="G60934" i="1"/>
  <c r="G60935" i="1"/>
  <c r="G60936" i="1"/>
  <c r="G60937" i="1"/>
  <c r="G60938" i="1"/>
  <c r="G60939" i="1"/>
  <c r="G60940" i="1"/>
  <c r="G60941" i="1"/>
  <c r="G60942" i="1"/>
  <c r="G60943" i="1"/>
  <c r="G60944" i="1"/>
  <c r="G60945" i="1"/>
  <c r="G60946" i="1"/>
  <c r="G60947" i="1"/>
  <c r="G60948" i="1"/>
  <c r="G60949" i="1"/>
  <c r="G60950" i="1"/>
  <c r="G60951" i="1"/>
  <c r="G60952" i="1"/>
  <c r="G60953" i="1"/>
  <c r="G60954" i="1"/>
  <c r="G60955" i="1"/>
  <c r="G60956" i="1"/>
  <c r="G60957" i="1"/>
  <c r="G60958" i="1"/>
  <c r="G60959" i="1"/>
  <c r="G60960" i="1"/>
  <c r="G60961" i="1"/>
  <c r="G60962" i="1"/>
  <c r="G60963" i="1"/>
  <c r="G60964" i="1"/>
  <c r="G60965" i="1"/>
  <c r="G60966" i="1"/>
  <c r="G60967" i="1"/>
  <c r="G60968" i="1"/>
  <c r="G60969" i="1"/>
  <c r="G60970" i="1"/>
  <c r="G60971" i="1"/>
  <c r="G60972" i="1"/>
  <c r="G60973" i="1"/>
  <c r="G60974" i="1"/>
  <c r="G60975" i="1"/>
  <c r="G60976" i="1"/>
  <c r="G60977" i="1"/>
  <c r="G60978" i="1"/>
  <c r="G60979" i="1"/>
  <c r="G60980" i="1"/>
  <c r="G60981" i="1"/>
  <c r="G60982" i="1"/>
  <c r="G60983" i="1"/>
  <c r="G60984" i="1"/>
  <c r="G60985" i="1"/>
  <c r="G60986" i="1"/>
  <c r="G60987" i="1"/>
  <c r="G60988" i="1"/>
  <c r="G60989" i="1"/>
  <c r="G60990" i="1"/>
  <c r="G60991" i="1"/>
  <c r="G60992" i="1"/>
  <c r="G60993" i="1"/>
  <c r="G60994" i="1"/>
  <c r="G60995" i="1"/>
  <c r="G60996" i="1"/>
  <c r="G60997" i="1"/>
  <c r="G60998" i="1"/>
  <c r="G60999" i="1"/>
  <c r="G61000" i="1"/>
  <c r="G61001" i="1"/>
  <c r="G61002" i="1"/>
  <c r="G61003" i="1"/>
  <c r="G61004" i="1"/>
  <c r="G61005" i="1"/>
  <c r="G61006" i="1"/>
  <c r="G61007" i="1"/>
  <c r="G61008" i="1"/>
  <c r="G61009" i="1"/>
  <c r="G61010" i="1"/>
  <c r="G61011" i="1"/>
  <c r="G61012" i="1"/>
  <c r="G61013" i="1"/>
  <c r="G61014" i="1"/>
  <c r="G61015" i="1"/>
  <c r="G61016" i="1"/>
  <c r="G61017" i="1"/>
  <c r="G61018" i="1"/>
  <c r="G61019" i="1"/>
  <c r="G61020" i="1"/>
  <c r="G61021" i="1"/>
  <c r="G61022" i="1"/>
  <c r="G61023" i="1"/>
  <c r="G61024" i="1"/>
  <c r="G61025" i="1"/>
  <c r="G61026" i="1"/>
  <c r="G61027" i="1"/>
  <c r="G61028" i="1"/>
  <c r="G61029" i="1"/>
  <c r="G61030" i="1"/>
  <c r="G61031" i="1"/>
  <c r="G61032" i="1"/>
  <c r="G61033" i="1"/>
  <c r="G61034" i="1"/>
  <c r="G61035" i="1"/>
  <c r="G61036" i="1"/>
  <c r="G61037" i="1"/>
  <c r="G61038" i="1"/>
  <c r="G61039" i="1"/>
  <c r="G61040" i="1"/>
  <c r="G61041" i="1"/>
  <c r="G61042" i="1"/>
  <c r="G61043" i="1"/>
  <c r="G61044" i="1"/>
  <c r="G61045" i="1"/>
  <c r="G61046" i="1"/>
  <c r="G61047" i="1"/>
  <c r="G61048" i="1"/>
  <c r="G61049" i="1"/>
  <c r="G61050" i="1"/>
  <c r="G61051" i="1"/>
  <c r="G61052" i="1"/>
  <c r="G61053" i="1"/>
  <c r="G61054" i="1"/>
  <c r="G61055" i="1"/>
  <c r="G61056" i="1"/>
  <c r="G61057" i="1"/>
  <c r="G61058" i="1"/>
  <c r="G61059" i="1"/>
  <c r="G61060" i="1"/>
  <c r="G61061" i="1"/>
  <c r="G61062" i="1"/>
  <c r="G61063" i="1"/>
  <c r="G61064" i="1"/>
  <c r="G61065" i="1"/>
  <c r="G61066" i="1"/>
  <c r="G61067" i="1"/>
  <c r="G61068" i="1"/>
  <c r="G61069" i="1"/>
  <c r="G61070" i="1"/>
  <c r="G61071" i="1"/>
  <c r="G61072" i="1"/>
  <c r="G61073" i="1"/>
  <c r="G61074" i="1"/>
  <c r="G61075" i="1"/>
  <c r="G61076" i="1"/>
  <c r="G61077" i="1"/>
  <c r="G61078" i="1"/>
  <c r="G61079" i="1"/>
  <c r="G61080" i="1"/>
  <c r="G61081" i="1"/>
  <c r="G61082" i="1"/>
  <c r="G61083" i="1"/>
  <c r="G61084" i="1"/>
  <c r="G61085" i="1"/>
  <c r="G61086" i="1"/>
  <c r="G61087" i="1"/>
  <c r="G61088" i="1"/>
  <c r="G61089" i="1"/>
  <c r="G61090" i="1"/>
  <c r="G61091" i="1"/>
  <c r="G61092" i="1"/>
  <c r="G61093" i="1"/>
  <c r="G61094" i="1"/>
  <c r="G61095" i="1"/>
  <c r="G61096" i="1"/>
  <c r="G61097" i="1"/>
  <c r="G61098" i="1"/>
  <c r="G61099" i="1"/>
  <c r="G61100" i="1"/>
  <c r="G61101" i="1"/>
  <c r="G61102" i="1"/>
  <c r="G61103" i="1"/>
  <c r="G61104" i="1"/>
  <c r="G61105" i="1"/>
  <c r="G61106" i="1"/>
  <c r="G61107" i="1"/>
  <c r="G61108" i="1"/>
  <c r="G61109" i="1"/>
  <c r="G61110" i="1"/>
  <c r="G61111" i="1"/>
  <c r="G61112" i="1"/>
  <c r="G61113" i="1"/>
  <c r="G61114" i="1"/>
  <c r="G61115" i="1"/>
  <c r="G61116" i="1"/>
  <c r="G61117" i="1"/>
  <c r="G61118" i="1"/>
  <c r="G61119" i="1"/>
  <c r="G61120" i="1"/>
  <c r="G61121" i="1"/>
  <c r="G61122" i="1"/>
  <c r="G61123" i="1"/>
  <c r="G61124" i="1"/>
  <c r="G61125" i="1"/>
  <c r="G61126" i="1"/>
  <c r="G61127" i="1"/>
  <c r="G61128" i="1"/>
  <c r="G61129" i="1"/>
  <c r="G61130" i="1"/>
  <c r="G61131" i="1"/>
  <c r="G61132" i="1"/>
  <c r="G61133" i="1"/>
  <c r="G61134" i="1"/>
  <c r="G61135" i="1"/>
  <c r="G61136" i="1"/>
  <c r="G61137" i="1"/>
  <c r="G61138" i="1"/>
  <c r="G61139" i="1"/>
  <c r="G61140" i="1"/>
  <c r="G61141" i="1"/>
  <c r="G61142" i="1"/>
  <c r="G61143" i="1"/>
  <c r="G61144" i="1"/>
  <c r="G61145" i="1"/>
  <c r="G61146" i="1"/>
  <c r="G61147" i="1"/>
  <c r="G61148" i="1"/>
  <c r="G61149" i="1"/>
  <c r="G61150" i="1"/>
  <c r="G61151" i="1"/>
  <c r="G61152" i="1"/>
  <c r="G61153" i="1"/>
  <c r="G61154" i="1"/>
  <c r="G61155" i="1"/>
  <c r="G61156" i="1"/>
  <c r="G61157" i="1"/>
  <c r="G61158" i="1"/>
  <c r="G61159" i="1"/>
  <c r="G61160" i="1"/>
  <c r="G61161" i="1"/>
  <c r="G61162" i="1"/>
  <c r="G61163" i="1"/>
  <c r="G61164" i="1"/>
  <c r="G61165" i="1"/>
  <c r="G61166" i="1"/>
  <c r="G61167" i="1"/>
  <c r="G61168" i="1"/>
  <c r="G61169" i="1"/>
  <c r="G61170" i="1"/>
  <c r="G61171" i="1"/>
  <c r="G61172" i="1"/>
  <c r="G61173" i="1"/>
  <c r="G61174" i="1"/>
  <c r="G61175" i="1"/>
  <c r="G61176" i="1"/>
  <c r="G61177" i="1"/>
  <c r="G61178" i="1"/>
  <c r="G61179" i="1"/>
  <c r="G61180" i="1"/>
  <c r="G61181" i="1"/>
  <c r="G61182" i="1"/>
  <c r="G61183" i="1"/>
  <c r="G61184" i="1"/>
  <c r="G61185" i="1"/>
  <c r="G61186" i="1"/>
  <c r="G61187" i="1"/>
  <c r="G61188" i="1"/>
  <c r="G61189" i="1"/>
  <c r="G61190" i="1"/>
  <c r="G61191" i="1"/>
  <c r="G61192" i="1"/>
  <c r="G61193" i="1"/>
  <c r="G61194" i="1"/>
  <c r="G61195" i="1"/>
  <c r="G61196" i="1"/>
  <c r="G61197" i="1"/>
  <c r="G61198" i="1"/>
  <c r="G61199" i="1"/>
  <c r="G61200" i="1"/>
  <c r="G61201" i="1"/>
  <c r="G61202" i="1"/>
  <c r="G61203" i="1"/>
  <c r="G61204" i="1"/>
  <c r="G61205" i="1"/>
  <c r="G61206" i="1"/>
  <c r="G61207" i="1"/>
  <c r="G61208" i="1"/>
  <c r="G61209" i="1"/>
  <c r="G61210" i="1"/>
  <c r="G61211" i="1"/>
  <c r="G61212" i="1"/>
  <c r="G61213" i="1"/>
  <c r="G61214" i="1"/>
  <c r="G61215" i="1"/>
  <c r="G61216" i="1"/>
  <c r="G61217" i="1"/>
  <c r="G61218" i="1"/>
  <c r="G61219" i="1"/>
  <c r="G61220" i="1"/>
  <c r="G61221" i="1"/>
  <c r="G61222" i="1"/>
  <c r="G61223" i="1"/>
  <c r="G61224" i="1"/>
  <c r="G61225" i="1"/>
  <c r="G61226" i="1"/>
  <c r="G61227" i="1"/>
  <c r="G61228" i="1"/>
  <c r="G61229" i="1"/>
  <c r="G61230" i="1"/>
  <c r="G61231" i="1"/>
  <c r="G61232" i="1"/>
  <c r="G61233" i="1"/>
  <c r="G61234" i="1"/>
  <c r="G61235" i="1"/>
  <c r="G61236" i="1"/>
  <c r="G61237" i="1"/>
  <c r="G61238" i="1"/>
  <c r="G61239" i="1"/>
  <c r="G61240" i="1"/>
  <c r="G61241" i="1"/>
  <c r="G61242" i="1"/>
  <c r="G61243" i="1"/>
  <c r="G61244" i="1"/>
  <c r="G61245" i="1"/>
  <c r="G61246" i="1"/>
  <c r="G61247" i="1"/>
  <c r="G61248" i="1"/>
  <c r="G61249" i="1"/>
  <c r="G61250" i="1"/>
  <c r="G61251" i="1"/>
  <c r="G61252" i="1"/>
  <c r="G61253" i="1"/>
  <c r="G61254" i="1"/>
  <c r="G61255" i="1"/>
  <c r="G61256" i="1"/>
  <c r="G61257" i="1"/>
  <c r="G61258" i="1"/>
  <c r="G61259" i="1"/>
  <c r="G61260" i="1"/>
  <c r="G61261" i="1"/>
  <c r="G61262" i="1"/>
  <c r="G61263" i="1"/>
  <c r="G61264" i="1"/>
  <c r="G61265" i="1"/>
  <c r="G61266" i="1"/>
  <c r="G61267" i="1"/>
  <c r="G61268" i="1"/>
  <c r="G61269" i="1"/>
  <c r="G61270" i="1"/>
  <c r="G61271" i="1"/>
  <c r="G61272" i="1"/>
  <c r="G61273" i="1"/>
  <c r="G61274" i="1"/>
  <c r="G61275" i="1"/>
  <c r="G61276" i="1"/>
  <c r="G61277" i="1"/>
  <c r="G61278" i="1"/>
  <c r="G61279" i="1"/>
  <c r="G61280" i="1"/>
  <c r="G61281" i="1"/>
  <c r="G61282" i="1"/>
  <c r="G61283" i="1"/>
  <c r="G61284" i="1"/>
  <c r="G61285" i="1"/>
  <c r="G61286" i="1"/>
  <c r="G61287" i="1"/>
  <c r="G61288" i="1"/>
  <c r="G61289" i="1"/>
  <c r="G61290" i="1"/>
  <c r="G61291" i="1"/>
  <c r="G61292" i="1"/>
  <c r="G61293" i="1"/>
  <c r="G61294" i="1"/>
  <c r="G61295" i="1"/>
  <c r="G61296" i="1"/>
  <c r="G61297" i="1"/>
  <c r="G61298" i="1"/>
  <c r="G61299" i="1"/>
  <c r="G61300" i="1"/>
  <c r="G61301" i="1"/>
  <c r="G61302" i="1"/>
  <c r="G61303" i="1"/>
  <c r="G61304" i="1"/>
  <c r="G61305" i="1"/>
  <c r="G61306" i="1"/>
  <c r="G61307" i="1"/>
  <c r="G61308" i="1"/>
  <c r="G61309" i="1"/>
  <c r="G61310" i="1"/>
  <c r="G61311" i="1"/>
  <c r="G61312" i="1"/>
  <c r="G61313" i="1"/>
  <c r="G61314" i="1"/>
  <c r="G61315" i="1"/>
  <c r="G61316" i="1"/>
  <c r="G61317" i="1"/>
  <c r="G61318" i="1"/>
  <c r="G61319" i="1"/>
  <c r="G61320" i="1"/>
  <c r="G61321" i="1"/>
  <c r="G61322" i="1"/>
  <c r="G61323" i="1"/>
  <c r="G61324" i="1"/>
  <c r="G61325" i="1"/>
  <c r="G61326" i="1"/>
  <c r="G61327" i="1"/>
  <c r="G61328" i="1"/>
  <c r="G61329" i="1"/>
  <c r="G61330" i="1"/>
  <c r="G61331" i="1"/>
  <c r="G61332" i="1"/>
  <c r="G61333" i="1"/>
  <c r="G61334" i="1"/>
  <c r="G61335" i="1"/>
  <c r="G61336" i="1"/>
  <c r="G61337" i="1"/>
  <c r="G61338" i="1"/>
  <c r="G61339" i="1"/>
  <c r="G61340" i="1"/>
  <c r="G61341" i="1"/>
  <c r="G61342" i="1"/>
  <c r="G61343" i="1"/>
  <c r="G61344" i="1"/>
  <c r="G61345" i="1"/>
  <c r="G61346" i="1"/>
  <c r="G61347" i="1"/>
  <c r="G61348" i="1"/>
  <c r="G61349" i="1"/>
  <c r="G61350" i="1"/>
  <c r="G61351" i="1"/>
  <c r="G61352" i="1"/>
  <c r="G61353" i="1"/>
  <c r="G61354" i="1"/>
  <c r="G61355" i="1"/>
  <c r="G61356" i="1"/>
  <c r="G61357" i="1"/>
  <c r="G61358" i="1"/>
  <c r="G61359" i="1"/>
  <c r="G61360" i="1"/>
  <c r="G61361" i="1"/>
  <c r="G61362" i="1"/>
  <c r="G61363" i="1"/>
  <c r="G61364" i="1"/>
  <c r="G61365" i="1"/>
  <c r="G61366" i="1"/>
  <c r="G61367" i="1"/>
  <c r="G61368" i="1"/>
  <c r="G61369" i="1"/>
  <c r="G61370" i="1"/>
  <c r="G61371" i="1"/>
  <c r="G61372" i="1"/>
  <c r="G61373" i="1"/>
  <c r="G61374" i="1"/>
  <c r="G61375" i="1"/>
  <c r="G61376" i="1"/>
  <c r="G61377" i="1"/>
  <c r="G61378" i="1"/>
  <c r="G61379" i="1"/>
  <c r="G61380" i="1"/>
  <c r="G61381" i="1"/>
  <c r="G61382" i="1"/>
  <c r="G61383" i="1"/>
  <c r="G61384" i="1"/>
  <c r="G61385" i="1"/>
  <c r="G61386" i="1"/>
  <c r="G61387" i="1"/>
  <c r="G61388" i="1"/>
  <c r="G61389" i="1"/>
  <c r="G61390" i="1"/>
  <c r="G61391" i="1"/>
  <c r="G61392" i="1"/>
  <c r="G61393" i="1"/>
  <c r="G61394" i="1"/>
  <c r="G61395" i="1"/>
  <c r="G61396" i="1"/>
  <c r="G61397" i="1"/>
  <c r="G61398" i="1"/>
  <c r="G61399" i="1"/>
  <c r="G61400" i="1"/>
  <c r="G61401" i="1"/>
  <c r="G61402" i="1"/>
  <c r="G61403" i="1"/>
  <c r="G61404" i="1"/>
  <c r="G61405" i="1"/>
  <c r="G61406" i="1"/>
  <c r="G61407" i="1"/>
  <c r="G61408" i="1"/>
  <c r="G61409" i="1"/>
  <c r="G61410" i="1"/>
  <c r="G61411" i="1"/>
  <c r="G61412" i="1"/>
  <c r="G61413" i="1"/>
  <c r="G61414" i="1"/>
  <c r="G61415" i="1"/>
  <c r="G61416" i="1"/>
  <c r="G61417" i="1"/>
  <c r="G61418" i="1"/>
  <c r="G61419" i="1"/>
  <c r="G61420" i="1"/>
  <c r="G61421" i="1"/>
  <c r="G61422" i="1"/>
  <c r="G61423" i="1"/>
  <c r="G61424" i="1"/>
  <c r="G61425" i="1"/>
  <c r="G61426" i="1"/>
  <c r="G61427" i="1"/>
  <c r="G61428" i="1"/>
  <c r="G61429" i="1"/>
  <c r="G61430" i="1"/>
  <c r="G61431" i="1"/>
  <c r="G61432" i="1"/>
  <c r="G61433" i="1"/>
  <c r="G61434" i="1"/>
  <c r="G61435" i="1"/>
  <c r="G61436" i="1"/>
  <c r="G61437" i="1"/>
  <c r="G61438" i="1"/>
  <c r="G61439" i="1"/>
  <c r="G61440" i="1"/>
  <c r="G61441" i="1"/>
  <c r="G61442" i="1"/>
  <c r="G61443" i="1"/>
  <c r="G61444" i="1"/>
  <c r="G61445" i="1"/>
  <c r="G61446" i="1"/>
  <c r="G61447" i="1"/>
  <c r="G61448" i="1"/>
  <c r="G61449" i="1"/>
  <c r="G61450" i="1"/>
  <c r="G61451" i="1"/>
  <c r="G61452" i="1"/>
  <c r="G61453" i="1"/>
  <c r="G61454" i="1"/>
  <c r="G61455" i="1"/>
  <c r="G61456" i="1"/>
  <c r="G61457" i="1"/>
  <c r="G61458" i="1"/>
  <c r="G61459" i="1"/>
  <c r="G61460" i="1"/>
  <c r="G61461" i="1"/>
  <c r="G61462" i="1"/>
  <c r="G61463" i="1"/>
  <c r="G61464" i="1"/>
  <c r="G61465" i="1"/>
  <c r="G61466" i="1"/>
  <c r="G61467" i="1"/>
  <c r="G61468" i="1"/>
  <c r="G61469" i="1"/>
  <c r="G61470" i="1"/>
  <c r="G61471" i="1"/>
  <c r="G61472" i="1"/>
  <c r="G61473" i="1"/>
  <c r="G61474" i="1"/>
  <c r="G61475" i="1"/>
  <c r="G61476" i="1"/>
  <c r="G61477" i="1"/>
  <c r="G61478" i="1"/>
  <c r="G61479" i="1"/>
  <c r="G61480" i="1"/>
  <c r="G61481" i="1"/>
  <c r="G61482" i="1"/>
  <c r="G61483" i="1"/>
  <c r="G61484" i="1"/>
  <c r="G61485" i="1"/>
  <c r="G61486" i="1"/>
  <c r="G61487" i="1"/>
  <c r="G61488" i="1"/>
  <c r="G61489" i="1"/>
  <c r="G61490" i="1"/>
  <c r="G61491" i="1"/>
  <c r="G61492" i="1"/>
  <c r="G61493" i="1"/>
  <c r="G61494" i="1"/>
  <c r="G61495" i="1"/>
  <c r="G61496" i="1"/>
  <c r="G61497" i="1"/>
  <c r="G61498" i="1"/>
  <c r="G61499" i="1"/>
  <c r="G61500" i="1"/>
  <c r="G61501" i="1"/>
  <c r="G61502" i="1"/>
  <c r="G61503" i="1"/>
  <c r="G61504" i="1"/>
  <c r="G61505" i="1"/>
  <c r="G61506" i="1"/>
  <c r="G61507" i="1"/>
  <c r="G61508" i="1"/>
  <c r="G61509" i="1"/>
  <c r="G61510" i="1"/>
  <c r="G61511" i="1"/>
  <c r="G61512" i="1"/>
  <c r="G61513" i="1"/>
  <c r="G61514" i="1"/>
  <c r="G61515" i="1"/>
  <c r="G61516" i="1"/>
  <c r="G61517" i="1"/>
  <c r="G61518" i="1"/>
  <c r="G61519" i="1"/>
  <c r="G61520" i="1"/>
  <c r="G61521" i="1"/>
  <c r="G61522" i="1"/>
  <c r="G61523" i="1"/>
  <c r="G61524" i="1"/>
  <c r="G61525" i="1"/>
  <c r="G61526" i="1"/>
  <c r="G61527" i="1"/>
  <c r="G61528" i="1"/>
  <c r="G61529" i="1"/>
  <c r="G61530" i="1"/>
  <c r="G61531" i="1"/>
  <c r="G61532" i="1"/>
  <c r="G61533" i="1"/>
  <c r="G61534" i="1"/>
  <c r="G61535" i="1"/>
  <c r="G61536" i="1"/>
  <c r="G61537" i="1"/>
  <c r="G61538" i="1"/>
  <c r="G61539" i="1"/>
  <c r="G61540" i="1"/>
  <c r="G61541" i="1"/>
  <c r="G61542" i="1"/>
  <c r="G61543" i="1"/>
  <c r="G61544" i="1"/>
  <c r="G61545" i="1"/>
  <c r="G61546" i="1"/>
  <c r="G61547" i="1"/>
  <c r="G61548" i="1"/>
  <c r="G61549" i="1"/>
  <c r="G61550" i="1"/>
  <c r="G61551" i="1"/>
  <c r="G61552" i="1"/>
  <c r="G61553" i="1"/>
  <c r="G61554" i="1"/>
  <c r="G61555" i="1"/>
  <c r="G61556" i="1"/>
  <c r="G61557" i="1"/>
  <c r="G61558" i="1"/>
  <c r="G61559" i="1"/>
  <c r="G61560" i="1"/>
  <c r="G61561" i="1"/>
  <c r="G61562" i="1"/>
  <c r="G61563" i="1"/>
  <c r="G61564" i="1"/>
  <c r="G61565" i="1"/>
  <c r="G61566" i="1"/>
  <c r="G61567" i="1"/>
  <c r="G61568" i="1"/>
  <c r="G61569" i="1"/>
  <c r="G61570" i="1"/>
  <c r="G61571" i="1"/>
  <c r="G61572" i="1"/>
  <c r="G61573" i="1"/>
  <c r="G61574" i="1"/>
  <c r="G61575" i="1"/>
  <c r="G61576" i="1"/>
  <c r="G61577" i="1"/>
  <c r="G61578" i="1"/>
  <c r="G61579" i="1"/>
  <c r="G61580" i="1"/>
  <c r="G61581" i="1"/>
  <c r="G61582" i="1"/>
  <c r="G61583" i="1"/>
  <c r="G61584" i="1"/>
  <c r="G61585" i="1"/>
  <c r="G61586" i="1"/>
  <c r="G61587" i="1"/>
  <c r="G61588" i="1"/>
  <c r="G61589" i="1"/>
  <c r="G61590" i="1"/>
  <c r="G61591" i="1"/>
  <c r="G61592" i="1"/>
  <c r="G61593" i="1"/>
  <c r="G61594" i="1"/>
  <c r="G61595" i="1"/>
  <c r="G61596" i="1"/>
  <c r="G61597" i="1"/>
  <c r="G61598" i="1"/>
  <c r="G61599" i="1"/>
  <c r="G61600" i="1"/>
  <c r="G61601" i="1"/>
  <c r="G61602" i="1"/>
  <c r="G61603" i="1"/>
  <c r="G61604" i="1"/>
  <c r="G61605" i="1"/>
  <c r="G61606" i="1"/>
  <c r="G61607" i="1"/>
  <c r="G61608" i="1"/>
  <c r="G61609" i="1"/>
  <c r="G61610" i="1"/>
  <c r="G61611" i="1"/>
  <c r="G61612" i="1"/>
  <c r="G61613" i="1"/>
  <c r="G61614" i="1"/>
  <c r="G61615" i="1"/>
  <c r="G61616" i="1"/>
  <c r="G61617" i="1"/>
  <c r="G61618" i="1"/>
  <c r="G61619" i="1"/>
  <c r="G61620" i="1"/>
  <c r="G61621" i="1"/>
  <c r="G61622" i="1"/>
  <c r="G61623" i="1"/>
  <c r="G61624" i="1"/>
  <c r="G61625" i="1"/>
  <c r="G61626" i="1"/>
  <c r="G61627" i="1"/>
  <c r="G61628" i="1"/>
  <c r="G61629" i="1"/>
  <c r="G61630" i="1"/>
  <c r="G61631" i="1"/>
  <c r="G61632" i="1"/>
  <c r="G61633" i="1"/>
  <c r="G61634" i="1"/>
  <c r="G61635" i="1"/>
  <c r="G61636" i="1"/>
  <c r="G61637" i="1"/>
  <c r="G61638" i="1"/>
  <c r="G61639" i="1"/>
  <c r="G61640" i="1"/>
  <c r="G61641" i="1"/>
  <c r="G61642" i="1"/>
  <c r="G61643" i="1"/>
  <c r="G61644" i="1"/>
  <c r="G61645" i="1"/>
  <c r="G61646" i="1"/>
  <c r="G61647" i="1"/>
  <c r="G61648" i="1"/>
  <c r="G61649" i="1"/>
  <c r="G61650" i="1"/>
  <c r="G61651" i="1"/>
  <c r="G61652" i="1"/>
  <c r="G61653" i="1"/>
  <c r="G61654" i="1"/>
  <c r="G61655" i="1"/>
  <c r="G61656" i="1"/>
  <c r="G61657" i="1"/>
  <c r="G61658" i="1"/>
  <c r="G61659" i="1"/>
  <c r="G61660" i="1"/>
  <c r="G61661" i="1"/>
  <c r="G61662" i="1"/>
  <c r="G61663" i="1"/>
  <c r="G61664" i="1"/>
  <c r="G61665" i="1"/>
  <c r="G61666" i="1"/>
  <c r="G61667" i="1"/>
  <c r="G61668" i="1"/>
  <c r="G61669" i="1"/>
  <c r="G61670" i="1"/>
  <c r="G61671" i="1"/>
  <c r="G61672" i="1"/>
  <c r="G61673" i="1"/>
  <c r="G61674" i="1"/>
  <c r="G61675" i="1"/>
  <c r="G61676" i="1"/>
  <c r="G61677" i="1"/>
  <c r="G61678" i="1"/>
  <c r="G61679" i="1"/>
  <c r="G61680" i="1"/>
  <c r="G61681" i="1"/>
  <c r="G61682" i="1"/>
  <c r="G61683" i="1"/>
  <c r="G61684" i="1"/>
  <c r="G61685" i="1"/>
  <c r="G61686" i="1"/>
  <c r="G61687" i="1"/>
  <c r="G61688" i="1"/>
  <c r="G61689" i="1"/>
  <c r="G61690" i="1"/>
  <c r="G61691" i="1"/>
  <c r="G61692" i="1"/>
  <c r="G61693" i="1"/>
  <c r="G61694" i="1"/>
  <c r="G61695" i="1"/>
  <c r="G61696" i="1"/>
  <c r="G61697" i="1"/>
  <c r="G61698" i="1"/>
  <c r="G61699" i="1"/>
  <c r="G61700" i="1"/>
  <c r="G61701" i="1"/>
  <c r="G61702" i="1"/>
  <c r="G61703" i="1"/>
  <c r="G61704" i="1"/>
  <c r="G61705" i="1"/>
  <c r="G61706" i="1"/>
  <c r="G61707" i="1"/>
  <c r="G61708" i="1"/>
  <c r="G61709" i="1"/>
  <c r="G61710" i="1"/>
  <c r="G61711" i="1"/>
  <c r="G61712" i="1"/>
  <c r="G61713" i="1"/>
  <c r="G61714" i="1"/>
  <c r="G61715" i="1"/>
  <c r="G61716" i="1"/>
  <c r="G61717" i="1"/>
  <c r="G61718" i="1"/>
  <c r="G61719" i="1"/>
  <c r="G61720" i="1"/>
  <c r="G61721" i="1"/>
  <c r="G61722" i="1"/>
  <c r="G61723" i="1"/>
  <c r="G61724" i="1"/>
  <c r="G61725" i="1"/>
  <c r="G61726" i="1"/>
  <c r="G61727" i="1"/>
  <c r="G61728" i="1"/>
  <c r="G61729" i="1"/>
  <c r="G61730" i="1"/>
  <c r="G61731" i="1"/>
  <c r="G61732" i="1"/>
  <c r="G61733" i="1"/>
  <c r="G61734" i="1"/>
  <c r="G61735" i="1"/>
  <c r="G61736" i="1"/>
  <c r="G61737" i="1"/>
  <c r="G61738" i="1"/>
  <c r="G61739" i="1"/>
  <c r="G61740" i="1"/>
  <c r="G61741" i="1"/>
  <c r="G61742" i="1"/>
  <c r="G61743" i="1"/>
  <c r="G61744" i="1"/>
  <c r="G61745" i="1"/>
  <c r="G61746" i="1"/>
  <c r="G61747" i="1"/>
  <c r="G61748" i="1"/>
  <c r="G61749" i="1"/>
  <c r="G61750" i="1"/>
  <c r="G61751" i="1"/>
  <c r="G61752" i="1"/>
  <c r="G61753" i="1"/>
  <c r="G61754" i="1"/>
  <c r="G61755" i="1"/>
  <c r="G61756" i="1"/>
  <c r="G61757" i="1"/>
  <c r="G61758" i="1"/>
  <c r="G61759" i="1"/>
  <c r="G61760" i="1"/>
  <c r="G61761" i="1"/>
  <c r="G61762" i="1"/>
  <c r="G61763" i="1"/>
  <c r="G61764" i="1"/>
  <c r="G61765" i="1"/>
  <c r="G61766" i="1"/>
  <c r="G61767" i="1"/>
  <c r="G61768" i="1"/>
  <c r="G61769" i="1"/>
  <c r="G61770" i="1"/>
  <c r="G61771" i="1"/>
  <c r="G61772" i="1"/>
  <c r="G61773" i="1"/>
  <c r="G61774" i="1"/>
  <c r="G61775" i="1"/>
  <c r="G61776" i="1"/>
  <c r="G61777" i="1"/>
  <c r="G61778" i="1"/>
  <c r="G61779" i="1"/>
  <c r="G61780" i="1"/>
  <c r="G61781" i="1"/>
  <c r="G61782" i="1"/>
  <c r="G61783" i="1"/>
  <c r="G61784" i="1"/>
  <c r="G61785" i="1"/>
  <c r="G61786" i="1"/>
  <c r="G61787" i="1"/>
  <c r="G61788" i="1"/>
  <c r="G61789" i="1"/>
  <c r="G61790" i="1"/>
  <c r="G61791" i="1"/>
  <c r="G61792" i="1"/>
  <c r="G61793" i="1"/>
  <c r="G61794" i="1"/>
  <c r="G61795" i="1"/>
  <c r="G61796" i="1"/>
  <c r="G61797" i="1"/>
  <c r="G61798" i="1"/>
  <c r="G61799" i="1"/>
  <c r="G61800" i="1"/>
  <c r="G61801" i="1"/>
  <c r="G61802" i="1"/>
  <c r="G61803" i="1"/>
  <c r="G61804" i="1"/>
  <c r="G61805" i="1"/>
  <c r="G61806" i="1"/>
  <c r="G61807" i="1"/>
  <c r="G61808" i="1"/>
  <c r="G61809" i="1"/>
  <c r="G61810" i="1"/>
  <c r="G61811" i="1"/>
  <c r="G61812" i="1"/>
  <c r="G61813" i="1"/>
  <c r="G61814" i="1"/>
  <c r="G61815" i="1"/>
  <c r="G61816" i="1"/>
  <c r="G61817" i="1"/>
  <c r="G61818" i="1"/>
  <c r="G61819" i="1"/>
  <c r="G61820" i="1"/>
  <c r="G61821" i="1"/>
  <c r="G61822" i="1"/>
  <c r="G61823" i="1"/>
  <c r="G61824" i="1"/>
  <c r="G61825" i="1"/>
  <c r="G61826" i="1"/>
  <c r="G61827" i="1"/>
  <c r="G61828" i="1"/>
  <c r="G61829" i="1"/>
  <c r="G61830" i="1"/>
  <c r="G61831" i="1"/>
  <c r="G61832" i="1"/>
  <c r="G61833" i="1"/>
  <c r="G61834" i="1"/>
  <c r="G61835" i="1"/>
  <c r="G61836" i="1"/>
  <c r="G61837" i="1"/>
  <c r="G61838" i="1"/>
  <c r="G61839" i="1"/>
  <c r="G61840" i="1"/>
  <c r="G61841" i="1"/>
  <c r="G61842" i="1"/>
  <c r="G61843" i="1"/>
  <c r="G61844" i="1"/>
  <c r="G61845" i="1"/>
  <c r="G61846" i="1"/>
  <c r="G61847" i="1"/>
  <c r="G61848" i="1"/>
  <c r="G61849" i="1"/>
  <c r="G61850" i="1"/>
  <c r="G61851" i="1"/>
  <c r="G61852" i="1"/>
  <c r="G61853" i="1"/>
  <c r="G61854" i="1"/>
  <c r="G61855" i="1"/>
  <c r="G61856" i="1"/>
  <c r="G61857" i="1"/>
  <c r="G61858" i="1"/>
  <c r="G61859" i="1"/>
  <c r="G61860" i="1"/>
  <c r="G61861" i="1"/>
  <c r="G61862" i="1"/>
  <c r="G61863" i="1"/>
  <c r="G61864" i="1"/>
  <c r="G61865" i="1"/>
  <c r="G61866" i="1"/>
  <c r="G61867" i="1"/>
  <c r="G61868" i="1"/>
  <c r="G61869" i="1"/>
  <c r="G61870" i="1"/>
  <c r="G61871" i="1"/>
  <c r="G61872" i="1"/>
  <c r="G61873" i="1"/>
  <c r="G61874" i="1"/>
  <c r="G61875" i="1"/>
  <c r="G61876" i="1"/>
  <c r="G61877" i="1"/>
  <c r="G61878" i="1"/>
  <c r="G61879" i="1"/>
  <c r="G61880" i="1"/>
  <c r="G61881" i="1"/>
  <c r="G61882" i="1"/>
  <c r="G61883" i="1"/>
  <c r="G61884" i="1"/>
  <c r="G61885" i="1"/>
  <c r="G61886" i="1"/>
  <c r="G61887" i="1"/>
  <c r="G61888" i="1"/>
  <c r="G61889" i="1"/>
  <c r="G61890" i="1"/>
  <c r="G61891" i="1"/>
  <c r="G61892" i="1"/>
  <c r="G61893" i="1"/>
  <c r="G61894" i="1"/>
  <c r="G61895" i="1"/>
  <c r="G61896" i="1"/>
  <c r="G61897" i="1"/>
  <c r="G61898" i="1"/>
  <c r="G61899" i="1"/>
  <c r="G61900" i="1"/>
  <c r="G61901" i="1"/>
  <c r="G61902" i="1"/>
  <c r="G61903" i="1"/>
  <c r="G61904" i="1"/>
  <c r="G61905" i="1"/>
  <c r="G61906" i="1"/>
  <c r="G61907" i="1"/>
  <c r="G61908" i="1"/>
  <c r="G61909" i="1"/>
  <c r="G61910" i="1"/>
  <c r="G61911" i="1"/>
  <c r="G61912" i="1"/>
  <c r="G61913" i="1"/>
  <c r="G61914" i="1"/>
  <c r="G61915" i="1"/>
  <c r="G61916" i="1"/>
  <c r="G61917" i="1"/>
  <c r="G61918" i="1"/>
  <c r="G61919" i="1"/>
  <c r="G61920" i="1"/>
  <c r="G61921" i="1"/>
  <c r="G61922" i="1"/>
  <c r="G61923" i="1"/>
  <c r="G61924" i="1"/>
  <c r="G61925" i="1"/>
  <c r="G61926" i="1"/>
  <c r="G61927" i="1"/>
  <c r="G61928" i="1"/>
  <c r="G61929" i="1"/>
  <c r="G61930" i="1"/>
  <c r="G61931" i="1"/>
  <c r="G61932" i="1"/>
  <c r="G61933" i="1"/>
  <c r="G61934" i="1"/>
  <c r="G61935" i="1"/>
  <c r="G61936" i="1"/>
  <c r="G61937" i="1"/>
  <c r="G61938" i="1"/>
  <c r="G61939" i="1"/>
  <c r="G61940" i="1"/>
  <c r="G61941" i="1"/>
  <c r="G61942" i="1"/>
  <c r="G61943" i="1"/>
  <c r="G61944" i="1"/>
  <c r="G61945" i="1"/>
  <c r="G61946" i="1"/>
  <c r="G61947" i="1"/>
  <c r="G61948" i="1"/>
  <c r="G61949" i="1"/>
  <c r="G61950" i="1"/>
  <c r="G61951" i="1"/>
  <c r="G61952" i="1"/>
  <c r="G61953" i="1"/>
  <c r="G61954" i="1"/>
  <c r="G61955" i="1"/>
  <c r="G61956" i="1"/>
  <c r="G61957" i="1"/>
  <c r="G61958" i="1"/>
  <c r="G61959" i="1"/>
  <c r="G61960" i="1"/>
  <c r="G61961" i="1"/>
  <c r="G61962" i="1"/>
  <c r="G61963" i="1"/>
  <c r="G61964" i="1"/>
  <c r="G61965" i="1"/>
  <c r="G61966" i="1"/>
  <c r="G61967" i="1"/>
  <c r="G61968" i="1"/>
  <c r="G61969" i="1"/>
  <c r="G61970" i="1"/>
  <c r="G61971" i="1"/>
  <c r="G61972" i="1"/>
  <c r="G61973" i="1"/>
  <c r="G61974" i="1"/>
  <c r="G61975" i="1"/>
  <c r="G61976" i="1"/>
  <c r="G61977" i="1"/>
  <c r="G61978" i="1"/>
  <c r="G61979" i="1"/>
  <c r="G61980" i="1"/>
  <c r="G61981" i="1"/>
  <c r="G61982" i="1"/>
  <c r="G61983" i="1"/>
  <c r="G61984" i="1"/>
  <c r="G61985" i="1"/>
  <c r="G61986" i="1"/>
  <c r="G61987" i="1"/>
  <c r="G61988" i="1"/>
  <c r="G61989" i="1"/>
  <c r="G61990" i="1"/>
  <c r="G61991" i="1"/>
  <c r="G61992" i="1"/>
  <c r="G61993" i="1"/>
  <c r="G61994" i="1"/>
  <c r="G61995" i="1"/>
  <c r="G61996" i="1"/>
  <c r="G61997" i="1"/>
  <c r="G61998" i="1"/>
  <c r="G61999" i="1"/>
  <c r="G62000" i="1"/>
  <c r="G62001" i="1"/>
  <c r="G62002" i="1"/>
  <c r="G62003" i="1"/>
  <c r="G62004" i="1"/>
  <c r="G62005" i="1"/>
  <c r="G62006" i="1"/>
  <c r="G62007" i="1"/>
  <c r="G62008" i="1"/>
  <c r="G62009" i="1"/>
  <c r="G62010" i="1"/>
  <c r="G62011" i="1"/>
  <c r="G62012" i="1"/>
  <c r="G62013" i="1"/>
  <c r="G62014" i="1"/>
  <c r="G62015" i="1"/>
  <c r="G62016" i="1"/>
  <c r="G62017" i="1"/>
  <c r="G62018" i="1"/>
  <c r="G62019" i="1"/>
  <c r="G62020" i="1"/>
  <c r="G62021" i="1"/>
  <c r="G62022" i="1"/>
  <c r="G62023" i="1"/>
  <c r="G62024" i="1"/>
  <c r="G62025" i="1"/>
  <c r="G62026" i="1"/>
  <c r="G62027" i="1"/>
  <c r="G62028" i="1"/>
  <c r="G62029" i="1"/>
  <c r="G62030" i="1"/>
  <c r="G62031" i="1"/>
  <c r="G62032" i="1"/>
  <c r="G62033" i="1"/>
  <c r="G62034" i="1"/>
  <c r="G62035" i="1"/>
  <c r="G62036" i="1"/>
  <c r="G62037" i="1"/>
  <c r="G62038" i="1"/>
  <c r="G62039" i="1"/>
  <c r="G62040" i="1"/>
  <c r="G62041" i="1"/>
  <c r="G62042" i="1"/>
  <c r="G62043" i="1"/>
  <c r="G62044" i="1"/>
  <c r="G62045" i="1"/>
  <c r="G62046" i="1"/>
  <c r="G62047" i="1"/>
  <c r="G62048" i="1"/>
  <c r="G62049" i="1"/>
  <c r="G62050" i="1"/>
  <c r="G62051" i="1"/>
  <c r="G62052" i="1"/>
  <c r="G62053" i="1"/>
  <c r="G62054" i="1"/>
  <c r="G62055" i="1"/>
  <c r="G62056" i="1"/>
  <c r="G62057" i="1"/>
  <c r="G62058" i="1"/>
  <c r="G62059" i="1"/>
  <c r="G62060" i="1"/>
  <c r="G62061" i="1"/>
  <c r="G62062" i="1"/>
  <c r="G62063" i="1"/>
  <c r="G62064" i="1"/>
  <c r="G62065" i="1"/>
  <c r="G62066" i="1"/>
  <c r="G62067" i="1"/>
  <c r="G62068" i="1"/>
  <c r="G62069" i="1"/>
  <c r="G62070" i="1"/>
  <c r="G62071" i="1"/>
  <c r="G62072" i="1"/>
  <c r="G62073" i="1"/>
  <c r="G62074" i="1"/>
  <c r="G62075" i="1"/>
  <c r="G62076" i="1"/>
  <c r="G62077" i="1"/>
  <c r="G62078" i="1"/>
  <c r="G62079" i="1"/>
  <c r="G62080" i="1"/>
  <c r="G62081" i="1"/>
  <c r="G62082" i="1"/>
  <c r="G62083" i="1"/>
  <c r="G62084" i="1"/>
  <c r="G62085" i="1"/>
  <c r="G62086" i="1"/>
  <c r="G62087" i="1"/>
  <c r="G62088" i="1"/>
  <c r="G62089" i="1"/>
  <c r="G62090" i="1"/>
  <c r="G62091" i="1"/>
  <c r="G62092" i="1"/>
  <c r="G62093" i="1"/>
  <c r="G62094" i="1"/>
  <c r="G62095" i="1"/>
  <c r="G62096" i="1"/>
  <c r="G62097" i="1"/>
  <c r="G62098" i="1"/>
  <c r="G62099" i="1"/>
  <c r="G62100" i="1"/>
  <c r="G62101" i="1"/>
  <c r="G62102" i="1"/>
  <c r="G62103" i="1"/>
  <c r="G62104" i="1"/>
  <c r="G62105" i="1"/>
  <c r="G62106" i="1"/>
  <c r="G62107" i="1"/>
  <c r="G62108" i="1"/>
  <c r="G62109" i="1"/>
  <c r="G62110" i="1"/>
  <c r="G62111" i="1"/>
  <c r="G62112" i="1"/>
  <c r="G62113" i="1"/>
  <c r="G62114" i="1"/>
  <c r="G62115" i="1"/>
  <c r="G62116" i="1"/>
  <c r="G62117" i="1"/>
  <c r="G62118" i="1"/>
  <c r="G62119" i="1"/>
  <c r="G62120" i="1"/>
  <c r="G62121" i="1"/>
  <c r="G62122" i="1"/>
  <c r="G62123" i="1"/>
  <c r="G62124" i="1"/>
  <c r="G62125" i="1"/>
  <c r="G62126" i="1"/>
  <c r="G62127" i="1"/>
  <c r="G62128" i="1"/>
  <c r="G62129" i="1"/>
  <c r="G62130" i="1"/>
  <c r="G62131" i="1"/>
  <c r="G62132" i="1"/>
  <c r="G62133" i="1"/>
  <c r="G62134" i="1"/>
  <c r="G62135" i="1"/>
  <c r="G62136" i="1"/>
  <c r="G62137" i="1"/>
  <c r="G62138" i="1"/>
  <c r="G62139" i="1"/>
  <c r="G62140" i="1"/>
  <c r="G62141" i="1"/>
  <c r="G62142" i="1"/>
  <c r="G62143" i="1"/>
  <c r="G62144" i="1"/>
  <c r="G62145" i="1"/>
  <c r="G62146" i="1"/>
  <c r="G62147" i="1"/>
  <c r="G62148" i="1"/>
  <c r="G62149" i="1"/>
  <c r="G62150" i="1"/>
  <c r="G62151" i="1"/>
  <c r="G62152" i="1"/>
  <c r="G62153" i="1"/>
  <c r="G62154" i="1"/>
  <c r="G62155" i="1"/>
  <c r="G62156" i="1"/>
  <c r="G62157" i="1"/>
  <c r="G62158" i="1"/>
  <c r="G62159" i="1"/>
  <c r="G62160" i="1"/>
  <c r="G62161" i="1"/>
  <c r="G62162" i="1"/>
  <c r="G62163" i="1"/>
  <c r="G62164" i="1"/>
  <c r="G62165" i="1"/>
  <c r="G62166" i="1"/>
  <c r="G62167" i="1"/>
  <c r="G62168" i="1"/>
  <c r="G62169" i="1"/>
  <c r="G62170" i="1"/>
  <c r="G62171" i="1"/>
  <c r="G62172" i="1"/>
  <c r="G62173" i="1"/>
  <c r="G62174" i="1"/>
  <c r="G62175" i="1"/>
  <c r="G62176" i="1"/>
  <c r="G62177" i="1"/>
  <c r="G62178" i="1"/>
  <c r="G62179" i="1"/>
  <c r="G62180" i="1"/>
  <c r="G62181" i="1"/>
  <c r="G62182" i="1"/>
  <c r="G62183" i="1"/>
  <c r="G62184" i="1"/>
  <c r="G62185" i="1"/>
  <c r="G62186" i="1"/>
  <c r="G62187" i="1"/>
  <c r="G62188" i="1"/>
  <c r="G62189" i="1"/>
  <c r="G62190" i="1"/>
  <c r="G62191" i="1"/>
  <c r="G62192" i="1"/>
  <c r="G62193" i="1"/>
  <c r="G62194" i="1"/>
  <c r="G62195" i="1"/>
  <c r="G62196" i="1"/>
  <c r="G62197" i="1"/>
  <c r="G62198" i="1"/>
  <c r="G62199" i="1"/>
  <c r="G62200" i="1"/>
  <c r="G62201" i="1"/>
  <c r="G62202" i="1"/>
  <c r="G62203" i="1"/>
  <c r="G62204" i="1"/>
  <c r="G62205" i="1"/>
  <c r="G62206" i="1"/>
  <c r="G62207" i="1"/>
  <c r="G62208" i="1"/>
  <c r="G62209" i="1"/>
  <c r="G62210" i="1"/>
  <c r="G62211" i="1"/>
  <c r="G62212" i="1"/>
  <c r="G62213" i="1"/>
  <c r="G62214" i="1"/>
  <c r="G62215" i="1"/>
  <c r="G62216" i="1"/>
  <c r="G62217" i="1"/>
  <c r="G62218" i="1"/>
  <c r="G62219" i="1"/>
  <c r="G62220" i="1"/>
  <c r="G62221" i="1"/>
  <c r="G62222" i="1"/>
  <c r="G62223" i="1"/>
  <c r="G62224" i="1"/>
  <c r="G62225" i="1"/>
  <c r="G62226" i="1"/>
  <c r="G62227" i="1"/>
  <c r="G62228" i="1"/>
  <c r="G62229" i="1"/>
  <c r="G62230" i="1"/>
  <c r="G62231" i="1"/>
  <c r="G62232" i="1"/>
  <c r="G62233" i="1"/>
  <c r="G62234" i="1"/>
  <c r="G62235" i="1"/>
  <c r="G62236" i="1"/>
  <c r="G62237" i="1"/>
  <c r="G62238" i="1"/>
  <c r="G62239" i="1"/>
  <c r="G62240" i="1"/>
  <c r="G62241" i="1"/>
  <c r="G62242" i="1"/>
  <c r="G62243" i="1"/>
  <c r="G62244" i="1"/>
  <c r="G62245" i="1"/>
  <c r="G62246" i="1"/>
  <c r="G62247" i="1"/>
  <c r="G62248" i="1"/>
  <c r="G62249" i="1"/>
  <c r="G62250" i="1"/>
  <c r="G62251" i="1"/>
  <c r="G62252" i="1"/>
  <c r="G62253" i="1"/>
  <c r="G62254" i="1"/>
  <c r="G62255" i="1"/>
  <c r="G62256" i="1"/>
  <c r="G62257" i="1"/>
  <c r="G62258" i="1"/>
  <c r="G62259" i="1"/>
  <c r="G62260" i="1"/>
  <c r="G62261" i="1"/>
  <c r="G62262" i="1"/>
  <c r="G62263" i="1"/>
  <c r="G62264" i="1"/>
  <c r="G62265" i="1"/>
  <c r="G62266" i="1"/>
  <c r="G62267" i="1"/>
  <c r="G62268" i="1"/>
  <c r="G62269" i="1"/>
  <c r="G62270" i="1"/>
  <c r="G62271" i="1"/>
  <c r="G62272" i="1"/>
  <c r="G62273" i="1"/>
  <c r="G62274" i="1"/>
  <c r="G62275" i="1"/>
  <c r="G62276" i="1"/>
  <c r="G62277" i="1"/>
  <c r="G62278" i="1"/>
  <c r="G62279" i="1"/>
  <c r="G62280" i="1"/>
  <c r="G62281" i="1"/>
  <c r="G62282" i="1"/>
  <c r="G62283" i="1"/>
  <c r="G62284" i="1"/>
  <c r="G62285" i="1"/>
  <c r="G62286" i="1"/>
  <c r="G62287" i="1"/>
  <c r="G62288" i="1"/>
  <c r="G62289" i="1"/>
  <c r="G62290" i="1"/>
  <c r="G62291" i="1"/>
  <c r="G62292" i="1"/>
  <c r="G62293" i="1"/>
  <c r="G62294" i="1"/>
  <c r="G62295" i="1"/>
  <c r="G62296" i="1"/>
  <c r="G62297" i="1"/>
  <c r="G62298" i="1"/>
  <c r="G62299" i="1"/>
  <c r="G62300" i="1"/>
  <c r="G62301" i="1"/>
  <c r="G62302" i="1"/>
  <c r="G62303" i="1"/>
  <c r="G62304" i="1"/>
  <c r="G62305" i="1"/>
  <c r="G62306" i="1"/>
  <c r="G62307" i="1"/>
  <c r="G62308" i="1"/>
  <c r="G62309" i="1"/>
  <c r="G62310" i="1"/>
  <c r="G62311" i="1"/>
  <c r="G62312" i="1"/>
  <c r="G62313" i="1"/>
  <c r="G62314" i="1"/>
  <c r="G62315" i="1"/>
  <c r="G62316" i="1"/>
  <c r="G62317" i="1"/>
  <c r="G62318" i="1"/>
  <c r="G62319" i="1"/>
  <c r="G62320" i="1"/>
  <c r="G62321" i="1"/>
  <c r="G62322" i="1"/>
  <c r="G62323" i="1"/>
  <c r="G62324" i="1"/>
  <c r="G62325" i="1"/>
  <c r="G62326" i="1"/>
  <c r="G62327" i="1"/>
  <c r="G62328" i="1"/>
  <c r="G62329" i="1"/>
  <c r="G62330" i="1"/>
  <c r="G62331" i="1"/>
  <c r="G62332" i="1"/>
  <c r="G62333" i="1"/>
  <c r="G62334" i="1"/>
  <c r="G62335" i="1"/>
  <c r="G62336" i="1"/>
  <c r="G62337" i="1"/>
  <c r="G62338" i="1"/>
  <c r="G62339" i="1"/>
  <c r="G62340" i="1"/>
  <c r="G62341" i="1"/>
  <c r="G62342" i="1"/>
  <c r="G62343" i="1"/>
  <c r="G62344" i="1"/>
  <c r="G62345" i="1"/>
  <c r="G62346" i="1"/>
  <c r="G62347" i="1"/>
  <c r="G62348" i="1"/>
  <c r="G62349" i="1"/>
  <c r="G62350" i="1"/>
  <c r="G62351" i="1"/>
  <c r="G62352" i="1"/>
  <c r="G62353" i="1"/>
  <c r="G62354" i="1"/>
  <c r="G62355" i="1"/>
  <c r="G62356" i="1"/>
  <c r="G62357" i="1"/>
  <c r="G62358" i="1"/>
  <c r="G62359" i="1"/>
  <c r="G62360" i="1"/>
  <c r="G62361" i="1"/>
  <c r="G62362" i="1"/>
  <c r="G62363" i="1"/>
  <c r="G62364" i="1"/>
  <c r="G62365" i="1"/>
  <c r="G62366" i="1"/>
  <c r="G62367" i="1"/>
  <c r="G62368" i="1"/>
  <c r="G62369" i="1"/>
  <c r="G62370" i="1"/>
  <c r="G62371" i="1"/>
  <c r="G62372" i="1"/>
  <c r="G62373" i="1"/>
  <c r="G62374" i="1"/>
  <c r="G62375" i="1"/>
  <c r="G62376" i="1"/>
  <c r="G62377" i="1"/>
  <c r="G62378" i="1"/>
  <c r="G62379" i="1"/>
  <c r="G62380" i="1"/>
  <c r="G62381" i="1"/>
  <c r="G62382" i="1"/>
  <c r="G62383" i="1"/>
  <c r="G62384" i="1"/>
  <c r="G62385" i="1"/>
  <c r="G62386" i="1"/>
  <c r="G62387" i="1"/>
  <c r="G62388" i="1"/>
  <c r="G62389" i="1"/>
  <c r="G62390" i="1"/>
  <c r="G62391" i="1"/>
  <c r="G62392" i="1"/>
  <c r="G62393" i="1"/>
  <c r="G62394" i="1"/>
  <c r="G62395" i="1"/>
  <c r="G62396" i="1"/>
  <c r="G62397" i="1"/>
  <c r="G62398" i="1"/>
  <c r="G62399" i="1"/>
  <c r="G62400" i="1"/>
  <c r="G62401" i="1"/>
  <c r="G62402" i="1"/>
  <c r="G62403" i="1"/>
  <c r="G62404" i="1"/>
  <c r="G62405" i="1"/>
  <c r="G62406" i="1"/>
  <c r="G62407" i="1"/>
  <c r="G62408" i="1"/>
  <c r="G62409" i="1"/>
  <c r="G62410" i="1"/>
  <c r="G62411" i="1"/>
  <c r="G62412" i="1"/>
  <c r="G62413" i="1"/>
  <c r="G62414" i="1"/>
  <c r="G62415" i="1"/>
  <c r="G62416" i="1"/>
  <c r="G62417" i="1"/>
  <c r="G62418" i="1"/>
  <c r="G62419" i="1"/>
  <c r="G62420" i="1"/>
  <c r="G62421" i="1"/>
  <c r="G62422" i="1"/>
  <c r="G62423" i="1"/>
  <c r="G62424" i="1"/>
  <c r="G62425" i="1"/>
  <c r="G62426" i="1"/>
  <c r="G62427" i="1"/>
  <c r="G62428" i="1"/>
  <c r="G62429" i="1"/>
  <c r="G62430" i="1"/>
  <c r="G62431" i="1"/>
  <c r="G62432" i="1"/>
  <c r="G62433" i="1"/>
  <c r="G62434" i="1"/>
  <c r="G62435" i="1"/>
  <c r="G62436" i="1"/>
  <c r="G62437" i="1"/>
  <c r="G62438" i="1"/>
  <c r="G62439" i="1"/>
  <c r="G62440" i="1"/>
  <c r="G62441" i="1"/>
  <c r="G62442" i="1"/>
  <c r="G62443" i="1"/>
  <c r="G62444" i="1"/>
  <c r="G62445" i="1"/>
  <c r="G62446" i="1"/>
  <c r="G62447" i="1"/>
  <c r="G62448" i="1"/>
  <c r="G62449" i="1"/>
  <c r="G62450" i="1"/>
  <c r="G62451" i="1"/>
  <c r="G62452" i="1"/>
  <c r="G62453" i="1"/>
  <c r="G62454" i="1"/>
  <c r="G62455" i="1"/>
  <c r="G62456" i="1"/>
  <c r="G62457" i="1"/>
  <c r="G62458" i="1"/>
  <c r="G62459" i="1"/>
  <c r="G62460" i="1"/>
  <c r="G62461" i="1"/>
  <c r="G62462" i="1"/>
  <c r="G62463" i="1"/>
  <c r="G62464" i="1"/>
  <c r="G62465" i="1"/>
  <c r="G62466" i="1"/>
  <c r="G62467" i="1"/>
  <c r="G62468" i="1"/>
  <c r="G62469" i="1"/>
  <c r="G62470" i="1"/>
  <c r="G62471" i="1"/>
  <c r="G62472" i="1"/>
  <c r="G62473" i="1"/>
  <c r="G62474" i="1"/>
  <c r="G62475" i="1"/>
  <c r="G62476" i="1"/>
  <c r="G62477" i="1"/>
  <c r="G62478" i="1"/>
  <c r="G62479" i="1"/>
  <c r="G62480" i="1"/>
  <c r="G62481" i="1"/>
  <c r="G62482" i="1"/>
  <c r="G62483" i="1"/>
  <c r="G62484" i="1"/>
  <c r="G62485" i="1"/>
  <c r="G62486" i="1"/>
  <c r="G62487" i="1"/>
  <c r="G62488" i="1"/>
  <c r="G62489" i="1"/>
  <c r="G62490" i="1"/>
  <c r="G62491" i="1"/>
  <c r="G62492" i="1"/>
  <c r="G62493" i="1"/>
  <c r="G62494" i="1"/>
  <c r="G62495" i="1"/>
  <c r="G62496" i="1"/>
  <c r="G62497" i="1"/>
  <c r="G62498" i="1"/>
  <c r="G62499" i="1"/>
  <c r="G62500" i="1"/>
  <c r="G62501" i="1"/>
  <c r="G62502" i="1"/>
  <c r="G62503" i="1"/>
  <c r="G62504" i="1"/>
  <c r="G62505" i="1"/>
  <c r="G62506" i="1"/>
  <c r="G62507" i="1"/>
  <c r="G62508" i="1"/>
  <c r="G62509" i="1"/>
  <c r="G62510" i="1"/>
  <c r="G62511" i="1"/>
  <c r="G62512" i="1"/>
  <c r="G62513" i="1"/>
  <c r="G62514" i="1"/>
  <c r="G62515" i="1"/>
  <c r="G62516" i="1"/>
  <c r="G62517" i="1"/>
  <c r="G62518" i="1"/>
  <c r="G62519" i="1"/>
  <c r="G62520" i="1"/>
  <c r="G62521" i="1"/>
  <c r="G62522" i="1"/>
  <c r="G62523" i="1"/>
  <c r="G62524" i="1"/>
  <c r="G62525" i="1"/>
  <c r="G62526" i="1"/>
  <c r="G62527" i="1"/>
  <c r="G62528" i="1"/>
  <c r="G62529" i="1"/>
  <c r="G62530" i="1"/>
  <c r="G62531" i="1"/>
  <c r="G62532" i="1"/>
  <c r="G62533" i="1"/>
  <c r="G62534" i="1"/>
  <c r="G62535" i="1"/>
  <c r="G62536" i="1"/>
  <c r="G62537" i="1"/>
  <c r="G62538" i="1"/>
  <c r="G62539" i="1"/>
  <c r="G62540" i="1"/>
  <c r="G62541" i="1"/>
  <c r="G62542" i="1"/>
  <c r="G62543" i="1"/>
  <c r="G62544" i="1"/>
  <c r="G62545" i="1"/>
  <c r="G62546" i="1"/>
  <c r="G62547" i="1"/>
  <c r="G62548" i="1"/>
  <c r="G62549" i="1"/>
  <c r="G62550" i="1"/>
  <c r="G62551" i="1"/>
  <c r="G62552" i="1"/>
  <c r="G62553" i="1"/>
  <c r="G62554" i="1"/>
  <c r="G62555" i="1"/>
  <c r="G62556" i="1"/>
  <c r="G62557" i="1"/>
  <c r="G62558" i="1"/>
  <c r="G62559" i="1"/>
  <c r="G62560" i="1"/>
  <c r="G62561" i="1"/>
  <c r="G62562" i="1"/>
  <c r="G62563" i="1"/>
  <c r="G62564" i="1"/>
  <c r="G62565" i="1"/>
  <c r="G62566" i="1"/>
  <c r="G62567" i="1"/>
  <c r="G62568" i="1"/>
  <c r="G62569" i="1"/>
  <c r="G62570" i="1"/>
  <c r="G62571" i="1"/>
  <c r="G62572" i="1"/>
  <c r="G62573" i="1"/>
  <c r="G62574" i="1"/>
  <c r="G62575" i="1"/>
  <c r="G62576" i="1"/>
  <c r="G62577" i="1"/>
  <c r="G62578" i="1"/>
  <c r="G62579" i="1"/>
  <c r="G62580" i="1"/>
  <c r="G62581" i="1"/>
  <c r="G62582" i="1"/>
  <c r="G62583" i="1"/>
  <c r="G62584" i="1"/>
  <c r="G62585" i="1"/>
  <c r="G62586" i="1"/>
  <c r="G62587" i="1"/>
  <c r="G62588" i="1"/>
  <c r="G62589" i="1"/>
  <c r="G62590" i="1"/>
  <c r="G62591" i="1"/>
  <c r="G62592" i="1"/>
  <c r="G62593" i="1"/>
  <c r="G62594" i="1"/>
  <c r="G62595" i="1"/>
  <c r="G62596" i="1"/>
  <c r="G62597" i="1"/>
  <c r="G62598" i="1"/>
  <c r="G62599" i="1"/>
  <c r="G62600" i="1"/>
  <c r="G62601" i="1"/>
  <c r="G62602" i="1"/>
  <c r="G62603" i="1"/>
  <c r="G62604" i="1"/>
  <c r="G62605" i="1"/>
  <c r="G62606" i="1"/>
  <c r="G62607" i="1"/>
  <c r="G62608" i="1"/>
  <c r="G62609" i="1"/>
  <c r="G62610" i="1"/>
  <c r="G62611" i="1"/>
  <c r="G62612" i="1"/>
  <c r="G62613" i="1"/>
  <c r="G62614" i="1"/>
  <c r="G62615" i="1"/>
  <c r="G62616" i="1"/>
  <c r="G62617" i="1"/>
  <c r="G62618" i="1"/>
  <c r="G62619" i="1"/>
  <c r="G62620" i="1"/>
  <c r="G62621" i="1"/>
  <c r="G62622" i="1"/>
  <c r="G62623" i="1"/>
  <c r="G62624" i="1"/>
  <c r="G62625" i="1"/>
  <c r="G62626" i="1"/>
  <c r="G62627" i="1"/>
  <c r="G62628" i="1"/>
  <c r="G62629" i="1"/>
  <c r="G62630" i="1"/>
  <c r="G62631" i="1"/>
  <c r="G62632" i="1"/>
  <c r="G62633" i="1"/>
  <c r="G62634" i="1"/>
  <c r="G62635" i="1"/>
  <c r="G62636" i="1"/>
  <c r="G62637" i="1"/>
  <c r="G62638" i="1"/>
  <c r="G62639" i="1"/>
  <c r="G62640" i="1"/>
  <c r="G62641" i="1"/>
  <c r="G62642" i="1"/>
  <c r="G62643" i="1"/>
  <c r="G62644" i="1"/>
  <c r="G62645" i="1"/>
  <c r="G62646" i="1"/>
  <c r="G62647" i="1"/>
  <c r="G62648" i="1"/>
  <c r="G62649" i="1"/>
  <c r="G62650" i="1"/>
  <c r="G62651" i="1"/>
  <c r="G62652" i="1"/>
  <c r="G62653" i="1"/>
  <c r="G62654" i="1"/>
  <c r="G62655" i="1"/>
  <c r="G62656" i="1"/>
  <c r="G62657" i="1"/>
  <c r="G62658" i="1"/>
  <c r="G62659" i="1"/>
  <c r="G62660" i="1"/>
  <c r="G62661" i="1"/>
  <c r="G62662" i="1"/>
  <c r="G62663" i="1"/>
  <c r="G62664" i="1"/>
  <c r="G62665" i="1"/>
  <c r="G62666" i="1"/>
  <c r="G62667" i="1"/>
  <c r="G62668" i="1"/>
  <c r="G62669" i="1"/>
  <c r="G62670" i="1"/>
  <c r="G62671" i="1"/>
  <c r="G62672" i="1"/>
  <c r="G62673" i="1"/>
  <c r="G62674" i="1"/>
  <c r="G62675" i="1"/>
  <c r="G62676" i="1"/>
  <c r="G62677" i="1"/>
  <c r="G62678" i="1"/>
  <c r="G62679" i="1"/>
  <c r="G62680" i="1"/>
  <c r="G62681" i="1"/>
  <c r="G62682" i="1"/>
  <c r="G62683" i="1"/>
  <c r="G62684" i="1"/>
  <c r="G62685" i="1"/>
  <c r="G62686" i="1"/>
  <c r="G62687" i="1"/>
  <c r="G62688" i="1"/>
  <c r="G62689" i="1"/>
  <c r="G62690" i="1"/>
  <c r="G62691" i="1"/>
  <c r="G62692" i="1"/>
  <c r="G62693" i="1"/>
  <c r="G62694" i="1"/>
  <c r="G62695" i="1"/>
  <c r="G62696" i="1"/>
  <c r="G62697" i="1"/>
  <c r="G62698" i="1"/>
  <c r="G62699" i="1"/>
  <c r="G62700" i="1"/>
  <c r="G62701" i="1"/>
  <c r="G62702" i="1"/>
  <c r="G62703" i="1"/>
  <c r="G62704" i="1"/>
  <c r="G62705" i="1"/>
  <c r="G62706" i="1"/>
  <c r="G62707" i="1"/>
  <c r="G62708" i="1"/>
  <c r="G62709" i="1"/>
  <c r="G62710" i="1"/>
  <c r="G62711" i="1"/>
  <c r="G62712" i="1"/>
  <c r="G62713" i="1"/>
  <c r="G62714" i="1"/>
  <c r="G62715" i="1"/>
  <c r="G62716" i="1"/>
  <c r="G62717" i="1"/>
  <c r="G62718" i="1"/>
  <c r="G62719" i="1"/>
  <c r="G62720" i="1"/>
  <c r="G62721" i="1"/>
  <c r="G62722" i="1"/>
  <c r="G62723" i="1"/>
  <c r="G62724" i="1"/>
  <c r="G62725" i="1"/>
  <c r="G62726" i="1"/>
  <c r="G62727" i="1"/>
  <c r="G62728" i="1"/>
  <c r="G62729" i="1"/>
  <c r="G62730" i="1"/>
  <c r="G62731" i="1"/>
  <c r="G62732" i="1"/>
  <c r="G62733" i="1"/>
  <c r="G62734" i="1"/>
  <c r="G62735" i="1"/>
  <c r="G62736" i="1"/>
  <c r="G62737" i="1"/>
  <c r="G62738" i="1"/>
  <c r="G62739" i="1"/>
  <c r="G62740" i="1"/>
  <c r="G62741" i="1"/>
  <c r="G62742" i="1"/>
  <c r="G62743" i="1"/>
  <c r="G62744" i="1"/>
  <c r="G62745" i="1"/>
  <c r="G62746" i="1"/>
  <c r="G62747" i="1"/>
  <c r="G62748" i="1"/>
  <c r="G62749" i="1"/>
  <c r="G62750" i="1"/>
  <c r="G62751" i="1"/>
  <c r="G62752" i="1"/>
  <c r="G62753" i="1"/>
  <c r="G62754" i="1"/>
  <c r="G62755" i="1"/>
  <c r="G62756" i="1"/>
  <c r="G62757" i="1"/>
  <c r="G62758" i="1"/>
  <c r="G62759" i="1"/>
  <c r="G62760" i="1"/>
  <c r="G62761" i="1"/>
  <c r="G62762" i="1"/>
  <c r="G62763" i="1"/>
  <c r="G62764" i="1"/>
  <c r="G62765" i="1"/>
  <c r="G62766" i="1"/>
  <c r="G62767" i="1"/>
  <c r="G62768" i="1"/>
  <c r="G62769" i="1"/>
  <c r="G62770" i="1"/>
  <c r="G62771" i="1"/>
  <c r="G62772" i="1"/>
  <c r="G62773" i="1"/>
  <c r="G62774" i="1"/>
  <c r="G62775" i="1"/>
  <c r="G62776" i="1"/>
  <c r="G62777" i="1"/>
  <c r="G62778" i="1"/>
  <c r="G62779" i="1"/>
  <c r="G62780" i="1"/>
  <c r="G62781" i="1"/>
  <c r="G62782" i="1"/>
  <c r="G62783" i="1"/>
  <c r="G62784" i="1"/>
  <c r="G62785" i="1"/>
  <c r="G62786" i="1"/>
  <c r="G62787" i="1"/>
  <c r="G62788" i="1"/>
  <c r="G62789" i="1"/>
  <c r="G62790" i="1"/>
  <c r="G62791" i="1"/>
  <c r="G62792" i="1"/>
  <c r="G62793" i="1"/>
  <c r="G62794" i="1"/>
  <c r="G62795" i="1"/>
  <c r="G62796" i="1"/>
  <c r="G62797" i="1"/>
  <c r="G62798" i="1"/>
  <c r="G62799" i="1"/>
  <c r="G62800" i="1"/>
  <c r="G62801" i="1"/>
  <c r="G62802" i="1"/>
  <c r="G62803" i="1"/>
  <c r="G62804" i="1"/>
  <c r="G62805" i="1"/>
  <c r="G62806" i="1"/>
  <c r="G62807" i="1"/>
  <c r="G62808" i="1"/>
  <c r="G62809" i="1"/>
  <c r="G62810" i="1"/>
  <c r="G62811" i="1"/>
  <c r="G62812" i="1"/>
  <c r="G62813" i="1"/>
  <c r="G62814" i="1"/>
  <c r="G62815" i="1"/>
  <c r="G62816" i="1"/>
  <c r="G62817" i="1"/>
  <c r="G62818" i="1"/>
  <c r="G62819" i="1"/>
  <c r="G62820" i="1"/>
  <c r="G62821" i="1"/>
  <c r="G62822" i="1"/>
  <c r="G62823" i="1"/>
  <c r="G62824" i="1"/>
  <c r="G62825" i="1"/>
  <c r="G62826" i="1"/>
  <c r="G62827" i="1"/>
  <c r="G62828" i="1"/>
  <c r="G62829" i="1"/>
  <c r="G62830" i="1"/>
  <c r="G62831" i="1"/>
  <c r="G62832" i="1"/>
  <c r="G62833" i="1"/>
  <c r="G62834" i="1"/>
  <c r="G62835" i="1"/>
  <c r="G62836" i="1"/>
  <c r="G62837" i="1"/>
  <c r="G62838" i="1"/>
  <c r="G62839" i="1"/>
  <c r="G62840" i="1"/>
  <c r="G62841" i="1"/>
  <c r="G62842" i="1"/>
  <c r="G62843" i="1"/>
  <c r="G62844" i="1"/>
  <c r="G62845" i="1"/>
  <c r="G62846" i="1"/>
  <c r="G62847" i="1"/>
  <c r="G62848" i="1"/>
  <c r="G62849" i="1"/>
  <c r="G62850" i="1"/>
  <c r="G62851" i="1"/>
  <c r="G62852" i="1"/>
  <c r="G62853" i="1"/>
  <c r="G62854" i="1"/>
  <c r="G62855" i="1"/>
  <c r="G62856" i="1"/>
  <c r="G62857" i="1"/>
  <c r="G62858" i="1"/>
  <c r="G62859" i="1"/>
  <c r="G62860" i="1"/>
  <c r="G62861" i="1"/>
  <c r="G62862" i="1"/>
  <c r="G62863" i="1"/>
  <c r="G62864" i="1"/>
  <c r="G62865" i="1"/>
  <c r="G62866" i="1"/>
  <c r="G62867" i="1"/>
  <c r="G62868" i="1"/>
  <c r="G62869" i="1"/>
  <c r="G62870" i="1"/>
  <c r="G62871" i="1"/>
  <c r="G62872" i="1"/>
  <c r="G62873" i="1"/>
  <c r="G62874" i="1"/>
  <c r="G62875" i="1"/>
  <c r="G62876" i="1"/>
  <c r="G62877" i="1"/>
  <c r="G62878" i="1"/>
  <c r="G62879" i="1"/>
  <c r="G62880" i="1"/>
  <c r="G62881" i="1"/>
  <c r="G62882" i="1"/>
  <c r="G62883" i="1"/>
  <c r="G62884" i="1"/>
  <c r="G62885" i="1"/>
  <c r="G62886" i="1"/>
  <c r="G62887" i="1"/>
  <c r="G62888" i="1"/>
  <c r="G62889" i="1"/>
  <c r="G62890" i="1"/>
  <c r="G62891" i="1"/>
  <c r="G62892" i="1"/>
  <c r="G62893" i="1"/>
  <c r="G62894" i="1"/>
  <c r="G62895" i="1"/>
  <c r="G62896" i="1"/>
  <c r="G62897" i="1"/>
  <c r="G62898" i="1"/>
  <c r="G62899" i="1"/>
  <c r="G62900" i="1"/>
  <c r="G62901" i="1"/>
  <c r="G62902" i="1"/>
  <c r="G62903" i="1"/>
  <c r="G62904" i="1"/>
  <c r="G62905" i="1"/>
  <c r="G62906" i="1"/>
  <c r="G62907" i="1"/>
  <c r="G62908" i="1"/>
  <c r="G62909" i="1"/>
  <c r="G62910" i="1"/>
  <c r="G62911" i="1"/>
  <c r="G62912" i="1"/>
  <c r="G62913" i="1"/>
  <c r="G62914" i="1"/>
  <c r="G62915" i="1"/>
  <c r="G62916" i="1"/>
  <c r="G62917" i="1"/>
  <c r="G62918" i="1"/>
  <c r="G62919" i="1"/>
  <c r="G62920" i="1"/>
  <c r="G62921" i="1"/>
  <c r="G62922" i="1"/>
  <c r="G62923" i="1"/>
  <c r="G62924" i="1"/>
  <c r="G62925" i="1"/>
  <c r="G62926" i="1"/>
  <c r="G62927" i="1"/>
  <c r="G62928" i="1"/>
  <c r="G62929" i="1"/>
  <c r="G62930" i="1"/>
  <c r="G62931" i="1"/>
  <c r="G62932" i="1"/>
  <c r="G62933" i="1"/>
  <c r="G62934" i="1"/>
  <c r="G62935" i="1"/>
  <c r="G62936" i="1"/>
  <c r="G62937" i="1"/>
  <c r="G62938" i="1"/>
  <c r="G62939" i="1"/>
  <c r="G62940" i="1"/>
  <c r="G62941" i="1"/>
  <c r="G62942" i="1"/>
  <c r="G62943" i="1"/>
  <c r="G62944" i="1"/>
  <c r="G62945" i="1"/>
  <c r="G62946" i="1"/>
  <c r="G62947" i="1"/>
  <c r="G62948" i="1"/>
  <c r="G62949" i="1"/>
  <c r="G62950" i="1"/>
  <c r="G62951" i="1"/>
  <c r="G62952" i="1"/>
  <c r="G62953" i="1"/>
  <c r="G62954" i="1"/>
  <c r="G62955" i="1"/>
  <c r="G62956" i="1"/>
  <c r="G62957" i="1"/>
  <c r="G62958" i="1"/>
  <c r="G62959" i="1"/>
  <c r="G62960" i="1"/>
  <c r="G62961" i="1"/>
  <c r="G62962" i="1"/>
  <c r="G62963" i="1"/>
  <c r="G62964" i="1"/>
  <c r="G62965" i="1"/>
  <c r="G62966" i="1"/>
  <c r="G62967" i="1"/>
  <c r="G62968" i="1"/>
  <c r="G62969" i="1"/>
  <c r="G62970" i="1"/>
  <c r="G62971" i="1"/>
  <c r="G62972" i="1"/>
  <c r="G62973" i="1"/>
  <c r="G62974" i="1"/>
  <c r="G62975" i="1"/>
  <c r="G62976" i="1"/>
  <c r="G62977" i="1"/>
  <c r="G62978" i="1"/>
  <c r="G62979" i="1"/>
  <c r="G62980" i="1"/>
  <c r="G62981" i="1"/>
  <c r="G62982" i="1"/>
  <c r="G62983" i="1"/>
  <c r="G62984" i="1"/>
  <c r="G62985" i="1"/>
  <c r="G62986" i="1"/>
  <c r="G62987" i="1"/>
  <c r="G62988" i="1"/>
  <c r="G62989" i="1"/>
  <c r="G62990" i="1"/>
  <c r="G62991" i="1"/>
  <c r="G62992" i="1"/>
  <c r="G62993" i="1"/>
  <c r="G62994" i="1"/>
  <c r="G62995" i="1"/>
  <c r="G62996" i="1"/>
  <c r="G62997" i="1"/>
  <c r="G62998" i="1"/>
  <c r="G62999" i="1"/>
  <c r="G63000" i="1"/>
  <c r="G63001" i="1"/>
  <c r="G63002" i="1"/>
  <c r="G63003" i="1"/>
  <c r="G63004" i="1"/>
  <c r="G63005" i="1"/>
  <c r="G63006" i="1"/>
  <c r="G63007" i="1"/>
  <c r="G63008" i="1"/>
  <c r="G63009" i="1"/>
  <c r="G63010" i="1"/>
  <c r="G63011" i="1"/>
  <c r="G63012" i="1"/>
  <c r="G63013" i="1"/>
  <c r="G63014" i="1"/>
  <c r="G63015" i="1"/>
  <c r="G63016" i="1"/>
  <c r="G63017" i="1"/>
  <c r="G63018" i="1"/>
  <c r="G63019" i="1"/>
  <c r="G63020" i="1"/>
  <c r="G63021" i="1"/>
  <c r="G63022" i="1"/>
  <c r="G63023" i="1"/>
  <c r="G63024" i="1"/>
  <c r="G63025" i="1"/>
  <c r="G63026" i="1"/>
  <c r="G63027" i="1"/>
  <c r="G63028" i="1"/>
  <c r="G63029" i="1"/>
  <c r="G63030" i="1"/>
  <c r="G63031" i="1"/>
  <c r="G63032" i="1"/>
  <c r="G63033" i="1"/>
  <c r="G63034" i="1"/>
  <c r="G63035" i="1"/>
  <c r="G63036" i="1"/>
  <c r="G63037" i="1"/>
  <c r="G63038" i="1"/>
  <c r="G63039" i="1"/>
  <c r="G63040" i="1"/>
  <c r="G63041" i="1"/>
  <c r="G63042" i="1"/>
  <c r="G63043" i="1"/>
  <c r="G63044" i="1"/>
  <c r="G63045" i="1"/>
  <c r="G63046" i="1"/>
  <c r="G63047" i="1"/>
  <c r="G63048" i="1"/>
  <c r="G63049" i="1"/>
  <c r="G63050" i="1"/>
  <c r="G63051" i="1"/>
  <c r="G63052" i="1"/>
  <c r="G63053" i="1"/>
  <c r="G63054" i="1"/>
  <c r="G63055" i="1"/>
  <c r="G63056" i="1"/>
  <c r="G63057" i="1"/>
  <c r="G63058" i="1"/>
  <c r="G63059" i="1"/>
  <c r="G63060" i="1"/>
  <c r="G63061" i="1"/>
  <c r="G63062" i="1"/>
  <c r="G63063" i="1"/>
  <c r="G63064" i="1"/>
  <c r="G63065" i="1"/>
  <c r="G63066" i="1"/>
  <c r="G63067" i="1"/>
  <c r="G63068" i="1"/>
  <c r="G63069" i="1"/>
  <c r="G63070" i="1"/>
  <c r="G63071" i="1"/>
  <c r="G63072" i="1"/>
  <c r="G63073" i="1"/>
  <c r="G63074" i="1"/>
  <c r="G63075" i="1"/>
  <c r="G63076" i="1"/>
  <c r="G63077" i="1"/>
  <c r="G63078" i="1"/>
  <c r="G63079" i="1"/>
  <c r="G63080" i="1"/>
  <c r="G63081" i="1"/>
  <c r="G63082" i="1"/>
  <c r="G63083" i="1"/>
  <c r="G63084" i="1"/>
  <c r="G63085" i="1"/>
  <c r="G63086" i="1"/>
  <c r="G63087" i="1"/>
  <c r="G63088" i="1"/>
  <c r="G63089" i="1"/>
  <c r="G63090" i="1"/>
  <c r="G63091" i="1"/>
  <c r="G63092" i="1"/>
  <c r="G63093" i="1"/>
  <c r="G63094" i="1"/>
  <c r="G63095" i="1"/>
  <c r="G63096" i="1"/>
  <c r="G63097" i="1"/>
  <c r="G63098" i="1"/>
  <c r="G63099" i="1"/>
  <c r="G63100" i="1"/>
  <c r="G63101" i="1"/>
  <c r="G63102" i="1"/>
  <c r="G63103" i="1"/>
  <c r="G63104" i="1"/>
  <c r="G63105" i="1"/>
  <c r="G63106" i="1"/>
  <c r="G63107" i="1"/>
  <c r="G63108" i="1"/>
  <c r="G63109" i="1"/>
  <c r="G63110" i="1"/>
  <c r="G63111" i="1"/>
  <c r="G63112" i="1"/>
  <c r="G63113" i="1"/>
  <c r="G63114" i="1"/>
  <c r="G63115" i="1"/>
  <c r="G63116" i="1"/>
  <c r="G63117" i="1"/>
  <c r="G63118" i="1"/>
  <c r="G63119" i="1"/>
  <c r="G63120" i="1"/>
  <c r="G63121" i="1"/>
  <c r="G63122" i="1"/>
  <c r="G63123" i="1"/>
  <c r="G63124" i="1"/>
  <c r="G63125" i="1"/>
  <c r="G63126" i="1"/>
  <c r="G63127" i="1"/>
  <c r="G63128" i="1"/>
  <c r="G63129" i="1"/>
  <c r="G63130" i="1"/>
  <c r="G63131" i="1"/>
  <c r="G63132" i="1"/>
  <c r="G63133" i="1"/>
  <c r="G63134" i="1"/>
  <c r="G63135" i="1"/>
  <c r="G63136" i="1"/>
  <c r="G63137" i="1"/>
  <c r="G63138" i="1"/>
  <c r="G63139" i="1"/>
  <c r="G63140" i="1"/>
  <c r="G63141" i="1"/>
  <c r="G63142" i="1"/>
  <c r="G63143" i="1"/>
  <c r="G63144" i="1"/>
  <c r="G63145" i="1"/>
  <c r="G63146" i="1"/>
  <c r="G63147" i="1"/>
  <c r="G63148" i="1"/>
  <c r="G63149" i="1"/>
  <c r="G63150" i="1"/>
  <c r="G63151" i="1"/>
  <c r="G63152" i="1"/>
  <c r="G63153" i="1"/>
  <c r="G63154" i="1"/>
  <c r="G63155" i="1"/>
  <c r="G63156" i="1"/>
  <c r="G63157" i="1"/>
  <c r="G63158" i="1"/>
  <c r="G63159" i="1"/>
  <c r="G63160" i="1"/>
  <c r="G63161" i="1"/>
  <c r="G63162" i="1"/>
  <c r="G63163" i="1"/>
  <c r="G63164" i="1"/>
  <c r="G63165" i="1"/>
  <c r="G63166" i="1"/>
  <c r="G63167" i="1"/>
  <c r="G63168" i="1"/>
  <c r="G63169" i="1"/>
  <c r="G63170" i="1"/>
  <c r="G63171" i="1"/>
  <c r="G63172" i="1"/>
  <c r="G63173" i="1"/>
  <c r="G63174" i="1"/>
  <c r="G63175" i="1"/>
  <c r="G63176" i="1"/>
  <c r="G63177" i="1"/>
  <c r="G63178" i="1"/>
  <c r="G63179" i="1"/>
  <c r="G63180" i="1"/>
  <c r="G63181" i="1"/>
  <c r="G63182" i="1"/>
  <c r="G63183" i="1"/>
  <c r="G63184" i="1"/>
  <c r="G63185" i="1"/>
  <c r="G63186" i="1"/>
  <c r="G63187" i="1"/>
  <c r="G63188" i="1"/>
  <c r="G63189" i="1"/>
  <c r="G63190" i="1"/>
  <c r="G63191" i="1"/>
  <c r="G63192" i="1"/>
  <c r="G63193" i="1"/>
  <c r="G63194" i="1"/>
  <c r="G63195" i="1"/>
  <c r="G63196" i="1"/>
  <c r="G63197" i="1"/>
  <c r="G63198" i="1"/>
  <c r="G63199" i="1"/>
  <c r="G63200" i="1"/>
  <c r="G63201" i="1"/>
  <c r="G63202" i="1"/>
  <c r="G63203" i="1"/>
  <c r="G63204" i="1"/>
  <c r="G63205" i="1"/>
  <c r="G63206" i="1"/>
  <c r="G63207" i="1"/>
  <c r="G63208" i="1"/>
  <c r="G63209" i="1"/>
  <c r="G63210" i="1"/>
  <c r="G63211" i="1"/>
  <c r="G63212" i="1"/>
  <c r="G63213" i="1"/>
  <c r="G63214" i="1"/>
  <c r="G63215" i="1"/>
  <c r="G63216" i="1"/>
  <c r="G63217" i="1"/>
  <c r="G63218" i="1"/>
  <c r="G63219" i="1"/>
  <c r="G63220" i="1"/>
  <c r="G63221" i="1"/>
  <c r="G63222" i="1"/>
  <c r="G63223" i="1"/>
  <c r="G63224" i="1"/>
  <c r="G63225" i="1"/>
  <c r="G63226" i="1"/>
  <c r="G63227" i="1"/>
  <c r="G63228" i="1"/>
  <c r="G63229" i="1"/>
  <c r="G63230" i="1"/>
  <c r="G63231" i="1"/>
  <c r="G63232" i="1"/>
  <c r="G63233" i="1"/>
  <c r="G63234" i="1"/>
  <c r="G63235" i="1"/>
  <c r="G63236" i="1"/>
  <c r="G63237" i="1"/>
  <c r="G63238" i="1"/>
  <c r="G63239" i="1"/>
  <c r="G63240" i="1"/>
  <c r="G63241" i="1"/>
  <c r="G63242" i="1"/>
  <c r="G63243" i="1"/>
  <c r="G63244" i="1"/>
  <c r="G63245" i="1"/>
  <c r="G63246" i="1"/>
  <c r="G63247" i="1"/>
  <c r="G63248" i="1"/>
  <c r="G63249" i="1"/>
  <c r="G63250" i="1"/>
  <c r="G63251" i="1"/>
  <c r="G63252" i="1"/>
  <c r="G63253" i="1"/>
  <c r="G63254" i="1"/>
  <c r="G63255" i="1"/>
  <c r="G63256" i="1"/>
  <c r="G63257" i="1"/>
  <c r="G63258" i="1"/>
  <c r="G63259" i="1"/>
  <c r="G63260" i="1"/>
  <c r="G63261" i="1"/>
  <c r="G63262" i="1"/>
  <c r="G63263" i="1"/>
  <c r="G63264" i="1"/>
  <c r="G63265" i="1"/>
  <c r="G63266" i="1"/>
  <c r="G63267" i="1"/>
  <c r="G63268" i="1"/>
  <c r="G63269" i="1"/>
  <c r="G63270" i="1"/>
  <c r="G63271" i="1"/>
  <c r="G63272" i="1"/>
  <c r="G63273" i="1"/>
  <c r="G63274" i="1"/>
  <c r="G63275" i="1"/>
  <c r="G63276" i="1"/>
  <c r="G63277" i="1"/>
  <c r="G63278" i="1"/>
  <c r="G63279" i="1"/>
  <c r="G63280" i="1"/>
  <c r="G63281" i="1"/>
  <c r="G63282" i="1"/>
  <c r="G63283" i="1"/>
  <c r="G63284" i="1"/>
  <c r="G63285" i="1"/>
  <c r="G63286" i="1"/>
  <c r="G63287" i="1"/>
  <c r="G63288" i="1"/>
  <c r="G63289" i="1"/>
  <c r="G63290" i="1"/>
  <c r="G63291" i="1"/>
  <c r="G63292" i="1"/>
  <c r="G63293" i="1"/>
  <c r="G63294" i="1"/>
  <c r="G63295" i="1"/>
  <c r="G63296" i="1"/>
  <c r="G63297" i="1"/>
  <c r="G63298" i="1"/>
  <c r="G63299" i="1"/>
  <c r="G63300" i="1"/>
  <c r="G63301" i="1"/>
  <c r="G63302" i="1"/>
  <c r="G63303" i="1"/>
  <c r="G63304" i="1"/>
  <c r="G63305" i="1"/>
  <c r="G63306" i="1"/>
  <c r="G63307" i="1"/>
  <c r="G63308" i="1"/>
  <c r="G63309" i="1"/>
  <c r="G63310" i="1"/>
  <c r="G63311" i="1"/>
  <c r="G63312" i="1"/>
  <c r="G63313" i="1"/>
  <c r="G63314" i="1"/>
  <c r="G63315" i="1"/>
  <c r="G63316" i="1"/>
  <c r="G63317" i="1"/>
  <c r="G63318" i="1"/>
  <c r="G63319" i="1"/>
  <c r="G63320" i="1"/>
  <c r="G63321" i="1"/>
  <c r="G63322" i="1"/>
  <c r="G63323" i="1"/>
  <c r="G63324" i="1"/>
  <c r="G63325" i="1"/>
  <c r="G63326" i="1"/>
  <c r="G63327" i="1"/>
  <c r="G63328" i="1"/>
  <c r="G63329" i="1"/>
  <c r="G63330" i="1"/>
  <c r="G63331" i="1"/>
  <c r="G63332" i="1"/>
  <c r="G63333" i="1"/>
  <c r="G63334" i="1"/>
  <c r="G63335" i="1"/>
  <c r="G63336" i="1"/>
  <c r="G63337" i="1"/>
  <c r="G63338" i="1"/>
  <c r="G63339" i="1"/>
  <c r="G63340" i="1"/>
  <c r="G63341" i="1"/>
  <c r="G63342" i="1"/>
  <c r="G63343" i="1"/>
  <c r="G63344" i="1"/>
  <c r="G63345" i="1"/>
  <c r="G63346" i="1"/>
  <c r="G63347" i="1"/>
  <c r="G63348" i="1"/>
  <c r="G63349" i="1"/>
  <c r="G63350" i="1"/>
  <c r="G63351" i="1"/>
  <c r="G63352" i="1"/>
  <c r="G63353" i="1"/>
  <c r="G63354" i="1"/>
  <c r="G63355" i="1"/>
  <c r="G63356" i="1"/>
  <c r="G63357" i="1"/>
  <c r="G63358" i="1"/>
  <c r="G63359" i="1"/>
  <c r="G63360" i="1"/>
  <c r="G63361" i="1"/>
  <c r="G63362" i="1"/>
  <c r="G63363" i="1"/>
  <c r="G63364" i="1"/>
  <c r="G63365" i="1"/>
  <c r="G63366" i="1"/>
  <c r="G63367" i="1"/>
  <c r="G63368" i="1"/>
  <c r="G63369" i="1"/>
  <c r="G63370" i="1"/>
  <c r="G63371" i="1"/>
  <c r="G63372" i="1"/>
  <c r="G63373" i="1"/>
  <c r="G63374" i="1"/>
  <c r="G63375" i="1"/>
  <c r="G63376" i="1"/>
  <c r="G63377" i="1"/>
  <c r="G63378" i="1"/>
  <c r="G63379" i="1"/>
  <c r="G63380" i="1"/>
  <c r="G63381" i="1"/>
  <c r="G63382" i="1"/>
  <c r="G63383" i="1"/>
  <c r="G63384" i="1"/>
  <c r="G63385" i="1"/>
  <c r="G63386" i="1"/>
  <c r="G63387" i="1"/>
  <c r="G63388" i="1"/>
  <c r="G63389" i="1"/>
  <c r="G63390" i="1"/>
  <c r="G63391" i="1"/>
  <c r="G63392" i="1"/>
  <c r="G63393" i="1"/>
  <c r="G63394" i="1"/>
  <c r="G63395" i="1"/>
  <c r="G63396" i="1"/>
  <c r="G63397" i="1"/>
  <c r="G63398" i="1"/>
  <c r="G63399" i="1"/>
  <c r="G63400" i="1"/>
  <c r="G63401" i="1"/>
  <c r="G63402" i="1"/>
  <c r="G63403" i="1"/>
  <c r="G63404" i="1"/>
  <c r="G63405" i="1"/>
  <c r="G63406" i="1"/>
  <c r="G63407" i="1"/>
  <c r="G63408" i="1"/>
  <c r="G63409" i="1"/>
  <c r="G63410" i="1"/>
  <c r="G63411" i="1"/>
  <c r="G63412" i="1"/>
  <c r="G63413" i="1"/>
  <c r="G63414" i="1"/>
  <c r="G63415" i="1"/>
  <c r="G63416" i="1"/>
  <c r="G63417" i="1"/>
  <c r="G63418" i="1"/>
  <c r="G63419" i="1"/>
  <c r="G63420" i="1"/>
  <c r="G63421" i="1"/>
  <c r="G63422" i="1"/>
  <c r="G63423" i="1"/>
  <c r="G63424" i="1"/>
  <c r="G63425" i="1"/>
  <c r="G63426" i="1"/>
  <c r="G63427" i="1"/>
  <c r="G63428" i="1"/>
  <c r="G63429" i="1"/>
  <c r="G63430" i="1"/>
  <c r="G63431" i="1"/>
  <c r="G63432" i="1"/>
  <c r="G63433" i="1"/>
  <c r="G63434" i="1"/>
  <c r="G63435" i="1"/>
  <c r="G63436" i="1"/>
  <c r="G63437" i="1"/>
  <c r="G63438" i="1"/>
  <c r="G63439" i="1"/>
  <c r="G63440" i="1"/>
  <c r="G63441" i="1"/>
  <c r="G63442" i="1"/>
  <c r="G63443" i="1"/>
  <c r="G63444" i="1"/>
  <c r="G63445" i="1"/>
  <c r="G63446" i="1"/>
  <c r="G63447" i="1"/>
  <c r="G63448" i="1"/>
  <c r="G63449" i="1"/>
  <c r="G63450" i="1"/>
  <c r="G63451" i="1"/>
  <c r="G63452" i="1"/>
  <c r="G63453" i="1"/>
  <c r="G63454" i="1"/>
  <c r="G63455" i="1"/>
  <c r="G63456" i="1"/>
  <c r="G63457" i="1"/>
  <c r="G63458" i="1"/>
  <c r="G63459" i="1"/>
  <c r="G63460" i="1"/>
  <c r="G63461" i="1"/>
  <c r="G63462" i="1"/>
  <c r="G63463" i="1"/>
  <c r="G63464" i="1"/>
  <c r="G63465" i="1"/>
  <c r="G63466" i="1"/>
  <c r="G63467" i="1"/>
  <c r="G63468" i="1"/>
  <c r="G63469" i="1"/>
  <c r="G63470" i="1"/>
  <c r="G63471" i="1"/>
  <c r="G63472" i="1"/>
  <c r="G63473" i="1"/>
  <c r="G63474" i="1"/>
  <c r="G63475" i="1"/>
  <c r="G63476" i="1"/>
  <c r="G63477" i="1"/>
  <c r="G63478" i="1"/>
  <c r="G63479" i="1"/>
  <c r="G63480" i="1"/>
  <c r="G63481" i="1"/>
  <c r="G63482" i="1"/>
  <c r="G63483" i="1"/>
  <c r="G63484" i="1"/>
  <c r="G63485" i="1"/>
  <c r="G63486" i="1"/>
  <c r="G63487" i="1"/>
  <c r="G63488" i="1"/>
  <c r="G63489" i="1"/>
  <c r="G63490" i="1"/>
  <c r="G63491" i="1"/>
  <c r="G63492" i="1"/>
  <c r="G63493" i="1"/>
  <c r="G63494" i="1"/>
  <c r="G63495" i="1"/>
  <c r="G63496" i="1"/>
  <c r="G63497" i="1"/>
  <c r="G63498" i="1"/>
  <c r="G63499" i="1"/>
  <c r="G63500" i="1"/>
  <c r="G63501" i="1"/>
  <c r="G63502" i="1"/>
  <c r="G63503" i="1"/>
  <c r="G63504" i="1"/>
  <c r="G63505" i="1"/>
  <c r="G63506" i="1"/>
  <c r="G63507" i="1"/>
  <c r="G63508" i="1"/>
  <c r="G63509" i="1"/>
  <c r="G63510" i="1"/>
  <c r="G63511" i="1"/>
  <c r="G63512" i="1"/>
  <c r="G63513" i="1"/>
  <c r="G63514" i="1"/>
  <c r="G63515" i="1"/>
  <c r="G63516" i="1"/>
  <c r="G63517" i="1"/>
  <c r="G63518" i="1"/>
  <c r="G63519" i="1"/>
  <c r="G63520" i="1"/>
  <c r="G63521" i="1"/>
  <c r="G63522" i="1"/>
  <c r="G63523" i="1"/>
  <c r="G63524" i="1"/>
  <c r="G63525" i="1"/>
  <c r="G63526" i="1"/>
  <c r="G63527" i="1"/>
  <c r="G63528" i="1"/>
  <c r="G63529" i="1"/>
  <c r="G63530" i="1"/>
  <c r="G63531" i="1"/>
  <c r="G63532" i="1"/>
  <c r="G63533" i="1"/>
  <c r="G63534" i="1"/>
  <c r="G63535" i="1"/>
  <c r="G63536" i="1"/>
  <c r="G63537" i="1"/>
  <c r="G63538" i="1"/>
  <c r="G63539" i="1"/>
  <c r="G63540" i="1"/>
  <c r="G63541" i="1"/>
  <c r="G63542" i="1"/>
  <c r="G63543" i="1"/>
  <c r="G63544" i="1"/>
  <c r="G63545" i="1"/>
  <c r="G63546" i="1"/>
  <c r="G63547" i="1"/>
  <c r="G63548" i="1"/>
  <c r="G63549" i="1"/>
  <c r="G63550" i="1"/>
  <c r="G63551" i="1"/>
  <c r="G63552" i="1"/>
  <c r="G63553" i="1"/>
  <c r="G63554" i="1"/>
  <c r="G63555" i="1"/>
  <c r="G63556" i="1"/>
  <c r="G63557" i="1"/>
  <c r="G63558" i="1"/>
  <c r="G63559" i="1"/>
  <c r="G63560" i="1"/>
  <c r="G63561" i="1"/>
  <c r="G63562" i="1"/>
  <c r="G63563" i="1"/>
  <c r="G63564" i="1"/>
  <c r="G63565" i="1"/>
  <c r="G63566" i="1"/>
  <c r="G63567" i="1"/>
  <c r="G63568" i="1"/>
  <c r="G63569" i="1"/>
  <c r="G63570" i="1"/>
  <c r="G63571" i="1"/>
  <c r="G63572" i="1"/>
  <c r="G63573" i="1"/>
  <c r="G63574" i="1"/>
  <c r="G63575" i="1"/>
  <c r="G63576" i="1"/>
  <c r="G63577" i="1"/>
  <c r="G63578" i="1"/>
  <c r="G63579" i="1"/>
  <c r="G63580" i="1"/>
  <c r="G63581" i="1"/>
  <c r="G63582" i="1"/>
  <c r="G63583" i="1"/>
  <c r="G63584" i="1"/>
  <c r="G63585" i="1"/>
  <c r="G63586" i="1"/>
  <c r="G63587" i="1"/>
  <c r="G63588" i="1"/>
  <c r="G63589" i="1"/>
  <c r="G63590" i="1"/>
  <c r="G63591" i="1"/>
  <c r="G63592" i="1"/>
  <c r="G63593" i="1"/>
  <c r="G63594" i="1"/>
  <c r="G63595" i="1"/>
  <c r="G63596" i="1"/>
  <c r="G63597" i="1"/>
  <c r="G63598" i="1"/>
  <c r="G63599" i="1"/>
  <c r="G63600" i="1"/>
  <c r="G63601" i="1"/>
  <c r="G63602" i="1"/>
  <c r="G63603" i="1"/>
  <c r="G63604" i="1"/>
  <c r="G63605" i="1"/>
  <c r="G63606" i="1"/>
  <c r="G63607" i="1"/>
  <c r="G63608" i="1"/>
  <c r="G63609" i="1"/>
  <c r="G63610" i="1"/>
  <c r="G63611" i="1"/>
  <c r="G63612" i="1"/>
  <c r="G63613" i="1"/>
  <c r="G63614" i="1"/>
  <c r="G63615" i="1"/>
  <c r="G63616" i="1"/>
  <c r="G63617" i="1"/>
  <c r="G63618" i="1"/>
  <c r="G63619" i="1"/>
  <c r="G63620" i="1"/>
  <c r="G63621" i="1"/>
  <c r="G63622" i="1"/>
  <c r="G63623" i="1"/>
  <c r="G63624" i="1"/>
  <c r="G63625" i="1"/>
  <c r="G63626" i="1"/>
  <c r="G63627" i="1"/>
  <c r="G63628" i="1"/>
  <c r="G63629" i="1"/>
  <c r="G63630" i="1"/>
  <c r="G63631" i="1"/>
  <c r="G63632" i="1"/>
  <c r="G63633" i="1"/>
  <c r="G63634" i="1"/>
  <c r="G63635" i="1"/>
  <c r="G63636" i="1"/>
  <c r="G63637" i="1"/>
  <c r="G63638" i="1"/>
  <c r="G63639" i="1"/>
  <c r="G63640" i="1"/>
  <c r="G63641" i="1"/>
  <c r="G63642" i="1"/>
  <c r="G63643" i="1"/>
  <c r="G63644" i="1"/>
  <c r="G63645" i="1"/>
  <c r="G63646" i="1"/>
  <c r="G63647" i="1"/>
  <c r="G63648" i="1"/>
  <c r="G63649" i="1"/>
  <c r="G63650" i="1"/>
  <c r="G63651" i="1"/>
  <c r="G63652" i="1"/>
  <c r="G63653" i="1"/>
  <c r="G63654" i="1"/>
  <c r="G63655" i="1"/>
  <c r="G63656" i="1"/>
  <c r="G63657" i="1"/>
  <c r="G63658" i="1"/>
  <c r="G63659" i="1"/>
  <c r="G63660" i="1"/>
  <c r="G63661" i="1"/>
  <c r="G63662" i="1"/>
  <c r="G63663" i="1"/>
  <c r="G63664" i="1"/>
  <c r="G63665" i="1"/>
  <c r="G63666" i="1"/>
  <c r="G63667" i="1"/>
  <c r="G63668" i="1"/>
  <c r="G63669" i="1"/>
  <c r="G63670" i="1"/>
  <c r="G63671" i="1"/>
  <c r="G63672" i="1"/>
  <c r="G63673" i="1"/>
  <c r="G63674" i="1"/>
  <c r="G63675" i="1"/>
  <c r="G63676" i="1"/>
  <c r="G63677" i="1"/>
  <c r="G63678" i="1"/>
  <c r="G63679" i="1"/>
  <c r="G63680" i="1"/>
  <c r="G63681" i="1"/>
  <c r="G63682" i="1"/>
  <c r="G63683" i="1"/>
  <c r="G63684" i="1"/>
  <c r="G63685" i="1"/>
  <c r="G63686" i="1"/>
  <c r="G63687" i="1"/>
  <c r="G63688" i="1"/>
  <c r="G63689" i="1"/>
  <c r="G63690" i="1"/>
  <c r="G63691" i="1"/>
  <c r="G63692" i="1"/>
  <c r="G63693" i="1"/>
  <c r="G63694" i="1"/>
  <c r="G63695" i="1"/>
  <c r="G63696" i="1"/>
  <c r="G63697" i="1"/>
  <c r="G63698" i="1"/>
  <c r="G63699" i="1"/>
  <c r="G63700" i="1"/>
  <c r="G63701" i="1"/>
  <c r="G63702" i="1"/>
  <c r="G63703" i="1"/>
  <c r="G63704" i="1"/>
  <c r="G63705" i="1"/>
  <c r="G63706" i="1"/>
  <c r="G63707" i="1"/>
  <c r="G63708" i="1"/>
  <c r="G63709" i="1"/>
  <c r="G63710" i="1"/>
  <c r="G63711" i="1"/>
  <c r="G63712" i="1"/>
  <c r="G63713" i="1"/>
  <c r="G63714" i="1"/>
  <c r="G63715" i="1"/>
  <c r="G63716" i="1"/>
  <c r="G63717" i="1"/>
  <c r="G63718" i="1"/>
  <c r="G63719" i="1"/>
  <c r="G63720" i="1"/>
  <c r="G63721" i="1"/>
  <c r="G63722" i="1"/>
  <c r="G63723" i="1"/>
  <c r="G63724" i="1"/>
  <c r="G63725" i="1"/>
  <c r="G63726" i="1"/>
  <c r="G63727" i="1"/>
  <c r="G63728" i="1"/>
  <c r="G63729" i="1"/>
  <c r="G63730" i="1"/>
  <c r="G63731" i="1"/>
  <c r="G63732" i="1"/>
  <c r="G63733" i="1"/>
  <c r="G63734" i="1"/>
  <c r="G63735" i="1"/>
  <c r="G63736" i="1"/>
  <c r="G63737" i="1"/>
  <c r="G63738" i="1"/>
  <c r="G63739" i="1"/>
  <c r="G63740" i="1"/>
  <c r="G63741" i="1"/>
  <c r="G63742" i="1"/>
  <c r="G63743" i="1"/>
  <c r="G63744" i="1"/>
  <c r="G63745" i="1"/>
  <c r="G63746" i="1"/>
  <c r="G63747" i="1"/>
  <c r="G63748" i="1"/>
  <c r="G63749" i="1"/>
  <c r="G63750" i="1"/>
  <c r="G63751" i="1"/>
  <c r="G63752" i="1"/>
  <c r="G63753" i="1"/>
  <c r="G63754" i="1"/>
  <c r="G63755" i="1"/>
  <c r="G63756" i="1"/>
  <c r="G63757" i="1"/>
  <c r="G63758" i="1"/>
  <c r="G63759" i="1"/>
  <c r="G63760" i="1"/>
  <c r="G63761" i="1"/>
  <c r="G63762" i="1"/>
  <c r="G63763" i="1"/>
  <c r="G63764" i="1"/>
  <c r="G63765" i="1"/>
  <c r="G63766" i="1"/>
  <c r="G63767" i="1"/>
  <c r="G63768" i="1"/>
  <c r="G63769" i="1"/>
  <c r="G63770" i="1"/>
  <c r="G63771" i="1"/>
  <c r="G63772" i="1"/>
  <c r="G63773" i="1"/>
  <c r="G63774" i="1"/>
  <c r="G63775" i="1"/>
  <c r="G63776" i="1"/>
  <c r="G63777" i="1"/>
  <c r="G63778" i="1"/>
  <c r="G63779" i="1"/>
  <c r="G63780" i="1"/>
  <c r="G63781" i="1"/>
  <c r="G63782" i="1"/>
  <c r="G63783" i="1"/>
  <c r="G63784" i="1"/>
  <c r="G63785" i="1"/>
  <c r="G63786" i="1"/>
  <c r="G63787" i="1"/>
  <c r="G63788" i="1"/>
  <c r="G63789" i="1"/>
  <c r="G63790" i="1"/>
  <c r="G63791" i="1"/>
  <c r="G63792" i="1"/>
  <c r="G63793" i="1"/>
  <c r="G63794" i="1"/>
  <c r="G63795" i="1"/>
  <c r="G63796" i="1"/>
  <c r="G63797" i="1"/>
  <c r="G63798" i="1"/>
  <c r="G63799" i="1"/>
  <c r="G63800" i="1"/>
  <c r="G63801" i="1"/>
  <c r="G63802" i="1"/>
  <c r="G63803" i="1"/>
  <c r="G63804" i="1"/>
  <c r="G63805" i="1"/>
  <c r="G63806" i="1"/>
  <c r="G63807" i="1"/>
  <c r="G63808" i="1"/>
  <c r="G63809" i="1"/>
  <c r="G63810" i="1"/>
  <c r="G63811" i="1"/>
  <c r="G63812" i="1"/>
  <c r="G63813" i="1"/>
  <c r="G63814" i="1"/>
  <c r="G63815" i="1"/>
  <c r="G63816" i="1"/>
  <c r="G63817" i="1"/>
  <c r="G63818" i="1"/>
  <c r="G63819" i="1"/>
  <c r="G63820" i="1"/>
  <c r="G63821" i="1"/>
  <c r="G63822" i="1"/>
  <c r="G63823" i="1"/>
  <c r="G63824" i="1"/>
  <c r="G63825" i="1"/>
  <c r="G63826" i="1"/>
  <c r="G63827" i="1"/>
  <c r="G63828" i="1"/>
  <c r="G63829" i="1"/>
  <c r="G63830" i="1"/>
  <c r="G63831" i="1"/>
  <c r="G63832" i="1"/>
  <c r="G63833" i="1"/>
  <c r="G63834" i="1"/>
  <c r="G63835" i="1"/>
  <c r="G63836" i="1"/>
  <c r="G63837" i="1"/>
  <c r="G63838" i="1"/>
  <c r="G63839" i="1"/>
  <c r="G63840" i="1"/>
  <c r="G63841" i="1"/>
  <c r="G63842" i="1"/>
  <c r="G63843" i="1"/>
  <c r="G63844" i="1"/>
  <c r="G63845" i="1"/>
  <c r="G63846" i="1"/>
  <c r="G63847" i="1"/>
  <c r="G63848" i="1"/>
  <c r="G63849" i="1"/>
  <c r="G63850" i="1"/>
  <c r="G63851" i="1"/>
  <c r="G63852" i="1"/>
  <c r="G63853" i="1"/>
  <c r="G63854" i="1"/>
  <c r="G63855" i="1"/>
  <c r="G63856" i="1"/>
  <c r="G63857" i="1"/>
  <c r="G63858" i="1"/>
  <c r="G63859" i="1"/>
  <c r="G63860" i="1"/>
  <c r="G63861" i="1"/>
  <c r="G63862" i="1"/>
  <c r="G63863" i="1"/>
  <c r="G63864" i="1"/>
  <c r="G63865" i="1"/>
  <c r="G63866" i="1"/>
  <c r="G63867" i="1"/>
  <c r="G63868" i="1"/>
  <c r="G63869" i="1"/>
  <c r="G63870" i="1"/>
  <c r="G63871" i="1"/>
  <c r="G63872" i="1"/>
  <c r="G63873" i="1"/>
  <c r="G63874" i="1"/>
  <c r="G63875" i="1"/>
  <c r="G63876" i="1"/>
  <c r="G63877" i="1"/>
  <c r="G63878" i="1"/>
  <c r="G63879" i="1"/>
  <c r="G63880" i="1"/>
  <c r="G63881" i="1"/>
  <c r="G63882" i="1"/>
  <c r="G63883" i="1"/>
  <c r="G63884" i="1"/>
  <c r="G63885" i="1"/>
  <c r="G63886" i="1"/>
  <c r="G63887" i="1"/>
  <c r="G63888" i="1"/>
  <c r="G63889" i="1"/>
  <c r="G63890" i="1"/>
  <c r="G63891" i="1"/>
  <c r="G63892" i="1"/>
  <c r="G63893" i="1"/>
  <c r="G63894" i="1"/>
  <c r="G63895" i="1"/>
  <c r="G63896" i="1"/>
  <c r="G63897" i="1"/>
  <c r="G63898" i="1"/>
  <c r="G63899" i="1"/>
  <c r="G63900" i="1"/>
  <c r="G63901" i="1"/>
  <c r="G63902" i="1"/>
  <c r="G63903" i="1"/>
  <c r="G63904" i="1"/>
  <c r="G63905" i="1"/>
  <c r="G63906" i="1"/>
  <c r="G63907" i="1"/>
  <c r="G63908" i="1"/>
  <c r="G63909" i="1"/>
  <c r="G63910" i="1"/>
  <c r="G63911" i="1"/>
  <c r="G63912" i="1"/>
  <c r="G63913" i="1"/>
  <c r="G63914" i="1"/>
  <c r="G63915" i="1"/>
  <c r="G63916" i="1"/>
  <c r="G63917" i="1"/>
  <c r="G63918" i="1"/>
  <c r="G63919" i="1"/>
  <c r="G63920" i="1"/>
  <c r="G63921" i="1"/>
  <c r="G63922" i="1"/>
  <c r="G63923" i="1"/>
  <c r="G63924" i="1"/>
  <c r="G63925" i="1"/>
  <c r="G63926" i="1"/>
  <c r="G63927" i="1"/>
  <c r="G63928" i="1"/>
  <c r="G63929" i="1"/>
  <c r="G63930" i="1"/>
  <c r="G63931" i="1"/>
  <c r="G63932" i="1"/>
  <c r="G63933" i="1"/>
  <c r="G63934" i="1"/>
  <c r="G63935" i="1"/>
  <c r="G63936" i="1"/>
  <c r="G63937" i="1"/>
  <c r="G63938" i="1"/>
  <c r="G63939" i="1"/>
  <c r="G63940" i="1"/>
  <c r="G63941" i="1"/>
  <c r="G63942" i="1"/>
  <c r="G63943" i="1"/>
  <c r="G63944" i="1"/>
  <c r="G63945" i="1"/>
  <c r="G63946" i="1"/>
  <c r="G63947" i="1"/>
  <c r="G63948" i="1"/>
  <c r="G63949" i="1"/>
  <c r="G63950" i="1"/>
  <c r="G63951" i="1"/>
  <c r="G63952" i="1"/>
  <c r="G63953" i="1"/>
  <c r="G63954" i="1"/>
  <c r="G63955" i="1"/>
  <c r="G63956" i="1"/>
  <c r="G63957" i="1"/>
  <c r="G63958" i="1"/>
  <c r="G63959" i="1"/>
  <c r="G63960" i="1"/>
  <c r="G63961" i="1"/>
  <c r="G63962" i="1"/>
  <c r="G63963" i="1"/>
  <c r="G63964" i="1"/>
  <c r="G63965" i="1"/>
  <c r="G63966" i="1"/>
  <c r="G63967" i="1"/>
  <c r="G63968" i="1"/>
  <c r="G63969" i="1"/>
  <c r="G63970" i="1"/>
  <c r="G63971" i="1"/>
  <c r="G63972" i="1"/>
  <c r="G63973" i="1"/>
  <c r="G63974" i="1"/>
  <c r="G63975" i="1"/>
  <c r="G63976" i="1"/>
  <c r="G63977" i="1"/>
  <c r="G63978" i="1"/>
  <c r="G63979" i="1"/>
  <c r="G63980" i="1"/>
  <c r="G63981" i="1"/>
  <c r="G63982" i="1"/>
  <c r="G63983" i="1"/>
  <c r="G63984" i="1"/>
  <c r="G63985" i="1"/>
  <c r="G63986" i="1"/>
  <c r="G63987" i="1"/>
  <c r="G63988" i="1"/>
  <c r="G63989" i="1"/>
  <c r="G63990" i="1"/>
  <c r="G63991" i="1"/>
  <c r="G63992" i="1"/>
  <c r="G63993" i="1"/>
  <c r="G63994" i="1"/>
  <c r="G63995" i="1"/>
  <c r="G63996" i="1"/>
  <c r="G63997" i="1"/>
  <c r="G63998" i="1"/>
  <c r="G63999" i="1"/>
  <c r="G64000" i="1"/>
  <c r="G64001" i="1"/>
  <c r="G64002" i="1"/>
  <c r="G64003" i="1"/>
  <c r="G64004" i="1"/>
  <c r="G64005" i="1"/>
  <c r="G64006" i="1"/>
  <c r="G64007" i="1"/>
  <c r="G64008" i="1"/>
  <c r="G64009" i="1"/>
  <c r="G64010" i="1"/>
  <c r="G64011" i="1"/>
  <c r="G64012" i="1"/>
  <c r="G64013" i="1"/>
  <c r="G64014" i="1"/>
  <c r="G64015" i="1"/>
  <c r="G64016" i="1"/>
  <c r="G64017" i="1"/>
  <c r="G64018" i="1"/>
  <c r="G64019" i="1"/>
  <c r="G64020" i="1"/>
  <c r="G64021" i="1"/>
  <c r="G64022" i="1"/>
  <c r="G64023" i="1"/>
  <c r="G64024" i="1"/>
  <c r="G64025" i="1"/>
  <c r="G64026" i="1"/>
  <c r="G64027" i="1"/>
  <c r="G64028" i="1"/>
  <c r="G64029" i="1"/>
  <c r="G64030" i="1"/>
  <c r="G64031" i="1"/>
  <c r="G64032" i="1"/>
  <c r="G64033" i="1"/>
  <c r="G64034" i="1"/>
  <c r="G64035" i="1"/>
  <c r="G64036" i="1"/>
  <c r="G64037" i="1"/>
  <c r="G64038" i="1"/>
  <c r="G64039" i="1"/>
  <c r="G64040" i="1"/>
  <c r="G64041" i="1"/>
  <c r="G64042" i="1"/>
  <c r="G64043" i="1"/>
  <c r="G64044" i="1"/>
  <c r="G64045" i="1"/>
  <c r="G64046" i="1"/>
  <c r="G64047" i="1"/>
  <c r="G64048" i="1"/>
  <c r="G64049" i="1"/>
  <c r="G64050" i="1"/>
  <c r="G64051" i="1"/>
  <c r="G64052" i="1"/>
  <c r="G64053" i="1"/>
  <c r="G64054" i="1"/>
  <c r="G64055" i="1"/>
  <c r="G64056" i="1"/>
  <c r="G64057" i="1"/>
  <c r="G64058" i="1"/>
  <c r="G64059" i="1"/>
  <c r="G64060" i="1"/>
  <c r="G64061" i="1"/>
  <c r="G64062" i="1"/>
  <c r="G64063" i="1"/>
  <c r="G64064" i="1"/>
  <c r="G64065" i="1"/>
  <c r="G64066" i="1"/>
  <c r="G64067" i="1"/>
  <c r="G64068" i="1"/>
  <c r="G64069" i="1"/>
  <c r="G64070" i="1"/>
  <c r="G64071" i="1"/>
  <c r="G64072" i="1"/>
  <c r="G64073" i="1"/>
  <c r="G64074" i="1"/>
  <c r="G64075" i="1"/>
  <c r="G64076" i="1"/>
  <c r="G64077" i="1"/>
  <c r="G64078" i="1"/>
  <c r="G64079" i="1"/>
  <c r="G64080" i="1"/>
  <c r="G64081" i="1"/>
  <c r="G64082" i="1"/>
  <c r="G64083" i="1"/>
  <c r="G64084" i="1"/>
  <c r="G64085" i="1"/>
  <c r="G64086" i="1"/>
  <c r="G64087" i="1"/>
  <c r="G64088" i="1"/>
  <c r="G64089" i="1"/>
  <c r="G64090" i="1"/>
  <c r="G64091" i="1"/>
  <c r="G64092" i="1"/>
  <c r="G64093" i="1"/>
  <c r="G64094" i="1"/>
  <c r="G64095" i="1"/>
  <c r="G64096" i="1"/>
  <c r="G64097" i="1"/>
  <c r="G64098" i="1"/>
  <c r="G64099" i="1"/>
  <c r="G64100" i="1"/>
  <c r="G64101" i="1"/>
  <c r="G64102" i="1"/>
  <c r="G64103" i="1"/>
  <c r="G64104" i="1"/>
  <c r="G64105" i="1"/>
  <c r="G64106" i="1"/>
  <c r="G64107" i="1"/>
  <c r="G64108" i="1"/>
  <c r="G64109" i="1"/>
  <c r="G64110" i="1"/>
  <c r="G64111" i="1"/>
  <c r="G64112" i="1"/>
  <c r="G64113" i="1"/>
  <c r="G64114" i="1"/>
  <c r="G64115" i="1"/>
  <c r="G64116" i="1"/>
  <c r="G64117" i="1"/>
  <c r="G64118" i="1"/>
  <c r="G64119" i="1"/>
  <c r="G64120" i="1"/>
  <c r="G64121" i="1"/>
  <c r="G64122" i="1"/>
  <c r="G64123" i="1"/>
  <c r="G64124" i="1"/>
  <c r="G64125" i="1"/>
  <c r="G64126" i="1"/>
  <c r="G64127" i="1"/>
  <c r="G64128" i="1"/>
  <c r="G64129" i="1"/>
  <c r="G64130" i="1"/>
  <c r="G64131" i="1"/>
  <c r="G64132" i="1"/>
  <c r="G64133" i="1"/>
  <c r="G64134" i="1"/>
  <c r="G64135" i="1"/>
  <c r="G64136" i="1"/>
  <c r="G64137" i="1"/>
  <c r="G64138" i="1"/>
  <c r="G64139" i="1"/>
  <c r="G64140" i="1"/>
  <c r="G64141" i="1"/>
  <c r="G64142" i="1"/>
  <c r="G64143" i="1"/>
  <c r="G64144" i="1"/>
  <c r="G64145" i="1"/>
  <c r="G64146" i="1"/>
  <c r="G64147" i="1"/>
  <c r="G64148" i="1"/>
  <c r="G64149" i="1"/>
  <c r="G64150" i="1"/>
  <c r="G64151" i="1"/>
  <c r="G64152" i="1"/>
  <c r="G64153" i="1"/>
  <c r="G64154" i="1"/>
  <c r="G64155" i="1"/>
  <c r="G64156" i="1"/>
  <c r="G64157" i="1"/>
  <c r="G64158" i="1"/>
  <c r="G64159" i="1"/>
  <c r="G64160" i="1"/>
  <c r="G64161" i="1"/>
  <c r="G64162" i="1"/>
  <c r="G64163" i="1"/>
  <c r="G64164" i="1"/>
  <c r="G64165" i="1"/>
  <c r="G64166" i="1"/>
  <c r="G64167" i="1"/>
  <c r="G64168" i="1"/>
  <c r="G64169" i="1"/>
  <c r="G64170" i="1"/>
  <c r="G64171" i="1"/>
  <c r="G64172" i="1"/>
  <c r="G64173" i="1"/>
  <c r="G64174" i="1"/>
  <c r="G64175" i="1"/>
  <c r="G64176" i="1"/>
  <c r="G64177" i="1"/>
  <c r="G64178" i="1"/>
  <c r="G64179" i="1"/>
  <c r="G64180" i="1"/>
  <c r="G64181" i="1"/>
  <c r="G64182" i="1"/>
  <c r="G64183" i="1"/>
  <c r="G64184" i="1"/>
  <c r="G64185" i="1"/>
  <c r="G64186" i="1"/>
  <c r="G64187" i="1"/>
  <c r="G64188" i="1"/>
  <c r="G64189" i="1"/>
  <c r="G64190" i="1"/>
  <c r="G64191" i="1"/>
  <c r="G64192" i="1"/>
  <c r="G64193" i="1"/>
  <c r="G64194" i="1"/>
  <c r="G64195" i="1"/>
  <c r="G64196" i="1"/>
  <c r="G64197" i="1"/>
  <c r="G64198" i="1"/>
  <c r="G64199" i="1"/>
  <c r="G64200" i="1"/>
  <c r="G64201" i="1"/>
  <c r="G64202" i="1"/>
  <c r="G64203" i="1"/>
  <c r="G64204" i="1"/>
  <c r="G64205" i="1"/>
  <c r="G64206" i="1"/>
  <c r="G64207" i="1"/>
  <c r="G64208" i="1"/>
  <c r="G64209" i="1"/>
  <c r="G64210" i="1"/>
  <c r="G64211" i="1"/>
  <c r="G64212" i="1"/>
  <c r="G64213" i="1"/>
  <c r="G64214" i="1"/>
  <c r="G64215" i="1"/>
  <c r="G64216" i="1"/>
  <c r="G64217" i="1"/>
  <c r="G64218" i="1"/>
  <c r="G64219" i="1"/>
  <c r="G64220" i="1"/>
  <c r="G64221" i="1"/>
  <c r="G64222" i="1"/>
  <c r="G64223" i="1"/>
  <c r="G64224" i="1"/>
  <c r="G64225" i="1"/>
  <c r="G64226" i="1"/>
  <c r="G64227" i="1"/>
  <c r="G64228" i="1"/>
  <c r="G64229" i="1"/>
  <c r="G64230" i="1"/>
  <c r="G64231" i="1"/>
  <c r="G64232" i="1"/>
  <c r="G64233" i="1"/>
  <c r="G64234" i="1"/>
  <c r="G64235" i="1"/>
  <c r="G64236" i="1"/>
  <c r="G64237" i="1"/>
  <c r="G64238" i="1"/>
  <c r="G64239" i="1"/>
  <c r="G64240" i="1"/>
  <c r="G64241" i="1"/>
  <c r="G64242" i="1"/>
  <c r="G64243" i="1"/>
  <c r="G64244" i="1"/>
  <c r="G64245" i="1"/>
  <c r="G64246" i="1"/>
  <c r="G64247" i="1"/>
  <c r="G64248" i="1"/>
  <c r="G64249" i="1"/>
  <c r="G64250" i="1"/>
  <c r="G64251" i="1"/>
  <c r="G64252" i="1"/>
  <c r="G64253" i="1"/>
  <c r="G64254" i="1"/>
  <c r="G64255" i="1"/>
  <c r="G64256" i="1"/>
  <c r="G64257" i="1"/>
  <c r="G64258" i="1"/>
  <c r="G64259" i="1"/>
  <c r="G64260" i="1"/>
  <c r="G64261" i="1"/>
  <c r="G64262" i="1"/>
  <c r="G64263" i="1"/>
  <c r="G64264" i="1"/>
  <c r="G64265" i="1"/>
  <c r="G64266" i="1"/>
  <c r="G64267" i="1"/>
  <c r="G64268" i="1"/>
  <c r="G64269" i="1"/>
  <c r="G64270" i="1"/>
  <c r="G64271" i="1"/>
  <c r="G64272" i="1"/>
  <c r="G64273" i="1"/>
  <c r="G64274" i="1"/>
  <c r="G64275" i="1"/>
  <c r="G64276" i="1"/>
  <c r="G64277" i="1"/>
  <c r="G64278" i="1"/>
  <c r="G64279" i="1"/>
  <c r="G64280" i="1"/>
  <c r="G64281" i="1"/>
  <c r="G64282" i="1"/>
  <c r="G64283" i="1"/>
  <c r="G64284" i="1"/>
  <c r="G64285" i="1"/>
  <c r="G64286" i="1"/>
  <c r="G64287" i="1"/>
  <c r="G64288" i="1"/>
  <c r="G64289" i="1"/>
  <c r="G64290" i="1"/>
  <c r="G64291" i="1"/>
  <c r="G64292" i="1"/>
  <c r="G64293" i="1"/>
  <c r="G64294" i="1"/>
  <c r="G64295" i="1"/>
  <c r="G64296" i="1"/>
  <c r="G64297" i="1"/>
  <c r="G64298" i="1"/>
  <c r="G64299" i="1"/>
  <c r="G64300" i="1"/>
  <c r="G64301" i="1"/>
  <c r="G64302" i="1"/>
  <c r="G64303" i="1"/>
  <c r="G64304" i="1"/>
  <c r="G64305" i="1"/>
  <c r="G64306" i="1"/>
  <c r="G64307" i="1"/>
  <c r="G64308" i="1"/>
  <c r="G64309" i="1"/>
  <c r="G64310" i="1"/>
  <c r="G64311" i="1"/>
  <c r="G64312" i="1"/>
  <c r="G64313" i="1"/>
  <c r="G64314" i="1"/>
  <c r="G64315" i="1"/>
  <c r="G64316" i="1"/>
  <c r="G64317" i="1"/>
  <c r="G64318" i="1"/>
  <c r="G64319" i="1"/>
  <c r="G64320" i="1"/>
  <c r="G64321" i="1"/>
  <c r="G64322" i="1"/>
  <c r="G64323" i="1"/>
  <c r="G64324" i="1"/>
  <c r="G64325" i="1"/>
  <c r="G64326" i="1"/>
  <c r="G64327" i="1"/>
  <c r="G64328" i="1"/>
  <c r="G64329" i="1"/>
  <c r="G64330" i="1"/>
  <c r="G64331" i="1"/>
  <c r="G64332" i="1"/>
  <c r="G64333" i="1"/>
  <c r="G64334" i="1"/>
  <c r="G64335" i="1"/>
  <c r="G64336" i="1"/>
  <c r="G64337" i="1"/>
  <c r="G64338" i="1"/>
  <c r="G64339" i="1"/>
  <c r="G64340" i="1"/>
  <c r="G64341" i="1"/>
  <c r="G64342" i="1"/>
  <c r="G64343" i="1"/>
  <c r="G64344" i="1"/>
  <c r="G64345" i="1"/>
  <c r="G64346" i="1"/>
  <c r="G64347" i="1"/>
  <c r="G64348" i="1"/>
  <c r="G64349" i="1"/>
  <c r="G64350" i="1"/>
  <c r="G64351" i="1"/>
  <c r="G64352" i="1"/>
  <c r="G64353" i="1"/>
  <c r="G64354" i="1"/>
  <c r="G64355" i="1"/>
  <c r="G64356" i="1"/>
  <c r="G64357" i="1"/>
  <c r="G64358" i="1"/>
  <c r="G64359" i="1"/>
  <c r="G64360" i="1"/>
  <c r="G64361" i="1"/>
  <c r="G64362" i="1"/>
  <c r="G64363" i="1"/>
  <c r="G64364" i="1"/>
  <c r="G64365" i="1"/>
  <c r="G64366" i="1"/>
  <c r="G64367" i="1"/>
  <c r="G64368" i="1"/>
  <c r="G64369" i="1"/>
  <c r="G64370" i="1"/>
  <c r="G64371" i="1"/>
  <c r="G64372" i="1"/>
  <c r="G64373" i="1"/>
  <c r="G64374" i="1"/>
  <c r="G64375" i="1"/>
  <c r="G64376" i="1"/>
  <c r="G64377" i="1"/>
  <c r="G64378" i="1"/>
  <c r="G64379" i="1"/>
  <c r="G64380" i="1"/>
  <c r="G64381" i="1"/>
  <c r="G64382" i="1"/>
  <c r="G64383" i="1"/>
  <c r="G64384" i="1"/>
  <c r="G64385" i="1"/>
  <c r="G64386" i="1"/>
  <c r="G64387" i="1"/>
  <c r="G64388" i="1"/>
  <c r="G64389" i="1"/>
  <c r="G64390" i="1"/>
  <c r="G64391" i="1"/>
  <c r="G64392" i="1"/>
  <c r="G64393" i="1"/>
  <c r="G64394" i="1"/>
  <c r="G64395" i="1"/>
  <c r="G64396" i="1"/>
  <c r="G64397" i="1"/>
  <c r="G64398" i="1"/>
  <c r="G64399" i="1"/>
  <c r="G64400" i="1"/>
  <c r="G64401" i="1"/>
  <c r="G64402" i="1"/>
  <c r="G64403" i="1"/>
  <c r="G64404" i="1"/>
  <c r="G64405" i="1"/>
  <c r="G64406" i="1"/>
  <c r="G64407" i="1"/>
  <c r="G64408" i="1"/>
  <c r="G64409" i="1"/>
  <c r="G64410" i="1"/>
  <c r="G64411" i="1"/>
  <c r="G64412" i="1"/>
  <c r="G64413" i="1"/>
  <c r="G64414" i="1"/>
  <c r="G64415" i="1"/>
  <c r="G64416" i="1"/>
  <c r="G64417" i="1"/>
  <c r="G64418" i="1"/>
  <c r="G64419" i="1"/>
  <c r="G64420" i="1"/>
  <c r="G64421" i="1"/>
  <c r="G64422" i="1"/>
  <c r="G64423" i="1"/>
  <c r="G64424" i="1"/>
  <c r="G64425" i="1"/>
  <c r="G64426" i="1"/>
  <c r="G64427" i="1"/>
  <c r="G64428" i="1"/>
  <c r="G64429" i="1"/>
  <c r="G64430" i="1"/>
  <c r="G64431" i="1"/>
  <c r="G64432" i="1"/>
  <c r="G64433" i="1"/>
  <c r="G64434" i="1"/>
  <c r="G64435" i="1"/>
  <c r="G64436" i="1"/>
  <c r="G64437" i="1"/>
  <c r="G64438" i="1"/>
  <c r="G64439" i="1"/>
  <c r="G64440" i="1"/>
  <c r="G64441" i="1"/>
  <c r="G64442" i="1"/>
  <c r="G64443" i="1"/>
  <c r="G64444" i="1"/>
  <c r="G64445" i="1"/>
  <c r="G64446" i="1"/>
  <c r="G64447" i="1"/>
  <c r="G64448" i="1"/>
  <c r="G64449" i="1"/>
  <c r="G64450" i="1"/>
  <c r="G64451" i="1"/>
  <c r="G64452" i="1"/>
  <c r="G64453" i="1"/>
  <c r="G64454" i="1"/>
  <c r="G64455" i="1"/>
  <c r="G64456" i="1"/>
  <c r="G64457" i="1"/>
  <c r="G64458" i="1"/>
  <c r="G64459" i="1"/>
  <c r="G64460" i="1"/>
  <c r="G64461" i="1"/>
  <c r="G64462" i="1"/>
  <c r="G64463" i="1"/>
  <c r="G64464" i="1"/>
  <c r="G64465" i="1"/>
  <c r="G64466" i="1"/>
  <c r="G64467" i="1"/>
  <c r="G64468" i="1"/>
  <c r="G64469" i="1"/>
  <c r="G64470" i="1"/>
  <c r="G64471" i="1"/>
  <c r="G64472" i="1"/>
  <c r="G64473" i="1"/>
  <c r="G64474" i="1"/>
  <c r="G64475" i="1"/>
  <c r="G64476" i="1"/>
  <c r="G64477" i="1"/>
  <c r="G64478" i="1"/>
  <c r="G64479" i="1"/>
  <c r="G64480" i="1"/>
  <c r="G64481" i="1"/>
  <c r="G64482" i="1"/>
  <c r="G64483" i="1"/>
  <c r="G64484" i="1"/>
  <c r="G64485" i="1"/>
  <c r="G64486" i="1"/>
  <c r="G64487" i="1"/>
  <c r="G64488" i="1"/>
  <c r="G64489" i="1"/>
  <c r="G64490" i="1"/>
  <c r="G64491" i="1"/>
  <c r="G64492" i="1"/>
  <c r="G64493" i="1"/>
  <c r="G64494" i="1"/>
  <c r="G64495" i="1"/>
  <c r="G64496" i="1"/>
  <c r="G64497" i="1"/>
  <c r="G64498" i="1"/>
  <c r="G64499" i="1"/>
  <c r="G64500" i="1"/>
  <c r="G64501" i="1"/>
  <c r="G64502" i="1"/>
  <c r="G64503" i="1"/>
  <c r="G64504" i="1"/>
  <c r="G64505" i="1"/>
  <c r="G64506" i="1"/>
  <c r="G64507" i="1"/>
  <c r="G64508" i="1"/>
  <c r="G64509" i="1"/>
  <c r="G64510" i="1"/>
  <c r="G64511" i="1"/>
  <c r="G64512" i="1"/>
  <c r="G64513" i="1"/>
  <c r="G64514" i="1"/>
  <c r="G64515" i="1"/>
  <c r="G64516" i="1"/>
  <c r="G64517" i="1"/>
  <c r="G64518" i="1"/>
  <c r="G64519" i="1"/>
  <c r="G64520" i="1"/>
  <c r="G64521" i="1"/>
  <c r="G64522" i="1"/>
  <c r="G64523" i="1"/>
  <c r="G64524" i="1"/>
  <c r="G64525" i="1"/>
  <c r="G64526" i="1"/>
  <c r="G64527" i="1"/>
  <c r="G64528" i="1"/>
  <c r="G64529" i="1"/>
  <c r="G64530" i="1"/>
  <c r="G64531" i="1"/>
  <c r="G64532" i="1"/>
  <c r="G64533" i="1"/>
  <c r="G64534" i="1"/>
  <c r="G64535" i="1"/>
  <c r="G64536" i="1"/>
  <c r="G64537" i="1"/>
  <c r="G64538" i="1"/>
  <c r="G64539" i="1"/>
  <c r="G64540" i="1"/>
  <c r="G64541" i="1"/>
  <c r="G64542" i="1"/>
  <c r="G64543" i="1"/>
  <c r="G64544" i="1"/>
  <c r="G64545" i="1"/>
  <c r="G64546" i="1"/>
  <c r="G64547" i="1"/>
  <c r="G64548" i="1"/>
  <c r="G64549" i="1"/>
  <c r="G64550" i="1"/>
  <c r="G64551" i="1"/>
  <c r="G64552" i="1"/>
  <c r="G64553" i="1"/>
  <c r="G64554" i="1"/>
  <c r="G64555" i="1"/>
  <c r="G64556" i="1"/>
  <c r="G64557" i="1"/>
  <c r="G64558" i="1"/>
  <c r="G64559" i="1"/>
  <c r="G64560" i="1"/>
  <c r="G64561" i="1"/>
  <c r="G64562" i="1"/>
  <c r="G64563" i="1"/>
  <c r="G64564" i="1"/>
  <c r="G64565" i="1"/>
  <c r="G64566" i="1"/>
  <c r="G64567" i="1"/>
  <c r="G64568" i="1"/>
  <c r="G64569" i="1"/>
  <c r="G64570" i="1"/>
  <c r="G64571" i="1"/>
  <c r="G64572" i="1"/>
  <c r="G64573" i="1"/>
  <c r="G64574" i="1"/>
  <c r="G64575" i="1"/>
  <c r="G64576" i="1"/>
  <c r="G64577" i="1"/>
  <c r="G64578" i="1"/>
  <c r="G64579" i="1"/>
  <c r="G64580" i="1"/>
  <c r="G64581" i="1"/>
  <c r="G64582" i="1"/>
  <c r="G64583" i="1"/>
  <c r="G64584" i="1"/>
  <c r="G64585" i="1"/>
  <c r="G64586" i="1"/>
  <c r="G64587" i="1"/>
  <c r="G64588" i="1"/>
  <c r="G64589" i="1"/>
  <c r="G64590" i="1"/>
  <c r="G64591" i="1"/>
  <c r="G64592" i="1"/>
  <c r="G64593" i="1"/>
  <c r="G64594" i="1"/>
  <c r="G64595" i="1"/>
  <c r="G64596" i="1"/>
  <c r="G64597" i="1"/>
  <c r="G64598" i="1"/>
  <c r="G64599" i="1"/>
  <c r="G64600" i="1"/>
  <c r="G64601" i="1"/>
  <c r="G64602" i="1"/>
  <c r="G64603" i="1"/>
  <c r="G64604" i="1"/>
  <c r="G64605" i="1"/>
  <c r="G64606" i="1"/>
  <c r="G64607" i="1"/>
  <c r="G64608" i="1"/>
  <c r="G64609" i="1"/>
  <c r="G64610" i="1"/>
  <c r="G64611" i="1"/>
  <c r="G64612" i="1"/>
  <c r="G64613" i="1"/>
  <c r="G64614" i="1"/>
  <c r="G64615" i="1"/>
  <c r="G64616" i="1"/>
  <c r="G64617" i="1"/>
  <c r="G64618" i="1"/>
  <c r="G64619" i="1"/>
  <c r="G64620" i="1"/>
  <c r="G64621" i="1"/>
  <c r="G64622" i="1"/>
  <c r="G64623" i="1"/>
  <c r="G64624" i="1"/>
  <c r="G64625" i="1"/>
  <c r="G64626" i="1"/>
  <c r="G64627" i="1"/>
  <c r="G64628" i="1"/>
  <c r="G64629" i="1"/>
  <c r="G64630" i="1"/>
  <c r="G64631" i="1"/>
  <c r="G64632" i="1"/>
  <c r="G64633" i="1"/>
  <c r="G64634" i="1"/>
  <c r="G64635" i="1"/>
  <c r="G64636" i="1"/>
  <c r="G64637" i="1"/>
  <c r="G64638" i="1"/>
  <c r="G64639" i="1"/>
  <c r="G64640" i="1"/>
  <c r="G64641" i="1"/>
  <c r="G64642" i="1"/>
  <c r="G64643" i="1"/>
  <c r="G64644" i="1"/>
  <c r="G64645" i="1"/>
  <c r="G64646" i="1"/>
  <c r="G64647" i="1"/>
  <c r="G64648" i="1"/>
  <c r="G64649" i="1"/>
  <c r="G64650" i="1"/>
  <c r="G64651" i="1"/>
  <c r="G64652" i="1"/>
  <c r="G64653" i="1"/>
  <c r="G64654" i="1"/>
  <c r="G64655" i="1"/>
  <c r="G64656" i="1"/>
  <c r="G64657" i="1"/>
  <c r="G64658" i="1"/>
  <c r="G64659" i="1"/>
  <c r="G64660" i="1"/>
  <c r="G64661" i="1"/>
  <c r="G64662" i="1"/>
  <c r="G64663" i="1"/>
  <c r="G64664" i="1"/>
  <c r="G64665" i="1"/>
  <c r="G64666" i="1"/>
  <c r="G64667" i="1"/>
  <c r="G64668" i="1"/>
  <c r="G64669" i="1"/>
  <c r="G64670" i="1"/>
  <c r="G64671" i="1"/>
  <c r="G64672" i="1"/>
  <c r="G64673" i="1"/>
  <c r="G64674" i="1"/>
  <c r="G64675" i="1"/>
  <c r="G64676" i="1"/>
  <c r="G64677" i="1"/>
  <c r="G64678" i="1"/>
  <c r="G64679" i="1"/>
  <c r="G64680" i="1"/>
  <c r="G64681" i="1"/>
  <c r="G64682" i="1"/>
  <c r="G64683" i="1"/>
  <c r="G64684" i="1"/>
  <c r="G64685" i="1"/>
  <c r="G64686" i="1"/>
  <c r="G64687" i="1"/>
  <c r="G64688" i="1"/>
  <c r="G64689" i="1"/>
  <c r="G64690" i="1"/>
  <c r="G64691" i="1"/>
  <c r="G64692" i="1"/>
  <c r="G64693" i="1"/>
  <c r="G64694" i="1"/>
  <c r="G64695" i="1"/>
  <c r="G64696" i="1"/>
  <c r="G64697" i="1"/>
  <c r="G64698" i="1"/>
  <c r="G64699" i="1"/>
  <c r="G64700" i="1"/>
  <c r="G64701" i="1"/>
  <c r="G64702" i="1"/>
  <c r="G64703" i="1"/>
  <c r="G64704" i="1"/>
  <c r="G64705" i="1"/>
  <c r="G64706" i="1"/>
  <c r="G64707" i="1"/>
  <c r="G64708" i="1"/>
  <c r="G64709" i="1"/>
  <c r="G64710" i="1"/>
  <c r="G64711" i="1"/>
  <c r="G64712" i="1"/>
  <c r="G64713" i="1"/>
  <c r="G64714" i="1"/>
  <c r="G64715" i="1"/>
  <c r="G64716" i="1"/>
  <c r="G64717" i="1"/>
  <c r="G64718" i="1"/>
  <c r="G64719" i="1"/>
  <c r="G64720" i="1"/>
  <c r="G64721" i="1"/>
  <c r="G64722" i="1"/>
  <c r="G64723" i="1"/>
  <c r="G64724" i="1"/>
  <c r="G64725" i="1"/>
  <c r="G64726" i="1"/>
  <c r="G64727" i="1"/>
  <c r="G64728" i="1"/>
  <c r="G64729" i="1"/>
  <c r="G64730" i="1"/>
  <c r="G64731" i="1"/>
  <c r="G64732" i="1"/>
  <c r="G64733" i="1"/>
  <c r="G64734" i="1"/>
  <c r="G64735" i="1"/>
  <c r="G64736" i="1"/>
  <c r="G64737" i="1"/>
  <c r="G64738" i="1"/>
  <c r="G64739" i="1"/>
  <c r="G64740" i="1"/>
  <c r="G64741" i="1"/>
  <c r="G64742" i="1"/>
  <c r="G64743" i="1"/>
  <c r="G64744" i="1"/>
  <c r="G64745" i="1"/>
  <c r="G64746" i="1"/>
  <c r="G64747" i="1"/>
  <c r="G64748" i="1"/>
  <c r="G64749" i="1"/>
  <c r="G64750" i="1"/>
  <c r="G64751" i="1"/>
  <c r="G64752" i="1"/>
  <c r="G64753" i="1"/>
  <c r="G64754" i="1"/>
  <c r="G64755" i="1"/>
  <c r="G64756" i="1"/>
  <c r="G64757" i="1"/>
  <c r="G64758" i="1"/>
  <c r="G64759" i="1"/>
  <c r="G64760" i="1"/>
  <c r="G64761" i="1"/>
  <c r="G64762" i="1"/>
  <c r="G64763" i="1"/>
  <c r="G64764" i="1"/>
  <c r="G64765" i="1"/>
  <c r="G64766" i="1"/>
  <c r="G64767" i="1"/>
  <c r="G64768" i="1"/>
  <c r="G64769" i="1"/>
  <c r="G64770" i="1"/>
  <c r="G64771" i="1"/>
  <c r="G64772" i="1"/>
  <c r="G64773" i="1"/>
  <c r="G64774" i="1"/>
  <c r="G64775" i="1"/>
  <c r="G64776" i="1"/>
  <c r="G64777" i="1"/>
  <c r="G64778" i="1"/>
  <c r="G64779" i="1"/>
  <c r="G64780" i="1"/>
  <c r="G64781" i="1"/>
  <c r="G64782" i="1"/>
  <c r="G64783" i="1"/>
  <c r="G64784" i="1"/>
  <c r="G64785" i="1"/>
  <c r="G64786" i="1"/>
  <c r="G64787" i="1"/>
  <c r="G64788" i="1"/>
  <c r="G64789" i="1"/>
  <c r="G64790" i="1"/>
  <c r="G64791" i="1"/>
  <c r="G64792" i="1"/>
  <c r="G64793" i="1"/>
  <c r="G64794" i="1"/>
  <c r="G64795" i="1"/>
  <c r="G64796" i="1"/>
  <c r="G64797" i="1"/>
  <c r="G64798" i="1"/>
  <c r="G64799" i="1"/>
  <c r="G64800" i="1"/>
  <c r="G64801" i="1"/>
  <c r="G64802" i="1"/>
  <c r="G64803" i="1"/>
  <c r="G64804" i="1"/>
  <c r="G64805" i="1"/>
  <c r="G64806" i="1"/>
  <c r="G64807" i="1"/>
  <c r="G64808" i="1"/>
  <c r="G64809" i="1"/>
  <c r="G64810" i="1"/>
  <c r="G64811" i="1"/>
  <c r="G64812" i="1"/>
  <c r="G64813" i="1"/>
  <c r="G64814" i="1"/>
  <c r="G64815" i="1"/>
  <c r="G64816" i="1"/>
  <c r="G64817" i="1"/>
  <c r="G64818" i="1"/>
  <c r="G64819" i="1"/>
  <c r="G64820" i="1"/>
  <c r="G64821" i="1"/>
  <c r="G64822" i="1"/>
  <c r="G64823" i="1"/>
  <c r="G64824" i="1"/>
  <c r="G64825" i="1"/>
  <c r="G64826" i="1"/>
  <c r="G64827" i="1"/>
  <c r="G64828" i="1"/>
  <c r="G64829" i="1"/>
  <c r="G64830" i="1"/>
  <c r="G64831" i="1"/>
  <c r="G64832" i="1"/>
  <c r="G64833" i="1"/>
  <c r="G64834" i="1"/>
  <c r="G64835" i="1"/>
  <c r="G64836" i="1"/>
  <c r="G64837" i="1"/>
  <c r="G64838" i="1"/>
  <c r="G64839" i="1"/>
  <c r="G64840" i="1"/>
  <c r="G64841" i="1"/>
  <c r="G64842" i="1"/>
  <c r="G64843" i="1"/>
  <c r="G64844" i="1"/>
  <c r="G64845" i="1"/>
  <c r="G64846" i="1"/>
  <c r="G64847" i="1"/>
  <c r="G64848" i="1"/>
  <c r="G64849" i="1"/>
  <c r="G64850" i="1"/>
  <c r="G64851" i="1"/>
  <c r="G64852" i="1"/>
  <c r="G64853" i="1"/>
  <c r="G64854" i="1"/>
  <c r="G64855" i="1"/>
  <c r="G64856" i="1"/>
  <c r="G64857" i="1"/>
  <c r="G64858" i="1"/>
  <c r="G64859" i="1"/>
  <c r="G64860" i="1"/>
  <c r="G64861" i="1"/>
  <c r="G64862" i="1"/>
  <c r="G64863" i="1"/>
  <c r="G64864" i="1"/>
  <c r="G64865" i="1"/>
  <c r="G64866" i="1"/>
  <c r="G64867" i="1"/>
  <c r="G64868" i="1"/>
  <c r="G64869" i="1"/>
  <c r="G64870" i="1"/>
  <c r="G64871" i="1"/>
  <c r="G64872" i="1"/>
  <c r="G64873" i="1"/>
  <c r="G64874" i="1"/>
  <c r="G64875" i="1"/>
  <c r="G64876" i="1"/>
  <c r="G64877" i="1"/>
  <c r="G64878" i="1"/>
  <c r="G64879" i="1"/>
  <c r="G64880" i="1"/>
  <c r="G64881" i="1"/>
  <c r="G64882" i="1"/>
  <c r="G64883" i="1"/>
  <c r="G64884" i="1"/>
  <c r="G64885" i="1"/>
  <c r="G64886" i="1"/>
  <c r="G64887" i="1"/>
  <c r="G64888" i="1"/>
  <c r="G64889" i="1"/>
  <c r="G64890" i="1"/>
  <c r="G64891" i="1"/>
  <c r="G64892" i="1"/>
  <c r="G64893" i="1"/>
  <c r="G64894" i="1"/>
  <c r="G64895" i="1"/>
  <c r="G64896" i="1"/>
  <c r="G64897" i="1"/>
  <c r="G64898" i="1"/>
  <c r="G64899" i="1"/>
  <c r="G64900" i="1"/>
  <c r="G64901" i="1"/>
  <c r="G64902" i="1"/>
  <c r="G64903" i="1"/>
  <c r="G64904" i="1"/>
  <c r="G64905" i="1"/>
  <c r="G64906" i="1"/>
  <c r="G64907" i="1"/>
  <c r="G64908" i="1"/>
  <c r="G64909" i="1"/>
  <c r="G64910" i="1"/>
  <c r="G64911" i="1"/>
  <c r="G64912" i="1"/>
  <c r="G64913" i="1"/>
  <c r="G64914" i="1"/>
  <c r="G64915" i="1"/>
  <c r="G64916" i="1"/>
  <c r="G64917" i="1"/>
  <c r="G64918" i="1"/>
  <c r="G64919" i="1"/>
  <c r="G64920" i="1"/>
  <c r="G64921" i="1"/>
  <c r="G64922" i="1"/>
  <c r="G64923" i="1"/>
  <c r="G64924" i="1"/>
  <c r="G64925" i="1"/>
  <c r="G64926" i="1"/>
  <c r="G64927" i="1"/>
  <c r="G64928" i="1"/>
  <c r="G64929" i="1"/>
  <c r="G64930" i="1"/>
  <c r="G64931" i="1"/>
  <c r="G64932" i="1"/>
  <c r="G64933" i="1"/>
  <c r="G64934" i="1"/>
  <c r="G64935" i="1"/>
  <c r="G64936" i="1"/>
  <c r="G64937" i="1"/>
  <c r="G64938" i="1"/>
  <c r="G64939" i="1"/>
  <c r="G64940" i="1"/>
  <c r="G64941" i="1"/>
  <c r="G64942" i="1"/>
  <c r="G64943" i="1"/>
  <c r="G64944" i="1"/>
  <c r="G64945" i="1"/>
  <c r="G64946" i="1"/>
  <c r="G64947" i="1"/>
  <c r="G64948" i="1"/>
  <c r="G64949" i="1"/>
  <c r="G64950" i="1"/>
  <c r="G64951" i="1"/>
  <c r="G64952" i="1"/>
  <c r="G64953" i="1"/>
  <c r="G64954" i="1"/>
  <c r="G64955" i="1"/>
  <c r="G64956" i="1"/>
  <c r="G64957" i="1"/>
  <c r="G64958" i="1"/>
  <c r="G64959" i="1"/>
  <c r="G64960" i="1"/>
  <c r="G64961" i="1"/>
  <c r="G64962" i="1"/>
  <c r="G64963" i="1"/>
  <c r="G64964" i="1"/>
  <c r="G64965" i="1"/>
  <c r="G64966" i="1"/>
  <c r="G64967" i="1"/>
  <c r="G64968" i="1"/>
  <c r="G64969" i="1"/>
  <c r="G64970" i="1"/>
  <c r="G64971" i="1"/>
  <c r="G64972" i="1"/>
  <c r="G64973" i="1"/>
  <c r="G64974" i="1"/>
  <c r="G64975" i="1"/>
  <c r="G64976" i="1"/>
  <c r="G64977" i="1"/>
  <c r="G64978" i="1"/>
  <c r="G64979" i="1"/>
  <c r="G64980" i="1"/>
  <c r="G64981" i="1"/>
  <c r="G64982" i="1"/>
  <c r="G64983" i="1"/>
  <c r="G64984" i="1"/>
  <c r="G64985" i="1"/>
  <c r="G64986" i="1"/>
  <c r="G64987" i="1"/>
  <c r="G64988" i="1"/>
  <c r="G64989" i="1"/>
  <c r="G64990" i="1"/>
  <c r="G64991" i="1"/>
  <c r="G64992" i="1"/>
  <c r="G64993" i="1"/>
  <c r="G64994" i="1"/>
  <c r="G64995" i="1"/>
  <c r="G64996" i="1"/>
  <c r="G64997" i="1"/>
  <c r="G64998" i="1"/>
  <c r="G64999" i="1"/>
  <c r="G65000" i="1"/>
  <c r="G65001" i="1"/>
  <c r="G65002" i="1"/>
  <c r="G65003" i="1"/>
  <c r="G65004" i="1"/>
  <c r="G65005" i="1"/>
  <c r="G65006" i="1"/>
  <c r="G65007" i="1"/>
  <c r="G65008" i="1"/>
  <c r="G65009" i="1"/>
  <c r="G65010" i="1"/>
  <c r="G65011" i="1"/>
  <c r="G65012" i="1"/>
  <c r="G65013" i="1"/>
  <c r="G65014" i="1"/>
  <c r="G65015" i="1"/>
  <c r="G65016" i="1"/>
  <c r="G65017" i="1"/>
  <c r="G65018" i="1"/>
  <c r="G65019" i="1"/>
  <c r="G65020" i="1"/>
  <c r="G65021" i="1"/>
  <c r="G65022" i="1"/>
  <c r="G65023" i="1"/>
  <c r="G65024" i="1"/>
  <c r="G65025" i="1"/>
  <c r="G65026" i="1"/>
  <c r="G65027" i="1"/>
  <c r="G65028" i="1"/>
  <c r="G65029" i="1"/>
  <c r="G65030" i="1"/>
  <c r="G65031" i="1"/>
  <c r="G65032" i="1"/>
  <c r="G65033" i="1"/>
  <c r="G65034" i="1"/>
  <c r="G65035" i="1"/>
  <c r="G65036" i="1"/>
  <c r="G65037" i="1"/>
  <c r="G65038" i="1"/>
  <c r="G65039" i="1"/>
  <c r="G65040" i="1"/>
  <c r="G65041" i="1"/>
  <c r="G65042" i="1"/>
  <c r="G65043" i="1"/>
  <c r="G65044" i="1"/>
  <c r="G65045" i="1"/>
  <c r="G65046" i="1"/>
  <c r="G65047" i="1"/>
  <c r="G65048" i="1"/>
  <c r="G65049" i="1"/>
  <c r="G65050" i="1"/>
  <c r="G65051" i="1"/>
  <c r="G65052" i="1"/>
  <c r="G65053" i="1"/>
  <c r="G65054" i="1"/>
  <c r="G65055" i="1"/>
  <c r="G65056" i="1"/>
  <c r="G65057" i="1"/>
  <c r="G65058" i="1"/>
  <c r="G65059" i="1"/>
  <c r="G65060" i="1"/>
  <c r="G65061" i="1"/>
  <c r="G65062" i="1"/>
  <c r="G65063" i="1"/>
  <c r="G65064" i="1"/>
  <c r="G65065" i="1"/>
  <c r="G65066" i="1"/>
  <c r="G65067" i="1"/>
  <c r="G65068" i="1"/>
  <c r="G65069" i="1"/>
  <c r="G65070" i="1"/>
  <c r="G65071" i="1"/>
  <c r="G65072" i="1"/>
  <c r="G65073" i="1"/>
  <c r="G65074" i="1"/>
  <c r="G65075" i="1"/>
  <c r="G65076" i="1"/>
  <c r="G65077" i="1"/>
  <c r="G65078" i="1"/>
  <c r="G65079" i="1"/>
  <c r="G65080" i="1"/>
  <c r="G65081" i="1"/>
  <c r="G65082" i="1"/>
  <c r="G65083" i="1"/>
  <c r="G65084" i="1"/>
  <c r="G65085" i="1"/>
  <c r="G65086" i="1"/>
  <c r="G65087" i="1"/>
  <c r="G65088" i="1"/>
  <c r="G65089" i="1"/>
  <c r="G65090" i="1"/>
  <c r="G65091" i="1"/>
  <c r="G65092" i="1"/>
  <c r="G65093" i="1"/>
  <c r="G65094" i="1"/>
  <c r="G65095" i="1"/>
  <c r="G65096" i="1"/>
  <c r="G65097" i="1"/>
  <c r="G65098" i="1"/>
  <c r="G65099" i="1"/>
  <c r="G65100" i="1"/>
  <c r="G65101" i="1"/>
  <c r="G65102" i="1"/>
  <c r="G65103" i="1"/>
  <c r="G65104" i="1"/>
  <c r="G65105" i="1"/>
  <c r="G65106" i="1"/>
  <c r="G65107" i="1"/>
  <c r="G65108" i="1"/>
  <c r="G65109" i="1"/>
  <c r="G65110" i="1"/>
  <c r="G65111" i="1"/>
  <c r="G65112" i="1"/>
  <c r="G65113" i="1"/>
  <c r="G65114" i="1"/>
  <c r="G65115" i="1"/>
  <c r="G65116" i="1"/>
  <c r="G65117" i="1"/>
  <c r="G65118" i="1"/>
  <c r="G65119" i="1"/>
  <c r="G65120" i="1"/>
  <c r="G65121" i="1"/>
  <c r="G65122" i="1"/>
  <c r="G65123" i="1"/>
  <c r="G65124" i="1"/>
  <c r="G65125" i="1"/>
  <c r="G65126" i="1"/>
  <c r="G65127" i="1"/>
  <c r="G65128" i="1"/>
  <c r="G65129" i="1"/>
  <c r="G65130" i="1"/>
  <c r="G65131" i="1"/>
  <c r="G65132" i="1"/>
  <c r="G65133" i="1"/>
  <c r="G65134" i="1"/>
  <c r="G65135" i="1"/>
  <c r="G65136" i="1"/>
  <c r="G65137" i="1"/>
  <c r="G65138" i="1"/>
  <c r="G65139" i="1"/>
  <c r="G65140" i="1"/>
  <c r="G65141" i="1"/>
  <c r="G65142" i="1"/>
  <c r="G65143" i="1"/>
  <c r="G65144" i="1"/>
  <c r="G65145" i="1"/>
  <c r="G65146" i="1"/>
  <c r="G65147" i="1"/>
  <c r="G65148" i="1"/>
  <c r="G65149" i="1"/>
  <c r="G65150" i="1"/>
  <c r="G65151" i="1"/>
  <c r="G65152" i="1"/>
  <c r="G65153" i="1"/>
  <c r="G65154" i="1"/>
  <c r="G65155" i="1"/>
  <c r="G65156" i="1"/>
  <c r="G65157" i="1"/>
  <c r="G65158" i="1"/>
  <c r="G65159" i="1"/>
  <c r="G65160" i="1"/>
  <c r="G65161" i="1"/>
  <c r="G65162" i="1"/>
  <c r="G65163" i="1"/>
  <c r="G65164" i="1"/>
  <c r="G65165" i="1"/>
  <c r="G65166" i="1"/>
  <c r="G65167" i="1"/>
  <c r="G65168" i="1"/>
  <c r="G65169" i="1"/>
  <c r="G65170" i="1"/>
  <c r="G65171" i="1"/>
  <c r="G65172" i="1"/>
  <c r="G65173" i="1"/>
  <c r="G65174" i="1"/>
  <c r="G65175" i="1"/>
  <c r="G65176" i="1"/>
  <c r="G65177" i="1"/>
  <c r="G65178" i="1"/>
  <c r="G65179" i="1"/>
  <c r="G65180" i="1"/>
  <c r="G65181" i="1"/>
  <c r="G65182" i="1"/>
  <c r="G65183" i="1"/>
  <c r="G65184" i="1"/>
  <c r="G65185" i="1"/>
  <c r="G65186" i="1"/>
  <c r="G65187" i="1"/>
  <c r="G65188" i="1"/>
  <c r="G65189" i="1"/>
  <c r="G65190" i="1"/>
  <c r="G65191" i="1"/>
  <c r="G65192" i="1"/>
  <c r="G65193" i="1"/>
  <c r="G65194" i="1"/>
  <c r="G65195" i="1"/>
  <c r="G65196" i="1"/>
  <c r="G65197" i="1"/>
  <c r="G65198" i="1"/>
  <c r="G65199" i="1"/>
  <c r="G65200" i="1"/>
  <c r="G65201" i="1"/>
  <c r="G65202" i="1"/>
  <c r="G65203" i="1"/>
  <c r="G65204" i="1"/>
  <c r="G65205" i="1"/>
  <c r="G65206" i="1"/>
  <c r="G65207" i="1"/>
  <c r="G65208" i="1"/>
  <c r="G65209" i="1"/>
  <c r="G65210" i="1"/>
  <c r="G65211" i="1"/>
  <c r="G65212" i="1"/>
  <c r="G65213" i="1"/>
  <c r="G65214" i="1"/>
  <c r="G65215" i="1"/>
  <c r="G65216" i="1"/>
  <c r="G65217" i="1"/>
  <c r="G65218" i="1"/>
  <c r="G65219" i="1"/>
  <c r="G65220" i="1"/>
  <c r="G65221" i="1"/>
  <c r="G65222" i="1"/>
  <c r="G65223" i="1"/>
  <c r="G65224" i="1"/>
  <c r="G65225" i="1"/>
  <c r="G65226" i="1"/>
  <c r="G65227" i="1"/>
  <c r="G65228" i="1"/>
  <c r="G65229" i="1"/>
  <c r="G65230" i="1"/>
  <c r="G65231" i="1"/>
  <c r="G65232" i="1"/>
  <c r="G65233" i="1"/>
  <c r="G65234" i="1"/>
  <c r="G65235" i="1"/>
  <c r="G65236" i="1"/>
  <c r="G65237" i="1"/>
  <c r="G65238" i="1"/>
  <c r="G65239" i="1"/>
  <c r="G65240" i="1"/>
  <c r="G65241" i="1"/>
  <c r="G65242" i="1"/>
  <c r="G65243" i="1"/>
  <c r="G65244" i="1"/>
  <c r="G65245" i="1"/>
  <c r="G65246" i="1"/>
  <c r="G65247" i="1"/>
  <c r="G65248" i="1"/>
  <c r="G65249" i="1"/>
  <c r="G65250" i="1"/>
  <c r="G65251" i="1"/>
  <c r="G65252" i="1"/>
  <c r="G65253" i="1"/>
  <c r="G65254" i="1"/>
  <c r="G65255" i="1"/>
  <c r="G65256" i="1"/>
  <c r="G65257" i="1"/>
  <c r="G65258" i="1"/>
  <c r="G65259" i="1"/>
  <c r="G65260" i="1"/>
  <c r="G65261" i="1"/>
  <c r="G65262" i="1"/>
  <c r="G65263" i="1"/>
  <c r="G65264" i="1"/>
  <c r="G65265" i="1"/>
  <c r="G65266" i="1"/>
  <c r="G65267" i="1"/>
  <c r="G65268" i="1"/>
  <c r="G65269" i="1"/>
  <c r="G65270" i="1"/>
  <c r="G65271" i="1"/>
  <c r="G65272" i="1"/>
  <c r="G65273" i="1"/>
  <c r="G65274" i="1"/>
  <c r="G65275" i="1"/>
  <c r="G65276" i="1"/>
  <c r="G65277" i="1"/>
  <c r="G65278" i="1"/>
  <c r="G65279" i="1"/>
  <c r="G65280" i="1"/>
  <c r="G65281" i="1"/>
  <c r="G65282" i="1"/>
  <c r="G65283" i="1"/>
  <c r="G65284" i="1"/>
  <c r="G65285" i="1"/>
  <c r="G65286" i="1"/>
  <c r="G65287" i="1"/>
  <c r="G65288" i="1"/>
  <c r="G65289" i="1"/>
  <c r="G65290" i="1"/>
  <c r="G65291" i="1"/>
  <c r="G65292" i="1"/>
  <c r="G65293" i="1"/>
  <c r="G65294" i="1"/>
  <c r="G65295" i="1"/>
  <c r="G65296" i="1"/>
  <c r="G65297" i="1"/>
  <c r="G65298" i="1"/>
  <c r="G65299" i="1"/>
  <c r="G65300" i="1"/>
  <c r="G65301" i="1"/>
  <c r="G65302" i="1"/>
  <c r="G65303" i="1"/>
  <c r="G65304" i="1"/>
  <c r="G65305" i="1"/>
  <c r="G65306" i="1"/>
  <c r="G65307" i="1"/>
  <c r="G65308" i="1"/>
  <c r="G65309" i="1"/>
  <c r="G65310" i="1"/>
  <c r="G65311" i="1"/>
  <c r="G65312" i="1"/>
  <c r="G65313" i="1"/>
  <c r="G65314" i="1"/>
  <c r="G65315" i="1"/>
  <c r="G65316" i="1"/>
  <c r="G65317" i="1"/>
  <c r="G65318" i="1"/>
  <c r="G65319" i="1"/>
  <c r="G65320" i="1"/>
  <c r="G65321" i="1"/>
  <c r="G65322" i="1"/>
  <c r="G65323" i="1"/>
  <c r="G65324" i="1"/>
  <c r="G65325" i="1"/>
  <c r="G65326" i="1"/>
  <c r="G65327" i="1"/>
  <c r="G65328" i="1"/>
  <c r="G65329" i="1"/>
  <c r="G65330" i="1"/>
  <c r="G65331" i="1"/>
  <c r="G65332" i="1"/>
  <c r="G65333" i="1"/>
  <c r="G65334" i="1"/>
  <c r="G65335" i="1"/>
  <c r="G65336" i="1"/>
  <c r="G65337" i="1"/>
  <c r="G65338" i="1"/>
  <c r="G65339" i="1"/>
  <c r="G65340" i="1"/>
  <c r="G65341" i="1"/>
  <c r="G65342" i="1"/>
  <c r="G65343" i="1"/>
  <c r="G65344" i="1"/>
  <c r="G65345" i="1"/>
  <c r="G65346" i="1"/>
  <c r="G65347" i="1"/>
  <c r="G65348" i="1"/>
  <c r="G65349" i="1"/>
  <c r="G65350" i="1"/>
  <c r="G65351" i="1"/>
  <c r="G65352" i="1"/>
  <c r="G65353" i="1"/>
  <c r="G65354" i="1"/>
  <c r="G65355" i="1"/>
  <c r="G65356" i="1"/>
  <c r="G65357" i="1"/>
  <c r="G65358" i="1"/>
  <c r="G65359" i="1"/>
  <c r="G65360" i="1"/>
  <c r="G65361" i="1"/>
  <c r="G65362" i="1"/>
  <c r="G65363" i="1"/>
  <c r="G65364" i="1"/>
  <c r="G65365" i="1"/>
  <c r="G65366" i="1"/>
  <c r="G65367" i="1"/>
  <c r="G65368" i="1"/>
  <c r="G65369" i="1"/>
  <c r="G65370" i="1"/>
  <c r="G65371" i="1"/>
  <c r="G65372" i="1"/>
  <c r="G65373" i="1"/>
  <c r="G65374" i="1"/>
  <c r="G65375" i="1"/>
  <c r="G65376" i="1"/>
  <c r="G65377" i="1"/>
  <c r="G65378" i="1"/>
  <c r="G65379" i="1"/>
  <c r="G65380" i="1"/>
  <c r="G65381" i="1"/>
  <c r="G65382" i="1"/>
  <c r="G65383" i="1"/>
  <c r="G65384" i="1"/>
  <c r="G65385" i="1"/>
  <c r="G65386" i="1"/>
  <c r="G65387" i="1"/>
  <c r="G65388" i="1"/>
  <c r="G65389" i="1"/>
  <c r="G65390" i="1"/>
  <c r="G65391" i="1"/>
  <c r="G65392" i="1"/>
  <c r="G65393" i="1"/>
  <c r="G65394" i="1"/>
  <c r="G65395" i="1"/>
  <c r="G65396" i="1"/>
  <c r="G65397" i="1"/>
  <c r="G65398" i="1"/>
  <c r="G65399" i="1"/>
  <c r="G65400" i="1"/>
  <c r="G65401" i="1"/>
  <c r="G65402" i="1"/>
  <c r="G65403" i="1"/>
  <c r="G65404" i="1"/>
  <c r="G65405" i="1"/>
  <c r="G65406" i="1"/>
  <c r="G65407" i="1"/>
  <c r="G65408" i="1"/>
  <c r="G65409" i="1"/>
  <c r="G65410" i="1"/>
  <c r="G65411" i="1"/>
  <c r="G65412" i="1"/>
  <c r="G65413" i="1"/>
  <c r="G65414" i="1"/>
  <c r="G65415" i="1"/>
  <c r="G65416" i="1"/>
  <c r="G65417" i="1"/>
  <c r="G65418" i="1"/>
  <c r="G65419" i="1"/>
  <c r="G65420" i="1"/>
  <c r="G65421" i="1"/>
  <c r="G65422" i="1"/>
  <c r="G65423" i="1"/>
  <c r="G65424" i="1"/>
  <c r="G65425" i="1"/>
  <c r="G65426" i="1"/>
  <c r="G65427" i="1"/>
  <c r="G65428" i="1"/>
  <c r="G65429" i="1"/>
  <c r="G65430" i="1"/>
  <c r="G65431" i="1"/>
  <c r="G65432" i="1"/>
  <c r="G65433" i="1"/>
  <c r="G65434" i="1"/>
  <c r="G65435" i="1"/>
  <c r="G65436" i="1"/>
  <c r="G65437" i="1"/>
  <c r="G65438" i="1"/>
  <c r="G65439" i="1"/>
  <c r="G65440" i="1"/>
  <c r="G65441" i="1"/>
  <c r="G65442" i="1"/>
  <c r="G65443" i="1"/>
  <c r="G65444" i="1"/>
  <c r="G65445" i="1"/>
  <c r="G65446" i="1"/>
  <c r="G65447" i="1"/>
  <c r="G65448" i="1"/>
  <c r="G65449" i="1"/>
  <c r="G65450" i="1"/>
  <c r="G65451" i="1"/>
  <c r="G65452" i="1"/>
  <c r="G65453" i="1"/>
  <c r="G65454" i="1"/>
  <c r="G65455" i="1"/>
  <c r="G65456" i="1"/>
  <c r="G65457" i="1"/>
  <c r="G65458" i="1"/>
  <c r="G65459" i="1"/>
  <c r="G65460" i="1"/>
  <c r="G65461" i="1"/>
  <c r="G65462" i="1"/>
  <c r="G65463" i="1"/>
  <c r="G65464" i="1"/>
  <c r="G65465" i="1"/>
  <c r="G65466" i="1"/>
  <c r="G65467" i="1"/>
  <c r="G65468" i="1"/>
  <c r="G65469" i="1"/>
  <c r="G65470" i="1"/>
  <c r="G65471" i="1"/>
  <c r="G65472" i="1"/>
  <c r="G65473" i="1"/>
  <c r="G65474" i="1"/>
  <c r="G65475" i="1"/>
  <c r="G65476" i="1"/>
  <c r="G65477" i="1"/>
  <c r="G65478" i="1"/>
  <c r="G65479" i="1"/>
  <c r="G65480" i="1"/>
  <c r="G65481" i="1"/>
  <c r="G65482" i="1"/>
  <c r="G65483" i="1"/>
  <c r="G65484" i="1"/>
  <c r="G65485" i="1"/>
  <c r="G65486" i="1"/>
  <c r="G65487" i="1"/>
  <c r="G65488" i="1"/>
  <c r="G65489" i="1"/>
  <c r="G65490" i="1"/>
  <c r="G65491" i="1"/>
  <c r="G65492" i="1"/>
  <c r="G65493" i="1"/>
  <c r="G65494" i="1"/>
  <c r="G65495" i="1"/>
  <c r="G65496" i="1"/>
  <c r="G65497" i="1"/>
  <c r="G65498" i="1"/>
  <c r="G65499" i="1"/>
  <c r="G65500" i="1"/>
  <c r="G65501" i="1"/>
  <c r="G65502" i="1"/>
  <c r="G65503" i="1"/>
  <c r="G65504" i="1"/>
  <c r="G65505" i="1"/>
  <c r="G65506" i="1"/>
  <c r="G65507" i="1"/>
  <c r="G65508" i="1"/>
  <c r="G65509" i="1"/>
  <c r="G65510" i="1"/>
  <c r="G65511" i="1"/>
  <c r="G65512" i="1"/>
  <c r="G65513" i="1"/>
  <c r="G65514" i="1"/>
  <c r="G65515" i="1"/>
  <c r="G65516" i="1"/>
  <c r="G65517" i="1"/>
  <c r="G65518" i="1"/>
  <c r="G65519" i="1"/>
  <c r="G65520" i="1"/>
  <c r="G65521" i="1"/>
  <c r="G65522" i="1"/>
  <c r="G65523" i="1"/>
  <c r="G65524" i="1"/>
  <c r="G65525" i="1"/>
  <c r="G65526" i="1"/>
  <c r="G65527" i="1"/>
  <c r="G65528" i="1"/>
  <c r="G65529" i="1"/>
  <c r="G65530" i="1"/>
  <c r="G65531" i="1"/>
  <c r="G65532" i="1"/>
  <c r="G65533" i="1"/>
  <c r="G65534" i="1"/>
  <c r="G65535" i="1"/>
  <c r="G65536" i="1"/>
  <c r="G65537" i="1"/>
  <c r="G65538" i="1"/>
  <c r="G65539" i="1"/>
  <c r="G65540" i="1"/>
  <c r="G65541" i="1"/>
  <c r="G65542" i="1"/>
  <c r="G65543" i="1"/>
  <c r="G65544" i="1"/>
  <c r="G65545" i="1"/>
  <c r="G65546" i="1"/>
  <c r="G65547" i="1"/>
  <c r="G65548" i="1"/>
  <c r="G65549" i="1"/>
  <c r="G65550" i="1"/>
  <c r="G65551" i="1"/>
  <c r="G65552" i="1"/>
  <c r="G65553" i="1"/>
  <c r="G65554" i="1"/>
  <c r="G65555" i="1"/>
  <c r="G65556" i="1"/>
  <c r="G65557" i="1"/>
  <c r="G65558" i="1"/>
  <c r="G65559" i="1"/>
  <c r="G65560" i="1"/>
  <c r="G65561" i="1"/>
  <c r="G65562" i="1"/>
  <c r="G65563" i="1"/>
  <c r="G65564" i="1"/>
  <c r="G65565" i="1"/>
  <c r="G65566" i="1"/>
  <c r="G65567" i="1"/>
  <c r="G65568" i="1"/>
  <c r="G65569" i="1"/>
  <c r="G65570" i="1"/>
  <c r="G65571" i="1"/>
  <c r="G65572" i="1"/>
  <c r="G65573" i="1"/>
  <c r="G65574" i="1"/>
  <c r="G65575" i="1"/>
  <c r="G65576" i="1"/>
  <c r="G65577" i="1"/>
  <c r="G65578" i="1"/>
  <c r="G65579" i="1"/>
  <c r="G65580" i="1"/>
  <c r="G65581" i="1"/>
  <c r="G65582" i="1"/>
  <c r="G65583" i="1"/>
  <c r="G65584" i="1"/>
  <c r="G65585" i="1"/>
  <c r="G65586" i="1"/>
  <c r="G65587" i="1"/>
  <c r="G65588" i="1"/>
  <c r="G65589" i="1"/>
  <c r="G65590" i="1"/>
  <c r="G65591" i="1"/>
  <c r="G65592" i="1"/>
  <c r="G65593" i="1"/>
  <c r="G65594" i="1"/>
  <c r="G65595" i="1"/>
  <c r="G65596" i="1"/>
  <c r="G65597" i="1"/>
  <c r="G65598" i="1"/>
  <c r="G65599" i="1"/>
  <c r="G65600" i="1"/>
  <c r="G65601" i="1"/>
  <c r="G65602" i="1"/>
  <c r="G65603" i="1"/>
  <c r="G65604" i="1"/>
  <c r="G65605" i="1"/>
  <c r="G65606" i="1"/>
  <c r="G65607" i="1"/>
  <c r="G65608" i="1"/>
  <c r="G65609" i="1"/>
  <c r="G65610" i="1"/>
  <c r="G65611" i="1"/>
  <c r="G65612" i="1"/>
  <c r="G65613" i="1"/>
  <c r="G65614" i="1"/>
  <c r="G65615" i="1"/>
  <c r="G65616" i="1"/>
  <c r="G65617" i="1"/>
  <c r="G65618" i="1"/>
  <c r="G65619" i="1"/>
  <c r="G65620" i="1"/>
  <c r="G65621" i="1"/>
  <c r="G65622" i="1"/>
  <c r="G65623" i="1"/>
  <c r="G65624" i="1"/>
  <c r="G65625" i="1"/>
  <c r="G65626" i="1"/>
  <c r="G65627" i="1"/>
  <c r="G65628" i="1"/>
  <c r="G65629" i="1"/>
  <c r="G65630" i="1"/>
  <c r="G65631" i="1"/>
  <c r="G65632" i="1"/>
  <c r="G65633" i="1"/>
  <c r="G65634" i="1"/>
  <c r="G65635" i="1"/>
  <c r="G65636" i="1"/>
  <c r="G65637" i="1"/>
  <c r="G65638" i="1"/>
  <c r="G65639" i="1"/>
  <c r="G65640" i="1"/>
  <c r="G65641" i="1"/>
  <c r="G65642" i="1"/>
  <c r="G65643" i="1"/>
  <c r="G65644" i="1"/>
  <c r="G65645" i="1"/>
  <c r="G65646" i="1"/>
  <c r="G65647" i="1"/>
  <c r="G65648" i="1"/>
  <c r="G65649" i="1"/>
  <c r="G65650" i="1"/>
  <c r="G65651" i="1"/>
  <c r="G65652" i="1"/>
  <c r="G65653" i="1"/>
  <c r="G65654" i="1"/>
  <c r="G65655" i="1"/>
  <c r="G65656" i="1"/>
  <c r="G65657" i="1"/>
  <c r="G65658" i="1"/>
  <c r="G65659" i="1"/>
  <c r="G65660" i="1"/>
  <c r="G65661" i="1"/>
  <c r="G65662" i="1"/>
  <c r="G65663" i="1"/>
  <c r="G65664" i="1"/>
  <c r="G65665" i="1"/>
  <c r="G65666" i="1"/>
  <c r="G65667" i="1"/>
  <c r="G65668" i="1"/>
  <c r="G65669" i="1"/>
  <c r="G65670" i="1"/>
  <c r="G65671" i="1"/>
  <c r="G65672" i="1"/>
  <c r="G65673" i="1"/>
  <c r="G65674" i="1"/>
  <c r="G65675" i="1"/>
  <c r="G65676" i="1"/>
  <c r="G65677" i="1"/>
  <c r="G65678" i="1"/>
  <c r="G65679" i="1"/>
  <c r="G65680" i="1"/>
  <c r="G65681" i="1"/>
  <c r="G65682" i="1"/>
  <c r="G65683" i="1"/>
  <c r="G65684" i="1"/>
  <c r="G65685" i="1"/>
  <c r="G65686" i="1"/>
  <c r="G65687" i="1"/>
  <c r="G65688" i="1"/>
  <c r="G65689" i="1"/>
  <c r="G65690" i="1"/>
  <c r="G65691" i="1"/>
  <c r="G65692" i="1"/>
  <c r="G65693" i="1"/>
  <c r="G65694" i="1"/>
  <c r="G65695" i="1"/>
  <c r="G65696" i="1"/>
  <c r="G65697" i="1"/>
  <c r="G65698" i="1"/>
  <c r="G65699" i="1"/>
  <c r="G65700" i="1"/>
  <c r="G65701" i="1"/>
  <c r="G65702" i="1"/>
  <c r="G65703" i="1"/>
  <c r="G65704" i="1"/>
  <c r="G65705" i="1"/>
  <c r="G65706" i="1"/>
  <c r="G65707" i="1"/>
  <c r="G65708" i="1"/>
  <c r="G65709" i="1"/>
  <c r="G65710" i="1"/>
  <c r="G65711" i="1"/>
  <c r="G65712" i="1"/>
  <c r="G65713" i="1"/>
  <c r="G65714" i="1"/>
  <c r="G65715" i="1"/>
  <c r="G65716" i="1"/>
  <c r="G65717" i="1"/>
  <c r="G65718" i="1"/>
  <c r="G65719" i="1"/>
  <c r="G65720" i="1"/>
  <c r="G65721" i="1"/>
  <c r="G65722" i="1"/>
  <c r="G65723" i="1"/>
  <c r="G65724" i="1"/>
  <c r="G65725" i="1"/>
  <c r="G65726" i="1"/>
  <c r="G65727" i="1"/>
  <c r="G65728" i="1"/>
  <c r="G65729" i="1"/>
  <c r="G65730" i="1"/>
  <c r="G65731" i="1"/>
  <c r="G65732" i="1"/>
  <c r="G65733" i="1"/>
  <c r="G65734" i="1"/>
  <c r="G65735" i="1"/>
  <c r="G65736" i="1"/>
  <c r="G65737" i="1"/>
  <c r="G65738" i="1"/>
  <c r="G65739" i="1"/>
  <c r="G65740" i="1"/>
  <c r="G65741" i="1"/>
  <c r="G65742" i="1"/>
  <c r="G65743" i="1"/>
  <c r="G65744" i="1"/>
  <c r="G65745" i="1"/>
  <c r="G65746" i="1"/>
  <c r="G65747" i="1"/>
  <c r="G65748" i="1"/>
  <c r="G65749" i="1"/>
  <c r="G65750" i="1"/>
  <c r="G65751" i="1"/>
  <c r="G65752" i="1"/>
  <c r="G65753" i="1"/>
  <c r="G65754" i="1"/>
  <c r="G65755" i="1"/>
  <c r="G65756" i="1"/>
  <c r="G65757" i="1"/>
  <c r="G65758" i="1"/>
  <c r="G65759" i="1"/>
  <c r="G65760" i="1"/>
  <c r="G65761" i="1"/>
  <c r="G65762" i="1"/>
  <c r="G65763" i="1"/>
  <c r="G65764" i="1"/>
  <c r="G65765" i="1"/>
  <c r="G65766" i="1"/>
  <c r="G65767" i="1"/>
  <c r="G65768" i="1"/>
  <c r="G65769" i="1"/>
  <c r="G65770" i="1"/>
  <c r="G65771" i="1"/>
  <c r="G65772" i="1"/>
  <c r="G65773" i="1"/>
  <c r="G65774" i="1"/>
  <c r="G65775" i="1"/>
  <c r="G65776" i="1"/>
  <c r="G65777" i="1"/>
  <c r="G65778" i="1"/>
  <c r="G65779" i="1"/>
  <c r="G65780" i="1"/>
  <c r="G65781" i="1"/>
  <c r="G65782" i="1"/>
  <c r="G65783" i="1"/>
  <c r="G65784" i="1"/>
  <c r="G65785" i="1"/>
  <c r="G65786" i="1"/>
  <c r="G65787" i="1"/>
  <c r="G65788" i="1"/>
  <c r="G65789" i="1"/>
  <c r="G65790" i="1"/>
  <c r="G65791" i="1"/>
  <c r="G65792" i="1"/>
  <c r="G65793" i="1"/>
  <c r="G65794" i="1"/>
  <c r="G65795" i="1"/>
  <c r="G65796" i="1"/>
  <c r="G65797" i="1"/>
  <c r="G65798" i="1"/>
  <c r="G65799" i="1"/>
  <c r="G65800" i="1"/>
  <c r="G65801" i="1"/>
  <c r="G65802" i="1"/>
  <c r="G65803" i="1"/>
  <c r="G65804" i="1"/>
  <c r="G65805" i="1"/>
  <c r="G65806" i="1"/>
  <c r="G65807" i="1"/>
  <c r="G65808" i="1"/>
  <c r="G65809" i="1"/>
  <c r="G65810" i="1"/>
  <c r="G65811" i="1"/>
  <c r="G65812" i="1"/>
  <c r="G65813" i="1"/>
  <c r="G65814" i="1"/>
  <c r="G65815" i="1"/>
  <c r="G65816" i="1"/>
  <c r="G65817" i="1"/>
  <c r="G65818" i="1"/>
  <c r="G65819" i="1"/>
  <c r="G65820" i="1"/>
  <c r="G65821" i="1"/>
  <c r="G65822" i="1"/>
  <c r="G65823" i="1"/>
  <c r="G65824" i="1"/>
  <c r="G65825" i="1"/>
  <c r="G65826" i="1"/>
  <c r="G65827" i="1"/>
  <c r="G65828" i="1"/>
  <c r="G65829" i="1"/>
  <c r="G65830" i="1"/>
  <c r="G65831" i="1"/>
  <c r="G65832" i="1"/>
  <c r="G65833" i="1"/>
  <c r="G65834" i="1"/>
  <c r="G65835" i="1"/>
  <c r="G65836" i="1"/>
  <c r="G65837" i="1"/>
  <c r="G65838" i="1"/>
  <c r="G65839" i="1"/>
  <c r="G65840" i="1"/>
  <c r="G65841" i="1"/>
  <c r="G65842" i="1"/>
  <c r="G65843" i="1"/>
  <c r="G65844" i="1"/>
  <c r="G65845" i="1"/>
  <c r="G65846" i="1"/>
  <c r="G65847" i="1"/>
  <c r="G65848" i="1"/>
  <c r="G65849" i="1"/>
  <c r="G65850" i="1"/>
  <c r="G65851" i="1"/>
  <c r="G65852" i="1"/>
  <c r="G65853" i="1"/>
  <c r="G65854" i="1"/>
  <c r="G65855" i="1"/>
  <c r="G65856" i="1"/>
  <c r="G65857" i="1"/>
  <c r="G65858" i="1"/>
  <c r="G65859" i="1"/>
  <c r="G65860" i="1"/>
  <c r="G65861" i="1"/>
  <c r="G65862" i="1"/>
  <c r="G65863" i="1"/>
  <c r="G65864" i="1"/>
  <c r="G65865" i="1"/>
  <c r="G65866" i="1"/>
  <c r="G65867" i="1"/>
  <c r="G65868" i="1"/>
  <c r="G65869" i="1"/>
  <c r="G65870" i="1"/>
  <c r="G65871" i="1"/>
  <c r="G65872" i="1"/>
  <c r="G65873" i="1"/>
  <c r="G65874" i="1"/>
  <c r="G65875" i="1"/>
  <c r="G65876" i="1"/>
  <c r="G65877" i="1"/>
  <c r="G65878" i="1"/>
  <c r="G65879" i="1"/>
  <c r="G65880" i="1"/>
  <c r="G65881" i="1"/>
  <c r="G65882" i="1"/>
  <c r="G65883" i="1"/>
  <c r="G65884" i="1"/>
  <c r="G65885" i="1"/>
  <c r="G65886" i="1"/>
  <c r="G65887" i="1"/>
  <c r="G65888" i="1"/>
  <c r="G65889" i="1"/>
  <c r="G65890" i="1"/>
  <c r="G65891" i="1"/>
  <c r="G65892" i="1"/>
  <c r="G65893" i="1"/>
  <c r="G65894" i="1"/>
  <c r="G65895" i="1"/>
  <c r="G65896" i="1"/>
  <c r="G65897" i="1"/>
  <c r="G65898" i="1"/>
  <c r="G65899" i="1"/>
  <c r="G65900" i="1"/>
  <c r="G65901" i="1"/>
  <c r="G65902" i="1"/>
  <c r="G65903" i="1"/>
  <c r="G65904" i="1"/>
  <c r="G65905" i="1"/>
  <c r="G65906" i="1"/>
  <c r="G65907" i="1"/>
  <c r="G65908" i="1"/>
  <c r="G65909" i="1"/>
  <c r="G65910" i="1"/>
  <c r="G65911" i="1"/>
  <c r="G65912" i="1"/>
  <c r="G65913" i="1"/>
  <c r="G65914" i="1"/>
  <c r="G65915" i="1"/>
  <c r="G65916" i="1"/>
  <c r="G65917" i="1"/>
  <c r="G65918" i="1"/>
  <c r="G65919" i="1"/>
  <c r="G65920" i="1"/>
  <c r="G65921" i="1"/>
  <c r="G65922" i="1"/>
  <c r="G65923" i="1"/>
  <c r="G65924" i="1"/>
  <c r="G65925" i="1"/>
  <c r="G65926" i="1"/>
  <c r="G65927" i="1"/>
  <c r="G65928" i="1"/>
  <c r="G65929" i="1"/>
  <c r="G65930" i="1"/>
  <c r="G65931" i="1"/>
  <c r="G65932" i="1"/>
  <c r="G65933" i="1"/>
  <c r="G65934" i="1"/>
  <c r="G65935" i="1"/>
  <c r="G65936" i="1"/>
  <c r="G65937" i="1"/>
  <c r="G65938" i="1"/>
  <c r="G65939" i="1"/>
  <c r="G65940" i="1"/>
  <c r="G65941" i="1"/>
  <c r="G65942" i="1"/>
  <c r="G65943" i="1"/>
  <c r="G65944" i="1"/>
  <c r="G65945" i="1"/>
  <c r="G65946" i="1"/>
  <c r="G65947" i="1"/>
  <c r="G65948" i="1"/>
  <c r="G65949" i="1"/>
  <c r="G65950" i="1"/>
  <c r="G65951" i="1"/>
  <c r="G65952" i="1"/>
  <c r="G65953" i="1"/>
  <c r="G65954" i="1"/>
  <c r="G65955" i="1"/>
  <c r="G65956" i="1"/>
  <c r="G65957" i="1"/>
  <c r="G65958" i="1"/>
  <c r="G65959" i="1"/>
  <c r="G65960" i="1"/>
  <c r="G65961" i="1"/>
  <c r="G65962" i="1"/>
  <c r="G65963" i="1"/>
  <c r="G65964" i="1"/>
  <c r="G65965" i="1"/>
  <c r="G65966" i="1"/>
  <c r="G65967" i="1"/>
  <c r="G65968" i="1"/>
  <c r="G65969" i="1"/>
  <c r="G65970" i="1"/>
  <c r="G65971" i="1"/>
  <c r="G65972" i="1"/>
  <c r="G65973" i="1"/>
  <c r="G65974" i="1"/>
  <c r="G65975" i="1"/>
  <c r="G65976" i="1"/>
  <c r="G65977" i="1"/>
  <c r="G65978" i="1"/>
  <c r="G65979" i="1"/>
  <c r="G65980" i="1"/>
  <c r="G65981" i="1"/>
  <c r="G65982" i="1"/>
  <c r="G65983" i="1"/>
  <c r="G65984" i="1"/>
  <c r="G65985" i="1"/>
  <c r="G65986" i="1"/>
  <c r="G65987" i="1"/>
  <c r="G65988" i="1"/>
  <c r="G65989" i="1"/>
  <c r="G65990" i="1"/>
  <c r="G65991" i="1"/>
  <c r="G65992" i="1"/>
  <c r="G65993" i="1"/>
  <c r="G65994" i="1"/>
  <c r="G65995" i="1"/>
  <c r="G65996" i="1"/>
  <c r="G65997" i="1"/>
  <c r="G65998" i="1"/>
  <c r="G65999" i="1"/>
  <c r="G66000" i="1"/>
  <c r="G66001" i="1"/>
  <c r="G66002" i="1"/>
  <c r="G66003" i="1"/>
  <c r="G66004" i="1"/>
  <c r="G66005" i="1"/>
  <c r="G66006" i="1"/>
  <c r="G66007" i="1"/>
  <c r="G66008" i="1"/>
  <c r="G66009" i="1"/>
  <c r="G66010" i="1"/>
  <c r="G66011" i="1"/>
  <c r="G66012" i="1"/>
  <c r="G66013" i="1"/>
  <c r="G66014" i="1"/>
  <c r="G66015" i="1"/>
  <c r="G66016" i="1"/>
  <c r="G66017" i="1"/>
  <c r="G66018" i="1"/>
  <c r="G66019" i="1"/>
  <c r="G66020" i="1"/>
  <c r="G66021" i="1"/>
  <c r="G66022" i="1"/>
  <c r="G66023" i="1"/>
  <c r="G66024" i="1"/>
  <c r="G66025" i="1"/>
  <c r="G66026" i="1"/>
  <c r="G66027" i="1"/>
  <c r="G66028" i="1"/>
  <c r="G66029" i="1"/>
  <c r="G66030" i="1"/>
  <c r="G66031" i="1"/>
  <c r="G66032" i="1"/>
  <c r="G66033" i="1"/>
  <c r="G66034" i="1"/>
  <c r="G66035" i="1"/>
  <c r="G66036" i="1"/>
  <c r="G66037" i="1"/>
  <c r="G66038" i="1"/>
  <c r="G66039" i="1"/>
  <c r="G66040" i="1"/>
  <c r="G66041" i="1"/>
  <c r="G66042" i="1"/>
  <c r="G66043" i="1"/>
  <c r="G66044" i="1"/>
  <c r="G66045" i="1"/>
  <c r="G66046" i="1"/>
  <c r="G66047" i="1"/>
  <c r="G66048" i="1"/>
  <c r="G66049" i="1"/>
  <c r="G66050" i="1"/>
  <c r="G66051" i="1"/>
  <c r="G66052" i="1"/>
  <c r="G66053" i="1"/>
  <c r="G66054" i="1"/>
  <c r="G66055" i="1"/>
  <c r="G66056" i="1"/>
  <c r="G66057" i="1"/>
  <c r="G66058" i="1"/>
  <c r="G66059" i="1"/>
  <c r="G66060" i="1"/>
  <c r="G66061" i="1"/>
  <c r="G66062" i="1"/>
  <c r="G66063" i="1"/>
  <c r="G66064" i="1"/>
  <c r="G66065" i="1"/>
  <c r="G66066" i="1"/>
  <c r="G66067" i="1"/>
  <c r="G66068" i="1"/>
  <c r="G66069" i="1"/>
  <c r="G66070" i="1"/>
  <c r="G66071" i="1"/>
  <c r="G66072" i="1"/>
  <c r="G66073" i="1"/>
  <c r="G66074" i="1"/>
  <c r="G66075" i="1"/>
  <c r="G66076" i="1"/>
  <c r="G66077" i="1"/>
  <c r="G66078" i="1"/>
  <c r="G66079" i="1"/>
  <c r="G66080" i="1"/>
  <c r="G66081" i="1"/>
  <c r="G66082" i="1"/>
  <c r="G66083" i="1"/>
  <c r="G66084" i="1"/>
  <c r="G66085" i="1"/>
  <c r="G66086" i="1"/>
  <c r="G66087" i="1"/>
  <c r="G66088" i="1"/>
  <c r="G66089" i="1"/>
  <c r="G66090" i="1"/>
  <c r="G66091" i="1"/>
  <c r="G66092" i="1"/>
  <c r="G66093" i="1"/>
  <c r="G66094" i="1"/>
  <c r="G66095" i="1"/>
  <c r="G66096" i="1"/>
  <c r="G66097" i="1"/>
  <c r="G66098" i="1"/>
  <c r="G66099" i="1"/>
  <c r="G66100" i="1"/>
  <c r="G66101" i="1"/>
  <c r="G66102" i="1"/>
  <c r="G66103" i="1"/>
  <c r="G66104" i="1"/>
  <c r="G66105" i="1"/>
  <c r="G66106" i="1"/>
  <c r="G66107" i="1"/>
  <c r="G66108" i="1"/>
  <c r="G66109" i="1"/>
  <c r="G66110" i="1"/>
  <c r="G66111" i="1"/>
  <c r="G66112" i="1"/>
  <c r="G66113" i="1"/>
  <c r="G66114" i="1"/>
  <c r="G66115" i="1"/>
  <c r="G66116" i="1"/>
  <c r="G66117" i="1"/>
  <c r="G66118" i="1"/>
  <c r="G66119" i="1"/>
  <c r="G66120" i="1"/>
  <c r="G66121" i="1"/>
  <c r="G66122" i="1"/>
  <c r="G66123" i="1"/>
  <c r="G66124" i="1"/>
  <c r="G66125" i="1"/>
  <c r="G66126" i="1"/>
  <c r="G66127" i="1"/>
  <c r="G66128" i="1"/>
  <c r="G66129" i="1"/>
  <c r="G66130" i="1"/>
  <c r="G66131" i="1"/>
  <c r="G66132" i="1"/>
  <c r="G66133" i="1"/>
  <c r="G66134" i="1"/>
  <c r="G66135" i="1"/>
  <c r="G66136" i="1"/>
  <c r="G66137" i="1"/>
  <c r="G66138" i="1"/>
  <c r="G66139" i="1"/>
  <c r="G66140" i="1"/>
  <c r="G66141" i="1"/>
  <c r="G66142" i="1"/>
  <c r="G66143" i="1"/>
  <c r="G66144" i="1"/>
  <c r="G66145" i="1"/>
  <c r="G66146" i="1"/>
  <c r="G66147" i="1"/>
  <c r="G66148" i="1"/>
  <c r="G66149" i="1"/>
  <c r="G66150" i="1"/>
  <c r="G66151" i="1"/>
  <c r="G66152" i="1"/>
  <c r="G66153" i="1"/>
  <c r="G66154" i="1"/>
  <c r="G66155" i="1"/>
  <c r="G66156" i="1"/>
  <c r="G66157" i="1"/>
  <c r="G66158" i="1"/>
  <c r="G66159" i="1"/>
  <c r="G66160" i="1"/>
  <c r="G66161" i="1"/>
  <c r="G66162" i="1"/>
  <c r="G66163" i="1"/>
  <c r="G66164" i="1"/>
  <c r="G66165" i="1"/>
  <c r="G66166" i="1"/>
  <c r="G66167" i="1"/>
  <c r="G66168" i="1"/>
  <c r="G66169" i="1"/>
  <c r="G66170" i="1"/>
  <c r="G66171" i="1"/>
  <c r="G66172" i="1"/>
  <c r="G66173" i="1"/>
  <c r="G66174" i="1"/>
  <c r="G66175" i="1"/>
  <c r="G66176" i="1"/>
  <c r="G66177" i="1"/>
  <c r="G66178" i="1"/>
  <c r="G66179" i="1"/>
  <c r="G66180" i="1"/>
  <c r="G66181" i="1"/>
  <c r="G66182" i="1"/>
  <c r="G66183" i="1"/>
  <c r="G66184" i="1"/>
  <c r="G66185" i="1"/>
  <c r="G66186" i="1"/>
  <c r="G66187" i="1"/>
  <c r="G66188" i="1"/>
  <c r="G66189" i="1"/>
  <c r="G66190" i="1"/>
  <c r="G66191" i="1"/>
  <c r="G66192" i="1"/>
  <c r="G66193" i="1"/>
  <c r="G66194" i="1"/>
  <c r="G66195" i="1"/>
  <c r="G66196" i="1"/>
  <c r="G66197" i="1"/>
  <c r="G66198" i="1"/>
  <c r="G66199" i="1"/>
  <c r="G66200" i="1"/>
  <c r="G66201" i="1"/>
  <c r="G66202" i="1"/>
  <c r="G66203" i="1"/>
  <c r="G66204" i="1"/>
  <c r="G66205" i="1"/>
  <c r="G66206" i="1"/>
  <c r="G66207" i="1"/>
  <c r="G66208" i="1"/>
  <c r="G66209" i="1"/>
  <c r="G66210" i="1"/>
  <c r="G66211" i="1"/>
  <c r="G66212" i="1"/>
  <c r="G66213" i="1"/>
  <c r="G66214" i="1"/>
  <c r="G66215" i="1"/>
  <c r="G66216" i="1"/>
  <c r="G66217" i="1"/>
  <c r="G66218" i="1"/>
  <c r="G66219" i="1"/>
  <c r="G66220" i="1"/>
  <c r="G66221" i="1"/>
  <c r="G66222" i="1"/>
  <c r="G66223" i="1"/>
  <c r="G66224" i="1"/>
  <c r="G66225" i="1"/>
  <c r="G66226" i="1"/>
  <c r="G66227" i="1"/>
  <c r="G66228" i="1"/>
  <c r="G66229" i="1"/>
  <c r="G66230" i="1"/>
  <c r="G66231" i="1"/>
  <c r="G66232" i="1"/>
  <c r="G66233" i="1"/>
  <c r="G66234" i="1"/>
  <c r="G66235" i="1"/>
  <c r="G66236" i="1"/>
  <c r="G66237" i="1"/>
  <c r="G66238" i="1"/>
  <c r="G66239" i="1"/>
  <c r="G66240" i="1"/>
  <c r="G66241" i="1"/>
  <c r="G66242" i="1"/>
  <c r="G66243" i="1"/>
  <c r="G66244" i="1"/>
  <c r="G66245" i="1"/>
  <c r="G66246" i="1"/>
  <c r="G66247" i="1"/>
  <c r="G66248" i="1"/>
  <c r="G66249" i="1"/>
  <c r="G66250" i="1"/>
  <c r="G66251" i="1"/>
  <c r="G66252" i="1"/>
  <c r="G66253" i="1"/>
  <c r="G66254" i="1"/>
  <c r="G66255" i="1"/>
  <c r="G66256" i="1"/>
  <c r="G66257" i="1"/>
  <c r="G66258" i="1"/>
  <c r="G66259" i="1"/>
  <c r="G66260" i="1"/>
  <c r="G66261" i="1"/>
  <c r="G66262" i="1"/>
  <c r="G66263" i="1"/>
  <c r="G66264" i="1"/>
  <c r="G66265" i="1"/>
  <c r="G66266" i="1"/>
  <c r="G66267" i="1"/>
  <c r="G66268" i="1"/>
  <c r="G66269" i="1"/>
  <c r="G66270" i="1"/>
  <c r="G66271" i="1"/>
  <c r="G66272" i="1"/>
  <c r="G66273" i="1"/>
  <c r="G66274" i="1"/>
  <c r="G66275" i="1"/>
  <c r="G66276" i="1"/>
  <c r="G66277" i="1"/>
  <c r="G66278" i="1"/>
  <c r="G66279" i="1"/>
  <c r="G66280" i="1"/>
  <c r="G66281" i="1"/>
  <c r="G66282" i="1"/>
  <c r="G66283" i="1"/>
  <c r="G66284" i="1"/>
  <c r="G66285" i="1"/>
  <c r="G66286" i="1"/>
  <c r="G66287" i="1"/>
  <c r="G66288" i="1"/>
  <c r="G66289" i="1"/>
  <c r="G66290" i="1"/>
  <c r="G66291" i="1"/>
  <c r="G66292" i="1"/>
  <c r="G66293" i="1"/>
  <c r="G66294" i="1"/>
  <c r="G66295" i="1"/>
  <c r="G66296" i="1"/>
  <c r="G66297" i="1"/>
  <c r="G66298" i="1"/>
  <c r="G66299" i="1"/>
  <c r="G66300" i="1"/>
  <c r="G66301" i="1"/>
  <c r="G66302" i="1"/>
  <c r="G66303" i="1"/>
  <c r="G66304" i="1"/>
  <c r="G66305" i="1"/>
  <c r="G66306" i="1"/>
  <c r="G66307" i="1"/>
  <c r="G66308" i="1"/>
  <c r="G66309" i="1"/>
  <c r="G66310" i="1"/>
  <c r="G66311" i="1"/>
  <c r="G66312" i="1"/>
  <c r="G66313" i="1"/>
  <c r="G66314" i="1"/>
  <c r="G66315" i="1"/>
  <c r="G66316" i="1"/>
  <c r="G66317" i="1"/>
  <c r="G66318" i="1"/>
  <c r="G66319" i="1"/>
  <c r="G66320" i="1"/>
  <c r="G66321" i="1"/>
  <c r="G66322" i="1"/>
  <c r="G66323" i="1"/>
  <c r="G66324" i="1"/>
  <c r="G66325" i="1"/>
  <c r="G66326" i="1"/>
  <c r="G66327" i="1"/>
  <c r="G66328" i="1"/>
  <c r="G66329" i="1"/>
  <c r="G66330" i="1"/>
  <c r="G66331" i="1"/>
  <c r="G66332" i="1"/>
  <c r="G66333" i="1"/>
  <c r="G66334" i="1"/>
  <c r="G66335" i="1"/>
  <c r="G66336" i="1"/>
  <c r="G66337" i="1"/>
  <c r="G66338" i="1"/>
  <c r="G66339" i="1"/>
  <c r="G66340" i="1"/>
  <c r="G66341" i="1"/>
  <c r="G66342" i="1"/>
  <c r="G66343" i="1"/>
  <c r="G66344" i="1"/>
  <c r="G66345" i="1"/>
  <c r="G66346" i="1"/>
  <c r="G66347" i="1"/>
  <c r="G66348" i="1"/>
  <c r="G66349" i="1"/>
  <c r="G66350" i="1"/>
  <c r="G66351" i="1"/>
  <c r="G66352" i="1"/>
  <c r="G66353" i="1"/>
  <c r="G66354" i="1"/>
  <c r="G66355" i="1"/>
  <c r="G66356" i="1"/>
  <c r="G66357" i="1"/>
  <c r="G66358" i="1"/>
  <c r="G66359" i="1"/>
  <c r="G66360" i="1"/>
  <c r="G66361" i="1"/>
  <c r="G66362" i="1"/>
  <c r="G66363" i="1"/>
  <c r="G66364" i="1"/>
  <c r="G66365" i="1"/>
  <c r="G66366" i="1"/>
  <c r="G66367" i="1"/>
  <c r="G66368" i="1"/>
  <c r="G66369" i="1"/>
  <c r="G66370" i="1"/>
  <c r="G66371" i="1"/>
  <c r="G66372" i="1"/>
  <c r="G66373" i="1"/>
  <c r="G66374" i="1"/>
  <c r="G66375" i="1"/>
  <c r="G66376" i="1"/>
  <c r="G66377" i="1"/>
  <c r="G66378" i="1"/>
  <c r="G66379" i="1"/>
  <c r="G66380" i="1"/>
  <c r="G66381" i="1"/>
  <c r="G66382" i="1"/>
  <c r="G66383" i="1"/>
  <c r="G66384" i="1"/>
  <c r="G66385" i="1"/>
  <c r="G66386" i="1"/>
  <c r="G66387" i="1"/>
  <c r="G66388" i="1"/>
  <c r="G66389" i="1"/>
  <c r="G66390" i="1"/>
  <c r="G66391" i="1"/>
  <c r="G66392" i="1"/>
  <c r="G66393" i="1"/>
  <c r="G66394" i="1"/>
  <c r="G66395" i="1"/>
  <c r="G66396" i="1"/>
  <c r="G66397" i="1"/>
  <c r="G66398" i="1"/>
  <c r="G66399" i="1"/>
  <c r="G66400" i="1"/>
  <c r="G66401" i="1"/>
  <c r="G66402" i="1"/>
  <c r="G66403" i="1"/>
  <c r="G66404" i="1"/>
  <c r="G66405" i="1"/>
  <c r="G66406" i="1"/>
  <c r="G66407" i="1"/>
  <c r="G66408" i="1"/>
  <c r="G66409" i="1"/>
  <c r="G66410" i="1"/>
  <c r="G66411" i="1"/>
  <c r="G66412" i="1"/>
  <c r="G66413" i="1"/>
  <c r="G66414" i="1"/>
  <c r="G66415" i="1"/>
  <c r="G66416" i="1"/>
  <c r="G66417" i="1"/>
  <c r="G66418" i="1"/>
  <c r="G66419" i="1"/>
  <c r="G66420" i="1"/>
  <c r="G66421" i="1"/>
  <c r="G66422" i="1"/>
  <c r="G66423" i="1"/>
  <c r="G66424" i="1"/>
  <c r="G66425" i="1"/>
  <c r="G66426" i="1"/>
  <c r="G66427" i="1"/>
  <c r="G66428" i="1"/>
  <c r="G66429" i="1"/>
  <c r="G66430" i="1"/>
  <c r="G66431" i="1"/>
  <c r="G66432" i="1"/>
  <c r="G66433" i="1"/>
  <c r="G66434" i="1"/>
  <c r="G66435" i="1"/>
  <c r="G66436" i="1"/>
  <c r="G66437" i="1"/>
  <c r="G66438" i="1"/>
  <c r="G66439" i="1"/>
  <c r="G66440" i="1"/>
  <c r="G66441" i="1"/>
  <c r="G66442" i="1"/>
  <c r="G66443" i="1"/>
  <c r="G66444" i="1"/>
  <c r="G66445" i="1"/>
  <c r="G66446" i="1"/>
  <c r="G66447" i="1"/>
  <c r="G66448" i="1"/>
  <c r="G66449" i="1"/>
  <c r="G66450" i="1"/>
  <c r="G66451" i="1"/>
  <c r="G66452" i="1"/>
  <c r="G66453" i="1"/>
  <c r="G66454" i="1"/>
  <c r="G66455" i="1"/>
  <c r="G66456" i="1"/>
  <c r="G66457" i="1"/>
  <c r="G66458" i="1"/>
  <c r="G66459" i="1"/>
  <c r="G66460" i="1"/>
  <c r="G66461" i="1"/>
  <c r="G66462" i="1"/>
  <c r="G66463" i="1"/>
  <c r="G66464" i="1"/>
  <c r="G66465" i="1"/>
  <c r="G66466" i="1"/>
  <c r="G66467" i="1"/>
  <c r="G66468" i="1"/>
  <c r="G66469" i="1"/>
  <c r="G66470" i="1"/>
  <c r="G66471" i="1"/>
  <c r="G66472" i="1"/>
  <c r="G66473" i="1"/>
  <c r="G66474" i="1"/>
  <c r="G66475" i="1"/>
  <c r="G66476" i="1"/>
  <c r="G66477" i="1"/>
  <c r="G66478" i="1"/>
  <c r="G66479" i="1"/>
  <c r="G66480" i="1"/>
  <c r="G66481" i="1"/>
  <c r="G66482" i="1"/>
  <c r="G66483" i="1"/>
  <c r="G66484" i="1"/>
  <c r="G66485" i="1"/>
  <c r="G66486" i="1"/>
  <c r="G66487" i="1"/>
  <c r="G66488" i="1"/>
  <c r="G66489" i="1"/>
  <c r="G66490" i="1"/>
  <c r="G66491" i="1"/>
  <c r="G66492" i="1"/>
  <c r="G66493" i="1"/>
  <c r="G66494" i="1"/>
  <c r="G66495" i="1"/>
  <c r="G66496" i="1"/>
  <c r="G66497" i="1"/>
  <c r="G66498" i="1"/>
  <c r="G66499" i="1"/>
  <c r="G66500" i="1"/>
  <c r="G66501" i="1"/>
  <c r="G66502" i="1"/>
  <c r="G66503" i="1"/>
  <c r="G66504" i="1"/>
  <c r="G66505" i="1"/>
  <c r="G66506" i="1"/>
  <c r="G66507" i="1"/>
  <c r="G66508" i="1"/>
  <c r="G66509" i="1"/>
  <c r="G66510" i="1"/>
  <c r="G66511" i="1"/>
  <c r="G66512" i="1"/>
  <c r="G66513" i="1"/>
  <c r="G66514" i="1"/>
  <c r="G66515" i="1"/>
  <c r="G66516" i="1"/>
  <c r="G66517" i="1"/>
  <c r="G66518" i="1"/>
  <c r="G66519" i="1"/>
  <c r="G66520" i="1"/>
  <c r="G66521" i="1"/>
  <c r="G66522" i="1"/>
  <c r="G66523" i="1"/>
  <c r="G66524" i="1"/>
  <c r="G66525" i="1"/>
  <c r="G66526" i="1"/>
  <c r="G66527" i="1"/>
  <c r="G66528" i="1"/>
  <c r="G66529" i="1"/>
  <c r="G66530" i="1"/>
  <c r="G66531" i="1"/>
  <c r="G66532" i="1"/>
  <c r="G66533" i="1"/>
  <c r="G66534" i="1"/>
  <c r="G66535" i="1"/>
  <c r="G66536" i="1"/>
  <c r="G66537" i="1"/>
  <c r="G66538" i="1"/>
  <c r="G66539" i="1"/>
  <c r="G66540" i="1"/>
  <c r="G66541" i="1"/>
  <c r="G66542" i="1"/>
  <c r="G66543" i="1"/>
  <c r="G66544" i="1"/>
  <c r="G66545" i="1"/>
  <c r="G66546" i="1"/>
  <c r="G66547" i="1"/>
  <c r="G66548" i="1"/>
  <c r="G66549" i="1"/>
  <c r="G66550" i="1"/>
  <c r="G66551" i="1"/>
  <c r="G66552" i="1"/>
  <c r="G66553" i="1"/>
  <c r="G66554" i="1"/>
  <c r="G66555" i="1"/>
  <c r="G66556" i="1"/>
  <c r="G66557" i="1"/>
  <c r="G66558" i="1"/>
  <c r="G66559" i="1"/>
  <c r="G66560" i="1"/>
  <c r="G66561" i="1"/>
  <c r="G66562" i="1"/>
  <c r="G66563" i="1"/>
  <c r="G66564" i="1"/>
  <c r="G66565" i="1"/>
  <c r="G66566" i="1"/>
  <c r="G66567" i="1"/>
  <c r="G66568" i="1"/>
  <c r="G66569" i="1"/>
  <c r="G66570" i="1"/>
  <c r="G66571" i="1"/>
  <c r="G66572" i="1"/>
  <c r="G66573" i="1"/>
  <c r="G66574" i="1"/>
  <c r="G66575" i="1"/>
  <c r="G66576" i="1"/>
  <c r="G66577" i="1"/>
  <c r="G66578" i="1"/>
  <c r="G66579" i="1"/>
  <c r="G66580" i="1"/>
  <c r="G66581" i="1"/>
  <c r="G66582" i="1"/>
  <c r="G66583" i="1"/>
  <c r="G66584" i="1"/>
  <c r="G66585" i="1"/>
  <c r="G66586" i="1"/>
  <c r="G66587" i="1"/>
  <c r="G66588" i="1"/>
  <c r="G66589" i="1"/>
  <c r="G66590" i="1"/>
  <c r="G66591" i="1"/>
  <c r="G66592" i="1"/>
  <c r="G66593" i="1"/>
  <c r="G66594" i="1"/>
  <c r="G66595" i="1"/>
  <c r="G66596" i="1"/>
  <c r="G66597" i="1"/>
  <c r="G66598" i="1"/>
  <c r="G66599" i="1"/>
  <c r="G66600" i="1"/>
  <c r="G66601" i="1"/>
  <c r="G66602" i="1"/>
  <c r="G66603" i="1"/>
  <c r="G66604" i="1"/>
  <c r="G66605" i="1"/>
  <c r="G66606" i="1"/>
  <c r="G66607" i="1"/>
  <c r="G66608" i="1"/>
  <c r="G66609" i="1"/>
  <c r="G66610" i="1"/>
  <c r="G66611" i="1"/>
  <c r="G66612" i="1"/>
  <c r="G66613" i="1"/>
  <c r="G66614" i="1"/>
  <c r="G66615" i="1"/>
  <c r="G66616" i="1"/>
  <c r="G66617" i="1"/>
  <c r="G66618" i="1"/>
  <c r="G66619" i="1"/>
  <c r="G66620" i="1"/>
  <c r="G66621" i="1"/>
  <c r="G66622" i="1"/>
  <c r="G66623" i="1"/>
  <c r="G66624" i="1"/>
  <c r="G66625" i="1"/>
  <c r="G66626" i="1"/>
  <c r="G66627" i="1"/>
  <c r="G66628" i="1"/>
  <c r="G66629" i="1"/>
  <c r="G66630" i="1"/>
  <c r="G66631" i="1"/>
  <c r="G66632" i="1"/>
  <c r="G66633" i="1"/>
  <c r="G66634" i="1"/>
  <c r="G66635" i="1"/>
  <c r="G66636" i="1"/>
  <c r="G66637" i="1"/>
  <c r="G66638" i="1"/>
  <c r="G66639" i="1"/>
  <c r="G66640" i="1"/>
  <c r="G66641" i="1"/>
  <c r="G66642" i="1"/>
  <c r="G66643" i="1"/>
  <c r="G66644" i="1"/>
  <c r="G66645" i="1"/>
  <c r="G66646" i="1"/>
  <c r="G66647" i="1"/>
  <c r="G66648" i="1"/>
  <c r="G66649" i="1"/>
  <c r="G66650" i="1"/>
  <c r="G66651" i="1"/>
  <c r="G66652" i="1"/>
  <c r="G66653" i="1"/>
  <c r="G66654" i="1"/>
  <c r="G66655" i="1"/>
  <c r="G66656" i="1"/>
  <c r="G66657" i="1"/>
  <c r="G66658" i="1"/>
  <c r="G66659" i="1"/>
  <c r="G66660" i="1"/>
  <c r="G66661" i="1"/>
  <c r="G66662" i="1"/>
  <c r="G66663" i="1"/>
  <c r="G66664" i="1"/>
  <c r="G66665" i="1"/>
  <c r="G66666" i="1"/>
  <c r="G66667" i="1"/>
  <c r="G66668" i="1"/>
  <c r="G66669" i="1"/>
  <c r="G66670" i="1"/>
  <c r="G66671" i="1"/>
  <c r="G66672" i="1"/>
  <c r="G66673" i="1"/>
  <c r="G66674" i="1"/>
  <c r="G66675" i="1"/>
  <c r="G66676" i="1"/>
  <c r="G66677" i="1"/>
  <c r="G66678" i="1"/>
  <c r="G66679" i="1"/>
  <c r="G66680" i="1"/>
  <c r="G66681" i="1"/>
  <c r="G66682" i="1"/>
  <c r="G66683" i="1"/>
  <c r="G66684" i="1"/>
  <c r="G66685" i="1"/>
  <c r="G66686" i="1"/>
  <c r="G66687" i="1"/>
  <c r="G66688" i="1"/>
  <c r="G66689" i="1"/>
  <c r="G66690" i="1"/>
  <c r="G66691" i="1"/>
  <c r="G66692" i="1"/>
  <c r="G66693" i="1"/>
  <c r="G66694" i="1"/>
  <c r="G66695" i="1"/>
  <c r="G66696" i="1"/>
  <c r="G66697" i="1"/>
  <c r="G66698" i="1"/>
  <c r="G66699" i="1"/>
  <c r="G66700" i="1"/>
  <c r="G66701" i="1"/>
  <c r="G66702" i="1"/>
  <c r="G66703" i="1"/>
  <c r="G66704" i="1"/>
  <c r="G66705" i="1"/>
  <c r="G66706" i="1"/>
  <c r="G66707" i="1"/>
  <c r="G66708" i="1"/>
  <c r="G66709" i="1"/>
  <c r="G66710" i="1"/>
  <c r="G66711" i="1"/>
  <c r="G66712" i="1"/>
  <c r="G66713" i="1"/>
  <c r="G66714" i="1"/>
  <c r="G66715" i="1"/>
  <c r="G66716" i="1"/>
  <c r="G66717" i="1"/>
  <c r="G66718" i="1"/>
  <c r="G66719" i="1"/>
  <c r="G66720" i="1"/>
  <c r="G66721" i="1"/>
  <c r="G66722" i="1"/>
  <c r="G66723" i="1"/>
  <c r="G66724" i="1"/>
  <c r="G66725" i="1"/>
  <c r="G66726" i="1"/>
  <c r="G66727" i="1"/>
  <c r="G66728" i="1"/>
  <c r="G66729" i="1"/>
  <c r="G66730" i="1"/>
  <c r="G66731" i="1"/>
  <c r="G66732" i="1"/>
  <c r="G66733" i="1"/>
  <c r="G66734" i="1"/>
  <c r="G66735" i="1"/>
  <c r="G66736" i="1"/>
  <c r="G66737" i="1"/>
  <c r="G66738" i="1"/>
  <c r="G66739" i="1"/>
  <c r="G66740" i="1"/>
  <c r="G66741" i="1"/>
  <c r="G66742" i="1"/>
  <c r="G66743" i="1"/>
  <c r="G66744" i="1"/>
  <c r="G66745" i="1"/>
  <c r="G66746" i="1"/>
  <c r="G66747" i="1"/>
  <c r="G66748" i="1"/>
  <c r="G66749" i="1"/>
  <c r="G66750" i="1"/>
  <c r="G66751" i="1"/>
  <c r="G66752" i="1"/>
  <c r="G66753" i="1"/>
  <c r="G66754" i="1"/>
  <c r="G66755" i="1"/>
  <c r="G66756" i="1"/>
  <c r="G66757" i="1"/>
  <c r="G66758" i="1"/>
  <c r="G66759" i="1"/>
  <c r="G66760" i="1"/>
  <c r="G66761" i="1"/>
  <c r="G66762" i="1"/>
  <c r="G66763" i="1"/>
  <c r="G66764" i="1"/>
  <c r="G66765" i="1"/>
  <c r="G66766" i="1"/>
  <c r="G66767" i="1"/>
  <c r="G66768" i="1"/>
  <c r="G66769" i="1"/>
  <c r="G66770" i="1"/>
  <c r="G66771" i="1"/>
  <c r="G66772" i="1"/>
  <c r="G66773" i="1"/>
  <c r="G66774" i="1"/>
  <c r="G66775" i="1"/>
  <c r="G66776" i="1"/>
  <c r="G66777" i="1"/>
  <c r="G66778" i="1"/>
  <c r="G66779" i="1"/>
  <c r="G66780" i="1"/>
  <c r="G66781" i="1"/>
  <c r="G66782" i="1"/>
  <c r="G66783" i="1"/>
  <c r="G66784" i="1"/>
  <c r="G66785" i="1"/>
  <c r="G66786" i="1"/>
  <c r="G66787" i="1"/>
  <c r="G66788" i="1"/>
  <c r="G66789" i="1"/>
  <c r="G66790" i="1"/>
  <c r="G66791" i="1"/>
  <c r="G66792" i="1"/>
  <c r="G66793" i="1"/>
  <c r="G66794" i="1"/>
  <c r="G66795" i="1"/>
  <c r="G66796" i="1"/>
  <c r="G66797" i="1"/>
  <c r="G66798" i="1"/>
  <c r="G66799" i="1"/>
  <c r="G66800" i="1"/>
  <c r="G66801" i="1"/>
  <c r="G66802" i="1"/>
  <c r="G66803" i="1"/>
  <c r="G66804" i="1"/>
  <c r="G66805" i="1"/>
  <c r="G66806" i="1"/>
  <c r="G66807" i="1"/>
  <c r="G66808" i="1"/>
  <c r="G66809" i="1"/>
  <c r="G66810" i="1"/>
  <c r="G66811" i="1"/>
  <c r="G66812" i="1"/>
  <c r="G66813" i="1"/>
  <c r="G66814" i="1"/>
  <c r="G66815" i="1"/>
  <c r="G66816" i="1"/>
  <c r="G66817" i="1"/>
  <c r="G66818" i="1"/>
  <c r="G66819" i="1"/>
  <c r="G66820" i="1"/>
  <c r="G66821" i="1"/>
  <c r="G66822" i="1"/>
  <c r="G66823" i="1"/>
  <c r="G66824" i="1"/>
  <c r="G66825" i="1"/>
  <c r="G66826" i="1"/>
  <c r="G66827" i="1"/>
  <c r="G66828" i="1"/>
  <c r="G66829" i="1"/>
  <c r="G66830" i="1"/>
  <c r="G66831" i="1"/>
  <c r="G66832" i="1"/>
  <c r="G66833" i="1"/>
  <c r="G66834" i="1"/>
  <c r="G66835" i="1"/>
  <c r="G66836" i="1"/>
  <c r="G66837" i="1"/>
  <c r="G66838" i="1"/>
  <c r="G66839" i="1"/>
  <c r="G66840" i="1"/>
  <c r="G66841" i="1"/>
  <c r="G66842" i="1"/>
  <c r="G66843" i="1"/>
  <c r="G66844" i="1"/>
  <c r="G66845" i="1"/>
  <c r="G66846" i="1"/>
  <c r="G66847" i="1"/>
  <c r="G66848" i="1"/>
  <c r="G66849" i="1"/>
  <c r="G66850" i="1"/>
  <c r="G66851" i="1"/>
  <c r="G66852" i="1"/>
  <c r="G66853" i="1"/>
  <c r="G66854" i="1"/>
  <c r="G66855" i="1"/>
  <c r="G66856" i="1"/>
  <c r="G66857" i="1"/>
  <c r="G66858" i="1"/>
  <c r="G66859" i="1"/>
  <c r="G66860" i="1"/>
  <c r="G66861" i="1"/>
  <c r="G66862" i="1"/>
  <c r="G66863" i="1"/>
  <c r="G66864" i="1"/>
  <c r="G66865" i="1"/>
  <c r="G66866" i="1"/>
  <c r="G66867" i="1"/>
  <c r="G66868" i="1"/>
  <c r="G66869" i="1"/>
  <c r="G66870" i="1"/>
  <c r="G66871" i="1"/>
  <c r="G66872" i="1"/>
  <c r="G66873" i="1"/>
  <c r="G66874" i="1"/>
  <c r="G66875" i="1"/>
  <c r="G66876" i="1"/>
  <c r="G66877" i="1"/>
  <c r="G66878" i="1"/>
  <c r="G66879" i="1"/>
  <c r="G66880" i="1"/>
  <c r="G66881" i="1"/>
  <c r="G66882" i="1"/>
  <c r="G66883" i="1"/>
  <c r="G66884" i="1"/>
  <c r="G66885" i="1"/>
  <c r="G66886" i="1"/>
  <c r="G66887" i="1"/>
  <c r="G66888" i="1"/>
  <c r="G66889" i="1"/>
  <c r="G66890" i="1"/>
  <c r="G66891" i="1"/>
  <c r="G66892" i="1"/>
  <c r="G66893" i="1"/>
  <c r="G66894" i="1"/>
  <c r="G66895" i="1"/>
  <c r="G66896" i="1"/>
  <c r="G66897" i="1"/>
  <c r="G66898" i="1"/>
  <c r="G66899" i="1"/>
  <c r="G66900" i="1"/>
  <c r="G66901" i="1"/>
  <c r="G66902" i="1"/>
  <c r="G66903" i="1"/>
  <c r="G66904" i="1"/>
  <c r="G66905" i="1"/>
  <c r="G66906" i="1"/>
  <c r="G66907" i="1"/>
  <c r="G66908" i="1"/>
  <c r="G66909" i="1"/>
  <c r="G66910" i="1"/>
  <c r="G66911" i="1"/>
  <c r="G66912" i="1"/>
  <c r="G66913" i="1"/>
  <c r="G66914" i="1"/>
  <c r="G66915" i="1"/>
  <c r="G66916" i="1"/>
  <c r="G66917" i="1"/>
  <c r="G66918" i="1"/>
  <c r="G66919" i="1"/>
  <c r="G66920" i="1"/>
  <c r="G66921" i="1"/>
  <c r="G66922" i="1"/>
  <c r="G66923" i="1"/>
  <c r="G66924" i="1"/>
  <c r="G66925" i="1"/>
  <c r="G66926" i="1"/>
  <c r="G66927" i="1"/>
  <c r="G66928" i="1"/>
  <c r="G66929" i="1"/>
  <c r="G66930" i="1"/>
  <c r="G66931" i="1"/>
  <c r="G66932" i="1"/>
  <c r="G66933" i="1"/>
  <c r="G66934" i="1"/>
  <c r="G66935" i="1"/>
  <c r="G66936" i="1"/>
  <c r="G66937" i="1"/>
  <c r="G66938" i="1"/>
  <c r="G66939" i="1"/>
  <c r="G66940" i="1"/>
  <c r="G66941" i="1"/>
  <c r="G66942" i="1"/>
  <c r="G66943" i="1"/>
  <c r="G66944" i="1"/>
  <c r="G66945" i="1"/>
  <c r="G66946" i="1"/>
  <c r="G66947" i="1"/>
  <c r="G66948" i="1"/>
  <c r="G66949" i="1"/>
  <c r="G66950" i="1"/>
  <c r="G66951" i="1"/>
  <c r="G66952" i="1"/>
  <c r="G66953" i="1"/>
  <c r="G66954" i="1"/>
  <c r="G66955" i="1"/>
  <c r="G66956" i="1"/>
  <c r="G66957" i="1"/>
  <c r="G66958" i="1"/>
  <c r="G66959" i="1"/>
  <c r="G66960" i="1"/>
  <c r="G66961" i="1"/>
  <c r="G66962" i="1"/>
  <c r="G66963" i="1"/>
  <c r="G66964" i="1"/>
  <c r="G66965" i="1"/>
  <c r="G66966" i="1"/>
  <c r="G66967" i="1"/>
  <c r="G66968" i="1"/>
  <c r="G66969" i="1"/>
  <c r="G66970" i="1"/>
  <c r="G66971" i="1"/>
  <c r="G66972" i="1"/>
  <c r="G66973" i="1"/>
  <c r="G66974" i="1"/>
  <c r="G66975" i="1"/>
  <c r="G66976" i="1"/>
  <c r="G66977" i="1"/>
  <c r="G66978" i="1"/>
  <c r="G66979" i="1"/>
  <c r="G66980" i="1"/>
  <c r="G66981" i="1"/>
  <c r="G66982" i="1"/>
  <c r="G66983" i="1"/>
  <c r="G66984" i="1"/>
  <c r="G66985" i="1"/>
  <c r="G66986" i="1"/>
  <c r="G66987" i="1"/>
  <c r="G66988" i="1"/>
  <c r="G66989" i="1"/>
  <c r="G66990" i="1"/>
  <c r="G66991" i="1"/>
  <c r="G66992" i="1"/>
  <c r="G66993" i="1"/>
  <c r="G66994" i="1"/>
  <c r="G66995" i="1"/>
  <c r="G66996" i="1"/>
  <c r="G66997" i="1"/>
  <c r="G66998" i="1"/>
  <c r="G66999" i="1"/>
  <c r="G67000" i="1"/>
  <c r="G67001" i="1"/>
  <c r="G67002" i="1"/>
  <c r="G67003" i="1"/>
  <c r="G67004" i="1"/>
  <c r="G67005" i="1"/>
  <c r="G67006" i="1"/>
  <c r="G67007" i="1"/>
  <c r="G67008" i="1"/>
  <c r="G67009" i="1"/>
  <c r="G67010" i="1"/>
  <c r="G67011" i="1"/>
  <c r="G67012" i="1"/>
  <c r="G67013" i="1"/>
  <c r="G67014" i="1"/>
  <c r="G67015" i="1"/>
  <c r="G67016" i="1"/>
  <c r="G67017" i="1"/>
  <c r="G67018" i="1"/>
  <c r="G67019" i="1"/>
  <c r="G67020" i="1"/>
  <c r="G67021" i="1"/>
  <c r="G67022" i="1"/>
  <c r="G67023" i="1"/>
  <c r="G67024" i="1"/>
  <c r="G67025" i="1"/>
  <c r="G67026" i="1"/>
  <c r="G67027" i="1"/>
  <c r="G67028" i="1"/>
  <c r="G67029" i="1"/>
  <c r="G67030" i="1"/>
  <c r="G67031" i="1"/>
  <c r="G67032" i="1"/>
  <c r="G67033" i="1"/>
  <c r="G67034" i="1"/>
  <c r="G67035" i="1"/>
  <c r="G67036" i="1"/>
  <c r="G67037" i="1"/>
  <c r="G67038" i="1"/>
  <c r="G67039" i="1"/>
  <c r="G67040" i="1"/>
  <c r="G67041" i="1"/>
  <c r="G67042" i="1"/>
  <c r="G67043" i="1"/>
  <c r="G67044" i="1"/>
  <c r="G67045" i="1"/>
  <c r="G67046" i="1"/>
  <c r="G67047" i="1"/>
  <c r="G67048" i="1"/>
  <c r="G67049" i="1"/>
  <c r="G67050" i="1"/>
  <c r="G67051" i="1"/>
  <c r="G67052" i="1"/>
  <c r="G67053" i="1"/>
  <c r="G67054" i="1"/>
  <c r="G67055" i="1"/>
  <c r="G67056" i="1"/>
  <c r="G67057" i="1"/>
  <c r="G67058" i="1"/>
  <c r="G67059" i="1"/>
  <c r="G67060" i="1"/>
  <c r="G67061" i="1"/>
  <c r="G67062" i="1"/>
  <c r="G67063" i="1"/>
  <c r="G67064" i="1"/>
  <c r="G67065" i="1"/>
  <c r="G67066" i="1"/>
  <c r="G67067" i="1"/>
  <c r="G67068" i="1"/>
  <c r="G67069" i="1"/>
  <c r="G67070" i="1"/>
  <c r="G67071" i="1"/>
  <c r="G67072" i="1"/>
  <c r="G67073" i="1"/>
  <c r="G67074" i="1"/>
  <c r="G67075" i="1"/>
  <c r="G67076" i="1"/>
  <c r="G67077" i="1"/>
  <c r="G67078" i="1"/>
  <c r="G67079" i="1"/>
  <c r="G67080" i="1"/>
  <c r="G67081" i="1"/>
  <c r="G67082" i="1"/>
  <c r="G67083" i="1"/>
  <c r="G67084" i="1"/>
  <c r="G67085" i="1"/>
  <c r="G67086" i="1"/>
  <c r="G67087" i="1"/>
  <c r="G67088" i="1"/>
  <c r="G67089" i="1"/>
  <c r="G67090" i="1"/>
  <c r="G67091" i="1"/>
  <c r="G67092" i="1"/>
  <c r="G67093" i="1"/>
  <c r="G67094" i="1"/>
  <c r="G67095" i="1"/>
  <c r="G67096" i="1"/>
  <c r="G67097" i="1"/>
  <c r="G67098" i="1"/>
  <c r="G67099" i="1"/>
  <c r="G67100" i="1"/>
  <c r="G67101" i="1"/>
  <c r="G67102" i="1"/>
  <c r="G67103" i="1"/>
  <c r="G67104" i="1"/>
  <c r="G67105" i="1"/>
  <c r="G67106" i="1"/>
  <c r="G67107" i="1"/>
  <c r="G67108" i="1"/>
  <c r="G67109" i="1"/>
  <c r="G67110" i="1"/>
  <c r="G67111" i="1"/>
  <c r="G67112" i="1"/>
  <c r="G67113" i="1"/>
  <c r="G67114" i="1"/>
  <c r="G67115" i="1"/>
  <c r="G67116" i="1"/>
  <c r="G67117" i="1"/>
  <c r="G67118" i="1"/>
  <c r="G67119" i="1"/>
  <c r="G67120" i="1"/>
  <c r="G67121" i="1"/>
  <c r="G67122" i="1"/>
  <c r="G67123" i="1"/>
  <c r="G67124" i="1"/>
  <c r="G67125" i="1"/>
  <c r="G67126" i="1"/>
  <c r="G67127" i="1"/>
  <c r="G67128" i="1"/>
  <c r="G67129" i="1"/>
  <c r="G67130" i="1"/>
  <c r="G67131" i="1"/>
  <c r="G67132" i="1"/>
  <c r="G67133" i="1"/>
  <c r="G67134" i="1"/>
  <c r="G67135" i="1"/>
  <c r="G67136" i="1"/>
  <c r="G67137" i="1"/>
  <c r="G67138" i="1"/>
  <c r="G67139" i="1"/>
  <c r="G67140" i="1"/>
  <c r="G67141" i="1"/>
  <c r="G67142" i="1"/>
  <c r="G67143" i="1"/>
  <c r="G67144" i="1"/>
  <c r="G67145" i="1"/>
  <c r="G67146" i="1"/>
  <c r="G67147" i="1"/>
  <c r="G67148" i="1"/>
  <c r="G67149" i="1"/>
  <c r="G67150" i="1"/>
  <c r="G67151" i="1"/>
  <c r="G67152" i="1"/>
  <c r="G67153" i="1"/>
  <c r="G67154" i="1"/>
  <c r="G67155" i="1"/>
  <c r="G67156" i="1"/>
  <c r="G67157" i="1"/>
  <c r="G67158" i="1"/>
  <c r="G67159" i="1"/>
  <c r="G67160" i="1"/>
  <c r="G67161" i="1"/>
  <c r="G67162" i="1"/>
  <c r="G67163" i="1"/>
  <c r="G67164" i="1"/>
  <c r="G67165" i="1"/>
  <c r="G67166" i="1"/>
  <c r="G67167" i="1"/>
  <c r="G67168" i="1"/>
  <c r="G67169" i="1"/>
  <c r="G67170" i="1"/>
  <c r="G67171" i="1"/>
  <c r="G67172" i="1"/>
  <c r="G67173" i="1"/>
  <c r="G67174" i="1"/>
  <c r="G67175" i="1"/>
  <c r="G67176" i="1"/>
  <c r="G67177" i="1"/>
  <c r="G67178" i="1"/>
  <c r="G67179" i="1"/>
  <c r="G67180" i="1"/>
  <c r="G67181" i="1"/>
  <c r="G67182" i="1"/>
  <c r="G67183" i="1"/>
  <c r="G67184" i="1"/>
  <c r="G67185" i="1"/>
  <c r="G67186" i="1"/>
  <c r="G67187" i="1"/>
  <c r="G67188" i="1"/>
  <c r="G67189" i="1"/>
  <c r="G67190" i="1"/>
  <c r="G67191" i="1"/>
  <c r="G67192" i="1"/>
  <c r="G67193" i="1"/>
  <c r="G67194" i="1"/>
  <c r="G67195" i="1"/>
  <c r="G67196" i="1"/>
  <c r="G67197" i="1"/>
  <c r="G67198" i="1"/>
  <c r="G67199" i="1"/>
  <c r="G67200" i="1"/>
  <c r="G67201" i="1"/>
  <c r="G67202" i="1"/>
  <c r="G67203" i="1"/>
  <c r="G67204" i="1"/>
  <c r="G67205" i="1"/>
  <c r="G67206" i="1"/>
  <c r="G67207" i="1"/>
  <c r="G67208" i="1"/>
  <c r="G67209" i="1"/>
  <c r="G67210" i="1"/>
  <c r="G67211" i="1"/>
  <c r="G67212" i="1"/>
  <c r="G67213" i="1"/>
  <c r="G67214" i="1"/>
  <c r="G67215" i="1"/>
  <c r="G67216" i="1"/>
  <c r="G67217" i="1"/>
  <c r="G67218" i="1"/>
  <c r="G67219" i="1"/>
  <c r="G67220" i="1"/>
  <c r="G67221" i="1"/>
  <c r="G67222" i="1"/>
  <c r="G67223" i="1"/>
  <c r="G67224" i="1"/>
  <c r="G67225" i="1"/>
  <c r="G67226" i="1"/>
  <c r="G67227" i="1"/>
  <c r="G67228" i="1"/>
  <c r="G67229" i="1"/>
  <c r="G67230" i="1"/>
  <c r="G67231" i="1"/>
  <c r="G67232" i="1"/>
  <c r="G67233" i="1"/>
  <c r="G67234" i="1"/>
  <c r="G67235" i="1"/>
  <c r="G67236" i="1"/>
  <c r="G67237" i="1"/>
  <c r="G67238" i="1"/>
  <c r="G67239" i="1"/>
  <c r="G67240" i="1"/>
  <c r="G67241" i="1"/>
  <c r="G67242" i="1"/>
  <c r="G67243" i="1"/>
  <c r="G67244" i="1"/>
  <c r="G67245" i="1"/>
  <c r="G67246" i="1"/>
  <c r="G67247" i="1"/>
  <c r="G67248" i="1"/>
  <c r="G67249" i="1"/>
  <c r="G67250" i="1"/>
  <c r="G67251" i="1"/>
  <c r="G67252" i="1"/>
  <c r="G67253" i="1"/>
  <c r="G67254" i="1"/>
  <c r="G67255" i="1"/>
  <c r="G67256" i="1"/>
  <c r="G67257" i="1"/>
  <c r="G67258" i="1"/>
  <c r="G67259" i="1"/>
  <c r="G67260" i="1"/>
  <c r="G67261" i="1"/>
  <c r="G67262" i="1"/>
  <c r="G67263" i="1"/>
  <c r="G67264" i="1"/>
  <c r="G67265" i="1"/>
  <c r="G67266" i="1"/>
  <c r="G67267" i="1"/>
  <c r="G67268" i="1"/>
  <c r="G67269" i="1"/>
  <c r="G67270" i="1"/>
  <c r="G67271" i="1"/>
  <c r="G67272" i="1"/>
  <c r="G67273" i="1"/>
  <c r="G67274" i="1"/>
  <c r="G67275" i="1"/>
  <c r="G67276" i="1"/>
  <c r="G67277" i="1"/>
  <c r="G67278" i="1"/>
  <c r="G67279" i="1"/>
  <c r="G67280" i="1"/>
  <c r="G67281" i="1"/>
  <c r="G67282" i="1"/>
  <c r="G67283" i="1"/>
  <c r="G67284" i="1"/>
  <c r="G67285" i="1"/>
  <c r="G67286" i="1"/>
  <c r="G67287" i="1"/>
  <c r="G67288" i="1"/>
  <c r="G67289" i="1"/>
  <c r="G67290" i="1"/>
  <c r="G67291" i="1"/>
  <c r="G67292" i="1"/>
  <c r="G67293" i="1"/>
  <c r="G67294" i="1"/>
  <c r="G67295" i="1"/>
  <c r="G67296" i="1"/>
  <c r="G67297" i="1"/>
  <c r="G67298" i="1"/>
  <c r="G67299" i="1"/>
  <c r="G67300" i="1"/>
  <c r="G67301" i="1"/>
  <c r="G67302" i="1"/>
  <c r="G67303" i="1"/>
  <c r="G67304" i="1"/>
  <c r="G67305" i="1"/>
  <c r="G67306" i="1"/>
  <c r="G67307" i="1"/>
  <c r="G67308" i="1"/>
  <c r="G67309" i="1"/>
  <c r="G67310" i="1"/>
  <c r="G67311" i="1"/>
  <c r="G67312" i="1"/>
  <c r="G67313" i="1"/>
  <c r="G67314" i="1"/>
  <c r="G67315" i="1"/>
  <c r="G67316" i="1"/>
  <c r="G67317" i="1"/>
  <c r="G67318" i="1"/>
  <c r="G67319" i="1"/>
  <c r="G67320" i="1"/>
  <c r="G67321" i="1"/>
  <c r="G67322" i="1"/>
  <c r="G67323" i="1"/>
  <c r="G67324" i="1"/>
  <c r="G67325" i="1"/>
  <c r="G67326" i="1"/>
  <c r="G67327" i="1"/>
  <c r="G67328" i="1"/>
  <c r="G67329" i="1"/>
  <c r="G67330" i="1"/>
  <c r="G67331" i="1"/>
  <c r="G67332" i="1"/>
  <c r="G67333" i="1"/>
  <c r="G67334" i="1"/>
  <c r="G67335" i="1"/>
  <c r="G67336" i="1"/>
  <c r="G67337" i="1"/>
  <c r="G67338" i="1"/>
  <c r="G67339" i="1"/>
  <c r="G67340" i="1"/>
  <c r="G67341" i="1"/>
  <c r="G67342" i="1"/>
  <c r="G67343" i="1"/>
  <c r="G67344" i="1"/>
  <c r="G67345" i="1"/>
  <c r="G67346" i="1"/>
  <c r="G67347" i="1"/>
  <c r="G67348" i="1"/>
  <c r="G67349" i="1"/>
  <c r="G67350" i="1"/>
  <c r="G67351" i="1"/>
  <c r="G67352" i="1"/>
  <c r="G67353" i="1"/>
  <c r="G67354" i="1"/>
  <c r="G67355" i="1"/>
  <c r="G67356" i="1"/>
  <c r="G67357" i="1"/>
  <c r="G67358" i="1"/>
  <c r="G67359" i="1"/>
  <c r="G67360" i="1"/>
  <c r="G67361" i="1"/>
  <c r="G67362" i="1"/>
  <c r="G67363" i="1"/>
  <c r="G67364" i="1"/>
  <c r="G67365" i="1"/>
  <c r="G67366" i="1"/>
  <c r="G67367" i="1"/>
  <c r="G67368" i="1"/>
  <c r="G67369" i="1"/>
  <c r="G67370" i="1"/>
  <c r="G67371" i="1"/>
  <c r="G67372" i="1"/>
  <c r="G67373" i="1"/>
  <c r="G67374" i="1"/>
  <c r="G67375" i="1"/>
  <c r="G67376" i="1"/>
  <c r="G67377" i="1"/>
  <c r="G67378" i="1"/>
  <c r="G67379" i="1"/>
  <c r="G67380" i="1"/>
  <c r="G67381" i="1"/>
  <c r="G67382" i="1"/>
  <c r="G67383" i="1"/>
  <c r="G67384" i="1"/>
  <c r="G67385" i="1"/>
  <c r="G67386" i="1"/>
  <c r="G67387" i="1"/>
  <c r="G67388" i="1"/>
  <c r="G67389" i="1"/>
  <c r="G67390" i="1"/>
  <c r="G67391" i="1"/>
  <c r="G67392" i="1"/>
  <c r="G67393" i="1"/>
  <c r="G67394" i="1"/>
  <c r="G67395" i="1"/>
  <c r="G67396" i="1"/>
  <c r="G67397" i="1"/>
  <c r="G67398" i="1"/>
  <c r="G67399" i="1"/>
  <c r="G67400" i="1"/>
  <c r="G67401" i="1"/>
  <c r="G67402" i="1"/>
  <c r="G67403" i="1"/>
  <c r="G67404" i="1"/>
  <c r="G67405" i="1"/>
  <c r="G67406" i="1"/>
  <c r="G67407" i="1"/>
  <c r="G67408" i="1"/>
  <c r="G67409" i="1"/>
  <c r="G67410" i="1"/>
  <c r="G67411" i="1"/>
  <c r="G67412" i="1"/>
  <c r="G67413" i="1"/>
  <c r="G67414" i="1"/>
  <c r="G67415" i="1"/>
  <c r="G67416" i="1"/>
  <c r="G67417" i="1"/>
  <c r="G67418" i="1"/>
  <c r="G67419" i="1"/>
  <c r="G67420" i="1"/>
  <c r="G67421" i="1"/>
  <c r="G67422" i="1"/>
  <c r="G67423" i="1"/>
  <c r="G67424" i="1"/>
  <c r="G67425" i="1"/>
  <c r="G67426" i="1"/>
  <c r="G67427" i="1"/>
  <c r="G67428" i="1"/>
  <c r="G67429" i="1"/>
  <c r="G67430" i="1"/>
  <c r="G67431" i="1"/>
  <c r="G67432" i="1"/>
  <c r="G67433" i="1"/>
  <c r="G67434" i="1"/>
  <c r="G67435" i="1"/>
  <c r="G67436" i="1"/>
  <c r="G67437" i="1"/>
  <c r="G67438" i="1"/>
  <c r="G67439" i="1"/>
  <c r="G67440" i="1"/>
  <c r="G67441" i="1"/>
  <c r="G67442" i="1"/>
  <c r="G67443" i="1"/>
  <c r="G67444" i="1"/>
  <c r="G67445" i="1"/>
  <c r="G67446" i="1"/>
  <c r="G67447" i="1"/>
  <c r="G67448" i="1"/>
  <c r="G67449" i="1"/>
  <c r="G67450" i="1"/>
  <c r="G67451" i="1"/>
  <c r="G67452" i="1"/>
  <c r="G67453" i="1"/>
  <c r="G67454" i="1"/>
  <c r="G67455" i="1"/>
  <c r="G67456" i="1"/>
  <c r="G67457" i="1"/>
  <c r="G67458" i="1"/>
  <c r="G67459" i="1"/>
  <c r="G67460" i="1"/>
  <c r="G67461" i="1"/>
  <c r="G67462" i="1"/>
  <c r="G67463" i="1"/>
  <c r="G67464" i="1"/>
  <c r="G67465" i="1"/>
  <c r="G67466" i="1"/>
  <c r="G67467" i="1"/>
  <c r="G67468" i="1"/>
  <c r="G67469" i="1"/>
  <c r="G67470" i="1"/>
  <c r="G67471" i="1"/>
  <c r="G67472" i="1"/>
  <c r="G67473" i="1"/>
  <c r="G67474" i="1"/>
  <c r="G67475" i="1"/>
  <c r="G67476" i="1"/>
  <c r="G67477" i="1"/>
  <c r="G67478" i="1"/>
  <c r="G67479" i="1"/>
  <c r="G67480" i="1"/>
  <c r="G67481" i="1"/>
  <c r="G67482" i="1"/>
  <c r="G67483" i="1"/>
  <c r="G67484" i="1"/>
  <c r="G67485" i="1"/>
  <c r="G67486" i="1"/>
  <c r="G67487" i="1"/>
  <c r="G67488" i="1"/>
  <c r="G67489" i="1"/>
  <c r="G67490" i="1"/>
  <c r="G67491" i="1"/>
  <c r="G67492" i="1"/>
  <c r="G67493" i="1"/>
  <c r="G67494" i="1"/>
  <c r="G67495" i="1"/>
  <c r="G67496" i="1"/>
  <c r="G67497" i="1"/>
  <c r="G67498" i="1"/>
  <c r="G67499" i="1"/>
  <c r="G67500" i="1"/>
  <c r="G67501" i="1"/>
  <c r="G67502" i="1"/>
  <c r="G67503" i="1"/>
  <c r="G67504" i="1"/>
  <c r="G67505" i="1"/>
  <c r="G67506" i="1"/>
  <c r="G67507" i="1"/>
  <c r="G67508" i="1"/>
  <c r="G67509" i="1"/>
  <c r="G67510" i="1"/>
  <c r="G67511" i="1"/>
  <c r="G67512" i="1"/>
  <c r="G67513" i="1"/>
  <c r="G67514" i="1"/>
  <c r="G67515" i="1"/>
  <c r="G67516" i="1"/>
  <c r="G67517" i="1"/>
  <c r="G67518" i="1"/>
  <c r="G67519" i="1"/>
  <c r="G67520" i="1"/>
  <c r="G67521" i="1"/>
  <c r="G67522" i="1"/>
  <c r="G67523" i="1"/>
  <c r="G67524" i="1"/>
  <c r="G67525" i="1"/>
  <c r="G67526" i="1"/>
  <c r="G67527" i="1"/>
  <c r="G67528" i="1"/>
  <c r="G67529" i="1"/>
  <c r="G67530" i="1"/>
  <c r="G67531" i="1"/>
  <c r="G67532" i="1"/>
  <c r="G67533" i="1"/>
  <c r="G67534" i="1"/>
  <c r="G67535" i="1"/>
  <c r="G67536" i="1"/>
  <c r="G67537" i="1"/>
  <c r="G67538" i="1"/>
  <c r="G67539" i="1"/>
  <c r="G67540" i="1"/>
  <c r="G67541" i="1"/>
  <c r="G67542" i="1"/>
  <c r="G67543" i="1"/>
  <c r="G67544" i="1"/>
  <c r="G67545" i="1"/>
  <c r="G67546" i="1"/>
  <c r="G67547" i="1"/>
  <c r="G67548" i="1"/>
  <c r="G67549" i="1"/>
  <c r="G67550" i="1"/>
  <c r="G67551" i="1"/>
  <c r="G67552" i="1"/>
  <c r="G67553" i="1"/>
  <c r="G67554" i="1"/>
  <c r="G67555" i="1"/>
  <c r="G67556" i="1"/>
  <c r="G67557" i="1"/>
  <c r="G67558" i="1"/>
  <c r="G67559" i="1"/>
  <c r="G67560" i="1"/>
  <c r="G67561" i="1"/>
  <c r="G67562" i="1"/>
  <c r="G67563" i="1"/>
  <c r="G67564" i="1"/>
  <c r="G67565" i="1"/>
  <c r="G67566" i="1"/>
  <c r="G67567" i="1"/>
  <c r="G67568" i="1"/>
  <c r="G67569" i="1"/>
  <c r="G67570" i="1"/>
  <c r="G67571" i="1"/>
  <c r="G67572" i="1"/>
  <c r="G67573" i="1"/>
  <c r="G67574" i="1"/>
  <c r="G67575" i="1"/>
  <c r="G67576" i="1"/>
  <c r="G67577" i="1"/>
  <c r="G67578" i="1"/>
  <c r="G67579" i="1"/>
  <c r="G67580" i="1"/>
  <c r="G67581" i="1"/>
  <c r="G67582" i="1"/>
  <c r="G67583" i="1"/>
  <c r="G67584" i="1"/>
  <c r="G67585" i="1"/>
  <c r="G67586" i="1"/>
  <c r="G67587" i="1"/>
  <c r="G67588" i="1"/>
  <c r="G67589" i="1"/>
  <c r="G67590" i="1"/>
  <c r="G67591" i="1"/>
  <c r="G67592" i="1"/>
  <c r="G67593" i="1"/>
  <c r="G67594" i="1"/>
  <c r="G67595" i="1"/>
  <c r="G67596" i="1"/>
  <c r="G67597" i="1"/>
  <c r="G67598" i="1"/>
  <c r="G67599" i="1"/>
  <c r="G67600" i="1"/>
  <c r="G67601" i="1"/>
  <c r="G67602" i="1"/>
  <c r="G67603" i="1"/>
  <c r="G67604" i="1"/>
  <c r="G67605" i="1"/>
  <c r="G67606" i="1"/>
  <c r="G67607" i="1"/>
  <c r="G67608" i="1"/>
  <c r="G67609" i="1"/>
  <c r="G67610" i="1"/>
  <c r="G67611" i="1"/>
  <c r="G67612" i="1"/>
  <c r="G67613" i="1"/>
  <c r="G67614" i="1"/>
  <c r="G67615" i="1"/>
  <c r="G67616" i="1"/>
  <c r="G67617" i="1"/>
  <c r="G67618" i="1"/>
  <c r="G67619" i="1"/>
  <c r="G67620" i="1"/>
  <c r="G67621" i="1"/>
  <c r="G67622" i="1"/>
  <c r="G67623" i="1"/>
  <c r="G67624" i="1"/>
  <c r="G67625" i="1"/>
  <c r="G67626" i="1"/>
  <c r="G67627" i="1"/>
  <c r="G67628" i="1"/>
  <c r="G67629" i="1"/>
  <c r="G67630" i="1"/>
  <c r="G67631" i="1"/>
  <c r="G67632" i="1"/>
  <c r="G67633" i="1"/>
  <c r="G67634" i="1"/>
  <c r="G67635" i="1"/>
  <c r="G67636" i="1"/>
  <c r="G67637" i="1"/>
  <c r="G67638" i="1"/>
  <c r="G67639" i="1"/>
  <c r="G67640" i="1"/>
  <c r="G67641" i="1"/>
  <c r="G67642" i="1"/>
  <c r="G67643" i="1"/>
  <c r="G67644" i="1"/>
  <c r="G67645" i="1"/>
  <c r="G67646" i="1"/>
  <c r="G67647" i="1"/>
  <c r="G67648" i="1"/>
  <c r="G67649" i="1"/>
  <c r="G67650" i="1"/>
  <c r="G67651" i="1"/>
  <c r="G67652" i="1"/>
  <c r="G67653" i="1"/>
  <c r="G67654" i="1"/>
  <c r="G67655" i="1"/>
  <c r="G67656" i="1"/>
  <c r="G67657" i="1"/>
  <c r="G67658" i="1"/>
  <c r="G67659" i="1"/>
  <c r="G67660" i="1"/>
  <c r="G67661" i="1"/>
  <c r="G67662" i="1"/>
  <c r="G67663" i="1"/>
  <c r="G67664" i="1"/>
  <c r="G67665" i="1"/>
  <c r="G67666" i="1"/>
  <c r="G67667" i="1"/>
  <c r="G67668" i="1"/>
  <c r="G67669" i="1"/>
  <c r="G67670" i="1"/>
  <c r="G67671" i="1"/>
  <c r="G67672" i="1"/>
  <c r="G67673" i="1"/>
  <c r="G67674" i="1"/>
  <c r="G67675" i="1"/>
  <c r="G67676" i="1"/>
  <c r="G67677" i="1"/>
  <c r="G67678" i="1"/>
  <c r="G67679" i="1"/>
  <c r="G67680" i="1"/>
  <c r="G67681" i="1"/>
  <c r="G67682" i="1"/>
  <c r="G67683" i="1"/>
  <c r="G67684" i="1"/>
  <c r="G67685" i="1"/>
  <c r="G67686" i="1"/>
  <c r="G67687" i="1"/>
  <c r="G67688" i="1"/>
  <c r="G67689" i="1"/>
  <c r="G67690" i="1"/>
  <c r="G67691" i="1"/>
  <c r="G67692" i="1"/>
  <c r="G67693" i="1"/>
  <c r="G67694" i="1"/>
  <c r="G67695" i="1"/>
  <c r="G67696" i="1"/>
  <c r="G67697" i="1"/>
  <c r="G67698" i="1"/>
  <c r="G67699" i="1"/>
  <c r="G67700" i="1"/>
  <c r="G67701" i="1"/>
  <c r="G67702" i="1"/>
  <c r="G67703" i="1"/>
  <c r="G67704" i="1"/>
  <c r="G67705" i="1"/>
  <c r="G67706" i="1"/>
  <c r="G67707" i="1"/>
  <c r="G67708" i="1"/>
  <c r="G67709" i="1"/>
  <c r="G67710" i="1"/>
  <c r="G67711" i="1"/>
  <c r="G67712" i="1"/>
  <c r="G67713" i="1"/>
  <c r="G67714" i="1"/>
  <c r="G67715" i="1"/>
  <c r="G67716" i="1"/>
  <c r="G67717" i="1"/>
  <c r="G67718" i="1"/>
  <c r="G67719" i="1"/>
  <c r="G67720" i="1"/>
  <c r="G67721" i="1"/>
  <c r="G67722" i="1"/>
  <c r="G67723" i="1"/>
  <c r="G67724" i="1"/>
  <c r="G67725" i="1"/>
  <c r="G67726" i="1"/>
  <c r="G67727" i="1"/>
  <c r="G67728" i="1"/>
  <c r="G67729" i="1"/>
  <c r="G67730" i="1"/>
  <c r="G67731" i="1"/>
  <c r="G67732" i="1"/>
  <c r="G67733" i="1"/>
  <c r="G67734" i="1"/>
  <c r="G67735" i="1"/>
  <c r="G67736" i="1"/>
  <c r="G67737" i="1"/>
  <c r="G67738" i="1"/>
  <c r="G67739" i="1"/>
  <c r="G67740" i="1"/>
  <c r="G67741" i="1"/>
  <c r="G67742" i="1"/>
  <c r="G67743" i="1"/>
  <c r="G67744" i="1"/>
  <c r="G67745" i="1"/>
  <c r="G67746" i="1"/>
  <c r="G67747" i="1"/>
  <c r="G67748" i="1"/>
  <c r="G67749" i="1"/>
  <c r="G67750" i="1"/>
  <c r="G67751" i="1"/>
  <c r="G67752" i="1"/>
  <c r="G67753" i="1"/>
  <c r="G67754" i="1"/>
  <c r="G67755" i="1"/>
  <c r="G67756" i="1"/>
  <c r="G67757" i="1"/>
  <c r="G67758" i="1"/>
  <c r="G67759" i="1"/>
  <c r="G67760" i="1"/>
  <c r="G67761" i="1"/>
  <c r="G67762" i="1"/>
  <c r="G67763" i="1"/>
  <c r="G67764" i="1"/>
  <c r="G67765" i="1"/>
  <c r="G67766" i="1"/>
  <c r="G67767" i="1"/>
  <c r="G67768" i="1"/>
  <c r="G67769" i="1"/>
  <c r="G67770" i="1"/>
  <c r="G67771" i="1"/>
  <c r="G67772" i="1"/>
  <c r="G67773" i="1"/>
  <c r="G67774" i="1"/>
  <c r="G67775" i="1"/>
  <c r="G67776" i="1"/>
  <c r="G67777" i="1"/>
  <c r="G67778" i="1"/>
  <c r="G67779" i="1"/>
  <c r="G67780" i="1"/>
  <c r="G67781" i="1"/>
  <c r="G67782" i="1"/>
  <c r="G67783" i="1"/>
  <c r="G67784" i="1"/>
  <c r="G67785" i="1"/>
  <c r="G67786" i="1"/>
  <c r="G67787" i="1"/>
  <c r="G67788" i="1"/>
  <c r="G67789" i="1"/>
  <c r="G67790" i="1"/>
  <c r="G67791" i="1"/>
  <c r="G67792" i="1"/>
  <c r="G67793" i="1"/>
  <c r="G67794" i="1"/>
  <c r="G67795" i="1"/>
  <c r="G67796" i="1"/>
  <c r="G67797" i="1"/>
  <c r="G67798" i="1"/>
  <c r="G67799" i="1"/>
  <c r="G67800" i="1"/>
  <c r="G67801" i="1"/>
  <c r="G67802" i="1"/>
  <c r="G67803" i="1"/>
  <c r="G67804" i="1"/>
  <c r="G67805" i="1"/>
  <c r="G67806" i="1"/>
  <c r="G67807" i="1"/>
  <c r="G67808" i="1"/>
  <c r="G67809" i="1"/>
  <c r="G67810" i="1"/>
  <c r="G67811" i="1"/>
  <c r="G67812" i="1"/>
  <c r="G67813" i="1"/>
  <c r="G67814" i="1"/>
  <c r="G67815" i="1"/>
  <c r="G67816" i="1"/>
  <c r="G67817" i="1"/>
  <c r="G67818" i="1"/>
  <c r="G67819" i="1"/>
  <c r="G67820" i="1"/>
  <c r="G67821" i="1"/>
  <c r="G67822" i="1"/>
  <c r="G67823" i="1"/>
  <c r="G67824" i="1"/>
  <c r="G67825" i="1"/>
  <c r="G67826" i="1"/>
  <c r="G67827" i="1"/>
  <c r="G67828" i="1"/>
  <c r="G67829" i="1"/>
  <c r="G67830" i="1"/>
  <c r="G67831" i="1"/>
  <c r="G67832" i="1"/>
  <c r="G67833" i="1"/>
  <c r="G67834" i="1"/>
  <c r="G67835" i="1"/>
  <c r="G67836" i="1"/>
  <c r="G67837" i="1"/>
  <c r="G67838" i="1"/>
  <c r="G67839" i="1"/>
  <c r="G67840" i="1"/>
  <c r="G67841" i="1"/>
  <c r="G67842" i="1"/>
  <c r="G67843" i="1"/>
  <c r="G67844" i="1"/>
  <c r="G67845" i="1"/>
  <c r="G67846" i="1"/>
  <c r="G67847" i="1"/>
  <c r="G67848" i="1"/>
  <c r="G67849" i="1"/>
  <c r="G67850" i="1"/>
  <c r="G67851" i="1"/>
  <c r="G67852" i="1"/>
  <c r="G67853" i="1"/>
  <c r="G67854" i="1"/>
  <c r="G67855" i="1"/>
  <c r="G67856" i="1"/>
  <c r="G67857" i="1"/>
  <c r="G67858" i="1"/>
  <c r="G67859" i="1"/>
  <c r="G67860" i="1"/>
  <c r="G67861" i="1"/>
  <c r="G67862" i="1"/>
  <c r="G67863" i="1"/>
  <c r="G67864" i="1"/>
  <c r="G67865" i="1"/>
  <c r="G67866" i="1"/>
  <c r="G67867" i="1"/>
  <c r="G67868" i="1"/>
  <c r="G67869" i="1"/>
  <c r="G67870" i="1"/>
  <c r="G67871" i="1"/>
  <c r="G67872" i="1"/>
  <c r="G67873" i="1"/>
  <c r="G67874" i="1"/>
  <c r="G67875" i="1"/>
  <c r="G67876" i="1"/>
  <c r="G67877" i="1"/>
  <c r="G67878" i="1"/>
  <c r="G67879" i="1"/>
  <c r="G67880" i="1"/>
  <c r="G67881" i="1"/>
  <c r="G67882" i="1"/>
  <c r="G67883" i="1"/>
  <c r="G67884" i="1"/>
  <c r="G67885" i="1"/>
  <c r="G67886" i="1"/>
  <c r="G67887" i="1"/>
  <c r="G67888" i="1"/>
  <c r="G67889" i="1"/>
  <c r="G67890" i="1"/>
  <c r="G67891" i="1"/>
  <c r="G67892" i="1"/>
  <c r="G67893" i="1"/>
  <c r="G67894" i="1"/>
  <c r="G67895" i="1"/>
  <c r="G67896" i="1"/>
  <c r="G67897" i="1"/>
  <c r="G67898" i="1"/>
  <c r="G67899" i="1"/>
  <c r="G67900" i="1"/>
  <c r="G67901" i="1"/>
  <c r="G67902" i="1"/>
  <c r="G67903" i="1"/>
  <c r="G67904" i="1"/>
  <c r="G67905" i="1"/>
  <c r="G67906" i="1"/>
  <c r="G67907" i="1"/>
  <c r="G67908" i="1"/>
  <c r="G67909" i="1"/>
  <c r="G67910" i="1"/>
  <c r="G67911" i="1"/>
  <c r="G67912" i="1"/>
  <c r="G67913" i="1"/>
  <c r="G67914" i="1"/>
  <c r="G67915" i="1"/>
  <c r="G67916" i="1"/>
  <c r="G67917" i="1"/>
  <c r="G67918" i="1"/>
  <c r="G67919" i="1"/>
  <c r="G67920" i="1"/>
  <c r="G67921" i="1"/>
  <c r="G67922" i="1"/>
  <c r="G67923" i="1"/>
  <c r="G67924" i="1"/>
  <c r="G67925" i="1"/>
  <c r="G67926" i="1"/>
  <c r="G67927" i="1"/>
  <c r="G67928" i="1"/>
  <c r="G67929" i="1"/>
  <c r="G67930" i="1"/>
  <c r="G67931" i="1"/>
  <c r="G67932" i="1"/>
  <c r="G67933" i="1"/>
  <c r="G67934" i="1"/>
  <c r="G67935" i="1"/>
  <c r="G67936" i="1"/>
  <c r="G67937" i="1"/>
  <c r="G67938" i="1"/>
  <c r="G67939" i="1"/>
  <c r="G67940" i="1"/>
  <c r="G67941" i="1"/>
  <c r="G67942" i="1"/>
  <c r="G67943" i="1"/>
  <c r="G67944" i="1"/>
  <c r="G67945" i="1"/>
  <c r="G67946" i="1"/>
  <c r="G67947" i="1"/>
  <c r="G67948" i="1"/>
  <c r="G67949" i="1"/>
  <c r="G67950" i="1"/>
  <c r="G67951" i="1"/>
  <c r="G67952" i="1"/>
  <c r="G67953" i="1"/>
  <c r="G67954" i="1"/>
  <c r="G67955" i="1"/>
  <c r="G67956" i="1"/>
  <c r="G67957" i="1"/>
  <c r="G67958" i="1"/>
  <c r="G67959" i="1"/>
  <c r="G67960" i="1"/>
  <c r="G67961" i="1"/>
  <c r="G67962" i="1"/>
  <c r="G67963" i="1"/>
  <c r="G67964" i="1"/>
  <c r="G67965" i="1"/>
  <c r="G67966" i="1"/>
  <c r="G67967" i="1"/>
  <c r="G67968" i="1"/>
  <c r="G67969" i="1"/>
  <c r="G67970" i="1"/>
  <c r="G67971" i="1"/>
  <c r="G67972" i="1"/>
  <c r="G67973" i="1"/>
  <c r="G67974" i="1"/>
  <c r="G67975" i="1"/>
  <c r="G67976" i="1"/>
  <c r="G67977" i="1"/>
  <c r="G67978" i="1"/>
  <c r="G67979" i="1"/>
  <c r="G67980" i="1"/>
  <c r="G67981" i="1"/>
  <c r="G67982" i="1"/>
  <c r="G67983" i="1"/>
  <c r="G67984" i="1"/>
  <c r="G67985" i="1"/>
  <c r="G67986" i="1"/>
  <c r="G67987" i="1"/>
  <c r="G67988" i="1"/>
  <c r="G67989" i="1"/>
  <c r="G67990" i="1"/>
  <c r="G67991" i="1"/>
  <c r="G67992" i="1"/>
  <c r="G67993" i="1"/>
  <c r="G67994" i="1"/>
  <c r="G67995" i="1"/>
  <c r="G67996" i="1"/>
  <c r="G67997" i="1"/>
  <c r="G67998" i="1"/>
  <c r="G67999" i="1"/>
  <c r="G68000" i="1"/>
  <c r="G68001" i="1"/>
  <c r="G68002" i="1"/>
  <c r="G68003" i="1"/>
  <c r="G68004" i="1"/>
  <c r="G68005" i="1"/>
  <c r="G68006" i="1"/>
  <c r="G68007" i="1"/>
  <c r="G68008" i="1"/>
  <c r="G68009" i="1"/>
  <c r="G68010" i="1"/>
  <c r="G68011" i="1"/>
  <c r="G68012" i="1"/>
  <c r="G68013" i="1"/>
  <c r="G68014" i="1"/>
  <c r="G68015" i="1"/>
  <c r="G68016" i="1"/>
  <c r="G68017" i="1"/>
  <c r="G68018" i="1"/>
  <c r="G68019" i="1"/>
  <c r="G68020" i="1"/>
  <c r="G68021" i="1"/>
  <c r="G68022" i="1"/>
  <c r="G68023" i="1"/>
  <c r="G68024" i="1"/>
  <c r="G68025" i="1"/>
  <c r="G68026" i="1"/>
  <c r="G68027" i="1"/>
  <c r="G68028" i="1"/>
  <c r="G68029" i="1"/>
  <c r="G68030" i="1"/>
  <c r="G68031" i="1"/>
  <c r="G68032" i="1"/>
  <c r="G68033" i="1"/>
  <c r="G68034" i="1"/>
  <c r="G68035" i="1"/>
  <c r="G68036" i="1"/>
  <c r="G68037" i="1"/>
  <c r="G68038" i="1"/>
  <c r="G68039" i="1"/>
  <c r="G68040" i="1"/>
  <c r="G68041" i="1"/>
  <c r="G68042" i="1"/>
  <c r="G68043" i="1"/>
  <c r="G68044" i="1"/>
  <c r="G68045" i="1"/>
  <c r="G68046" i="1"/>
  <c r="G68047" i="1"/>
  <c r="G68048" i="1"/>
  <c r="G68049" i="1"/>
  <c r="G68050" i="1"/>
  <c r="G68051" i="1"/>
  <c r="G68052" i="1"/>
  <c r="G68053" i="1"/>
  <c r="G68054" i="1"/>
  <c r="G68055" i="1"/>
  <c r="G68056" i="1"/>
  <c r="G68057" i="1"/>
  <c r="G68058" i="1"/>
  <c r="G68059" i="1"/>
  <c r="G68060" i="1"/>
  <c r="G68061" i="1"/>
  <c r="G68062" i="1"/>
  <c r="G68063" i="1"/>
  <c r="G68064" i="1"/>
  <c r="G68065" i="1"/>
  <c r="G68066" i="1"/>
  <c r="G68067" i="1"/>
  <c r="G68068" i="1"/>
  <c r="G68069" i="1"/>
  <c r="G68070" i="1"/>
  <c r="G68071" i="1"/>
  <c r="G68072" i="1"/>
  <c r="G68073" i="1"/>
  <c r="G68074" i="1"/>
  <c r="G68075" i="1"/>
  <c r="G68076" i="1"/>
  <c r="G68077" i="1"/>
  <c r="G68078" i="1"/>
  <c r="G68079" i="1"/>
  <c r="G68080" i="1"/>
  <c r="G68081" i="1"/>
  <c r="G68082" i="1"/>
  <c r="G68083" i="1"/>
  <c r="G68084" i="1"/>
  <c r="G68085" i="1"/>
  <c r="G68086" i="1"/>
  <c r="G68087" i="1"/>
  <c r="G68088" i="1"/>
  <c r="G68089" i="1"/>
  <c r="G68090" i="1"/>
  <c r="G68091" i="1"/>
  <c r="G68092" i="1"/>
  <c r="G68093" i="1"/>
  <c r="G68094" i="1"/>
  <c r="G68095" i="1"/>
  <c r="G68096" i="1"/>
  <c r="G68097" i="1"/>
  <c r="G68098" i="1"/>
  <c r="G68099" i="1"/>
  <c r="G68100" i="1"/>
  <c r="G68101" i="1"/>
  <c r="G68102" i="1"/>
  <c r="G68103" i="1"/>
  <c r="G68104" i="1"/>
  <c r="G68105" i="1"/>
  <c r="G68106" i="1"/>
  <c r="G68107" i="1"/>
  <c r="G68108" i="1"/>
  <c r="G68109" i="1"/>
  <c r="G68110" i="1"/>
  <c r="G68111" i="1"/>
  <c r="G68112" i="1"/>
  <c r="G68113" i="1"/>
  <c r="G68114" i="1"/>
  <c r="G68115" i="1"/>
  <c r="G68116" i="1"/>
  <c r="G68117" i="1"/>
  <c r="G68118" i="1"/>
  <c r="G68119" i="1"/>
  <c r="G68120" i="1"/>
  <c r="G68121" i="1"/>
  <c r="G68122" i="1"/>
  <c r="G68123" i="1"/>
  <c r="G68124" i="1"/>
  <c r="G68125" i="1"/>
  <c r="G68126" i="1"/>
  <c r="G68127" i="1"/>
  <c r="G68128" i="1"/>
  <c r="G68129" i="1"/>
  <c r="G68130" i="1"/>
  <c r="G68131" i="1"/>
  <c r="G68132" i="1"/>
  <c r="G68133" i="1"/>
  <c r="G68134" i="1"/>
  <c r="G68135" i="1"/>
  <c r="G68136" i="1"/>
  <c r="G68137" i="1"/>
  <c r="G68138" i="1"/>
  <c r="G68139" i="1"/>
  <c r="G68140" i="1"/>
  <c r="G68141" i="1"/>
  <c r="G68142" i="1"/>
  <c r="G68143" i="1"/>
  <c r="G68144" i="1"/>
  <c r="G68145" i="1"/>
  <c r="G68146" i="1"/>
  <c r="G68147" i="1"/>
  <c r="G68148" i="1"/>
  <c r="G68149" i="1"/>
  <c r="G68150" i="1"/>
  <c r="G68151" i="1"/>
  <c r="G68152" i="1"/>
  <c r="G68153" i="1"/>
  <c r="G68154" i="1"/>
  <c r="G68155" i="1"/>
  <c r="G68156" i="1"/>
  <c r="G68157" i="1"/>
  <c r="G68158" i="1"/>
  <c r="G68159" i="1"/>
  <c r="G68160" i="1"/>
  <c r="G68161" i="1"/>
  <c r="G68162" i="1"/>
  <c r="G68163" i="1"/>
  <c r="G68164" i="1"/>
  <c r="G68165" i="1"/>
  <c r="G68166" i="1"/>
  <c r="G68167" i="1"/>
  <c r="G68168" i="1"/>
  <c r="G68169" i="1"/>
  <c r="G68170" i="1"/>
  <c r="G68171" i="1"/>
  <c r="G68172" i="1"/>
  <c r="G68173" i="1"/>
  <c r="G68174" i="1"/>
  <c r="G68175" i="1"/>
  <c r="G68176" i="1"/>
  <c r="G68177" i="1"/>
  <c r="G68178" i="1"/>
  <c r="G68179" i="1"/>
  <c r="G68180" i="1"/>
  <c r="G68181" i="1"/>
  <c r="G68182" i="1"/>
  <c r="G68183" i="1"/>
  <c r="G68184" i="1"/>
  <c r="G68185" i="1"/>
  <c r="G68186" i="1"/>
  <c r="G68187" i="1"/>
  <c r="G68188" i="1"/>
  <c r="G68189" i="1"/>
  <c r="G68190" i="1"/>
  <c r="G68191" i="1"/>
  <c r="G68192" i="1"/>
  <c r="G68193" i="1"/>
  <c r="G68194" i="1"/>
  <c r="G68195" i="1"/>
  <c r="G68196" i="1"/>
  <c r="G68197" i="1"/>
  <c r="G68198" i="1"/>
  <c r="G68199" i="1"/>
  <c r="G68200" i="1"/>
  <c r="G68201" i="1"/>
  <c r="G68202" i="1"/>
  <c r="G68203" i="1"/>
  <c r="G68204" i="1"/>
  <c r="G68205" i="1"/>
  <c r="G68206" i="1"/>
  <c r="G68207" i="1"/>
  <c r="G68208" i="1"/>
  <c r="G68209" i="1"/>
  <c r="G68210" i="1"/>
  <c r="G68211" i="1"/>
  <c r="G68212" i="1"/>
  <c r="G68213" i="1"/>
  <c r="G68214" i="1"/>
  <c r="G68215" i="1"/>
  <c r="G68216" i="1"/>
  <c r="G68217" i="1"/>
  <c r="G68218" i="1"/>
  <c r="G68219" i="1"/>
  <c r="G68220" i="1"/>
  <c r="G68221" i="1"/>
  <c r="G68222" i="1"/>
  <c r="G68223" i="1"/>
  <c r="G68224" i="1"/>
  <c r="G68225" i="1"/>
  <c r="G68226" i="1"/>
  <c r="G68227" i="1"/>
  <c r="G68228" i="1"/>
  <c r="G68229" i="1"/>
  <c r="G68230" i="1"/>
  <c r="G68231" i="1"/>
  <c r="G68232" i="1"/>
  <c r="G68233" i="1"/>
  <c r="G68234" i="1"/>
  <c r="G68235" i="1"/>
  <c r="G68236" i="1"/>
  <c r="G68237" i="1"/>
  <c r="G68238" i="1"/>
  <c r="G68239" i="1"/>
  <c r="G68240" i="1"/>
  <c r="G68241" i="1"/>
  <c r="G68242" i="1"/>
  <c r="G68243" i="1"/>
  <c r="G68244" i="1"/>
  <c r="G68245" i="1"/>
  <c r="G68246" i="1"/>
  <c r="G68247" i="1"/>
  <c r="G68248" i="1"/>
  <c r="G68249" i="1"/>
  <c r="G68250" i="1"/>
  <c r="G68251" i="1"/>
  <c r="G68252" i="1"/>
  <c r="G68253" i="1"/>
  <c r="G68254" i="1"/>
  <c r="G68255" i="1"/>
  <c r="G68256" i="1"/>
  <c r="G68257" i="1"/>
  <c r="G68258" i="1"/>
  <c r="G68259" i="1"/>
  <c r="G68260" i="1"/>
  <c r="G68261" i="1"/>
  <c r="G68262" i="1"/>
  <c r="G68263" i="1"/>
  <c r="G68264" i="1"/>
  <c r="G68265" i="1"/>
  <c r="G68266" i="1"/>
  <c r="G68267" i="1"/>
  <c r="G68268" i="1"/>
  <c r="G68269" i="1"/>
  <c r="G68270" i="1"/>
  <c r="G68271" i="1"/>
  <c r="G68272" i="1"/>
  <c r="G68273" i="1"/>
  <c r="G68274" i="1"/>
  <c r="G68275" i="1"/>
  <c r="G68276" i="1"/>
  <c r="G68277" i="1"/>
  <c r="G68278" i="1"/>
  <c r="G68279" i="1"/>
  <c r="G68280" i="1"/>
  <c r="G68281" i="1"/>
  <c r="G68282" i="1"/>
  <c r="G68283" i="1"/>
  <c r="G68284" i="1"/>
  <c r="G68285" i="1"/>
  <c r="G68286" i="1"/>
  <c r="G68287" i="1"/>
  <c r="G68288" i="1"/>
  <c r="G68289" i="1"/>
  <c r="G68290" i="1"/>
  <c r="G68291" i="1"/>
  <c r="G68292" i="1"/>
  <c r="G68293" i="1"/>
  <c r="G68294" i="1"/>
  <c r="G68295" i="1"/>
  <c r="G68296" i="1"/>
  <c r="G68297" i="1"/>
  <c r="G68298" i="1"/>
  <c r="G68299" i="1"/>
  <c r="G68300" i="1"/>
  <c r="G68301" i="1"/>
  <c r="G68302" i="1"/>
  <c r="G68303" i="1"/>
  <c r="G68304" i="1"/>
  <c r="G68305" i="1"/>
  <c r="G68306" i="1"/>
  <c r="G68307" i="1"/>
  <c r="G68308" i="1"/>
  <c r="G68309" i="1"/>
  <c r="G68310" i="1"/>
  <c r="G68311" i="1"/>
  <c r="G68312" i="1"/>
  <c r="G68313" i="1"/>
  <c r="G68314" i="1"/>
  <c r="G68315" i="1"/>
  <c r="G68316" i="1"/>
  <c r="G68317" i="1"/>
  <c r="G68318" i="1"/>
  <c r="G68319" i="1"/>
  <c r="G68320" i="1"/>
  <c r="G68321" i="1"/>
  <c r="G68322" i="1"/>
  <c r="G68323" i="1"/>
  <c r="G68324" i="1"/>
  <c r="G68325" i="1"/>
  <c r="G68326" i="1"/>
  <c r="G68327" i="1"/>
  <c r="G68328" i="1"/>
  <c r="G68329" i="1"/>
  <c r="G68330" i="1"/>
  <c r="G68331" i="1"/>
  <c r="G68332" i="1"/>
  <c r="G68333" i="1"/>
  <c r="G68334" i="1"/>
  <c r="G68335" i="1"/>
  <c r="G68336" i="1"/>
  <c r="G68337" i="1"/>
  <c r="G68338" i="1"/>
  <c r="G68339" i="1"/>
  <c r="G68340" i="1"/>
  <c r="G68341" i="1"/>
  <c r="G68342" i="1"/>
  <c r="G68343" i="1"/>
  <c r="G68344" i="1"/>
  <c r="G68345" i="1"/>
  <c r="G68346" i="1"/>
  <c r="G68347" i="1"/>
  <c r="G68348" i="1"/>
  <c r="G68349" i="1"/>
  <c r="G68350" i="1"/>
  <c r="G68351" i="1"/>
  <c r="G68352" i="1"/>
  <c r="G68353" i="1"/>
  <c r="G68354" i="1"/>
  <c r="G68355" i="1"/>
  <c r="G68356" i="1"/>
  <c r="G68357" i="1"/>
  <c r="G68358" i="1"/>
  <c r="G68359" i="1"/>
  <c r="G68360" i="1"/>
  <c r="G68361" i="1"/>
  <c r="G68362" i="1"/>
  <c r="G68363" i="1"/>
  <c r="G68364" i="1"/>
  <c r="G68365" i="1"/>
  <c r="G68366" i="1"/>
  <c r="G68367" i="1"/>
  <c r="G68368" i="1"/>
  <c r="G68369" i="1"/>
  <c r="G68370" i="1"/>
  <c r="G68371" i="1"/>
  <c r="G68372" i="1"/>
  <c r="G68373" i="1"/>
  <c r="G68374" i="1"/>
  <c r="G68375" i="1"/>
  <c r="G68376" i="1"/>
  <c r="G68377" i="1"/>
  <c r="G68378" i="1"/>
  <c r="G68379" i="1"/>
  <c r="G68380" i="1"/>
  <c r="G68381" i="1"/>
  <c r="G68382" i="1"/>
  <c r="G68383" i="1"/>
  <c r="G68384" i="1"/>
  <c r="G68385" i="1"/>
  <c r="G68386" i="1"/>
  <c r="G68387" i="1"/>
  <c r="G68388" i="1"/>
  <c r="G68389" i="1"/>
  <c r="G68390" i="1"/>
  <c r="G68391" i="1"/>
  <c r="G68392" i="1"/>
  <c r="G68393" i="1"/>
  <c r="G68394" i="1"/>
  <c r="G68395" i="1"/>
  <c r="G68396" i="1"/>
  <c r="G68397" i="1"/>
  <c r="G68398" i="1"/>
  <c r="G68399" i="1"/>
  <c r="G68400" i="1"/>
  <c r="G68401" i="1"/>
  <c r="G68402" i="1"/>
  <c r="G68403" i="1"/>
  <c r="G68404" i="1"/>
  <c r="G68405" i="1"/>
  <c r="G68406" i="1"/>
  <c r="G68407" i="1"/>
  <c r="G68408" i="1"/>
  <c r="G68409" i="1"/>
  <c r="G68410" i="1"/>
  <c r="G68411" i="1"/>
  <c r="G68412" i="1"/>
  <c r="G68413" i="1"/>
  <c r="G68414" i="1"/>
  <c r="G68415" i="1"/>
  <c r="G68416" i="1"/>
  <c r="G68417" i="1"/>
  <c r="G68418" i="1"/>
  <c r="G68419" i="1"/>
  <c r="G68420" i="1"/>
  <c r="G68421" i="1"/>
  <c r="G68422" i="1"/>
  <c r="G68423" i="1"/>
  <c r="G68424" i="1"/>
  <c r="G68425" i="1"/>
  <c r="G68426" i="1"/>
  <c r="G68427" i="1"/>
  <c r="G68428" i="1"/>
  <c r="G68429" i="1"/>
  <c r="G68430" i="1"/>
  <c r="G68431" i="1"/>
  <c r="G68432" i="1"/>
  <c r="G68433" i="1"/>
  <c r="G68434" i="1"/>
  <c r="G68435" i="1"/>
  <c r="G68436" i="1"/>
  <c r="G68437" i="1"/>
  <c r="G68438" i="1"/>
  <c r="G68439" i="1"/>
  <c r="G68440" i="1"/>
  <c r="G68441" i="1"/>
  <c r="G68442" i="1"/>
  <c r="G68443" i="1"/>
  <c r="G68444" i="1"/>
  <c r="G68445" i="1"/>
  <c r="G68446" i="1"/>
  <c r="G68447" i="1"/>
  <c r="G68448" i="1"/>
  <c r="G68449" i="1"/>
  <c r="G68450" i="1"/>
  <c r="G68451" i="1"/>
  <c r="G68452" i="1"/>
  <c r="G68453" i="1"/>
  <c r="G68454" i="1"/>
  <c r="G68455" i="1"/>
  <c r="G68456" i="1"/>
  <c r="G68457" i="1"/>
  <c r="G68458" i="1"/>
  <c r="G68459" i="1"/>
  <c r="G68460" i="1"/>
  <c r="G68461" i="1"/>
  <c r="G68462" i="1"/>
  <c r="G68463" i="1"/>
  <c r="G68464" i="1"/>
  <c r="G68465" i="1"/>
  <c r="G68466" i="1"/>
  <c r="G68467" i="1"/>
  <c r="G68468" i="1"/>
  <c r="G68469" i="1"/>
  <c r="G68470" i="1"/>
  <c r="G68471" i="1"/>
  <c r="G68472" i="1"/>
  <c r="G68473" i="1"/>
  <c r="G68474" i="1"/>
  <c r="G68475" i="1"/>
  <c r="G68476" i="1"/>
  <c r="G68477" i="1"/>
  <c r="G68478" i="1"/>
  <c r="G68479" i="1"/>
  <c r="G68480" i="1"/>
  <c r="G68481" i="1"/>
  <c r="G68482" i="1"/>
  <c r="G68483" i="1"/>
  <c r="G68484" i="1"/>
  <c r="G68485" i="1"/>
  <c r="G68486" i="1"/>
  <c r="G68487" i="1"/>
  <c r="G68488" i="1"/>
  <c r="G68489" i="1"/>
  <c r="G68490" i="1"/>
  <c r="G68491" i="1"/>
  <c r="G68492" i="1"/>
  <c r="G68493" i="1"/>
  <c r="G68494" i="1"/>
  <c r="G68495" i="1"/>
  <c r="G68496" i="1"/>
  <c r="G68497" i="1"/>
  <c r="G68498" i="1"/>
  <c r="G68499" i="1"/>
  <c r="G68500" i="1"/>
  <c r="G68501" i="1"/>
  <c r="G68502" i="1"/>
  <c r="G68503" i="1"/>
  <c r="G68504" i="1"/>
  <c r="G68505" i="1"/>
  <c r="G68506" i="1"/>
  <c r="G68507" i="1"/>
  <c r="G68508" i="1"/>
  <c r="G68509" i="1"/>
  <c r="G68510" i="1"/>
  <c r="G68511" i="1"/>
  <c r="G68512" i="1"/>
  <c r="G68513" i="1"/>
  <c r="G68514" i="1"/>
  <c r="G68515" i="1"/>
  <c r="G68516" i="1"/>
  <c r="G68517" i="1"/>
  <c r="G68518" i="1"/>
  <c r="G68519" i="1"/>
  <c r="G68520" i="1"/>
  <c r="G68521" i="1"/>
  <c r="G68522" i="1"/>
  <c r="G68523" i="1"/>
  <c r="G68524" i="1"/>
  <c r="G68525" i="1"/>
  <c r="G68526" i="1"/>
  <c r="G68527" i="1"/>
  <c r="G68528" i="1"/>
  <c r="G68529" i="1"/>
  <c r="G68530" i="1"/>
  <c r="G68531" i="1"/>
  <c r="G68532" i="1"/>
  <c r="G68533" i="1"/>
  <c r="G68534" i="1"/>
  <c r="G68535" i="1"/>
  <c r="G68536" i="1"/>
  <c r="G68537" i="1"/>
  <c r="G68538" i="1"/>
  <c r="G68539" i="1"/>
  <c r="G68540" i="1"/>
  <c r="G68541" i="1"/>
  <c r="G68542" i="1"/>
  <c r="G68543" i="1"/>
  <c r="G68544" i="1"/>
  <c r="G68545" i="1"/>
  <c r="G68546" i="1"/>
  <c r="G68547" i="1"/>
  <c r="G68548" i="1"/>
  <c r="G68549" i="1"/>
  <c r="G68550" i="1"/>
  <c r="G68551" i="1"/>
  <c r="G68552" i="1"/>
  <c r="G68553" i="1"/>
  <c r="G68554" i="1"/>
  <c r="G68555" i="1"/>
  <c r="G68556" i="1"/>
  <c r="G68557" i="1"/>
  <c r="G68558" i="1"/>
  <c r="G68559" i="1"/>
  <c r="G68560" i="1"/>
  <c r="G68561" i="1"/>
  <c r="G68562" i="1"/>
  <c r="G68563" i="1"/>
  <c r="G68564" i="1"/>
  <c r="G68565" i="1"/>
  <c r="G68566" i="1"/>
  <c r="G68567" i="1"/>
  <c r="G68568" i="1"/>
  <c r="G68569" i="1"/>
  <c r="G68570" i="1"/>
  <c r="G68571" i="1"/>
  <c r="G68572" i="1"/>
  <c r="G68573" i="1"/>
  <c r="G68574" i="1"/>
  <c r="G68575" i="1"/>
  <c r="G68576" i="1"/>
  <c r="G68577" i="1"/>
  <c r="G68578" i="1"/>
  <c r="G68579" i="1"/>
  <c r="G68580" i="1"/>
  <c r="G68581" i="1"/>
  <c r="G68582" i="1"/>
  <c r="G68583" i="1"/>
  <c r="G68584" i="1"/>
  <c r="G68585" i="1"/>
  <c r="G68586" i="1"/>
  <c r="G68587" i="1"/>
  <c r="G68588" i="1"/>
  <c r="G68589" i="1"/>
  <c r="G68590" i="1"/>
  <c r="G68591" i="1"/>
  <c r="G68592" i="1"/>
  <c r="G68593" i="1"/>
  <c r="G68594" i="1"/>
  <c r="G68595" i="1"/>
  <c r="G68596" i="1"/>
  <c r="G68597" i="1"/>
  <c r="G68598" i="1"/>
  <c r="G68599" i="1"/>
  <c r="G68600" i="1"/>
  <c r="G68601" i="1"/>
  <c r="G68602" i="1"/>
  <c r="G68603" i="1"/>
  <c r="G68604" i="1"/>
  <c r="G68605" i="1"/>
  <c r="G68606" i="1"/>
  <c r="G68607" i="1"/>
  <c r="G68608" i="1"/>
  <c r="G68609" i="1"/>
  <c r="G68610" i="1"/>
  <c r="G68611" i="1"/>
  <c r="G68612" i="1"/>
  <c r="G68613" i="1"/>
  <c r="G68614" i="1"/>
  <c r="G68615" i="1"/>
  <c r="G68616" i="1"/>
  <c r="G68617" i="1"/>
  <c r="G68618" i="1"/>
  <c r="G68619" i="1"/>
  <c r="G68620" i="1"/>
  <c r="G68621" i="1"/>
  <c r="G68622" i="1"/>
  <c r="G68623" i="1"/>
  <c r="G68624" i="1"/>
  <c r="G68625" i="1"/>
  <c r="G68626" i="1"/>
  <c r="G68627" i="1"/>
  <c r="G68628" i="1"/>
  <c r="G68629" i="1"/>
  <c r="G68630" i="1"/>
  <c r="G68631" i="1"/>
  <c r="G68632" i="1"/>
  <c r="G68633" i="1"/>
  <c r="G68634" i="1"/>
  <c r="G68635" i="1"/>
  <c r="G68636" i="1"/>
  <c r="G68637" i="1"/>
  <c r="G68638" i="1"/>
  <c r="G68639" i="1"/>
  <c r="G68640" i="1"/>
  <c r="G68641" i="1"/>
  <c r="G68642" i="1"/>
  <c r="G68643" i="1"/>
  <c r="G68644" i="1"/>
  <c r="G68645" i="1"/>
  <c r="G68646" i="1"/>
  <c r="G68647" i="1"/>
  <c r="G68648" i="1"/>
  <c r="G68649" i="1"/>
  <c r="G68650" i="1"/>
  <c r="G68651" i="1"/>
  <c r="G68652" i="1"/>
  <c r="G68653" i="1"/>
  <c r="G68654" i="1"/>
  <c r="G68655" i="1"/>
  <c r="G68656" i="1"/>
  <c r="G68657" i="1"/>
  <c r="G68658" i="1"/>
  <c r="G68659" i="1"/>
  <c r="G68660" i="1"/>
  <c r="G68661" i="1"/>
  <c r="G68662" i="1"/>
  <c r="G68663" i="1"/>
  <c r="G68664" i="1"/>
  <c r="G68665" i="1"/>
  <c r="G68666" i="1"/>
  <c r="G68667" i="1"/>
  <c r="G68668" i="1"/>
  <c r="G68669" i="1"/>
  <c r="G68670" i="1"/>
  <c r="G68671" i="1"/>
  <c r="G68672" i="1"/>
  <c r="G68673" i="1"/>
  <c r="G68674" i="1"/>
  <c r="G68675" i="1"/>
  <c r="G68676" i="1"/>
  <c r="G68677" i="1"/>
  <c r="G68678" i="1"/>
  <c r="G68679" i="1"/>
  <c r="G68680" i="1"/>
  <c r="G68681" i="1"/>
  <c r="G68682" i="1"/>
  <c r="G68683" i="1"/>
  <c r="G68684" i="1"/>
  <c r="G68685" i="1"/>
  <c r="G68686" i="1"/>
  <c r="G68687" i="1"/>
  <c r="G68688" i="1"/>
  <c r="G68689" i="1"/>
  <c r="G68690" i="1"/>
  <c r="G68691" i="1"/>
  <c r="G68692" i="1"/>
  <c r="G68693" i="1"/>
  <c r="G68694" i="1"/>
  <c r="G68695" i="1"/>
  <c r="G68696" i="1"/>
  <c r="G68697" i="1"/>
  <c r="G68698" i="1"/>
  <c r="G68699" i="1"/>
  <c r="G68700" i="1"/>
  <c r="G68701" i="1"/>
  <c r="G68702" i="1"/>
  <c r="G68703" i="1"/>
  <c r="G68704" i="1"/>
  <c r="G68705" i="1"/>
  <c r="G68706" i="1"/>
  <c r="G68707" i="1"/>
  <c r="G68708" i="1"/>
  <c r="G68709" i="1"/>
  <c r="G68710" i="1"/>
  <c r="G68711" i="1"/>
  <c r="G68712" i="1"/>
  <c r="G68713" i="1"/>
  <c r="G68714" i="1"/>
  <c r="G68715" i="1"/>
  <c r="G68716" i="1"/>
  <c r="G68717" i="1"/>
  <c r="G68718" i="1"/>
  <c r="G68719" i="1"/>
  <c r="G68720" i="1"/>
  <c r="G68721" i="1"/>
  <c r="G68722" i="1"/>
  <c r="G68723" i="1"/>
  <c r="G68724" i="1"/>
  <c r="G68725" i="1"/>
  <c r="G68726" i="1"/>
  <c r="G68727" i="1"/>
  <c r="G68728" i="1"/>
  <c r="G68729" i="1"/>
  <c r="G68730" i="1"/>
  <c r="G68731" i="1"/>
  <c r="G68732" i="1"/>
  <c r="G68733" i="1"/>
  <c r="G68734" i="1"/>
  <c r="G68735" i="1"/>
  <c r="G68736" i="1"/>
  <c r="G68737" i="1"/>
  <c r="G68738" i="1"/>
  <c r="G68739" i="1"/>
  <c r="G68740" i="1"/>
  <c r="G68741" i="1"/>
  <c r="G68742" i="1"/>
  <c r="G68743" i="1"/>
  <c r="G68744" i="1"/>
  <c r="G68745" i="1"/>
  <c r="G68746" i="1"/>
  <c r="G68747" i="1"/>
  <c r="G68748" i="1"/>
  <c r="G68749" i="1"/>
  <c r="G68750" i="1"/>
  <c r="G68751" i="1"/>
  <c r="G68752" i="1"/>
  <c r="G68753" i="1"/>
  <c r="G68754" i="1"/>
  <c r="G68755" i="1"/>
  <c r="G68756" i="1"/>
  <c r="G68757" i="1"/>
  <c r="G68758" i="1"/>
  <c r="G68759" i="1"/>
  <c r="G68760" i="1"/>
  <c r="G68761" i="1"/>
  <c r="G68762" i="1"/>
  <c r="G68763" i="1"/>
  <c r="G68764" i="1"/>
  <c r="G68765" i="1"/>
  <c r="G68766" i="1"/>
  <c r="G68767" i="1"/>
  <c r="G68768" i="1"/>
  <c r="G68769" i="1"/>
  <c r="G68770" i="1"/>
  <c r="G68771" i="1"/>
  <c r="G68772" i="1"/>
  <c r="G68773" i="1"/>
  <c r="G68774" i="1"/>
  <c r="G68775" i="1"/>
  <c r="G68776" i="1"/>
  <c r="G68777" i="1"/>
  <c r="G68778" i="1"/>
  <c r="G68779" i="1"/>
  <c r="G68780" i="1"/>
  <c r="G68781" i="1"/>
  <c r="G68782" i="1"/>
  <c r="G68783" i="1"/>
  <c r="G68784" i="1"/>
  <c r="G68785" i="1"/>
  <c r="G68786" i="1"/>
  <c r="G68787" i="1"/>
  <c r="G68788" i="1"/>
  <c r="G68789" i="1"/>
  <c r="G68790" i="1"/>
  <c r="G68791" i="1"/>
  <c r="G68792" i="1"/>
  <c r="G68793" i="1"/>
  <c r="G68794" i="1"/>
  <c r="G68795" i="1"/>
  <c r="G68796" i="1"/>
  <c r="G68797" i="1"/>
  <c r="G68798" i="1"/>
  <c r="G68799" i="1"/>
  <c r="G68800" i="1"/>
  <c r="G68801" i="1"/>
  <c r="G68802" i="1"/>
  <c r="G68803" i="1"/>
  <c r="G68804" i="1"/>
  <c r="G68805" i="1"/>
  <c r="G68806" i="1"/>
  <c r="G68807" i="1"/>
  <c r="G68808" i="1"/>
  <c r="G68809" i="1"/>
  <c r="G68810" i="1"/>
  <c r="G68811" i="1"/>
  <c r="G68812" i="1"/>
  <c r="G68813" i="1"/>
  <c r="G68814" i="1"/>
  <c r="G68815" i="1"/>
  <c r="G68816" i="1"/>
  <c r="G68817" i="1"/>
  <c r="G68818" i="1"/>
  <c r="G68819" i="1"/>
  <c r="G68820" i="1"/>
  <c r="G68821" i="1"/>
  <c r="G68822" i="1"/>
  <c r="G68823" i="1"/>
  <c r="G68824" i="1"/>
  <c r="G68825" i="1"/>
  <c r="G68826" i="1"/>
  <c r="G68827" i="1"/>
  <c r="G68828" i="1"/>
  <c r="G68829" i="1"/>
  <c r="G68830" i="1"/>
  <c r="G68831" i="1"/>
  <c r="G68832" i="1"/>
  <c r="G68833" i="1"/>
  <c r="G68834" i="1"/>
  <c r="G68835" i="1"/>
  <c r="G68836" i="1"/>
  <c r="G68837" i="1"/>
  <c r="G68838" i="1"/>
  <c r="G68839" i="1"/>
  <c r="G68840" i="1"/>
  <c r="G68841" i="1"/>
  <c r="G68842" i="1"/>
  <c r="G68843" i="1"/>
  <c r="G68844" i="1"/>
  <c r="G68845" i="1"/>
  <c r="G68846" i="1"/>
  <c r="G68847" i="1"/>
  <c r="G68848" i="1"/>
  <c r="G68849" i="1"/>
  <c r="G68850" i="1"/>
  <c r="G68851" i="1"/>
  <c r="G68852" i="1"/>
  <c r="G68853" i="1"/>
  <c r="G68854" i="1"/>
  <c r="G68855" i="1"/>
  <c r="G68856" i="1"/>
  <c r="G68857" i="1"/>
  <c r="G68858" i="1"/>
  <c r="G68859" i="1"/>
  <c r="G68860" i="1"/>
  <c r="G68861" i="1"/>
  <c r="G68862" i="1"/>
  <c r="G68863" i="1"/>
  <c r="G68864" i="1"/>
  <c r="G68865" i="1"/>
  <c r="G68866" i="1"/>
  <c r="G68867" i="1"/>
  <c r="G68868" i="1"/>
  <c r="G68869" i="1"/>
  <c r="G68870" i="1"/>
  <c r="G68871" i="1"/>
  <c r="G68872" i="1"/>
  <c r="G68873" i="1"/>
  <c r="G68874" i="1"/>
  <c r="G68875" i="1"/>
  <c r="G68876" i="1"/>
  <c r="G68877" i="1"/>
  <c r="G68878" i="1"/>
  <c r="G68879" i="1"/>
  <c r="G68880" i="1"/>
  <c r="G68881" i="1"/>
  <c r="G68882" i="1"/>
  <c r="G68883" i="1"/>
  <c r="G68884" i="1"/>
  <c r="G68885" i="1"/>
  <c r="G68886" i="1"/>
  <c r="G68887" i="1"/>
  <c r="G68888" i="1"/>
  <c r="G68889" i="1"/>
  <c r="G68890" i="1"/>
  <c r="G68891" i="1"/>
  <c r="G68892" i="1"/>
  <c r="G68893" i="1"/>
  <c r="G68894" i="1"/>
  <c r="G68895" i="1"/>
  <c r="G68896" i="1"/>
  <c r="G68897" i="1"/>
  <c r="G68898" i="1"/>
  <c r="G68899" i="1"/>
  <c r="G68900" i="1"/>
  <c r="G68901" i="1"/>
  <c r="G68902" i="1"/>
  <c r="G68903" i="1"/>
  <c r="G68904" i="1"/>
  <c r="G68905" i="1"/>
  <c r="G68906" i="1"/>
  <c r="G68907" i="1"/>
  <c r="G68908" i="1"/>
  <c r="G68909" i="1"/>
  <c r="G68910" i="1"/>
  <c r="G68911" i="1"/>
  <c r="G68912" i="1"/>
  <c r="G68913" i="1"/>
  <c r="G68914" i="1"/>
  <c r="G68915" i="1"/>
  <c r="G68916" i="1"/>
  <c r="G68917" i="1"/>
  <c r="G68918" i="1"/>
  <c r="G68919" i="1"/>
  <c r="G68920" i="1"/>
  <c r="G68921" i="1"/>
  <c r="G68922" i="1"/>
  <c r="G68923" i="1"/>
  <c r="G68924" i="1"/>
  <c r="G68925" i="1"/>
  <c r="G68926" i="1"/>
  <c r="G68927" i="1"/>
  <c r="G68928" i="1"/>
  <c r="G68929" i="1"/>
  <c r="G68930" i="1"/>
  <c r="G68931" i="1"/>
  <c r="G68932" i="1"/>
  <c r="G68933" i="1"/>
  <c r="G68934" i="1"/>
  <c r="G68935" i="1"/>
  <c r="G68936" i="1"/>
  <c r="G68937" i="1"/>
  <c r="G68938" i="1"/>
  <c r="G68939" i="1"/>
  <c r="G68940" i="1"/>
  <c r="G68941" i="1"/>
  <c r="G68942" i="1"/>
  <c r="G68943" i="1"/>
  <c r="G68944" i="1"/>
  <c r="G68945" i="1"/>
  <c r="G68946" i="1"/>
  <c r="G68947" i="1"/>
  <c r="G68948" i="1"/>
  <c r="G68949" i="1"/>
  <c r="G68950" i="1"/>
  <c r="G68951" i="1"/>
  <c r="G68952" i="1"/>
  <c r="G68953" i="1"/>
  <c r="G68954" i="1"/>
  <c r="G68955" i="1"/>
  <c r="G68956" i="1"/>
  <c r="G68957" i="1"/>
  <c r="G68958" i="1"/>
  <c r="G68959" i="1"/>
  <c r="G68960" i="1"/>
  <c r="G68961" i="1"/>
  <c r="G68962" i="1"/>
  <c r="G68963" i="1"/>
  <c r="G68964" i="1"/>
  <c r="G68965" i="1"/>
  <c r="G68966" i="1"/>
  <c r="G68967" i="1"/>
  <c r="G68968" i="1"/>
  <c r="G68969" i="1"/>
  <c r="G68970" i="1"/>
  <c r="G68971" i="1"/>
  <c r="G68972" i="1"/>
  <c r="G68973" i="1"/>
  <c r="G68974" i="1"/>
  <c r="G68975" i="1"/>
  <c r="G68976" i="1"/>
  <c r="G68977" i="1"/>
  <c r="G68978" i="1"/>
  <c r="G68979" i="1"/>
  <c r="G68980" i="1"/>
  <c r="G68981" i="1"/>
  <c r="G68982" i="1"/>
  <c r="G68983" i="1"/>
  <c r="G68984" i="1"/>
  <c r="G68985" i="1"/>
  <c r="G68986" i="1"/>
  <c r="G68987" i="1"/>
  <c r="G68988" i="1"/>
  <c r="G68989" i="1"/>
  <c r="G68990" i="1"/>
  <c r="G68991" i="1"/>
  <c r="G68992" i="1"/>
  <c r="G68993" i="1"/>
  <c r="G68994" i="1"/>
  <c r="G68995" i="1"/>
  <c r="G68996" i="1"/>
  <c r="G68997" i="1"/>
  <c r="G68998" i="1"/>
  <c r="G68999" i="1"/>
  <c r="G69000" i="1"/>
  <c r="G69001" i="1"/>
  <c r="G69002" i="1"/>
  <c r="G69003" i="1"/>
  <c r="G69004" i="1"/>
  <c r="G69005" i="1"/>
  <c r="G69006" i="1"/>
  <c r="G69007" i="1"/>
  <c r="G69008" i="1"/>
  <c r="G69009" i="1"/>
  <c r="G69010" i="1"/>
  <c r="G69011" i="1"/>
  <c r="G69012" i="1"/>
  <c r="G69013" i="1"/>
  <c r="G69014" i="1"/>
  <c r="G69015" i="1"/>
  <c r="G69016" i="1"/>
  <c r="G69017" i="1"/>
  <c r="G69018" i="1"/>
  <c r="G69019" i="1"/>
  <c r="G69020" i="1"/>
  <c r="G69021" i="1"/>
  <c r="G69022" i="1"/>
  <c r="G69023" i="1"/>
  <c r="G69024" i="1"/>
  <c r="G69025" i="1"/>
  <c r="G69026" i="1"/>
  <c r="G69027" i="1"/>
  <c r="G69028" i="1"/>
  <c r="G69029" i="1"/>
  <c r="G69030" i="1"/>
  <c r="G69031" i="1"/>
  <c r="G69032" i="1"/>
  <c r="G69033" i="1"/>
  <c r="G69034" i="1"/>
  <c r="G69035" i="1"/>
  <c r="G69036" i="1"/>
  <c r="G69037" i="1"/>
  <c r="G69038" i="1"/>
  <c r="G69039" i="1"/>
  <c r="G69040" i="1"/>
  <c r="G69041" i="1"/>
  <c r="G69042" i="1"/>
  <c r="G69043" i="1"/>
  <c r="G69044" i="1"/>
  <c r="G69045" i="1"/>
  <c r="G69046" i="1"/>
  <c r="G69047" i="1"/>
  <c r="G69048" i="1"/>
  <c r="G69049" i="1"/>
  <c r="G69050" i="1"/>
  <c r="G69051" i="1"/>
  <c r="G69052" i="1"/>
  <c r="G69053" i="1"/>
  <c r="G69054" i="1"/>
  <c r="G69055" i="1"/>
  <c r="G69056" i="1"/>
  <c r="G69057" i="1"/>
  <c r="G69058" i="1"/>
  <c r="G69059" i="1"/>
  <c r="G69060" i="1"/>
  <c r="G69061" i="1"/>
  <c r="G69062" i="1"/>
  <c r="G69063" i="1"/>
  <c r="G69064" i="1"/>
  <c r="G69065" i="1"/>
  <c r="G69066" i="1"/>
  <c r="G69067" i="1"/>
  <c r="G69068" i="1"/>
  <c r="G69069" i="1"/>
  <c r="G69070" i="1"/>
  <c r="G69071" i="1"/>
  <c r="G69072" i="1"/>
  <c r="G69073" i="1"/>
  <c r="G69074" i="1"/>
  <c r="G69075" i="1"/>
  <c r="G69076" i="1"/>
  <c r="G69077" i="1"/>
  <c r="G69078" i="1"/>
  <c r="G69079" i="1"/>
  <c r="G69080" i="1"/>
  <c r="G69081" i="1"/>
  <c r="G69082" i="1"/>
  <c r="G69083" i="1"/>
  <c r="G69084" i="1"/>
  <c r="G69085" i="1"/>
  <c r="G69086" i="1"/>
  <c r="G69087" i="1"/>
  <c r="G69088" i="1"/>
  <c r="G69089" i="1"/>
  <c r="G69090" i="1"/>
  <c r="G69091" i="1"/>
  <c r="G69092" i="1"/>
  <c r="G69093" i="1"/>
  <c r="G69094" i="1"/>
  <c r="G69095" i="1"/>
  <c r="G69096" i="1"/>
  <c r="G69097" i="1"/>
  <c r="G69098" i="1"/>
  <c r="G69099" i="1"/>
  <c r="G69100" i="1"/>
  <c r="G69101" i="1"/>
  <c r="G69102" i="1"/>
  <c r="G69103" i="1"/>
  <c r="G69104" i="1"/>
  <c r="G69105" i="1"/>
  <c r="G69106" i="1"/>
  <c r="G69107" i="1"/>
  <c r="G69108" i="1"/>
  <c r="G69109" i="1"/>
  <c r="G69110" i="1"/>
  <c r="G69111" i="1"/>
  <c r="G69112" i="1"/>
  <c r="G69113" i="1"/>
  <c r="G69114" i="1"/>
  <c r="G69115" i="1"/>
  <c r="G69116" i="1"/>
  <c r="G69117" i="1"/>
  <c r="G69118" i="1"/>
  <c r="G69119" i="1"/>
  <c r="G69120" i="1"/>
  <c r="G69121" i="1"/>
  <c r="G69122" i="1"/>
  <c r="G69123" i="1"/>
  <c r="G69124" i="1"/>
  <c r="G69125" i="1"/>
  <c r="G69126" i="1"/>
  <c r="G69127" i="1"/>
  <c r="G69128" i="1"/>
  <c r="G69129" i="1"/>
  <c r="G69130" i="1"/>
  <c r="G69131" i="1"/>
  <c r="G69132" i="1"/>
  <c r="G69133" i="1"/>
  <c r="G69134" i="1"/>
  <c r="G69135" i="1"/>
  <c r="G69136" i="1"/>
  <c r="G69137" i="1"/>
  <c r="G69138" i="1"/>
  <c r="G69139" i="1"/>
  <c r="G69140" i="1"/>
  <c r="G69141" i="1"/>
  <c r="G69142" i="1"/>
  <c r="G69143" i="1"/>
  <c r="G69144" i="1"/>
  <c r="G69145" i="1"/>
  <c r="G69146" i="1"/>
  <c r="G69147" i="1"/>
  <c r="G69148" i="1"/>
  <c r="G69149" i="1"/>
  <c r="G69150" i="1"/>
  <c r="G69151" i="1"/>
  <c r="G69152" i="1"/>
  <c r="G69153" i="1"/>
  <c r="G69154" i="1"/>
  <c r="G69155" i="1"/>
  <c r="G69156" i="1"/>
  <c r="G69157" i="1"/>
  <c r="G69158" i="1"/>
  <c r="G69159" i="1"/>
  <c r="G69160" i="1"/>
  <c r="G69161" i="1"/>
  <c r="G69162" i="1"/>
  <c r="G69163" i="1"/>
  <c r="G69164" i="1"/>
  <c r="G69165" i="1"/>
  <c r="G69166" i="1"/>
  <c r="G69167" i="1"/>
  <c r="G69168" i="1"/>
  <c r="G69169" i="1"/>
  <c r="G69170" i="1"/>
  <c r="G69171" i="1"/>
  <c r="G69172" i="1"/>
  <c r="G69173" i="1"/>
  <c r="G69174" i="1"/>
  <c r="G69175" i="1"/>
  <c r="G69176" i="1"/>
  <c r="G69177" i="1"/>
  <c r="G69178" i="1"/>
  <c r="G69179" i="1"/>
  <c r="G69180" i="1"/>
  <c r="G69181" i="1"/>
  <c r="G69182" i="1"/>
  <c r="G69183" i="1"/>
  <c r="G69184" i="1"/>
  <c r="G69185" i="1"/>
  <c r="G69186" i="1"/>
  <c r="G69187" i="1"/>
  <c r="G69188" i="1"/>
  <c r="G69189" i="1"/>
  <c r="G69190" i="1"/>
  <c r="G69191" i="1"/>
  <c r="G69192" i="1"/>
  <c r="G69193" i="1"/>
  <c r="G69194" i="1"/>
  <c r="G69195" i="1"/>
  <c r="G69196" i="1"/>
  <c r="G69197" i="1"/>
  <c r="G69198" i="1"/>
  <c r="G69199" i="1"/>
  <c r="G69200" i="1"/>
  <c r="G69201" i="1"/>
  <c r="G69202" i="1"/>
  <c r="G69203" i="1"/>
  <c r="G69204" i="1"/>
  <c r="G69205" i="1"/>
  <c r="G69206" i="1"/>
  <c r="G69207" i="1"/>
  <c r="G69208" i="1"/>
  <c r="G69209" i="1"/>
  <c r="G69210" i="1"/>
  <c r="G69211" i="1"/>
  <c r="G69212" i="1"/>
  <c r="G69213" i="1"/>
  <c r="G69214" i="1"/>
  <c r="G69215" i="1"/>
  <c r="G69216" i="1"/>
  <c r="G69217" i="1"/>
  <c r="G69218" i="1"/>
  <c r="G69219" i="1"/>
  <c r="G69220" i="1"/>
  <c r="G69221" i="1"/>
  <c r="G69222" i="1"/>
  <c r="G69223" i="1"/>
  <c r="G69224" i="1"/>
  <c r="G69225" i="1"/>
  <c r="G69226" i="1"/>
  <c r="G69227" i="1"/>
  <c r="G69228" i="1"/>
  <c r="G69229" i="1"/>
  <c r="G69230" i="1"/>
  <c r="G69231" i="1"/>
  <c r="G69232" i="1"/>
  <c r="G69233" i="1"/>
  <c r="G69234" i="1"/>
  <c r="G69235" i="1"/>
  <c r="G69236" i="1"/>
  <c r="G69237" i="1"/>
  <c r="G69238" i="1"/>
  <c r="G69239" i="1"/>
  <c r="G69240" i="1"/>
  <c r="G69241" i="1"/>
  <c r="G69242" i="1"/>
  <c r="G69243" i="1"/>
  <c r="G69244" i="1"/>
  <c r="G69245" i="1"/>
  <c r="G69246" i="1"/>
  <c r="G69247" i="1"/>
  <c r="G69248" i="1"/>
  <c r="G69249" i="1"/>
  <c r="G69250" i="1"/>
  <c r="G69251" i="1"/>
  <c r="G69252" i="1"/>
  <c r="G69253" i="1"/>
  <c r="G69254" i="1"/>
  <c r="G69255" i="1"/>
  <c r="G69256" i="1"/>
  <c r="G69257" i="1"/>
  <c r="G69258" i="1"/>
  <c r="G69259" i="1"/>
  <c r="G69260" i="1"/>
  <c r="G69261" i="1"/>
  <c r="G69262" i="1"/>
  <c r="G69263" i="1"/>
  <c r="G69264" i="1"/>
  <c r="G69265" i="1"/>
  <c r="G69266" i="1"/>
  <c r="G69267" i="1"/>
  <c r="G69268" i="1"/>
  <c r="G69269" i="1"/>
  <c r="G69270" i="1"/>
  <c r="G69271" i="1"/>
  <c r="G69272" i="1"/>
  <c r="G69273" i="1"/>
  <c r="G69274" i="1"/>
  <c r="G69275" i="1"/>
  <c r="G69276" i="1"/>
  <c r="G69277" i="1"/>
  <c r="G69278" i="1"/>
  <c r="G69279" i="1"/>
  <c r="G69280" i="1"/>
  <c r="G69281" i="1"/>
  <c r="G69282" i="1"/>
  <c r="G69283" i="1"/>
  <c r="G69284" i="1"/>
  <c r="G69285" i="1"/>
  <c r="G69286" i="1"/>
  <c r="G69287" i="1"/>
  <c r="G69288" i="1"/>
  <c r="G69289" i="1"/>
  <c r="G69290" i="1"/>
  <c r="G69291" i="1"/>
  <c r="G69292" i="1"/>
  <c r="G69293" i="1"/>
  <c r="G69294" i="1"/>
  <c r="G69295" i="1"/>
  <c r="G69296" i="1"/>
  <c r="G69297" i="1"/>
  <c r="G69298" i="1"/>
  <c r="G69299" i="1"/>
  <c r="G69300" i="1"/>
  <c r="G69301" i="1"/>
  <c r="G69302" i="1"/>
  <c r="G69303" i="1"/>
  <c r="G69304" i="1"/>
  <c r="G69305" i="1"/>
  <c r="G69306" i="1"/>
  <c r="G69307" i="1"/>
  <c r="G69308" i="1"/>
  <c r="G69309" i="1"/>
  <c r="G69310" i="1"/>
  <c r="G69311" i="1"/>
  <c r="G69312" i="1"/>
  <c r="G69313" i="1"/>
  <c r="G69314" i="1"/>
  <c r="G69315" i="1"/>
  <c r="G69316" i="1"/>
  <c r="G69317" i="1"/>
  <c r="G69318" i="1"/>
  <c r="G69319" i="1"/>
  <c r="G69320" i="1"/>
  <c r="G69321" i="1"/>
  <c r="G69322" i="1"/>
  <c r="G69323" i="1"/>
  <c r="G69324" i="1"/>
  <c r="G69325" i="1"/>
  <c r="G69326" i="1"/>
  <c r="G69327" i="1"/>
  <c r="G69328" i="1"/>
  <c r="G69329" i="1"/>
  <c r="G69330" i="1"/>
  <c r="G69331" i="1"/>
  <c r="G69332" i="1"/>
  <c r="G69333" i="1"/>
  <c r="G69334" i="1"/>
  <c r="G69335" i="1"/>
  <c r="G69336" i="1"/>
  <c r="G69337" i="1"/>
  <c r="G69338" i="1"/>
  <c r="G69339" i="1"/>
  <c r="G69340" i="1"/>
  <c r="G69341" i="1"/>
  <c r="G69342" i="1"/>
  <c r="G69343" i="1"/>
  <c r="G69344" i="1"/>
  <c r="G69345" i="1"/>
  <c r="G69346" i="1"/>
  <c r="G69347" i="1"/>
  <c r="G69348" i="1"/>
  <c r="G69349" i="1"/>
  <c r="G69350" i="1"/>
  <c r="G69351" i="1"/>
  <c r="G69352" i="1"/>
  <c r="G69353" i="1"/>
  <c r="G69354" i="1"/>
  <c r="G69355" i="1"/>
  <c r="G69356" i="1"/>
  <c r="G69357" i="1"/>
  <c r="G69358" i="1"/>
  <c r="G69359" i="1"/>
  <c r="G69360" i="1"/>
  <c r="G69361" i="1"/>
  <c r="G69362" i="1"/>
  <c r="G69363" i="1"/>
  <c r="G69364" i="1"/>
  <c r="G69365" i="1"/>
  <c r="G69366" i="1"/>
  <c r="G69367" i="1"/>
  <c r="G69368" i="1"/>
  <c r="G69369" i="1"/>
  <c r="G69370" i="1"/>
  <c r="G69371" i="1"/>
  <c r="G69372" i="1"/>
  <c r="G69373" i="1"/>
  <c r="G69374" i="1"/>
  <c r="G69375" i="1"/>
  <c r="G69376" i="1"/>
  <c r="G69377" i="1"/>
  <c r="G69378" i="1"/>
  <c r="G69379" i="1"/>
  <c r="G69380" i="1"/>
  <c r="G69381" i="1"/>
  <c r="G69382" i="1"/>
  <c r="G69383" i="1"/>
  <c r="G69384" i="1"/>
  <c r="G69385" i="1"/>
  <c r="G69386" i="1"/>
  <c r="G69387" i="1"/>
  <c r="G69388" i="1"/>
  <c r="G69389" i="1"/>
  <c r="G69390" i="1"/>
  <c r="G69391" i="1"/>
  <c r="G69392" i="1"/>
  <c r="G69393" i="1"/>
  <c r="G69394" i="1"/>
  <c r="G69395" i="1"/>
  <c r="G69396" i="1"/>
  <c r="G69397" i="1"/>
  <c r="G69398" i="1"/>
  <c r="G69399" i="1"/>
  <c r="G69400" i="1"/>
  <c r="G69401" i="1"/>
  <c r="G69402" i="1"/>
  <c r="G69403" i="1"/>
  <c r="G69404" i="1"/>
  <c r="G69405" i="1"/>
  <c r="G69406" i="1"/>
  <c r="G69407" i="1"/>
  <c r="G69408" i="1"/>
  <c r="G69409" i="1"/>
  <c r="G69410" i="1"/>
  <c r="G69411" i="1"/>
  <c r="G69412" i="1"/>
  <c r="G69413" i="1"/>
  <c r="G69414" i="1"/>
  <c r="G69415" i="1"/>
  <c r="G69416" i="1"/>
  <c r="G69417" i="1"/>
  <c r="G69418" i="1"/>
  <c r="G69419" i="1"/>
  <c r="G69420" i="1"/>
  <c r="G69421" i="1"/>
  <c r="G69422" i="1"/>
  <c r="G69423" i="1"/>
  <c r="G69424" i="1"/>
  <c r="G69425" i="1"/>
  <c r="G69426" i="1"/>
  <c r="G69427" i="1"/>
  <c r="G69428" i="1"/>
  <c r="G69429" i="1"/>
  <c r="G69430" i="1"/>
  <c r="G69431" i="1"/>
  <c r="G69432" i="1"/>
  <c r="G69433" i="1"/>
  <c r="G69434" i="1"/>
  <c r="G69435" i="1"/>
  <c r="G69436" i="1"/>
  <c r="G69437" i="1"/>
  <c r="G69438" i="1"/>
  <c r="G69439" i="1"/>
  <c r="G69440" i="1"/>
  <c r="G69441" i="1"/>
  <c r="G69442" i="1"/>
  <c r="G69443" i="1"/>
  <c r="G69444" i="1"/>
  <c r="G69445" i="1"/>
  <c r="G69446" i="1"/>
  <c r="G69447" i="1"/>
  <c r="G69448" i="1"/>
  <c r="G69449" i="1"/>
  <c r="G69450" i="1"/>
  <c r="G69451" i="1"/>
  <c r="G69452" i="1"/>
  <c r="G69453" i="1"/>
  <c r="G69454" i="1"/>
  <c r="G69455" i="1"/>
  <c r="G69456" i="1"/>
  <c r="G69457" i="1"/>
  <c r="G69458" i="1"/>
  <c r="G69459" i="1"/>
  <c r="G69460" i="1"/>
  <c r="G69461" i="1"/>
  <c r="G69462" i="1"/>
  <c r="G69463" i="1"/>
  <c r="G69464" i="1"/>
  <c r="G69465" i="1"/>
  <c r="G69466" i="1"/>
  <c r="G69467" i="1"/>
  <c r="G69468" i="1"/>
  <c r="G69469" i="1"/>
  <c r="G69470" i="1"/>
  <c r="G69471" i="1"/>
  <c r="G69472" i="1"/>
  <c r="G69473" i="1"/>
  <c r="G69474" i="1"/>
  <c r="G69475" i="1"/>
  <c r="G69476" i="1"/>
  <c r="G69477" i="1"/>
  <c r="G69478" i="1"/>
  <c r="G69479" i="1"/>
  <c r="G69480" i="1"/>
  <c r="G69481" i="1"/>
  <c r="G69482" i="1"/>
  <c r="G69483" i="1"/>
  <c r="G69484" i="1"/>
  <c r="G69485" i="1"/>
  <c r="G69486" i="1"/>
  <c r="G69487" i="1"/>
  <c r="G69488" i="1"/>
  <c r="G69489" i="1"/>
  <c r="G69490" i="1"/>
  <c r="G69491" i="1"/>
  <c r="G69492" i="1"/>
  <c r="G69493" i="1"/>
  <c r="G69494" i="1"/>
  <c r="G69495" i="1"/>
  <c r="G69496" i="1"/>
  <c r="G69497" i="1"/>
  <c r="G69498" i="1"/>
  <c r="G69499" i="1"/>
  <c r="G69500" i="1"/>
  <c r="G69501" i="1"/>
  <c r="G69502" i="1"/>
  <c r="G69503" i="1"/>
  <c r="G69504" i="1"/>
  <c r="G69505" i="1"/>
  <c r="G69506" i="1"/>
  <c r="G69507" i="1"/>
  <c r="G69508" i="1"/>
  <c r="G69509" i="1"/>
  <c r="G69510" i="1"/>
  <c r="G69511" i="1"/>
  <c r="G69512" i="1"/>
  <c r="G69513" i="1"/>
  <c r="G69514" i="1"/>
  <c r="G69515" i="1"/>
  <c r="G69516" i="1"/>
  <c r="G69517" i="1"/>
  <c r="G69518" i="1"/>
  <c r="G69519" i="1"/>
  <c r="G69520" i="1"/>
  <c r="G69521" i="1"/>
  <c r="G69522" i="1"/>
  <c r="G69523" i="1"/>
  <c r="G69524" i="1"/>
  <c r="G69525" i="1"/>
  <c r="G69526" i="1"/>
  <c r="G69527" i="1"/>
  <c r="G69528" i="1"/>
  <c r="G69529" i="1"/>
  <c r="G69530" i="1"/>
  <c r="G69531" i="1"/>
  <c r="G69532" i="1"/>
  <c r="G69533" i="1"/>
  <c r="G69534" i="1"/>
  <c r="G69535" i="1"/>
  <c r="G69536" i="1"/>
  <c r="G69537" i="1"/>
  <c r="G69538" i="1"/>
  <c r="G69539" i="1"/>
  <c r="G69540" i="1"/>
  <c r="G69541" i="1"/>
  <c r="G69542" i="1"/>
  <c r="G69543" i="1"/>
  <c r="G69544" i="1"/>
  <c r="G69545" i="1"/>
  <c r="G69546" i="1"/>
  <c r="G69547" i="1"/>
  <c r="G69548" i="1"/>
  <c r="G69549" i="1"/>
  <c r="G69550" i="1"/>
  <c r="G69551" i="1"/>
  <c r="G69552" i="1"/>
  <c r="G69553" i="1"/>
  <c r="G69554" i="1"/>
  <c r="G69555" i="1"/>
  <c r="G69556" i="1"/>
  <c r="G69557" i="1"/>
  <c r="G69558" i="1"/>
  <c r="G69559" i="1"/>
  <c r="G69560" i="1"/>
  <c r="G69561" i="1"/>
  <c r="G69562" i="1"/>
  <c r="G69563" i="1"/>
  <c r="G69564" i="1"/>
  <c r="G69565" i="1"/>
  <c r="G69566" i="1"/>
  <c r="G69567" i="1"/>
  <c r="G69568" i="1"/>
  <c r="G69569" i="1"/>
  <c r="G69570" i="1"/>
  <c r="G69571" i="1"/>
  <c r="G69572" i="1"/>
  <c r="G69573" i="1"/>
  <c r="G69574" i="1"/>
  <c r="G69575" i="1"/>
  <c r="G69576" i="1"/>
  <c r="G69577" i="1"/>
  <c r="G69578" i="1"/>
  <c r="G69579" i="1"/>
  <c r="G69580" i="1"/>
  <c r="G69581" i="1"/>
  <c r="G69582" i="1"/>
  <c r="G69583" i="1"/>
  <c r="G69584" i="1"/>
  <c r="G69585" i="1"/>
  <c r="G69586" i="1"/>
  <c r="G69587" i="1"/>
  <c r="G69588" i="1"/>
  <c r="G69589" i="1"/>
  <c r="G69590" i="1"/>
  <c r="G69591" i="1"/>
  <c r="G69592" i="1"/>
  <c r="G69593" i="1"/>
  <c r="G69594" i="1"/>
  <c r="G69595" i="1"/>
  <c r="G69596" i="1"/>
  <c r="G69597" i="1"/>
  <c r="G69598" i="1"/>
  <c r="G69599" i="1"/>
  <c r="G69600" i="1"/>
  <c r="G69601" i="1"/>
  <c r="G69602" i="1"/>
  <c r="G69603" i="1"/>
  <c r="G69604" i="1"/>
  <c r="G69605" i="1"/>
  <c r="G69606" i="1"/>
  <c r="G69607" i="1"/>
  <c r="G69608" i="1"/>
  <c r="G69609" i="1"/>
  <c r="G69610" i="1"/>
  <c r="G69611" i="1"/>
  <c r="G69612" i="1"/>
  <c r="G69613" i="1"/>
  <c r="G69614" i="1"/>
  <c r="G69615" i="1"/>
  <c r="G69616" i="1"/>
  <c r="G69617" i="1"/>
  <c r="G69618" i="1"/>
  <c r="G69619" i="1"/>
  <c r="G69620" i="1"/>
  <c r="G69621" i="1"/>
  <c r="G69622" i="1"/>
  <c r="G69623" i="1"/>
  <c r="G69624" i="1"/>
  <c r="G69625" i="1"/>
  <c r="G69626" i="1"/>
  <c r="G69627" i="1"/>
  <c r="G69628" i="1"/>
  <c r="G69629" i="1"/>
  <c r="G69630" i="1"/>
  <c r="G69631" i="1"/>
  <c r="G69632" i="1"/>
  <c r="G69633" i="1"/>
  <c r="G69634" i="1"/>
  <c r="G69635" i="1"/>
  <c r="G69636" i="1"/>
  <c r="G69637" i="1"/>
  <c r="G69638" i="1"/>
  <c r="G69639" i="1"/>
  <c r="G69640" i="1"/>
  <c r="G69641" i="1"/>
  <c r="G69642" i="1"/>
  <c r="G69643" i="1"/>
  <c r="G69644" i="1"/>
  <c r="G69645" i="1"/>
  <c r="G69646" i="1"/>
  <c r="G69647" i="1"/>
  <c r="G69648" i="1"/>
  <c r="G69649" i="1"/>
  <c r="G69650" i="1"/>
  <c r="G69651" i="1"/>
  <c r="G69652" i="1"/>
  <c r="G69653" i="1"/>
  <c r="G69654" i="1"/>
  <c r="G69655" i="1"/>
  <c r="G69656" i="1"/>
  <c r="G69657" i="1"/>
  <c r="G69658" i="1"/>
  <c r="G69659" i="1"/>
  <c r="G69660" i="1"/>
  <c r="G69661" i="1"/>
  <c r="G69662" i="1"/>
  <c r="G69663" i="1"/>
  <c r="G69664" i="1"/>
  <c r="G69665" i="1"/>
  <c r="G69666" i="1"/>
  <c r="G69667" i="1"/>
  <c r="G69668" i="1"/>
  <c r="G69669" i="1"/>
  <c r="G69670" i="1"/>
  <c r="G69671" i="1"/>
  <c r="G69672" i="1"/>
  <c r="G69673" i="1"/>
  <c r="G69674" i="1"/>
  <c r="G69675" i="1"/>
  <c r="G69676" i="1"/>
  <c r="G69677" i="1"/>
  <c r="G69678" i="1"/>
  <c r="G69679" i="1"/>
  <c r="G69680" i="1"/>
  <c r="G69681" i="1"/>
  <c r="G69682" i="1"/>
  <c r="G69683" i="1"/>
  <c r="G69684" i="1"/>
  <c r="G69685" i="1"/>
  <c r="G69686" i="1"/>
  <c r="G69687" i="1"/>
  <c r="G69688" i="1"/>
  <c r="G69689" i="1"/>
  <c r="G69690" i="1"/>
  <c r="G69691" i="1"/>
  <c r="G69692" i="1"/>
  <c r="G69693" i="1"/>
  <c r="G69694" i="1"/>
  <c r="G69695" i="1"/>
  <c r="G69696" i="1"/>
  <c r="G69697" i="1"/>
  <c r="G69698" i="1"/>
  <c r="G69699" i="1"/>
  <c r="G69700" i="1"/>
  <c r="G69701" i="1"/>
  <c r="G69702" i="1"/>
  <c r="G69703" i="1"/>
  <c r="G69704" i="1"/>
  <c r="G69705" i="1"/>
  <c r="G69706" i="1"/>
  <c r="G69707" i="1"/>
  <c r="G69708" i="1"/>
  <c r="G69709" i="1"/>
  <c r="G69710" i="1"/>
  <c r="G69711" i="1"/>
  <c r="G69712" i="1"/>
  <c r="G69713" i="1"/>
  <c r="G69714" i="1"/>
  <c r="G69715" i="1"/>
  <c r="G69716" i="1"/>
  <c r="G69717" i="1"/>
  <c r="G69718" i="1"/>
  <c r="G69719" i="1"/>
  <c r="G69720" i="1"/>
  <c r="G69721" i="1"/>
  <c r="G69722" i="1"/>
  <c r="G69723" i="1"/>
  <c r="G69724" i="1"/>
  <c r="G69725" i="1"/>
  <c r="G69726" i="1"/>
  <c r="G69727" i="1"/>
  <c r="G69728" i="1"/>
  <c r="G69729" i="1"/>
  <c r="G69730" i="1"/>
  <c r="G69731" i="1"/>
  <c r="G69732" i="1"/>
  <c r="G69733" i="1"/>
  <c r="G69734" i="1"/>
  <c r="G69735" i="1"/>
  <c r="G69736" i="1"/>
  <c r="G69737" i="1"/>
  <c r="G69738" i="1"/>
  <c r="G69739" i="1"/>
  <c r="G69740" i="1"/>
  <c r="G69741" i="1"/>
  <c r="G69742" i="1"/>
  <c r="G69743" i="1"/>
  <c r="G69744" i="1"/>
  <c r="G69745" i="1"/>
  <c r="G69746" i="1"/>
  <c r="G69747" i="1"/>
  <c r="G69748" i="1"/>
  <c r="G69749" i="1"/>
  <c r="G69750" i="1"/>
  <c r="G69751" i="1"/>
  <c r="G69752" i="1"/>
  <c r="G69753" i="1"/>
  <c r="G69754" i="1"/>
  <c r="G69755" i="1"/>
  <c r="G69756" i="1"/>
  <c r="G69757" i="1"/>
  <c r="G69758" i="1"/>
  <c r="G69759" i="1"/>
  <c r="G69760" i="1"/>
  <c r="G69761" i="1"/>
  <c r="G69762" i="1"/>
  <c r="G69763" i="1"/>
  <c r="G69764" i="1"/>
  <c r="G69765" i="1"/>
  <c r="G69766" i="1"/>
  <c r="G69767" i="1"/>
  <c r="G69768" i="1"/>
  <c r="G69769" i="1"/>
  <c r="G69770" i="1"/>
  <c r="G69771" i="1"/>
  <c r="G69772" i="1"/>
  <c r="G69773" i="1"/>
  <c r="G69774" i="1"/>
  <c r="G69775" i="1"/>
  <c r="G69776" i="1"/>
  <c r="G69777" i="1"/>
  <c r="G69778" i="1"/>
  <c r="G69779" i="1"/>
  <c r="G69780" i="1"/>
  <c r="G69781" i="1"/>
  <c r="G69782" i="1"/>
  <c r="G69783" i="1"/>
  <c r="G69784" i="1"/>
  <c r="G69785" i="1"/>
  <c r="G69786" i="1"/>
  <c r="G69787" i="1"/>
  <c r="G69788" i="1"/>
  <c r="G69789" i="1"/>
  <c r="G69790" i="1"/>
  <c r="G69791" i="1"/>
  <c r="G69792" i="1"/>
  <c r="G69793" i="1"/>
  <c r="G69794" i="1"/>
  <c r="G69795" i="1"/>
  <c r="G69796" i="1"/>
  <c r="G69797" i="1"/>
  <c r="G69798" i="1"/>
  <c r="G69799" i="1"/>
  <c r="G69800" i="1"/>
  <c r="G69801" i="1"/>
  <c r="G69802" i="1"/>
  <c r="G69803" i="1"/>
  <c r="G69804" i="1"/>
  <c r="G69805" i="1"/>
  <c r="G69806" i="1"/>
  <c r="G69807" i="1"/>
  <c r="G69808" i="1"/>
  <c r="G69809" i="1"/>
  <c r="G69810" i="1"/>
  <c r="G69811" i="1"/>
  <c r="G69812" i="1"/>
  <c r="G69813" i="1"/>
  <c r="G69814" i="1"/>
  <c r="G69815" i="1"/>
  <c r="G69816" i="1"/>
  <c r="G69817" i="1"/>
  <c r="G69818" i="1"/>
  <c r="G69819" i="1"/>
  <c r="G69820" i="1"/>
  <c r="G69821" i="1"/>
  <c r="G69822" i="1"/>
  <c r="G69823" i="1"/>
  <c r="G69824" i="1"/>
  <c r="G69825" i="1"/>
  <c r="G69826" i="1"/>
  <c r="G69827" i="1"/>
  <c r="G69828" i="1"/>
  <c r="G69829" i="1"/>
  <c r="G69830" i="1"/>
  <c r="G69831" i="1"/>
  <c r="G69832" i="1"/>
  <c r="G69833" i="1"/>
  <c r="G69834" i="1"/>
  <c r="G69835" i="1"/>
  <c r="G69836" i="1"/>
  <c r="G69837" i="1"/>
  <c r="G69838" i="1"/>
  <c r="G69839" i="1"/>
  <c r="G69840" i="1"/>
  <c r="G69841" i="1"/>
  <c r="G69842" i="1"/>
  <c r="G69843" i="1"/>
  <c r="G69844" i="1"/>
  <c r="G69845" i="1"/>
  <c r="G69846" i="1"/>
  <c r="G69847" i="1"/>
  <c r="G69848" i="1"/>
  <c r="G69849" i="1"/>
  <c r="G69850" i="1"/>
  <c r="G69851" i="1"/>
  <c r="G69852" i="1"/>
  <c r="G69853" i="1"/>
  <c r="G69854" i="1"/>
  <c r="G69855" i="1"/>
  <c r="G69856" i="1"/>
  <c r="G69857" i="1"/>
  <c r="G69858" i="1"/>
  <c r="G69859" i="1"/>
  <c r="G69860" i="1"/>
  <c r="G69861" i="1"/>
  <c r="G69862" i="1"/>
  <c r="G69863" i="1"/>
  <c r="G69864" i="1"/>
  <c r="G69865" i="1"/>
  <c r="G69866" i="1"/>
  <c r="G69867" i="1"/>
  <c r="G69868" i="1"/>
  <c r="G69869" i="1"/>
  <c r="G69870" i="1"/>
  <c r="G69871" i="1"/>
  <c r="G69872" i="1"/>
  <c r="G69873" i="1"/>
  <c r="G69874" i="1"/>
  <c r="G69875" i="1"/>
  <c r="G69876" i="1"/>
  <c r="G69877" i="1"/>
  <c r="G69878" i="1"/>
  <c r="G69879" i="1"/>
  <c r="G69880" i="1"/>
  <c r="G69881" i="1"/>
  <c r="G69882" i="1"/>
  <c r="G69883" i="1"/>
  <c r="G69884" i="1"/>
  <c r="G69885" i="1"/>
  <c r="G69886" i="1"/>
  <c r="G69887" i="1"/>
  <c r="G69888" i="1"/>
  <c r="G69889" i="1"/>
  <c r="G69890" i="1"/>
  <c r="G69891" i="1"/>
  <c r="G69892" i="1"/>
  <c r="G69893" i="1"/>
  <c r="G69894" i="1"/>
  <c r="G69895" i="1"/>
  <c r="G69896" i="1"/>
  <c r="G69897" i="1"/>
  <c r="G69898" i="1"/>
  <c r="G69899" i="1"/>
  <c r="G69900" i="1"/>
  <c r="G69901" i="1"/>
  <c r="G69902" i="1"/>
  <c r="G69903" i="1"/>
  <c r="G69904" i="1"/>
  <c r="G69905" i="1"/>
  <c r="G69906" i="1"/>
  <c r="G69907" i="1"/>
  <c r="G69908" i="1"/>
  <c r="G69909" i="1"/>
  <c r="G69910" i="1"/>
  <c r="G69911" i="1"/>
  <c r="G69912" i="1"/>
  <c r="G69913" i="1"/>
  <c r="G69914" i="1"/>
  <c r="G69915" i="1"/>
  <c r="G69916" i="1"/>
  <c r="G69917" i="1"/>
  <c r="G69918" i="1"/>
  <c r="G69919" i="1"/>
  <c r="G69920" i="1"/>
  <c r="G69921" i="1"/>
  <c r="G69922" i="1"/>
  <c r="G69923" i="1"/>
  <c r="G69924" i="1"/>
  <c r="G69925" i="1"/>
  <c r="G69926" i="1"/>
  <c r="G69927" i="1"/>
  <c r="G69928" i="1"/>
  <c r="G69929" i="1"/>
  <c r="G69930" i="1"/>
  <c r="G69931" i="1"/>
  <c r="G69932" i="1"/>
  <c r="G69933" i="1"/>
  <c r="G69934" i="1"/>
  <c r="G69935" i="1"/>
  <c r="G69936" i="1"/>
  <c r="G69937" i="1"/>
  <c r="G69938" i="1"/>
  <c r="G69939" i="1"/>
  <c r="G69940" i="1"/>
  <c r="G69941" i="1"/>
  <c r="G69942" i="1"/>
  <c r="G69943" i="1"/>
  <c r="G69944" i="1"/>
  <c r="G69945" i="1"/>
  <c r="G69946" i="1"/>
  <c r="G69947" i="1"/>
  <c r="G69948" i="1"/>
  <c r="G69949" i="1"/>
  <c r="G69950" i="1"/>
  <c r="G69951" i="1"/>
  <c r="G69952" i="1"/>
  <c r="G69953" i="1"/>
  <c r="G69954" i="1"/>
  <c r="G69955" i="1"/>
  <c r="G69956" i="1"/>
  <c r="G69957" i="1"/>
  <c r="G69958" i="1"/>
  <c r="G69959" i="1"/>
  <c r="G69960" i="1"/>
  <c r="G69961" i="1"/>
  <c r="G69962" i="1"/>
  <c r="G69963" i="1"/>
  <c r="G69964" i="1"/>
  <c r="G69965" i="1"/>
  <c r="G69966" i="1"/>
  <c r="G69967" i="1"/>
  <c r="G69968" i="1"/>
  <c r="G69969" i="1"/>
  <c r="G69970" i="1"/>
  <c r="G69971" i="1"/>
  <c r="G69972" i="1"/>
  <c r="G69973" i="1"/>
  <c r="G69974" i="1"/>
  <c r="G69975" i="1"/>
  <c r="G69976" i="1"/>
  <c r="G69977" i="1"/>
  <c r="G69978" i="1"/>
  <c r="G69979" i="1"/>
  <c r="G69980" i="1"/>
  <c r="G69981" i="1"/>
  <c r="G69982" i="1"/>
  <c r="G69983" i="1"/>
  <c r="G69984" i="1"/>
  <c r="G69985" i="1"/>
  <c r="G69986" i="1"/>
  <c r="G69987" i="1"/>
  <c r="G69988" i="1"/>
  <c r="G69989" i="1"/>
  <c r="G69990" i="1"/>
  <c r="G69991" i="1"/>
  <c r="G69992" i="1"/>
  <c r="G69993" i="1"/>
  <c r="G69994" i="1"/>
  <c r="G69995" i="1"/>
  <c r="G69996" i="1"/>
  <c r="G69997" i="1"/>
  <c r="G69998" i="1"/>
  <c r="G69999" i="1"/>
  <c r="G70000" i="1"/>
  <c r="G70001" i="1"/>
  <c r="G70002" i="1"/>
  <c r="G70003" i="1"/>
  <c r="G70004" i="1"/>
  <c r="G70005" i="1"/>
  <c r="G70006" i="1"/>
  <c r="G70007" i="1"/>
  <c r="G70008" i="1"/>
  <c r="G70009" i="1"/>
  <c r="G70010" i="1"/>
  <c r="G70011" i="1"/>
  <c r="G70012" i="1"/>
  <c r="G70013" i="1"/>
  <c r="G70014" i="1"/>
  <c r="G70015" i="1"/>
  <c r="G70016" i="1"/>
  <c r="G70017" i="1"/>
  <c r="G70018" i="1"/>
  <c r="G70019" i="1"/>
  <c r="G70020" i="1"/>
  <c r="G70021" i="1"/>
  <c r="G70022" i="1"/>
  <c r="G70023" i="1"/>
  <c r="G70024" i="1"/>
  <c r="G70025" i="1"/>
  <c r="G70026" i="1"/>
  <c r="G70027" i="1"/>
  <c r="G70028" i="1"/>
  <c r="G70029" i="1"/>
  <c r="G70030" i="1"/>
  <c r="G70031" i="1"/>
  <c r="G70032" i="1"/>
  <c r="G70033" i="1"/>
  <c r="G70034" i="1"/>
  <c r="G70035" i="1"/>
  <c r="G70036" i="1"/>
  <c r="G70037" i="1"/>
  <c r="G70038" i="1"/>
  <c r="G70039" i="1"/>
  <c r="G70040" i="1"/>
  <c r="G70041" i="1"/>
  <c r="G70042" i="1"/>
  <c r="G70043" i="1"/>
  <c r="G70044" i="1"/>
  <c r="G70045" i="1"/>
  <c r="G70046" i="1"/>
  <c r="G70047" i="1"/>
  <c r="G70048" i="1"/>
  <c r="G70049" i="1"/>
  <c r="G70050" i="1"/>
  <c r="G70051" i="1"/>
  <c r="G70052" i="1"/>
  <c r="G70053" i="1"/>
  <c r="G70054" i="1"/>
  <c r="G70055" i="1"/>
  <c r="G70056" i="1"/>
  <c r="G70057" i="1"/>
  <c r="G70058" i="1"/>
  <c r="G70059" i="1"/>
  <c r="G70060" i="1"/>
  <c r="G70061" i="1"/>
  <c r="G70062" i="1"/>
  <c r="G70063" i="1"/>
  <c r="G70064" i="1"/>
  <c r="G70065" i="1"/>
  <c r="G70066" i="1"/>
  <c r="G70067" i="1"/>
  <c r="G70068" i="1"/>
  <c r="G70069" i="1"/>
  <c r="G70070" i="1"/>
  <c r="G70071" i="1"/>
  <c r="G70072" i="1"/>
  <c r="G70073" i="1"/>
  <c r="G70074" i="1"/>
  <c r="G70075" i="1"/>
  <c r="G70076" i="1"/>
  <c r="G70077" i="1"/>
  <c r="G70078" i="1"/>
  <c r="G70079" i="1"/>
  <c r="G70080" i="1"/>
  <c r="G70081" i="1"/>
  <c r="G70082" i="1"/>
  <c r="G70083" i="1"/>
  <c r="G70084" i="1"/>
  <c r="G70085" i="1"/>
  <c r="G70086" i="1"/>
  <c r="G70087" i="1"/>
  <c r="G70088" i="1"/>
  <c r="G70089" i="1"/>
  <c r="G70090" i="1"/>
  <c r="G70091" i="1"/>
  <c r="G70092" i="1"/>
  <c r="G70093" i="1"/>
  <c r="G70094" i="1"/>
  <c r="G70095" i="1"/>
  <c r="G70096" i="1"/>
  <c r="G70097" i="1"/>
  <c r="G70098" i="1"/>
  <c r="G70099" i="1"/>
  <c r="G70100" i="1"/>
  <c r="G70101" i="1"/>
  <c r="G70102" i="1"/>
  <c r="G70103" i="1"/>
  <c r="G70104" i="1"/>
  <c r="G70105" i="1"/>
  <c r="G70106" i="1"/>
  <c r="G70107" i="1"/>
  <c r="G70108" i="1"/>
  <c r="G70109" i="1"/>
  <c r="G70110" i="1"/>
  <c r="G70111" i="1"/>
  <c r="G70112" i="1"/>
  <c r="G70113" i="1"/>
  <c r="G70114" i="1"/>
  <c r="G70115" i="1"/>
  <c r="G70116" i="1"/>
  <c r="G70117" i="1"/>
  <c r="G70118" i="1"/>
  <c r="G70119" i="1"/>
  <c r="G70120" i="1"/>
  <c r="G70121" i="1"/>
  <c r="G70122" i="1"/>
  <c r="G70123" i="1"/>
  <c r="G70124" i="1"/>
  <c r="G70125" i="1"/>
  <c r="G70126" i="1"/>
  <c r="G70127" i="1"/>
  <c r="G70128" i="1"/>
  <c r="G70129" i="1"/>
  <c r="G70130" i="1"/>
  <c r="G70131" i="1"/>
  <c r="G70132" i="1"/>
  <c r="G70133" i="1"/>
  <c r="G70134" i="1"/>
  <c r="G70135" i="1"/>
  <c r="G70136" i="1"/>
  <c r="G70137" i="1"/>
  <c r="G70138" i="1"/>
  <c r="G70139" i="1"/>
  <c r="G70140" i="1"/>
  <c r="G70141" i="1"/>
  <c r="G70142" i="1"/>
  <c r="G70143" i="1"/>
  <c r="G70144" i="1"/>
  <c r="G70145" i="1"/>
  <c r="G70146" i="1"/>
  <c r="G70147" i="1"/>
  <c r="G70148" i="1"/>
  <c r="G70149" i="1"/>
  <c r="G70150" i="1"/>
  <c r="G70151" i="1"/>
  <c r="G70152" i="1"/>
  <c r="G70153" i="1"/>
  <c r="G70154" i="1"/>
  <c r="G70155" i="1"/>
  <c r="G70156" i="1"/>
  <c r="G70157" i="1"/>
  <c r="G70158" i="1"/>
  <c r="G70159" i="1"/>
  <c r="G70160" i="1"/>
  <c r="G70161" i="1"/>
  <c r="G70162" i="1"/>
  <c r="G70163" i="1"/>
  <c r="G70164" i="1"/>
  <c r="G70165" i="1"/>
  <c r="G70166" i="1"/>
  <c r="G70167" i="1"/>
  <c r="G70168" i="1"/>
  <c r="G70169" i="1"/>
  <c r="G70170" i="1"/>
  <c r="G70171" i="1"/>
  <c r="G70172" i="1"/>
  <c r="G70173" i="1"/>
  <c r="G70174" i="1"/>
  <c r="G70175" i="1"/>
  <c r="G70176" i="1"/>
  <c r="G70177" i="1"/>
  <c r="G70178" i="1"/>
  <c r="G70179" i="1"/>
  <c r="G70180" i="1"/>
  <c r="G70181" i="1"/>
  <c r="G70182" i="1"/>
  <c r="G70183" i="1"/>
  <c r="G70184" i="1"/>
  <c r="G70185" i="1"/>
  <c r="G70186" i="1"/>
  <c r="G70187" i="1"/>
  <c r="G70188" i="1"/>
  <c r="G70189" i="1"/>
  <c r="G70190" i="1"/>
  <c r="G70191" i="1"/>
  <c r="G70192" i="1"/>
  <c r="G70193" i="1"/>
  <c r="G70194" i="1"/>
  <c r="G70195" i="1"/>
  <c r="G70196" i="1"/>
  <c r="G70197" i="1"/>
  <c r="G70198" i="1"/>
  <c r="G70199" i="1"/>
  <c r="G70200" i="1"/>
  <c r="G70201" i="1"/>
  <c r="G70202" i="1"/>
  <c r="G70203" i="1"/>
  <c r="G70204" i="1"/>
  <c r="G70205" i="1"/>
  <c r="G70206" i="1"/>
  <c r="G70207" i="1"/>
  <c r="G70208" i="1"/>
  <c r="G70209" i="1"/>
  <c r="G70210" i="1"/>
  <c r="G70211" i="1"/>
  <c r="G70212" i="1"/>
  <c r="G70213" i="1"/>
  <c r="G70214" i="1"/>
  <c r="G70215" i="1"/>
  <c r="G70216" i="1"/>
  <c r="G70217" i="1"/>
  <c r="G70218" i="1"/>
  <c r="G70219" i="1"/>
  <c r="G70220" i="1"/>
  <c r="G70221" i="1"/>
  <c r="G70222" i="1"/>
  <c r="G70223" i="1"/>
  <c r="G70224" i="1"/>
  <c r="G70225" i="1"/>
  <c r="G70226" i="1"/>
  <c r="G70227" i="1"/>
  <c r="G70228" i="1"/>
  <c r="G70229" i="1"/>
  <c r="G70230" i="1"/>
  <c r="G70231" i="1"/>
  <c r="G70232" i="1"/>
  <c r="G70233" i="1"/>
  <c r="G70234" i="1"/>
  <c r="G70235" i="1"/>
  <c r="G70236" i="1"/>
  <c r="G70237" i="1"/>
  <c r="G70238" i="1"/>
  <c r="G70239" i="1"/>
  <c r="G70240" i="1"/>
  <c r="G70241" i="1"/>
  <c r="G70242" i="1"/>
  <c r="G70243" i="1"/>
  <c r="G70244" i="1"/>
  <c r="G70245" i="1"/>
  <c r="G70246" i="1"/>
  <c r="G70247" i="1"/>
  <c r="G70248" i="1"/>
  <c r="G70249" i="1"/>
  <c r="G70250" i="1"/>
  <c r="G70251" i="1"/>
  <c r="G70252" i="1"/>
  <c r="G70253" i="1"/>
  <c r="G70254" i="1"/>
  <c r="G70255" i="1"/>
  <c r="G70256" i="1"/>
  <c r="G70257" i="1"/>
  <c r="G70258" i="1"/>
  <c r="G70259" i="1"/>
  <c r="G70260" i="1"/>
  <c r="G70261" i="1"/>
  <c r="G70262" i="1"/>
  <c r="G70263" i="1"/>
  <c r="G70264" i="1"/>
  <c r="G70265" i="1"/>
  <c r="G70266" i="1"/>
  <c r="G70267" i="1"/>
  <c r="G70268" i="1"/>
  <c r="G70269" i="1"/>
  <c r="G70270" i="1"/>
  <c r="G70271" i="1"/>
  <c r="G70272" i="1"/>
  <c r="G70273" i="1"/>
  <c r="G70274" i="1"/>
  <c r="G70275" i="1"/>
  <c r="G70276" i="1"/>
  <c r="G70277" i="1"/>
  <c r="G70278" i="1"/>
  <c r="G70279" i="1"/>
  <c r="G70280" i="1"/>
  <c r="G70281" i="1"/>
  <c r="G70282" i="1"/>
  <c r="G70283" i="1"/>
  <c r="G70284" i="1"/>
  <c r="G70285" i="1"/>
  <c r="G70286" i="1"/>
  <c r="G70287" i="1"/>
  <c r="G70288" i="1"/>
  <c r="G70289" i="1"/>
  <c r="G70290" i="1"/>
  <c r="G70291" i="1"/>
  <c r="G70292" i="1"/>
  <c r="G70293" i="1"/>
  <c r="G70294" i="1"/>
  <c r="G70295" i="1"/>
  <c r="G70296" i="1"/>
  <c r="G70297" i="1"/>
  <c r="G70298" i="1"/>
  <c r="G70299" i="1"/>
  <c r="G70300" i="1"/>
  <c r="G70301" i="1"/>
  <c r="G70302" i="1"/>
  <c r="G70303" i="1"/>
  <c r="G70304" i="1"/>
  <c r="G70305" i="1"/>
  <c r="G70306" i="1"/>
  <c r="G70307" i="1"/>
  <c r="G70308" i="1"/>
  <c r="G70309" i="1"/>
  <c r="G70310" i="1"/>
  <c r="G70311" i="1"/>
  <c r="G70312" i="1"/>
  <c r="G70313" i="1"/>
  <c r="G70314" i="1"/>
  <c r="G70315" i="1"/>
  <c r="G70316" i="1"/>
  <c r="G70317" i="1"/>
  <c r="G70318" i="1"/>
  <c r="G70319" i="1"/>
  <c r="G70320" i="1"/>
  <c r="G70321" i="1"/>
  <c r="G70322" i="1"/>
  <c r="G70323" i="1"/>
  <c r="G70324" i="1"/>
  <c r="G70325" i="1"/>
  <c r="G70326" i="1"/>
  <c r="G70327" i="1"/>
  <c r="G70328" i="1"/>
  <c r="G70329" i="1"/>
  <c r="G70330" i="1"/>
  <c r="G70331" i="1"/>
  <c r="G70332" i="1"/>
  <c r="G70333" i="1"/>
  <c r="G70334" i="1"/>
  <c r="G70335" i="1"/>
  <c r="G70336" i="1"/>
  <c r="G70337" i="1"/>
  <c r="G70338" i="1"/>
  <c r="G70339" i="1"/>
  <c r="G70340" i="1"/>
  <c r="G70341" i="1"/>
  <c r="G70342" i="1"/>
  <c r="G70343" i="1"/>
  <c r="G70344" i="1"/>
  <c r="G70345" i="1"/>
  <c r="G70346" i="1"/>
  <c r="G70347" i="1"/>
  <c r="G70348" i="1"/>
  <c r="G70349" i="1"/>
  <c r="G70350" i="1"/>
  <c r="G70351" i="1"/>
  <c r="G70352" i="1"/>
  <c r="G70353" i="1"/>
  <c r="G70354" i="1"/>
  <c r="G70355" i="1"/>
  <c r="G70356" i="1"/>
  <c r="G70357" i="1"/>
  <c r="G70358" i="1"/>
  <c r="G70359" i="1"/>
  <c r="G70360" i="1"/>
  <c r="G70361" i="1"/>
  <c r="G70362" i="1"/>
  <c r="G70363" i="1"/>
  <c r="G70364" i="1"/>
  <c r="G70365" i="1"/>
  <c r="G70366" i="1"/>
  <c r="G70367" i="1"/>
  <c r="G70368" i="1"/>
  <c r="G70369" i="1"/>
  <c r="G70370" i="1"/>
  <c r="G70371" i="1"/>
  <c r="G70372" i="1"/>
  <c r="G70373" i="1"/>
  <c r="G70374" i="1"/>
  <c r="G70375" i="1"/>
  <c r="G70376" i="1"/>
  <c r="G70377" i="1"/>
  <c r="G70378" i="1"/>
  <c r="G70379" i="1"/>
  <c r="G70380" i="1"/>
  <c r="G70381" i="1"/>
  <c r="G70382" i="1"/>
  <c r="G70383" i="1"/>
  <c r="G70384" i="1"/>
  <c r="G70385" i="1"/>
  <c r="G70386" i="1"/>
  <c r="G70387" i="1"/>
  <c r="G70388" i="1"/>
  <c r="G70389" i="1"/>
  <c r="G70390" i="1"/>
  <c r="G70391" i="1"/>
  <c r="G70392" i="1"/>
  <c r="G70393" i="1"/>
  <c r="G70394" i="1"/>
  <c r="G70395" i="1"/>
  <c r="G70396" i="1"/>
  <c r="G70397" i="1"/>
  <c r="G70398" i="1"/>
  <c r="G70399" i="1"/>
  <c r="G70400" i="1"/>
  <c r="G70401" i="1"/>
  <c r="G70402" i="1"/>
  <c r="G70403" i="1"/>
  <c r="G70404" i="1"/>
  <c r="G70405" i="1"/>
  <c r="G70406" i="1"/>
  <c r="G70407" i="1"/>
  <c r="G70408" i="1"/>
  <c r="G70409" i="1"/>
  <c r="G70410" i="1"/>
  <c r="G70411" i="1"/>
  <c r="G70412" i="1"/>
  <c r="G70413" i="1"/>
  <c r="G70414" i="1"/>
  <c r="G70415" i="1"/>
  <c r="G70416" i="1"/>
  <c r="G70417" i="1"/>
  <c r="G70418" i="1"/>
  <c r="G70419" i="1"/>
  <c r="G70420" i="1"/>
  <c r="G70421" i="1"/>
  <c r="G70422" i="1"/>
  <c r="G70423" i="1"/>
  <c r="G70424" i="1"/>
  <c r="G70425" i="1"/>
  <c r="G70426" i="1"/>
  <c r="G70427" i="1"/>
  <c r="G70428" i="1"/>
  <c r="G70429" i="1"/>
  <c r="G70430" i="1"/>
  <c r="G70431" i="1"/>
  <c r="G70432" i="1"/>
  <c r="G70433" i="1"/>
  <c r="G70434" i="1"/>
  <c r="G70435" i="1"/>
  <c r="G70436" i="1"/>
  <c r="G70437" i="1"/>
  <c r="G70438" i="1"/>
  <c r="G70439" i="1"/>
  <c r="G70440" i="1"/>
  <c r="G70441" i="1"/>
  <c r="G70442" i="1"/>
  <c r="G70443" i="1"/>
  <c r="G70444" i="1"/>
  <c r="G70445" i="1"/>
  <c r="G70446" i="1"/>
  <c r="G70447" i="1"/>
  <c r="G70448" i="1"/>
  <c r="G70449" i="1"/>
  <c r="G70450" i="1"/>
  <c r="G70451" i="1"/>
  <c r="G70452" i="1"/>
  <c r="G70453" i="1"/>
  <c r="G70454" i="1"/>
  <c r="G70455" i="1"/>
  <c r="G70456" i="1"/>
  <c r="G70457" i="1"/>
  <c r="G70458" i="1"/>
  <c r="G70459" i="1"/>
  <c r="G70460" i="1"/>
  <c r="G70461" i="1"/>
  <c r="G70462" i="1"/>
  <c r="G70463" i="1"/>
  <c r="G70464" i="1"/>
  <c r="G70465" i="1"/>
  <c r="G70466" i="1"/>
  <c r="G70467" i="1"/>
  <c r="G70468" i="1"/>
  <c r="G70469" i="1"/>
  <c r="G70470" i="1"/>
  <c r="G70471" i="1"/>
  <c r="G70472" i="1"/>
  <c r="G70473" i="1"/>
  <c r="G70474" i="1"/>
  <c r="G70475" i="1"/>
  <c r="G70476" i="1"/>
  <c r="G70477" i="1"/>
  <c r="G70478" i="1"/>
  <c r="G70479" i="1"/>
  <c r="G70480" i="1"/>
  <c r="G70481" i="1"/>
  <c r="G70482" i="1"/>
  <c r="G70483" i="1"/>
  <c r="G70484" i="1"/>
  <c r="G70485" i="1"/>
  <c r="G70486" i="1"/>
  <c r="G70487" i="1"/>
  <c r="G70488" i="1"/>
  <c r="G70489" i="1"/>
  <c r="G70490" i="1"/>
  <c r="G70491" i="1"/>
  <c r="G70492" i="1"/>
  <c r="G70493" i="1"/>
  <c r="G70494" i="1"/>
  <c r="G70495" i="1"/>
  <c r="G70496" i="1"/>
  <c r="G70497" i="1"/>
  <c r="G70498" i="1"/>
  <c r="G70499" i="1"/>
  <c r="G70500" i="1"/>
  <c r="G70501" i="1"/>
  <c r="G70502" i="1"/>
  <c r="G70503" i="1"/>
  <c r="G70504" i="1"/>
  <c r="G70505" i="1"/>
  <c r="G70506" i="1"/>
  <c r="G70507" i="1"/>
  <c r="G70508" i="1"/>
  <c r="G70509" i="1"/>
  <c r="G70510" i="1"/>
  <c r="G70511" i="1"/>
  <c r="G70512" i="1"/>
  <c r="G70513" i="1"/>
  <c r="G70514" i="1"/>
  <c r="G70515" i="1"/>
  <c r="G70516" i="1"/>
  <c r="G70517" i="1"/>
  <c r="G70518" i="1"/>
  <c r="G70519" i="1"/>
  <c r="G70520" i="1"/>
  <c r="G70521" i="1"/>
  <c r="G70522" i="1"/>
  <c r="G70523" i="1"/>
  <c r="G70524" i="1"/>
  <c r="G70525" i="1"/>
  <c r="G70526" i="1"/>
  <c r="G70527" i="1"/>
  <c r="G70528" i="1"/>
  <c r="G70529" i="1"/>
  <c r="G70530" i="1"/>
  <c r="G70531" i="1"/>
  <c r="G70532" i="1"/>
  <c r="G70533" i="1"/>
  <c r="G70534" i="1"/>
  <c r="G70535" i="1"/>
  <c r="G70536" i="1"/>
  <c r="G70537" i="1"/>
  <c r="G70538" i="1"/>
  <c r="G70539" i="1"/>
  <c r="G70540" i="1"/>
  <c r="G70541" i="1"/>
  <c r="G70542" i="1"/>
  <c r="G70543" i="1"/>
  <c r="G70544" i="1"/>
  <c r="G70545" i="1"/>
  <c r="G70546" i="1"/>
  <c r="G70547" i="1"/>
  <c r="G70548" i="1"/>
  <c r="G70549" i="1"/>
  <c r="G70550" i="1"/>
  <c r="G70551" i="1"/>
  <c r="G70552" i="1"/>
  <c r="G70553" i="1"/>
  <c r="G70554" i="1"/>
  <c r="G70555" i="1"/>
  <c r="G70556" i="1"/>
  <c r="G70557" i="1"/>
  <c r="G70558" i="1"/>
  <c r="G70559" i="1"/>
  <c r="G70560" i="1"/>
  <c r="G70561" i="1"/>
  <c r="G70562" i="1"/>
  <c r="G70563" i="1"/>
  <c r="G70564" i="1"/>
  <c r="G70565" i="1"/>
  <c r="G70566" i="1"/>
  <c r="G70567" i="1"/>
  <c r="G70568" i="1"/>
  <c r="G70569" i="1"/>
  <c r="G70570" i="1"/>
  <c r="G70571" i="1"/>
  <c r="G70572" i="1"/>
  <c r="G70573" i="1"/>
  <c r="G70574" i="1"/>
  <c r="G70575" i="1"/>
  <c r="G70576" i="1"/>
  <c r="G70577" i="1"/>
  <c r="G70578" i="1"/>
  <c r="G70579" i="1"/>
  <c r="G70580" i="1"/>
  <c r="G70581" i="1"/>
  <c r="G70582" i="1"/>
  <c r="G70583" i="1"/>
  <c r="G70584" i="1"/>
  <c r="G70585" i="1"/>
  <c r="G70586" i="1"/>
  <c r="G70587" i="1"/>
  <c r="G70588" i="1"/>
  <c r="G70589" i="1"/>
  <c r="G70590" i="1"/>
  <c r="G70591" i="1"/>
  <c r="G70592" i="1"/>
  <c r="G70593" i="1"/>
  <c r="G70594" i="1"/>
  <c r="G70595" i="1"/>
  <c r="G70596" i="1"/>
  <c r="G70597" i="1"/>
  <c r="G70598" i="1"/>
  <c r="G70599" i="1"/>
  <c r="G70600" i="1"/>
  <c r="G70601" i="1"/>
  <c r="G70602" i="1"/>
  <c r="G70603" i="1"/>
  <c r="G70604" i="1"/>
  <c r="G70605" i="1"/>
  <c r="G70606" i="1"/>
  <c r="G70607" i="1"/>
  <c r="G70608" i="1"/>
  <c r="G70609" i="1"/>
  <c r="G70610" i="1"/>
  <c r="G70611" i="1"/>
  <c r="G70612" i="1"/>
  <c r="G70613" i="1"/>
  <c r="G70614" i="1"/>
  <c r="G70615" i="1"/>
  <c r="G70616" i="1"/>
  <c r="G70617" i="1"/>
  <c r="G70618" i="1"/>
  <c r="G70619" i="1"/>
  <c r="G70620" i="1"/>
  <c r="G70621" i="1"/>
  <c r="G70622" i="1"/>
  <c r="G70623" i="1"/>
  <c r="G70624" i="1"/>
  <c r="G70625" i="1"/>
  <c r="G70626" i="1"/>
  <c r="G70627" i="1"/>
  <c r="G70628" i="1"/>
  <c r="G70629" i="1"/>
  <c r="G70630" i="1"/>
  <c r="G70631" i="1"/>
  <c r="G70632" i="1"/>
  <c r="G70633" i="1"/>
  <c r="G70634" i="1"/>
  <c r="G70635" i="1"/>
  <c r="G70636" i="1"/>
  <c r="G70637" i="1"/>
  <c r="G70638" i="1"/>
  <c r="G70639" i="1"/>
  <c r="G70640" i="1"/>
  <c r="G70641" i="1"/>
  <c r="G70642" i="1"/>
  <c r="G70643" i="1"/>
  <c r="G70644" i="1"/>
  <c r="G70645" i="1"/>
  <c r="G70646" i="1"/>
  <c r="G70647" i="1"/>
  <c r="G70648" i="1"/>
  <c r="G70649" i="1"/>
  <c r="G70650" i="1"/>
  <c r="G70651" i="1"/>
  <c r="G70652" i="1"/>
  <c r="G70653" i="1"/>
  <c r="G70654" i="1"/>
  <c r="G70655" i="1"/>
  <c r="G70656" i="1"/>
  <c r="G70657" i="1"/>
  <c r="G70658" i="1"/>
  <c r="G70659" i="1"/>
  <c r="G70660" i="1"/>
  <c r="G70661" i="1"/>
  <c r="G70662" i="1"/>
  <c r="G70663" i="1"/>
  <c r="G70664" i="1"/>
  <c r="G70665" i="1"/>
  <c r="G70666" i="1"/>
  <c r="G70667" i="1"/>
  <c r="G70668" i="1"/>
  <c r="G70669" i="1"/>
  <c r="G70670" i="1"/>
  <c r="G70671" i="1"/>
  <c r="G70672" i="1"/>
  <c r="G70673" i="1"/>
  <c r="G70674" i="1"/>
  <c r="G70675" i="1"/>
  <c r="G70676" i="1"/>
  <c r="G70677" i="1"/>
  <c r="G70678" i="1"/>
  <c r="G70679" i="1"/>
  <c r="G70680" i="1"/>
  <c r="G70681" i="1"/>
  <c r="G70682" i="1"/>
  <c r="G70683" i="1"/>
  <c r="G70684" i="1"/>
  <c r="G70685" i="1"/>
  <c r="G70686" i="1"/>
  <c r="G70687" i="1"/>
  <c r="G70688" i="1"/>
  <c r="G70689" i="1"/>
  <c r="G70690" i="1"/>
  <c r="G70691" i="1"/>
  <c r="G70692" i="1"/>
  <c r="G70693" i="1"/>
  <c r="G70694" i="1"/>
  <c r="G70695" i="1"/>
  <c r="G70696" i="1"/>
  <c r="G70697" i="1"/>
  <c r="G70698" i="1"/>
  <c r="G70699" i="1"/>
  <c r="G70700" i="1"/>
  <c r="G70701" i="1"/>
  <c r="G70702" i="1"/>
  <c r="G70703" i="1"/>
  <c r="G70704" i="1"/>
  <c r="G70705" i="1"/>
  <c r="G70706" i="1"/>
  <c r="G70707" i="1"/>
  <c r="G70708" i="1"/>
  <c r="G70709" i="1"/>
  <c r="G70710" i="1"/>
  <c r="G70711" i="1"/>
  <c r="G70712" i="1"/>
  <c r="G70713" i="1"/>
  <c r="G70714" i="1"/>
  <c r="G70715" i="1"/>
  <c r="G70716" i="1"/>
  <c r="G70717" i="1"/>
  <c r="G70718" i="1"/>
  <c r="G70719" i="1"/>
  <c r="G70720" i="1"/>
  <c r="G70721" i="1"/>
  <c r="G70722" i="1"/>
  <c r="G70723" i="1"/>
  <c r="G70724" i="1"/>
  <c r="G70725" i="1"/>
  <c r="G70726" i="1"/>
  <c r="G70727" i="1"/>
  <c r="G70728" i="1"/>
  <c r="G70729" i="1"/>
  <c r="G70730" i="1"/>
  <c r="G70731" i="1"/>
  <c r="G70732" i="1"/>
  <c r="G70733" i="1"/>
  <c r="G70734" i="1"/>
  <c r="G70735" i="1"/>
  <c r="G70736" i="1"/>
  <c r="G70737" i="1"/>
  <c r="G70738" i="1"/>
  <c r="G70739" i="1"/>
  <c r="G70740" i="1"/>
  <c r="G70741" i="1"/>
  <c r="G70742" i="1"/>
  <c r="G70743" i="1"/>
  <c r="G70744" i="1"/>
  <c r="G70745" i="1"/>
  <c r="G70746" i="1"/>
  <c r="G70747" i="1"/>
  <c r="G70748" i="1"/>
  <c r="G70749" i="1"/>
  <c r="G70750" i="1"/>
  <c r="G70751" i="1"/>
  <c r="G70752" i="1"/>
  <c r="G70753" i="1"/>
  <c r="G70754" i="1"/>
  <c r="G70755" i="1"/>
  <c r="G70756" i="1"/>
  <c r="G70757" i="1"/>
  <c r="G70758" i="1"/>
  <c r="G70759" i="1"/>
  <c r="G70760" i="1"/>
  <c r="G70761" i="1"/>
  <c r="G70762" i="1"/>
  <c r="G70763" i="1"/>
  <c r="G70764" i="1"/>
  <c r="G70765" i="1"/>
  <c r="G70766" i="1"/>
  <c r="G70767" i="1"/>
  <c r="G70768" i="1"/>
  <c r="G70769" i="1"/>
  <c r="G70770" i="1"/>
  <c r="G70771" i="1"/>
  <c r="G70772" i="1"/>
  <c r="G70773" i="1"/>
  <c r="G70774" i="1"/>
  <c r="G70775" i="1"/>
  <c r="G70776" i="1"/>
  <c r="G70777" i="1"/>
  <c r="G70778" i="1"/>
  <c r="G70779" i="1"/>
  <c r="G70780" i="1"/>
  <c r="G70781" i="1"/>
  <c r="G70782" i="1"/>
  <c r="G70783" i="1"/>
  <c r="G70784" i="1"/>
  <c r="G70785" i="1"/>
  <c r="G70786" i="1"/>
  <c r="G70787" i="1"/>
  <c r="G70788" i="1"/>
  <c r="G70789" i="1"/>
  <c r="G70790" i="1"/>
  <c r="G70791" i="1"/>
  <c r="G70792" i="1"/>
  <c r="G70793" i="1"/>
  <c r="G70794" i="1"/>
  <c r="G70795" i="1"/>
  <c r="G70796" i="1"/>
  <c r="G70797" i="1"/>
  <c r="G70798" i="1"/>
  <c r="G70799" i="1"/>
  <c r="G70800" i="1"/>
  <c r="G70801" i="1"/>
  <c r="G70802" i="1"/>
  <c r="G70803" i="1"/>
  <c r="G70804" i="1"/>
  <c r="G70805" i="1"/>
  <c r="G70806" i="1"/>
  <c r="G70807" i="1"/>
  <c r="G70808" i="1"/>
  <c r="G70809" i="1"/>
  <c r="G70810" i="1"/>
  <c r="G70811" i="1"/>
  <c r="G70812" i="1"/>
  <c r="G70813" i="1"/>
  <c r="G70814" i="1"/>
  <c r="G70815" i="1"/>
  <c r="G70816" i="1"/>
  <c r="G70817" i="1"/>
  <c r="G70818" i="1"/>
  <c r="G70819" i="1"/>
  <c r="G70820" i="1"/>
  <c r="G70821" i="1"/>
  <c r="G70822" i="1"/>
  <c r="G70823" i="1"/>
  <c r="G70824" i="1"/>
  <c r="G70825" i="1"/>
  <c r="G70826" i="1"/>
  <c r="G70827" i="1"/>
  <c r="G70828" i="1"/>
  <c r="G70829" i="1"/>
  <c r="G70830" i="1"/>
  <c r="G70831" i="1"/>
  <c r="G70832" i="1"/>
  <c r="G70833" i="1"/>
  <c r="G70834" i="1"/>
  <c r="G70835" i="1"/>
  <c r="G70836" i="1"/>
  <c r="G70837" i="1"/>
  <c r="G70838" i="1"/>
  <c r="G70839" i="1"/>
  <c r="G70840" i="1"/>
  <c r="G70841" i="1"/>
  <c r="G70842" i="1"/>
  <c r="G70843" i="1"/>
  <c r="G70844" i="1"/>
  <c r="G70845" i="1"/>
  <c r="G70846" i="1"/>
  <c r="G70847" i="1"/>
  <c r="G70848" i="1"/>
  <c r="G70849" i="1"/>
  <c r="G70850" i="1"/>
  <c r="G70851" i="1"/>
  <c r="G70852" i="1"/>
  <c r="G70853" i="1"/>
  <c r="G70854" i="1"/>
  <c r="G70855" i="1"/>
  <c r="G70856" i="1"/>
  <c r="G70857" i="1"/>
  <c r="G70858" i="1"/>
  <c r="G70859" i="1"/>
  <c r="G70860" i="1"/>
  <c r="G70861" i="1"/>
  <c r="G70862" i="1"/>
  <c r="G70863" i="1"/>
  <c r="G70864" i="1"/>
  <c r="G70865" i="1"/>
  <c r="G70866" i="1"/>
  <c r="G70867" i="1"/>
  <c r="G70868" i="1"/>
  <c r="G70869" i="1"/>
  <c r="G70870" i="1"/>
  <c r="G70871" i="1"/>
  <c r="G70872" i="1"/>
  <c r="G70873" i="1"/>
  <c r="G70874" i="1"/>
  <c r="G70875" i="1"/>
  <c r="G70876" i="1"/>
  <c r="G70877" i="1"/>
  <c r="G70878" i="1"/>
  <c r="G70879" i="1"/>
  <c r="G70880" i="1"/>
  <c r="G70881" i="1"/>
  <c r="G70882" i="1"/>
  <c r="G70883" i="1"/>
  <c r="G70884" i="1"/>
  <c r="G70885" i="1"/>
  <c r="G70886" i="1"/>
  <c r="G70887" i="1"/>
  <c r="G70888" i="1"/>
  <c r="G70889" i="1"/>
  <c r="G70890" i="1"/>
  <c r="G70891" i="1"/>
  <c r="G70892" i="1"/>
  <c r="G70893" i="1"/>
  <c r="G70894" i="1"/>
  <c r="G70895" i="1"/>
  <c r="G70896" i="1"/>
  <c r="G70897" i="1"/>
  <c r="G70898" i="1"/>
  <c r="G70899" i="1"/>
  <c r="G70900" i="1"/>
  <c r="G70901" i="1"/>
  <c r="G70902" i="1"/>
  <c r="G70903" i="1"/>
  <c r="G70904" i="1"/>
  <c r="G70905" i="1"/>
  <c r="G70906" i="1"/>
  <c r="G70907" i="1"/>
  <c r="G70908" i="1"/>
  <c r="G70909" i="1"/>
  <c r="G70910" i="1"/>
  <c r="G70911" i="1"/>
  <c r="G70912" i="1"/>
  <c r="G70913" i="1"/>
  <c r="G70914" i="1"/>
  <c r="G70915" i="1"/>
  <c r="G70916" i="1"/>
  <c r="G70917" i="1"/>
  <c r="G70918" i="1"/>
  <c r="G70919" i="1"/>
  <c r="G70920" i="1"/>
  <c r="G70921" i="1"/>
  <c r="G70922" i="1"/>
  <c r="G70923" i="1"/>
  <c r="G70924" i="1"/>
  <c r="G70925" i="1"/>
  <c r="G70926" i="1"/>
  <c r="G70927" i="1"/>
  <c r="G70928" i="1"/>
  <c r="G70929" i="1"/>
  <c r="G70930" i="1"/>
  <c r="G70931" i="1"/>
  <c r="G70932" i="1"/>
  <c r="G70933" i="1"/>
  <c r="G70934" i="1"/>
  <c r="G70935" i="1"/>
  <c r="G70936" i="1"/>
  <c r="G70937" i="1"/>
  <c r="G70938" i="1"/>
  <c r="G70939" i="1"/>
  <c r="G70940" i="1"/>
  <c r="G70941" i="1"/>
  <c r="G70942" i="1"/>
  <c r="G70943" i="1"/>
  <c r="G70944" i="1"/>
  <c r="G70945" i="1"/>
  <c r="G70946" i="1"/>
  <c r="G70947" i="1"/>
  <c r="G70948" i="1"/>
  <c r="G70949" i="1"/>
  <c r="G70950" i="1"/>
  <c r="G70951" i="1"/>
  <c r="G70952" i="1"/>
  <c r="G70953" i="1"/>
  <c r="G70954" i="1"/>
  <c r="G70955" i="1"/>
  <c r="G70956" i="1"/>
  <c r="G70957" i="1"/>
  <c r="G70958" i="1"/>
  <c r="G70959" i="1"/>
  <c r="G70960" i="1"/>
  <c r="G70961" i="1"/>
  <c r="G70962" i="1"/>
  <c r="G70963" i="1"/>
  <c r="G70964" i="1"/>
  <c r="G70965" i="1"/>
  <c r="G70966" i="1"/>
  <c r="G70967" i="1"/>
  <c r="G70968" i="1"/>
  <c r="G70969" i="1"/>
  <c r="G70970" i="1"/>
  <c r="G70971" i="1"/>
  <c r="G70972" i="1"/>
  <c r="G70973" i="1"/>
  <c r="G70974" i="1"/>
  <c r="G70975" i="1"/>
  <c r="G70976" i="1"/>
  <c r="G70977" i="1"/>
  <c r="G70978" i="1"/>
  <c r="G70979" i="1"/>
  <c r="G70980" i="1"/>
  <c r="G70981" i="1"/>
  <c r="G70982" i="1"/>
  <c r="G70983" i="1"/>
  <c r="G70984" i="1"/>
  <c r="G70985" i="1"/>
  <c r="G70986" i="1"/>
  <c r="G70987" i="1"/>
  <c r="G70988" i="1"/>
  <c r="G70989" i="1"/>
  <c r="G70990" i="1"/>
  <c r="G70991" i="1"/>
  <c r="G70992" i="1"/>
  <c r="G70993" i="1"/>
  <c r="G70994" i="1"/>
  <c r="G70995" i="1"/>
  <c r="G70996" i="1"/>
  <c r="G70997" i="1"/>
  <c r="G70998" i="1"/>
  <c r="G70999" i="1"/>
  <c r="G71000" i="1"/>
  <c r="G71001" i="1"/>
  <c r="G71002" i="1"/>
  <c r="G71003" i="1"/>
  <c r="G71004" i="1"/>
  <c r="G71005" i="1"/>
  <c r="G71006" i="1"/>
  <c r="G71007" i="1"/>
  <c r="G71008" i="1"/>
  <c r="G71009" i="1"/>
  <c r="G71010" i="1"/>
  <c r="G71011" i="1"/>
  <c r="G71012" i="1"/>
  <c r="G71013" i="1"/>
  <c r="G71014" i="1"/>
  <c r="G71015" i="1"/>
  <c r="G71016" i="1"/>
  <c r="G71017" i="1"/>
  <c r="G71018" i="1"/>
  <c r="G71019" i="1"/>
  <c r="G71020" i="1"/>
  <c r="G71021" i="1"/>
  <c r="G71022" i="1"/>
  <c r="G71023" i="1"/>
  <c r="G71024" i="1"/>
  <c r="G71025" i="1"/>
  <c r="G71026" i="1"/>
  <c r="G71027" i="1"/>
  <c r="G71028" i="1"/>
  <c r="G71029" i="1"/>
  <c r="G71030" i="1"/>
  <c r="G71031" i="1"/>
  <c r="G71032" i="1"/>
  <c r="G71033" i="1"/>
  <c r="G71034" i="1"/>
  <c r="G71035" i="1"/>
  <c r="G71036" i="1"/>
  <c r="G71037" i="1"/>
  <c r="G71038" i="1"/>
  <c r="G71039" i="1"/>
  <c r="G71040" i="1"/>
  <c r="G71041" i="1"/>
  <c r="G71042" i="1"/>
  <c r="G71043" i="1"/>
  <c r="G71044" i="1"/>
  <c r="G71045" i="1"/>
  <c r="G71046" i="1"/>
  <c r="G71047" i="1"/>
  <c r="G71048" i="1"/>
  <c r="G71049" i="1"/>
  <c r="G71050" i="1"/>
  <c r="G71051" i="1"/>
  <c r="G71052" i="1"/>
  <c r="G71053" i="1"/>
  <c r="G71054" i="1"/>
  <c r="G71055" i="1"/>
  <c r="G71056" i="1"/>
  <c r="G71057" i="1"/>
  <c r="G71058" i="1"/>
  <c r="G71059" i="1"/>
  <c r="G71060" i="1"/>
  <c r="G71061" i="1"/>
  <c r="G71062" i="1"/>
  <c r="G71063" i="1"/>
  <c r="G71064" i="1"/>
  <c r="G71065" i="1"/>
  <c r="G71066" i="1"/>
  <c r="G71067" i="1"/>
  <c r="G71068" i="1"/>
  <c r="G71069" i="1"/>
  <c r="G71070" i="1"/>
  <c r="G71071" i="1"/>
  <c r="G71072" i="1"/>
  <c r="G71073" i="1"/>
  <c r="G71074" i="1"/>
  <c r="G71075" i="1"/>
  <c r="G71076" i="1"/>
  <c r="G71077" i="1"/>
  <c r="G71078" i="1"/>
  <c r="G71079" i="1"/>
  <c r="G71080" i="1"/>
  <c r="G71081" i="1"/>
  <c r="G71082" i="1"/>
  <c r="G71083" i="1"/>
  <c r="G71084" i="1"/>
  <c r="G71085" i="1"/>
  <c r="G71086" i="1"/>
  <c r="G71087" i="1"/>
  <c r="G71088" i="1"/>
  <c r="G71089" i="1"/>
  <c r="G71090" i="1"/>
  <c r="G71091" i="1"/>
  <c r="G71092" i="1"/>
  <c r="G71093" i="1"/>
  <c r="G71094" i="1"/>
  <c r="G71095" i="1"/>
  <c r="G71096" i="1"/>
  <c r="G71097" i="1"/>
  <c r="G71098" i="1"/>
  <c r="G71099" i="1"/>
  <c r="G71100" i="1"/>
  <c r="G71101" i="1"/>
  <c r="G71102" i="1"/>
  <c r="G71103" i="1"/>
  <c r="G71104" i="1"/>
  <c r="G71105" i="1"/>
  <c r="G71106" i="1"/>
  <c r="G71107" i="1"/>
  <c r="G71108" i="1"/>
  <c r="G71109" i="1"/>
  <c r="G71110" i="1"/>
  <c r="G71111" i="1"/>
  <c r="G71112" i="1"/>
  <c r="G71113" i="1"/>
  <c r="G71114" i="1"/>
  <c r="G71115" i="1"/>
  <c r="G71116" i="1"/>
  <c r="G71117" i="1"/>
  <c r="G71118" i="1"/>
  <c r="G71119" i="1"/>
  <c r="G71120" i="1"/>
  <c r="G71121" i="1"/>
  <c r="G71122" i="1"/>
  <c r="G71123" i="1"/>
  <c r="G71124" i="1"/>
  <c r="G71125" i="1"/>
  <c r="G71126" i="1"/>
  <c r="G71127" i="1"/>
  <c r="G71128" i="1"/>
  <c r="G71129" i="1"/>
  <c r="G71130" i="1"/>
  <c r="G71131" i="1"/>
  <c r="G71132" i="1"/>
  <c r="G71133" i="1"/>
  <c r="G71134" i="1"/>
  <c r="G71135" i="1"/>
  <c r="G71136" i="1"/>
  <c r="G71137" i="1"/>
  <c r="G71138" i="1"/>
  <c r="G71139" i="1"/>
  <c r="G71140" i="1"/>
  <c r="G71141" i="1"/>
  <c r="G71142" i="1"/>
  <c r="G71143" i="1"/>
  <c r="G71144" i="1"/>
  <c r="G71145" i="1"/>
  <c r="G71146" i="1"/>
  <c r="G71147" i="1"/>
  <c r="G71148" i="1"/>
  <c r="G71149" i="1"/>
  <c r="G71150" i="1"/>
  <c r="G71151" i="1"/>
  <c r="G71152" i="1"/>
  <c r="G71153" i="1"/>
  <c r="G71154" i="1"/>
  <c r="G71155" i="1"/>
  <c r="G71156" i="1"/>
  <c r="G71157" i="1"/>
  <c r="G71158" i="1"/>
  <c r="G71159" i="1"/>
  <c r="G71160" i="1"/>
  <c r="G71161" i="1"/>
  <c r="G71162" i="1"/>
  <c r="G71163" i="1"/>
  <c r="G71164" i="1"/>
  <c r="G71165" i="1"/>
  <c r="G71166" i="1"/>
  <c r="G71167" i="1"/>
  <c r="G71168" i="1"/>
  <c r="G71169" i="1"/>
  <c r="G71170" i="1"/>
  <c r="G71171" i="1"/>
  <c r="G71172" i="1"/>
  <c r="G71173" i="1"/>
  <c r="G71174" i="1"/>
  <c r="G71175" i="1"/>
  <c r="G71176" i="1"/>
  <c r="G71177" i="1"/>
  <c r="G71178" i="1"/>
  <c r="G71179" i="1"/>
  <c r="G71180" i="1"/>
  <c r="G71181" i="1"/>
  <c r="G71182" i="1"/>
  <c r="G71183" i="1"/>
  <c r="G71184" i="1"/>
  <c r="G71185" i="1"/>
  <c r="G71186" i="1"/>
  <c r="G71187" i="1"/>
  <c r="G71188" i="1"/>
  <c r="G71189" i="1"/>
  <c r="G71190" i="1"/>
  <c r="G71191" i="1"/>
  <c r="G71192" i="1"/>
  <c r="G71193" i="1"/>
  <c r="G71194" i="1"/>
  <c r="G71195" i="1"/>
  <c r="G71196" i="1"/>
  <c r="G71197" i="1"/>
  <c r="G71198" i="1"/>
  <c r="G71199" i="1"/>
  <c r="G71200" i="1"/>
  <c r="G71201" i="1"/>
  <c r="G71202" i="1"/>
  <c r="G71203" i="1"/>
  <c r="G71204" i="1"/>
  <c r="G71205" i="1"/>
  <c r="G71206" i="1"/>
  <c r="G71207" i="1"/>
  <c r="G71208" i="1"/>
  <c r="G71209" i="1"/>
  <c r="G71210" i="1"/>
  <c r="G71211" i="1"/>
  <c r="G71212" i="1"/>
  <c r="G71213" i="1"/>
  <c r="G71214" i="1"/>
  <c r="G71215" i="1"/>
  <c r="G71216" i="1"/>
  <c r="G71217" i="1"/>
  <c r="G71218" i="1"/>
  <c r="G71219" i="1"/>
  <c r="G71220" i="1"/>
  <c r="G71221" i="1"/>
  <c r="G71222" i="1"/>
  <c r="G71223" i="1"/>
  <c r="G71224" i="1"/>
  <c r="G71225" i="1"/>
  <c r="G71226" i="1"/>
  <c r="G71227" i="1"/>
  <c r="G71228" i="1"/>
  <c r="G71229" i="1"/>
  <c r="G71230" i="1"/>
  <c r="G71231" i="1"/>
  <c r="G71232" i="1"/>
  <c r="G71233" i="1"/>
  <c r="G71234" i="1"/>
  <c r="G71235" i="1"/>
  <c r="G71236" i="1"/>
  <c r="G71237" i="1"/>
  <c r="G71238" i="1"/>
  <c r="G71239" i="1"/>
  <c r="G71240" i="1"/>
  <c r="G71241" i="1"/>
  <c r="G71242" i="1"/>
  <c r="G71243" i="1"/>
  <c r="G71244" i="1"/>
  <c r="G71245" i="1"/>
  <c r="G71246" i="1"/>
  <c r="G71247" i="1"/>
  <c r="G71248" i="1"/>
  <c r="G71249" i="1"/>
  <c r="G71250" i="1"/>
  <c r="G71251" i="1"/>
  <c r="G71252" i="1"/>
  <c r="G71253" i="1"/>
  <c r="G71254" i="1"/>
  <c r="G71255" i="1"/>
  <c r="G71256" i="1"/>
  <c r="G71257" i="1"/>
  <c r="G71258" i="1"/>
  <c r="G71259" i="1"/>
  <c r="G71260" i="1"/>
  <c r="G71261" i="1"/>
  <c r="G71262" i="1"/>
  <c r="G71263" i="1"/>
  <c r="G71264" i="1"/>
  <c r="G71265" i="1"/>
  <c r="G71266" i="1"/>
  <c r="G71267" i="1"/>
  <c r="G71268" i="1"/>
  <c r="G71269" i="1"/>
  <c r="G71270" i="1"/>
  <c r="G71271" i="1"/>
  <c r="G71272" i="1"/>
  <c r="G71273" i="1"/>
  <c r="G71274" i="1"/>
  <c r="G71275" i="1"/>
  <c r="G71276" i="1"/>
  <c r="G71277" i="1"/>
  <c r="G71278" i="1"/>
  <c r="G71279" i="1"/>
  <c r="G71280" i="1"/>
  <c r="G71281" i="1"/>
  <c r="G71282" i="1"/>
  <c r="G71283" i="1"/>
  <c r="G71284" i="1"/>
  <c r="G71285" i="1"/>
  <c r="G71286" i="1"/>
  <c r="G71287" i="1"/>
  <c r="G71288" i="1"/>
  <c r="G71289" i="1"/>
  <c r="G71290" i="1"/>
  <c r="G71291" i="1"/>
  <c r="G71292" i="1"/>
  <c r="G71293" i="1"/>
  <c r="G71294" i="1"/>
  <c r="G71295" i="1"/>
  <c r="G71296" i="1"/>
  <c r="G71297" i="1"/>
  <c r="G71298" i="1"/>
  <c r="G71299" i="1"/>
  <c r="G71300" i="1"/>
  <c r="G71301" i="1"/>
  <c r="G71302" i="1"/>
  <c r="G71303" i="1"/>
  <c r="G71304" i="1"/>
  <c r="G71305" i="1"/>
  <c r="G71306" i="1"/>
  <c r="G71307" i="1"/>
  <c r="G71308" i="1"/>
  <c r="G71309" i="1"/>
  <c r="G71310" i="1"/>
  <c r="G71311" i="1"/>
  <c r="G71312" i="1"/>
  <c r="G71313" i="1"/>
  <c r="G71314" i="1"/>
  <c r="G71315" i="1"/>
  <c r="G71316" i="1"/>
  <c r="G71317" i="1"/>
  <c r="G71318" i="1"/>
  <c r="G71319" i="1"/>
  <c r="G71320" i="1"/>
  <c r="G71321" i="1"/>
  <c r="G71322" i="1"/>
  <c r="G71323" i="1"/>
  <c r="G71324" i="1"/>
  <c r="G71325" i="1"/>
  <c r="G71326" i="1"/>
  <c r="G71327" i="1"/>
  <c r="G71328" i="1"/>
  <c r="G71329" i="1"/>
  <c r="G71330" i="1"/>
  <c r="G71331" i="1"/>
  <c r="G71332" i="1"/>
  <c r="G71333" i="1"/>
  <c r="G71334" i="1"/>
  <c r="G71335" i="1"/>
  <c r="G71336" i="1"/>
  <c r="G71337" i="1"/>
  <c r="G71338" i="1"/>
  <c r="G71339" i="1"/>
  <c r="G71340" i="1"/>
  <c r="G71341" i="1"/>
  <c r="G71342" i="1"/>
  <c r="G71343" i="1"/>
  <c r="G71344" i="1"/>
  <c r="G71345" i="1"/>
  <c r="G71346" i="1"/>
  <c r="G71347" i="1"/>
  <c r="G71348" i="1"/>
  <c r="G71349" i="1"/>
  <c r="G71350" i="1"/>
  <c r="G71351" i="1"/>
  <c r="G71352" i="1"/>
  <c r="G71353" i="1"/>
  <c r="G71354" i="1"/>
  <c r="G71355" i="1"/>
  <c r="G71356" i="1"/>
  <c r="G71357" i="1"/>
  <c r="G71358" i="1"/>
  <c r="G71359" i="1"/>
  <c r="G71360" i="1"/>
  <c r="G71361" i="1"/>
  <c r="G71362" i="1"/>
  <c r="G71363" i="1"/>
  <c r="G71364" i="1"/>
  <c r="G71365" i="1"/>
  <c r="G71366" i="1"/>
  <c r="G71367" i="1"/>
  <c r="G71368" i="1"/>
  <c r="G71369" i="1"/>
  <c r="G71370" i="1"/>
  <c r="G71371" i="1"/>
  <c r="G71372" i="1"/>
  <c r="G71373" i="1"/>
  <c r="G71374" i="1"/>
  <c r="G71375" i="1"/>
  <c r="G71376" i="1"/>
  <c r="G71377" i="1"/>
  <c r="G71378" i="1"/>
  <c r="G71379" i="1"/>
  <c r="G71380" i="1"/>
  <c r="G71381" i="1"/>
  <c r="G71382" i="1"/>
  <c r="G71383" i="1"/>
  <c r="G71384" i="1"/>
  <c r="G71385" i="1"/>
  <c r="G71386" i="1"/>
  <c r="G71387" i="1"/>
  <c r="G71388" i="1"/>
  <c r="G71389" i="1"/>
  <c r="G71390" i="1"/>
  <c r="G71391" i="1"/>
  <c r="G71392" i="1"/>
  <c r="G71393" i="1"/>
  <c r="G71394" i="1"/>
  <c r="G71395" i="1"/>
  <c r="G71396" i="1"/>
  <c r="G71397" i="1"/>
  <c r="G71398" i="1"/>
  <c r="G71399" i="1"/>
  <c r="G71400" i="1"/>
  <c r="G71401" i="1"/>
  <c r="G71402" i="1"/>
  <c r="G71403" i="1"/>
  <c r="G71404" i="1"/>
  <c r="G71405" i="1"/>
  <c r="G71406" i="1"/>
  <c r="G71407" i="1"/>
  <c r="G71408" i="1"/>
  <c r="G71409" i="1"/>
  <c r="G71410" i="1"/>
  <c r="G71411" i="1"/>
  <c r="G71412" i="1"/>
  <c r="G71413" i="1"/>
  <c r="G71414" i="1"/>
  <c r="G71415" i="1"/>
  <c r="G71416" i="1"/>
  <c r="G71417" i="1"/>
  <c r="G71418" i="1"/>
  <c r="G71419" i="1"/>
  <c r="G71420" i="1"/>
  <c r="G71421" i="1"/>
  <c r="G71422" i="1"/>
  <c r="G71423" i="1"/>
  <c r="G71424" i="1"/>
  <c r="G71425" i="1"/>
  <c r="G71426" i="1"/>
  <c r="G71427" i="1"/>
  <c r="G71428" i="1"/>
  <c r="G71429" i="1"/>
  <c r="G71430" i="1"/>
  <c r="G71431" i="1"/>
  <c r="G71432" i="1"/>
  <c r="G71433" i="1"/>
  <c r="G71434" i="1"/>
  <c r="G71435" i="1"/>
  <c r="G71436" i="1"/>
  <c r="G71437" i="1"/>
  <c r="G71438" i="1"/>
  <c r="G71439" i="1"/>
  <c r="G71440" i="1"/>
  <c r="G71441" i="1"/>
  <c r="G71442" i="1"/>
  <c r="G71443" i="1"/>
  <c r="G71444" i="1"/>
  <c r="G71445" i="1"/>
  <c r="G71446" i="1"/>
  <c r="G71447" i="1"/>
  <c r="G71448" i="1"/>
  <c r="G71449" i="1"/>
  <c r="G71450" i="1"/>
  <c r="G71451" i="1"/>
  <c r="G71452" i="1"/>
  <c r="G71453" i="1"/>
  <c r="G71454" i="1"/>
  <c r="G71455" i="1"/>
  <c r="G71456" i="1"/>
  <c r="G71457" i="1"/>
  <c r="G71458" i="1"/>
  <c r="G71459" i="1"/>
  <c r="G71460" i="1"/>
  <c r="G71461" i="1"/>
  <c r="G71462" i="1"/>
  <c r="G71463" i="1"/>
  <c r="G71464" i="1"/>
  <c r="G71465" i="1"/>
  <c r="G71466" i="1"/>
  <c r="G71467" i="1"/>
  <c r="G71468" i="1"/>
  <c r="G71469" i="1"/>
  <c r="G71470" i="1"/>
  <c r="G71471" i="1"/>
  <c r="G71472" i="1"/>
  <c r="G71473" i="1"/>
  <c r="G71474" i="1"/>
  <c r="G71475" i="1"/>
  <c r="G71476" i="1"/>
  <c r="G71477" i="1"/>
  <c r="G71478" i="1"/>
  <c r="G71479" i="1"/>
  <c r="G71480" i="1"/>
  <c r="G71481" i="1"/>
  <c r="G71482" i="1"/>
  <c r="G71483" i="1"/>
  <c r="G71484" i="1"/>
  <c r="G71485" i="1"/>
  <c r="G71486" i="1"/>
  <c r="G71487" i="1"/>
  <c r="G71488" i="1"/>
  <c r="G71489" i="1"/>
  <c r="G71490" i="1"/>
  <c r="G71491" i="1"/>
  <c r="G71492" i="1"/>
  <c r="G71493" i="1"/>
  <c r="G71494" i="1"/>
  <c r="G71495" i="1"/>
  <c r="G71496" i="1"/>
  <c r="G71497" i="1"/>
  <c r="G71498" i="1"/>
  <c r="G71499" i="1"/>
  <c r="G71500" i="1"/>
  <c r="G71501" i="1"/>
  <c r="G71502" i="1"/>
  <c r="G71503" i="1"/>
  <c r="G71504" i="1"/>
  <c r="G71505" i="1"/>
  <c r="G71506" i="1"/>
  <c r="G71507" i="1"/>
  <c r="G71508" i="1"/>
  <c r="G71509" i="1"/>
  <c r="G71510" i="1"/>
  <c r="G71511" i="1"/>
  <c r="G71512" i="1"/>
  <c r="G71513" i="1"/>
  <c r="G71514" i="1"/>
  <c r="G71515" i="1"/>
  <c r="G71516" i="1"/>
  <c r="G71517" i="1"/>
  <c r="G71518" i="1"/>
  <c r="G71519" i="1"/>
  <c r="G71520" i="1"/>
  <c r="G71521" i="1"/>
  <c r="G71522" i="1"/>
  <c r="G71523" i="1"/>
  <c r="G71524" i="1"/>
  <c r="G71525" i="1"/>
  <c r="G71526" i="1"/>
  <c r="G71527" i="1"/>
  <c r="G71528" i="1"/>
  <c r="G71529" i="1"/>
  <c r="G71530" i="1"/>
  <c r="G71531" i="1"/>
  <c r="G71532" i="1"/>
  <c r="G71533" i="1"/>
  <c r="G71534" i="1"/>
  <c r="G71535" i="1"/>
  <c r="G71536" i="1"/>
  <c r="G71537" i="1"/>
  <c r="G71538" i="1"/>
  <c r="G71539" i="1"/>
  <c r="G71540" i="1"/>
  <c r="G71541" i="1"/>
  <c r="G71542" i="1"/>
  <c r="G71543" i="1"/>
  <c r="G71544" i="1"/>
  <c r="G71545" i="1"/>
  <c r="G71546" i="1"/>
  <c r="G71547" i="1"/>
  <c r="G71548" i="1"/>
  <c r="G71549" i="1"/>
  <c r="G71550" i="1"/>
  <c r="G71551" i="1"/>
  <c r="G71552" i="1"/>
  <c r="G71553" i="1"/>
  <c r="G71554" i="1"/>
  <c r="G71555" i="1"/>
  <c r="G71556" i="1"/>
  <c r="G71557" i="1"/>
  <c r="G71558" i="1"/>
  <c r="G71559" i="1"/>
  <c r="G71560" i="1"/>
  <c r="G71561" i="1"/>
  <c r="G71562" i="1"/>
  <c r="G71563" i="1"/>
  <c r="G71564" i="1"/>
  <c r="G71565" i="1"/>
  <c r="G71566" i="1"/>
  <c r="G71567" i="1"/>
  <c r="G71568" i="1"/>
  <c r="G71569" i="1"/>
  <c r="G71570" i="1"/>
  <c r="G71571" i="1"/>
  <c r="G71572" i="1"/>
  <c r="G71573" i="1"/>
  <c r="G71574" i="1"/>
  <c r="G71575" i="1"/>
  <c r="G71576" i="1"/>
  <c r="G71577" i="1"/>
  <c r="G71578" i="1"/>
  <c r="G71579" i="1"/>
  <c r="G71580" i="1"/>
  <c r="G71581" i="1"/>
  <c r="G71582" i="1"/>
  <c r="G71583" i="1"/>
  <c r="G71584" i="1"/>
  <c r="G71585" i="1"/>
  <c r="G71586" i="1"/>
  <c r="G71587" i="1"/>
  <c r="G71588" i="1"/>
  <c r="G71589" i="1"/>
  <c r="G71590" i="1"/>
  <c r="G71591" i="1"/>
  <c r="G71592" i="1"/>
  <c r="G71593" i="1"/>
  <c r="G71594" i="1"/>
  <c r="G71595" i="1"/>
  <c r="G71596" i="1"/>
  <c r="G71597" i="1"/>
  <c r="G71598" i="1"/>
  <c r="G71599" i="1"/>
  <c r="G71600" i="1"/>
  <c r="G71601" i="1"/>
  <c r="G71602" i="1"/>
  <c r="G71603" i="1"/>
  <c r="G71604" i="1"/>
  <c r="G71605" i="1"/>
  <c r="G71606" i="1"/>
  <c r="G71607" i="1"/>
  <c r="G71608" i="1"/>
  <c r="G71609" i="1"/>
  <c r="G71610" i="1"/>
  <c r="G71611" i="1"/>
  <c r="G71612" i="1"/>
  <c r="G71613" i="1"/>
  <c r="G71614" i="1"/>
  <c r="G71615" i="1"/>
  <c r="G71616" i="1"/>
  <c r="G71617" i="1"/>
  <c r="G71618" i="1"/>
  <c r="G71619" i="1"/>
  <c r="G71620" i="1"/>
  <c r="G71621" i="1"/>
  <c r="G71622" i="1"/>
  <c r="G71623" i="1"/>
  <c r="G71624" i="1"/>
  <c r="G71625" i="1"/>
  <c r="G71626" i="1"/>
  <c r="G71627" i="1"/>
  <c r="G71628" i="1"/>
  <c r="G71629" i="1"/>
  <c r="G71630" i="1"/>
  <c r="G71631" i="1"/>
  <c r="G71632" i="1"/>
  <c r="G71633" i="1"/>
  <c r="G71634" i="1"/>
  <c r="G71635" i="1"/>
  <c r="G71636" i="1"/>
  <c r="G71637" i="1"/>
  <c r="G71638" i="1"/>
  <c r="G71639" i="1"/>
  <c r="G71640" i="1"/>
  <c r="G71641" i="1"/>
  <c r="G71642" i="1"/>
  <c r="G71643" i="1"/>
  <c r="G71644" i="1"/>
  <c r="G71645" i="1"/>
  <c r="G71646" i="1"/>
  <c r="G71647" i="1"/>
  <c r="G71648" i="1"/>
  <c r="G71649" i="1"/>
  <c r="G71650" i="1"/>
  <c r="G71651" i="1"/>
  <c r="G71652" i="1"/>
  <c r="G71653" i="1"/>
  <c r="G71654" i="1"/>
  <c r="G71655" i="1"/>
  <c r="G71656" i="1"/>
  <c r="G71657" i="1"/>
  <c r="G71658" i="1"/>
  <c r="G71659" i="1"/>
  <c r="G71660" i="1"/>
  <c r="G71661" i="1"/>
  <c r="G71662" i="1"/>
  <c r="G71663" i="1"/>
  <c r="G71664" i="1"/>
  <c r="G71665" i="1"/>
  <c r="G71666" i="1"/>
  <c r="G71667" i="1"/>
  <c r="G71668" i="1"/>
  <c r="G71669" i="1"/>
  <c r="G71670" i="1"/>
  <c r="G71671" i="1"/>
  <c r="G71672" i="1"/>
  <c r="G71673" i="1"/>
  <c r="G71674" i="1"/>
  <c r="G71675" i="1"/>
  <c r="G71676" i="1"/>
  <c r="G71677" i="1"/>
  <c r="G71678" i="1"/>
  <c r="G71679" i="1"/>
  <c r="G71680" i="1"/>
  <c r="G71681" i="1"/>
  <c r="G71682" i="1"/>
  <c r="G71683" i="1"/>
  <c r="G71684" i="1"/>
  <c r="G71685" i="1"/>
  <c r="G71686" i="1"/>
  <c r="G71687" i="1"/>
  <c r="G71688" i="1"/>
  <c r="G71689" i="1"/>
  <c r="G71690" i="1"/>
  <c r="G71691" i="1"/>
  <c r="G71692" i="1"/>
  <c r="G71693" i="1"/>
  <c r="G71694" i="1"/>
  <c r="G71695" i="1"/>
  <c r="G71696" i="1"/>
  <c r="G71697" i="1"/>
  <c r="G71698" i="1"/>
  <c r="G71699" i="1"/>
  <c r="G71700" i="1"/>
  <c r="G71701" i="1"/>
  <c r="G71702" i="1"/>
  <c r="G71703" i="1"/>
  <c r="G71704" i="1"/>
  <c r="G71705" i="1"/>
  <c r="G71706" i="1"/>
  <c r="G71707" i="1"/>
  <c r="G71708" i="1"/>
  <c r="G71709" i="1"/>
  <c r="G71710" i="1"/>
  <c r="G71711" i="1"/>
  <c r="G71712" i="1"/>
  <c r="G71713" i="1"/>
  <c r="G71714" i="1"/>
  <c r="G71715" i="1"/>
  <c r="G71716" i="1"/>
  <c r="G71717" i="1"/>
  <c r="G71718" i="1"/>
  <c r="G71719" i="1"/>
  <c r="G71720" i="1"/>
  <c r="G71721" i="1"/>
  <c r="G71722" i="1"/>
  <c r="G71723" i="1"/>
  <c r="G71724" i="1"/>
  <c r="G71725" i="1"/>
  <c r="G71726" i="1"/>
  <c r="G71727" i="1"/>
  <c r="G71728" i="1"/>
  <c r="G71729" i="1"/>
  <c r="G71730" i="1"/>
  <c r="G71731" i="1"/>
  <c r="G71732" i="1"/>
  <c r="G71733" i="1"/>
  <c r="G71734" i="1"/>
  <c r="G71735" i="1"/>
  <c r="G71736" i="1"/>
  <c r="G71737" i="1"/>
  <c r="G71738" i="1"/>
  <c r="G71739" i="1"/>
  <c r="G71740" i="1"/>
  <c r="G71741" i="1"/>
  <c r="G71742" i="1"/>
  <c r="G71743" i="1"/>
  <c r="G71744" i="1"/>
  <c r="G71745" i="1"/>
  <c r="G71746" i="1"/>
  <c r="G71747" i="1"/>
  <c r="G71748" i="1"/>
  <c r="G71749" i="1"/>
  <c r="G71750" i="1"/>
  <c r="G71751" i="1"/>
  <c r="G71752" i="1"/>
  <c r="G71753" i="1"/>
  <c r="G71754" i="1"/>
  <c r="G71755" i="1"/>
  <c r="G71756" i="1"/>
  <c r="G71757" i="1"/>
  <c r="G71758" i="1"/>
  <c r="G71759" i="1"/>
  <c r="G71760" i="1"/>
  <c r="G71761" i="1"/>
  <c r="G71762" i="1"/>
  <c r="G71763" i="1"/>
  <c r="G71764" i="1"/>
  <c r="G71765" i="1"/>
  <c r="G71766" i="1"/>
  <c r="G71767" i="1"/>
  <c r="G71768" i="1"/>
  <c r="G71769" i="1"/>
  <c r="G71770" i="1"/>
  <c r="G71771" i="1"/>
  <c r="G71772" i="1"/>
  <c r="G71773" i="1"/>
  <c r="G71774" i="1"/>
  <c r="G71775" i="1"/>
  <c r="G71776" i="1"/>
  <c r="G71777" i="1"/>
  <c r="G71778" i="1"/>
  <c r="G71779" i="1"/>
  <c r="G71780" i="1"/>
  <c r="G71781" i="1"/>
  <c r="G71782" i="1"/>
  <c r="G71783" i="1"/>
  <c r="G71784" i="1"/>
  <c r="G71785" i="1"/>
  <c r="G71786" i="1"/>
  <c r="G71787" i="1"/>
  <c r="G71788" i="1"/>
  <c r="G71789" i="1"/>
  <c r="G71790" i="1"/>
  <c r="G71791" i="1"/>
  <c r="G71792" i="1"/>
  <c r="G71793" i="1"/>
  <c r="G71794" i="1"/>
  <c r="G71795" i="1"/>
  <c r="G71796" i="1"/>
  <c r="G71797" i="1"/>
  <c r="G71798" i="1"/>
  <c r="G71799" i="1"/>
  <c r="G71800" i="1"/>
  <c r="G71801" i="1"/>
  <c r="G71802" i="1"/>
  <c r="G71803" i="1"/>
  <c r="G71804" i="1"/>
  <c r="G71805" i="1"/>
  <c r="G71806" i="1"/>
  <c r="G71807" i="1"/>
  <c r="G71808" i="1"/>
  <c r="G71809" i="1"/>
  <c r="G71810" i="1"/>
  <c r="G71811" i="1"/>
  <c r="G71812" i="1"/>
  <c r="G71813" i="1"/>
  <c r="G71814" i="1"/>
  <c r="G71815" i="1"/>
  <c r="G71816" i="1"/>
  <c r="G71817" i="1"/>
  <c r="G71818" i="1"/>
  <c r="G71819" i="1"/>
  <c r="G71820" i="1"/>
  <c r="G71821" i="1"/>
  <c r="G71822" i="1"/>
  <c r="G71823" i="1"/>
  <c r="G71824" i="1"/>
  <c r="G71825" i="1"/>
  <c r="G71826" i="1"/>
  <c r="G71827" i="1"/>
  <c r="G71828" i="1"/>
  <c r="G71829" i="1"/>
  <c r="G71830" i="1"/>
  <c r="G71831" i="1"/>
  <c r="G71832" i="1"/>
  <c r="G71833" i="1"/>
  <c r="G71834" i="1"/>
  <c r="G71835" i="1"/>
  <c r="G71836" i="1"/>
  <c r="G71837" i="1"/>
  <c r="G71838" i="1"/>
  <c r="G71839" i="1"/>
  <c r="G71840" i="1"/>
  <c r="G71841" i="1"/>
  <c r="G71842" i="1"/>
  <c r="G71843" i="1"/>
  <c r="G71844" i="1"/>
  <c r="G71845" i="1"/>
  <c r="G71846" i="1"/>
  <c r="G71847" i="1"/>
  <c r="G71848" i="1"/>
  <c r="G71849" i="1"/>
  <c r="G71850" i="1"/>
  <c r="G71851" i="1"/>
  <c r="G71852" i="1"/>
  <c r="G71853" i="1"/>
  <c r="G71854" i="1"/>
  <c r="G71855" i="1"/>
  <c r="G71856" i="1"/>
  <c r="G71857" i="1"/>
  <c r="G71858" i="1"/>
  <c r="G71859" i="1"/>
  <c r="G71860" i="1"/>
  <c r="G71861" i="1"/>
  <c r="G71862" i="1"/>
  <c r="G71863" i="1"/>
  <c r="G71864" i="1"/>
  <c r="G71865" i="1"/>
  <c r="G71866" i="1"/>
  <c r="G71867" i="1"/>
  <c r="G71868" i="1"/>
  <c r="G71869" i="1"/>
  <c r="G71870" i="1"/>
  <c r="G71871" i="1"/>
  <c r="G71872" i="1"/>
  <c r="G71873" i="1"/>
  <c r="G71874" i="1"/>
  <c r="G71875" i="1"/>
  <c r="G71876" i="1"/>
  <c r="G71877" i="1"/>
  <c r="G71878" i="1"/>
  <c r="G71879" i="1"/>
  <c r="G71880" i="1"/>
  <c r="G71881" i="1"/>
  <c r="G71882" i="1"/>
  <c r="G71883" i="1"/>
  <c r="G71884" i="1"/>
  <c r="G71885" i="1"/>
  <c r="G71886" i="1"/>
  <c r="G71887" i="1"/>
  <c r="G71888" i="1"/>
  <c r="G71889" i="1"/>
  <c r="G71890" i="1"/>
  <c r="G71891" i="1"/>
  <c r="G71892" i="1"/>
  <c r="G71893" i="1"/>
  <c r="G71894" i="1"/>
  <c r="G71895" i="1"/>
  <c r="G71896" i="1"/>
  <c r="G71897" i="1"/>
  <c r="G71898" i="1"/>
  <c r="G71899" i="1"/>
  <c r="G71900" i="1"/>
  <c r="G71901" i="1"/>
  <c r="G71902" i="1"/>
  <c r="G71903" i="1"/>
  <c r="G71904" i="1"/>
  <c r="G71905" i="1"/>
  <c r="G71906" i="1"/>
  <c r="G71907" i="1"/>
  <c r="G71908" i="1"/>
  <c r="G71909" i="1"/>
  <c r="G71910" i="1"/>
  <c r="G71911" i="1"/>
  <c r="G71912" i="1"/>
  <c r="G71913" i="1"/>
  <c r="G71914" i="1"/>
  <c r="G71915" i="1"/>
  <c r="G71916" i="1"/>
  <c r="G71917" i="1"/>
  <c r="G71918" i="1"/>
  <c r="G71919" i="1"/>
  <c r="G71920" i="1"/>
  <c r="G71921" i="1"/>
  <c r="G71922" i="1"/>
  <c r="G71923" i="1"/>
  <c r="G71924" i="1"/>
  <c r="G71925" i="1"/>
  <c r="G71926" i="1"/>
  <c r="G71927" i="1"/>
  <c r="G71928" i="1"/>
  <c r="G71929" i="1"/>
  <c r="G71930" i="1"/>
  <c r="G71931" i="1"/>
  <c r="G71932" i="1"/>
  <c r="G71933" i="1"/>
  <c r="G71934" i="1"/>
  <c r="G71935" i="1"/>
  <c r="G71936" i="1"/>
  <c r="G71937" i="1"/>
  <c r="G71938" i="1"/>
  <c r="G71939" i="1"/>
  <c r="G71940" i="1"/>
  <c r="G71941" i="1"/>
  <c r="G71942" i="1"/>
  <c r="G71943" i="1"/>
  <c r="G71944" i="1"/>
  <c r="G71945" i="1"/>
  <c r="G71946" i="1"/>
  <c r="G71947" i="1"/>
  <c r="G71948" i="1"/>
  <c r="G71949" i="1"/>
  <c r="G71950" i="1"/>
  <c r="G71951" i="1"/>
  <c r="G71952" i="1"/>
  <c r="G71953" i="1"/>
  <c r="G71954" i="1"/>
  <c r="G71955" i="1"/>
  <c r="G71956" i="1"/>
  <c r="G71957" i="1"/>
  <c r="G71958" i="1"/>
  <c r="G71959" i="1"/>
  <c r="G71960" i="1"/>
  <c r="G71961" i="1"/>
  <c r="G71962" i="1"/>
  <c r="G71963" i="1"/>
  <c r="G71964" i="1"/>
  <c r="G71965" i="1"/>
  <c r="G71966" i="1"/>
  <c r="G71967" i="1"/>
  <c r="G71968" i="1"/>
  <c r="G71969" i="1"/>
  <c r="G71970" i="1"/>
  <c r="G71971" i="1"/>
  <c r="G71972" i="1"/>
  <c r="G71973" i="1"/>
  <c r="G71974" i="1"/>
  <c r="G71975" i="1"/>
  <c r="G71976" i="1"/>
  <c r="G71977" i="1"/>
  <c r="G71978" i="1"/>
  <c r="G71979" i="1"/>
  <c r="G71980" i="1"/>
  <c r="G71981" i="1"/>
  <c r="G71982" i="1"/>
  <c r="G71983" i="1"/>
  <c r="G71984" i="1"/>
  <c r="G71985" i="1"/>
  <c r="G71986" i="1"/>
  <c r="G71987" i="1"/>
  <c r="G71988" i="1"/>
  <c r="G71989" i="1"/>
  <c r="G71990" i="1"/>
  <c r="G71991" i="1"/>
  <c r="G71992" i="1"/>
  <c r="G71993" i="1"/>
  <c r="G71994" i="1"/>
  <c r="G71995" i="1"/>
  <c r="G71996" i="1"/>
  <c r="G71997" i="1"/>
  <c r="G71998" i="1"/>
  <c r="G71999" i="1"/>
  <c r="G72000" i="1"/>
  <c r="G72001" i="1"/>
  <c r="G72002" i="1"/>
  <c r="G72003" i="1"/>
  <c r="G72004" i="1"/>
  <c r="G72005" i="1"/>
  <c r="G72006" i="1"/>
  <c r="G72007" i="1"/>
  <c r="G72008" i="1"/>
  <c r="G72009" i="1"/>
  <c r="G72010" i="1"/>
  <c r="G72011" i="1"/>
  <c r="G72012" i="1"/>
  <c r="G72013" i="1"/>
  <c r="G72014" i="1"/>
  <c r="G72015" i="1"/>
  <c r="G72016" i="1"/>
  <c r="G72017" i="1"/>
  <c r="G72018" i="1"/>
  <c r="G72019" i="1"/>
  <c r="G72020" i="1"/>
  <c r="G72021" i="1"/>
  <c r="G72022" i="1"/>
  <c r="G72023" i="1"/>
  <c r="G72024" i="1"/>
  <c r="G72025" i="1"/>
  <c r="G72026" i="1"/>
  <c r="G72027" i="1"/>
  <c r="G72028" i="1"/>
  <c r="G72029" i="1"/>
  <c r="G72030" i="1"/>
  <c r="G72031" i="1"/>
  <c r="G72032" i="1"/>
  <c r="G72033" i="1"/>
  <c r="G72034" i="1"/>
  <c r="G72035" i="1"/>
  <c r="G72036" i="1"/>
  <c r="G72037" i="1"/>
  <c r="G72038" i="1"/>
  <c r="G72039" i="1"/>
  <c r="G72040" i="1"/>
  <c r="G72041" i="1"/>
  <c r="G72042" i="1"/>
  <c r="G72043" i="1"/>
  <c r="G72044" i="1"/>
  <c r="G72045" i="1"/>
  <c r="G72046" i="1"/>
  <c r="G72047" i="1"/>
  <c r="G72048" i="1"/>
  <c r="G72049" i="1"/>
  <c r="G72050" i="1"/>
  <c r="G72051" i="1"/>
  <c r="G72052" i="1"/>
  <c r="G72053" i="1"/>
  <c r="G72054" i="1"/>
  <c r="G72055" i="1"/>
  <c r="G72056" i="1"/>
  <c r="G72057" i="1"/>
  <c r="G72058" i="1"/>
  <c r="G72059" i="1"/>
  <c r="G72060" i="1"/>
  <c r="G72061" i="1"/>
  <c r="G72062" i="1"/>
  <c r="G72063" i="1"/>
  <c r="G72064" i="1"/>
  <c r="G72065" i="1"/>
  <c r="G72066" i="1"/>
  <c r="G72067" i="1"/>
  <c r="G72068" i="1"/>
  <c r="G72069" i="1"/>
  <c r="G72070" i="1"/>
  <c r="G72071" i="1"/>
  <c r="G72072" i="1"/>
  <c r="G72073" i="1"/>
  <c r="G72074" i="1"/>
  <c r="G72075" i="1"/>
  <c r="G72076" i="1"/>
  <c r="G72077" i="1"/>
  <c r="G72078" i="1"/>
  <c r="G72079" i="1"/>
  <c r="G72080" i="1"/>
  <c r="G72081" i="1"/>
  <c r="G72082" i="1"/>
  <c r="G72083" i="1"/>
  <c r="G72084" i="1"/>
  <c r="G72085" i="1"/>
  <c r="G72086" i="1"/>
  <c r="G72087" i="1"/>
  <c r="G72088" i="1"/>
  <c r="G72089" i="1"/>
  <c r="G72090" i="1"/>
  <c r="G72091" i="1"/>
  <c r="G72092" i="1"/>
  <c r="G72093" i="1"/>
  <c r="G72094" i="1"/>
  <c r="G72095" i="1"/>
  <c r="G72096" i="1"/>
  <c r="G72097" i="1"/>
  <c r="G72098" i="1"/>
  <c r="G72099" i="1"/>
  <c r="G72100" i="1"/>
  <c r="G72101" i="1"/>
  <c r="G72102" i="1"/>
  <c r="G72103" i="1"/>
  <c r="G72104" i="1"/>
  <c r="G72105" i="1"/>
  <c r="G72106" i="1"/>
  <c r="G72107" i="1"/>
  <c r="G72108" i="1"/>
  <c r="G72109" i="1"/>
  <c r="G72110" i="1"/>
  <c r="G72111" i="1"/>
  <c r="G72112" i="1"/>
  <c r="G72113" i="1"/>
  <c r="G72114" i="1"/>
  <c r="G72115" i="1"/>
  <c r="G72116" i="1"/>
  <c r="G72117" i="1"/>
  <c r="G72118" i="1"/>
  <c r="G72119" i="1"/>
  <c r="G72120" i="1"/>
  <c r="G72121" i="1"/>
  <c r="G72122" i="1"/>
  <c r="G72123" i="1"/>
  <c r="G72124" i="1"/>
  <c r="G72125" i="1"/>
  <c r="G72126" i="1"/>
  <c r="G72127" i="1"/>
  <c r="G72128" i="1"/>
  <c r="G72129" i="1"/>
  <c r="G72130" i="1"/>
  <c r="G72131" i="1"/>
  <c r="G72132" i="1"/>
  <c r="G72133" i="1"/>
  <c r="G72134" i="1"/>
  <c r="G72135" i="1"/>
  <c r="G72136" i="1"/>
  <c r="G72137" i="1"/>
  <c r="G72138" i="1"/>
  <c r="G72139" i="1"/>
  <c r="G72140" i="1"/>
  <c r="G72141" i="1"/>
  <c r="G72142" i="1"/>
  <c r="G72143" i="1"/>
  <c r="G72144" i="1"/>
  <c r="G72145" i="1"/>
  <c r="G72146" i="1"/>
  <c r="G72147" i="1"/>
  <c r="G72148" i="1"/>
  <c r="G72149" i="1"/>
  <c r="G72150" i="1"/>
  <c r="G72151" i="1"/>
  <c r="G72152" i="1"/>
  <c r="G72153" i="1"/>
  <c r="G72154" i="1"/>
  <c r="G72155" i="1"/>
  <c r="G72156" i="1"/>
  <c r="G72157" i="1"/>
  <c r="G72158" i="1"/>
  <c r="G72159" i="1"/>
  <c r="G72160" i="1"/>
  <c r="G72161" i="1"/>
  <c r="G72162" i="1"/>
  <c r="G72163" i="1"/>
  <c r="G72164" i="1"/>
  <c r="G72165" i="1"/>
  <c r="G72166" i="1"/>
  <c r="G72167" i="1"/>
  <c r="G72168" i="1"/>
  <c r="G72169" i="1"/>
  <c r="G72170" i="1"/>
  <c r="G72171" i="1"/>
  <c r="G72172" i="1"/>
  <c r="G72173" i="1"/>
  <c r="G72174" i="1"/>
  <c r="G72175" i="1"/>
  <c r="G72176" i="1"/>
  <c r="G72177" i="1"/>
  <c r="G72178" i="1"/>
  <c r="G72179" i="1"/>
  <c r="G72180" i="1"/>
  <c r="G72181" i="1"/>
  <c r="G72182" i="1"/>
  <c r="G72183" i="1"/>
  <c r="G72184" i="1"/>
  <c r="G72185" i="1"/>
  <c r="G72186" i="1"/>
  <c r="G72187" i="1"/>
  <c r="G72188" i="1"/>
  <c r="G72189" i="1"/>
  <c r="G72190" i="1"/>
  <c r="G72191" i="1"/>
  <c r="G72192" i="1"/>
  <c r="G72193" i="1"/>
  <c r="G72194" i="1"/>
  <c r="G72195" i="1"/>
  <c r="G72196" i="1"/>
  <c r="G72197" i="1"/>
  <c r="G72198" i="1"/>
  <c r="G72199" i="1"/>
  <c r="G72200" i="1"/>
  <c r="G72201" i="1"/>
  <c r="G72202" i="1"/>
  <c r="G72203" i="1"/>
  <c r="G72204" i="1"/>
  <c r="G72205" i="1"/>
  <c r="G72206" i="1"/>
  <c r="G72207" i="1"/>
  <c r="G72208" i="1"/>
  <c r="G72209" i="1"/>
  <c r="G72210" i="1"/>
  <c r="G72211" i="1"/>
  <c r="G72212" i="1"/>
  <c r="G72213" i="1"/>
  <c r="G72214" i="1"/>
  <c r="G72215" i="1"/>
  <c r="G72216" i="1"/>
  <c r="G72217" i="1"/>
  <c r="G72218" i="1"/>
  <c r="G72219" i="1"/>
  <c r="G72220" i="1"/>
  <c r="G72221" i="1"/>
  <c r="G72222" i="1"/>
  <c r="G72223" i="1"/>
  <c r="G72224" i="1"/>
  <c r="G72225" i="1"/>
  <c r="G72226" i="1"/>
  <c r="G72227" i="1"/>
  <c r="G72228" i="1"/>
  <c r="G72229" i="1"/>
  <c r="G72230" i="1"/>
  <c r="G72231" i="1"/>
  <c r="G72232" i="1"/>
  <c r="G72233" i="1"/>
  <c r="G72234" i="1"/>
  <c r="G72235" i="1"/>
  <c r="G72236" i="1"/>
  <c r="G72237" i="1"/>
  <c r="G72238" i="1"/>
  <c r="G72239" i="1"/>
  <c r="G72240" i="1"/>
  <c r="G72241" i="1"/>
  <c r="G72242" i="1"/>
  <c r="G72243" i="1"/>
  <c r="G72244" i="1"/>
  <c r="G72245" i="1"/>
  <c r="G72246" i="1"/>
  <c r="G72247" i="1"/>
  <c r="G72248" i="1"/>
  <c r="G72249" i="1"/>
  <c r="G72250" i="1"/>
  <c r="G72251" i="1"/>
  <c r="G72252" i="1"/>
  <c r="G72253" i="1"/>
  <c r="G72254" i="1"/>
  <c r="G72255" i="1"/>
  <c r="G72256" i="1"/>
  <c r="G72257" i="1"/>
  <c r="G72258" i="1"/>
  <c r="G72259" i="1"/>
  <c r="G72260" i="1"/>
  <c r="G72261" i="1"/>
  <c r="G72262" i="1"/>
  <c r="G72263" i="1"/>
  <c r="G72264" i="1"/>
  <c r="G72265" i="1"/>
  <c r="G72266" i="1"/>
  <c r="G72267" i="1"/>
  <c r="G72268" i="1"/>
  <c r="G72269" i="1"/>
  <c r="G72270" i="1"/>
  <c r="G72271" i="1"/>
  <c r="G72272" i="1"/>
  <c r="G72273" i="1"/>
  <c r="G72274" i="1"/>
  <c r="G72275" i="1"/>
  <c r="G72276" i="1"/>
  <c r="G72277" i="1"/>
  <c r="G72278" i="1"/>
  <c r="G72279" i="1"/>
  <c r="G72280" i="1"/>
  <c r="G72281" i="1"/>
  <c r="G72282" i="1"/>
  <c r="G72283" i="1"/>
  <c r="G72284" i="1"/>
  <c r="G72285" i="1"/>
  <c r="G72286" i="1"/>
  <c r="G72287" i="1"/>
  <c r="G72288" i="1"/>
  <c r="G72289" i="1"/>
  <c r="G72290" i="1"/>
  <c r="G72291" i="1"/>
  <c r="G72292" i="1"/>
  <c r="G72293" i="1"/>
  <c r="G72294" i="1"/>
  <c r="G72295" i="1"/>
  <c r="G72296" i="1"/>
  <c r="G72297" i="1"/>
  <c r="G72298" i="1"/>
  <c r="G72299" i="1"/>
  <c r="G72300" i="1"/>
  <c r="G72301" i="1"/>
  <c r="G72302" i="1"/>
  <c r="G72303" i="1"/>
  <c r="G72304" i="1"/>
  <c r="G72305" i="1"/>
  <c r="G72306" i="1"/>
  <c r="G72307" i="1"/>
  <c r="G72308" i="1"/>
  <c r="G72309" i="1"/>
  <c r="G72310" i="1"/>
  <c r="G72311" i="1"/>
  <c r="G72312" i="1"/>
  <c r="G72313" i="1"/>
  <c r="G72314" i="1"/>
  <c r="G72315" i="1"/>
  <c r="G72316" i="1"/>
  <c r="G72317" i="1"/>
  <c r="G72318" i="1"/>
  <c r="G72319" i="1"/>
  <c r="G72320" i="1"/>
  <c r="G72321" i="1"/>
  <c r="G72322" i="1"/>
  <c r="G72323" i="1"/>
  <c r="G72324" i="1"/>
  <c r="G72325" i="1"/>
  <c r="G72326" i="1"/>
  <c r="G72327" i="1"/>
  <c r="G72328" i="1"/>
  <c r="G72329" i="1"/>
  <c r="G72330" i="1"/>
  <c r="G72331" i="1"/>
  <c r="G72332" i="1"/>
  <c r="G72333" i="1"/>
  <c r="G72334" i="1"/>
  <c r="G72335" i="1"/>
  <c r="G72336" i="1"/>
  <c r="G72337" i="1"/>
  <c r="G72338" i="1"/>
  <c r="G72339" i="1"/>
  <c r="G72340" i="1"/>
  <c r="G72341" i="1"/>
  <c r="G72342" i="1"/>
  <c r="G72343" i="1"/>
  <c r="G72344" i="1"/>
  <c r="G72345" i="1"/>
  <c r="G72346" i="1"/>
  <c r="G72347" i="1"/>
  <c r="G72348" i="1"/>
  <c r="G72349" i="1"/>
  <c r="G72350" i="1"/>
  <c r="G72351" i="1"/>
  <c r="G72352" i="1"/>
  <c r="G72353" i="1"/>
  <c r="G72354" i="1"/>
  <c r="G72355" i="1"/>
  <c r="G72356" i="1"/>
  <c r="G72357" i="1"/>
  <c r="G72358" i="1"/>
  <c r="G72359" i="1"/>
  <c r="G72360" i="1"/>
  <c r="G72361" i="1"/>
  <c r="G72362" i="1"/>
  <c r="G72363" i="1"/>
  <c r="G72364" i="1"/>
  <c r="G72365" i="1"/>
  <c r="G72366" i="1"/>
  <c r="G72367" i="1"/>
  <c r="G72368" i="1"/>
  <c r="G72369" i="1"/>
  <c r="G72370" i="1"/>
  <c r="G72371" i="1"/>
  <c r="G72372" i="1"/>
  <c r="G72373" i="1"/>
  <c r="G72374" i="1"/>
  <c r="G72375" i="1"/>
  <c r="G72376" i="1"/>
  <c r="G72377" i="1"/>
  <c r="G72378" i="1"/>
  <c r="G72379" i="1"/>
  <c r="G72380" i="1"/>
  <c r="G72381" i="1"/>
  <c r="G72382" i="1"/>
  <c r="G72383" i="1"/>
  <c r="G72384" i="1"/>
  <c r="G72385" i="1"/>
  <c r="G72386" i="1"/>
  <c r="G72387" i="1"/>
  <c r="G72388" i="1"/>
  <c r="G72389" i="1"/>
  <c r="G72390" i="1"/>
  <c r="G72391" i="1"/>
  <c r="G72392" i="1"/>
  <c r="G72393" i="1"/>
  <c r="G72394" i="1"/>
  <c r="G72395" i="1"/>
  <c r="G72396" i="1"/>
  <c r="G72397" i="1"/>
  <c r="G72398" i="1"/>
  <c r="G72399" i="1"/>
  <c r="G72400" i="1"/>
  <c r="G72401" i="1"/>
  <c r="G72402" i="1"/>
  <c r="G72403" i="1"/>
  <c r="G72404" i="1"/>
  <c r="G72405" i="1"/>
  <c r="G72406" i="1"/>
  <c r="G72407" i="1"/>
  <c r="G72408" i="1"/>
  <c r="G72409" i="1"/>
  <c r="G72410" i="1"/>
  <c r="G72411" i="1"/>
  <c r="G72412" i="1"/>
  <c r="G72413" i="1"/>
  <c r="G72414" i="1"/>
  <c r="G72415" i="1"/>
  <c r="G72416" i="1"/>
  <c r="G72417" i="1"/>
  <c r="G72418" i="1"/>
  <c r="G72419" i="1"/>
  <c r="G72420" i="1"/>
  <c r="G72421" i="1"/>
  <c r="G72422" i="1"/>
  <c r="G72423" i="1"/>
  <c r="G72424" i="1"/>
  <c r="G72425" i="1"/>
  <c r="G72426" i="1"/>
  <c r="G72427" i="1"/>
  <c r="G72428" i="1"/>
  <c r="G72429" i="1"/>
  <c r="G72430" i="1"/>
  <c r="G72431" i="1"/>
  <c r="G72432" i="1"/>
  <c r="G72433" i="1"/>
  <c r="G72434" i="1"/>
  <c r="G72435" i="1"/>
  <c r="G72436" i="1"/>
  <c r="G72437" i="1"/>
  <c r="G72438" i="1"/>
  <c r="G72439" i="1"/>
  <c r="G72440" i="1"/>
  <c r="G72441" i="1"/>
  <c r="G72442" i="1"/>
  <c r="G72443" i="1"/>
  <c r="G72444" i="1"/>
  <c r="G72445" i="1"/>
  <c r="G72446" i="1"/>
  <c r="G72447" i="1"/>
  <c r="G72448" i="1"/>
  <c r="G72449" i="1"/>
  <c r="G72450" i="1"/>
  <c r="G72451" i="1"/>
  <c r="G72452" i="1"/>
  <c r="G72453" i="1"/>
  <c r="G72454" i="1"/>
  <c r="G72455" i="1"/>
  <c r="G72456" i="1"/>
  <c r="G72457" i="1"/>
  <c r="G72458" i="1"/>
  <c r="G72459" i="1"/>
  <c r="G72460" i="1"/>
  <c r="G72461" i="1"/>
  <c r="G72462" i="1"/>
  <c r="G72463" i="1"/>
  <c r="G72464" i="1"/>
  <c r="G72465" i="1"/>
  <c r="G72466" i="1"/>
  <c r="G72467" i="1"/>
  <c r="G72468" i="1"/>
  <c r="G72469" i="1"/>
  <c r="G72470" i="1"/>
  <c r="G72471" i="1"/>
  <c r="G72472" i="1"/>
  <c r="G72473" i="1"/>
  <c r="G72474" i="1"/>
  <c r="G72475" i="1"/>
  <c r="G72476" i="1"/>
  <c r="G72477" i="1"/>
  <c r="G72478" i="1"/>
  <c r="G72479" i="1"/>
  <c r="G72480" i="1"/>
  <c r="G72481" i="1"/>
  <c r="G72482" i="1"/>
  <c r="G72483" i="1"/>
  <c r="G72484" i="1"/>
  <c r="G72485" i="1"/>
  <c r="G72486" i="1"/>
  <c r="G72487" i="1"/>
  <c r="G72488" i="1"/>
  <c r="G72489" i="1"/>
  <c r="G72490" i="1"/>
  <c r="G72491" i="1"/>
  <c r="G72492" i="1"/>
  <c r="G72493" i="1"/>
  <c r="G72494" i="1"/>
  <c r="G72495" i="1"/>
  <c r="G72496" i="1"/>
  <c r="G72497" i="1"/>
  <c r="G72498" i="1"/>
  <c r="G72499" i="1"/>
  <c r="G72500" i="1"/>
  <c r="G72501" i="1"/>
  <c r="G72502" i="1"/>
  <c r="G72503" i="1"/>
  <c r="G72504" i="1"/>
  <c r="G72505" i="1"/>
  <c r="G72506" i="1"/>
  <c r="G72507" i="1"/>
  <c r="G72508" i="1"/>
  <c r="G72509" i="1"/>
  <c r="G72510" i="1"/>
  <c r="G72511" i="1"/>
  <c r="G72512" i="1"/>
  <c r="G72513" i="1"/>
  <c r="G72514" i="1"/>
  <c r="G72515" i="1"/>
  <c r="G72516" i="1"/>
  <c r="G72517" i="1"/>
  <c r="G72518" i="1"/>
  <c r="G72519" i="1"/>
  <c r="G72520" i="1"/>
  <c r="G72521" i="1"/>
  <c r="G72522" i="1"/>
  <c r="G72523" i="1"/>
  <c r="G72524" i="1"/>
  <c r="G72525" i="1"/>
  <c r="G72526" i="1"/>
  <c r="G72527" i="1"/>
  <c r="G72528" i="1"/>
  <c r="G72529" i="1"/>
  <c r="G72530" i="1"/>
  <c r="G72531" i="1"/>
  <c r="G72532" i="1"/>
  <c r="G72533" i="1"/>
  <c r="G72534" i="1"/>
  <c r="G72535" i="1"/>
  <c r="G72536" i="1"/>
  <c r="G72537" i="1"/>
  <c r="G72538" i="1"/>
  <c r="G72539" i="1"/>
  <c r="G72540" i="1"/>
  <c r="G72541" i="1"/>
  <c r="G72542" i="1"/>
  <c r="G72543" i="1"/>
  <c r="G72544" i="1"/>
  <c r="G72545" i="1"/>
  <c r="G72546" i="1"/>
  <c r="G72547" i="1"/>
  <c r="G72548" i="1"/>
  <c r="G72549" i="1"/>
  <c r="G72550" i="1"/>
  <c r="G72551" i="1"/>
  <c r="G72552" i="1"/>
  <c r="G72553" i="1"/>
  <c r="G72554" i="1"/>
  <c r="G72555" i="1"/>
  <c r="G72556" i="1"/>
  <c r="G72557" i="1"/>
  <c r="G72558" i="1"/>
  <c r="G72559" i="1"/>
  <c r="G72560" i="1"/>
  <c r="G72561" i="1"/>
  <c r="G72562" i="1"/>
  <c r="G72563" i="1"/>
  <c r="G72564" i="1"/>
  <c r="G72565" i="1"/>
  <c r="G72566" i="1"/>
  <c r="G72567" i="1"/>
  <c r="G72568" i="1"/>
  <c r="G72569" i="1"/>
  <c r="G72570" i="1"/>
  <c r="G72571" i="1"/>
  <c r="G72572" i="1"/>
  <c r="G72573" i="1"/>
  <c r="G72574" i="1"/>
  <c r="G72575" i="1"/>
  <c r="G72576" i="1"/>
  <c r="G72577" i="1"/>
  <c r="G72578" i="1"/>
  <c r="G72579" i="1"/>
  <c r="G72580" i="1"/>
  <c r="G72581" i="1"/>
  <c r="G72582" i="1"/>
  <c r="G72583" i="1"/>
  <c r="G72584" i="1"/>
  <c r="G72585" i="1"/>
  <c r="G72586" i="1"/>
  <c r="G72587" i="1"/>
  <c r="G72588" i="1"/>
  <c r="G72589" i="1"/>
  <c r="G72590" i="1"/>
  <c r="G72591" i="1"/>
  <c r="G72592" i="1"/>
  <c r="G72593" i="1"/>
  <c r="G72594" i="1"/>
  <c r="G72595" i="1"/>
  <c r="G72596" i="1"/>
  <c r="G72597" i="1"/>
  <c r="G72598" i="1"/>
  <c r="G72599" i="1"/>
  <c r="G72600" i="1"/>
  <c r="G72601" i="1"/>
  <c r="G72602" i="1"/>
  <c r="G72603" i="1"/>
  <c r="G72604" i="1"/>
  <c r="G72605" i="1"/>
  <c r="G72606" i="1"/>
  <c r="G72607" i="1"/>
  <c r="G72608" i="1"/>
  <c r="G72609" i="1"/>
  <c r="G72610" i="1"/>
  <c r="G72611" i="1"/>
  <c r="G72612" i="1"/>
  <c r="G72613" i="1"/>
  <c r="G72614" i="1"/>
  <c r="G72615" i="1"/>
  <c r="G72616" i="1"/>
  <c r="G72617" i="1"/>
  <c r="G72618" i="1"/>
  <c r="G72619" i="1"/>
  <c r="G72620" i="1"/>
  <c r="G72621" i="1"/>
  <c r="G72622" i="1"/>
  <c r="G72623" i="1"/>
  <c r="G72624" i="1"/>
  <c r="G72625" i="1"/>
  <c r="G72626" i="1"/>
  <c r="G72627" i="1"/>
  <c r="G72628" i="1"/>
  <c r="G72629" i="1"/>
  <c r="G72630" i="1"/>
  <c r="G72631" i="1"/>
  <c r="G72632" i="1"/>
  <c r="G72633" i="1"/>
  <c r="G72634" i="1"/>
  <c r="G72635" i="1"/>
  <c r="G72636" i="1"/>
  <c r="G72637" i="1"/>
  <c r="G72638" i="1"/>
  <c r="G72639" i="1"/>
  <c r="G72640" i="1"/>
  <c r="G72641" i="1"/>
  <c r="G72642" i="1"/>
  <c r="G72643" i="1"/>
  <c r="G72644" i="1"/>
  <c r="G72645" i="1"/>
  <c r="G72646" i="1"/>
  <c r="G72647" i="1"/>
  <c r="G72648" i="1"/>
  <c r="G72649" i="1"/>
  <c r="G72650" i="1"/>
  <c r="G72651" i="1"/>
  <c r="G72652" i="1"/>
  <c r="G72653" i="1"/>
  <c r="G72654" i="1"/>
  <c r="G72655" i="1"/>
  <c r="G72656" i="1"/>
  <c r="G72657" i="1"/>
  <c r="G72658" i="1"/>
  <c r="G72659" i="1"/>
  <c r="G72660" i="1"/>
  <c r="G72661" i="1"/>
  <c r="G72662" i="1"/>
  <c r="G72663" i="1"/>
  <c r="G72664" i="1"/>
  <c r="G72665" i="1"/>
  <c r="G72666" i="1"/>
  <c r="G72667" i="1"/>
  <c r="G72668" i="1"/>
  <c r="G72669" i="1"/>
  <c r="G72670" i="1"/>
  <c r="G72671" i="1"/>
  <c r="G72672" i="1"/>
  <c r="G72673" i="1"/>
  <c r="G72674" i="1"/>
  <c r="G72675" i="1"/>
  <c r="G72676" i="1"/>
  <c r="G72677" i="1"/>
  <c r="G72678" i="1"/>
  <c r="G72679" i="1"/>
  <c r="G72680" i="1"/>
  <c r="G72681" i="1"/>
  <c r="G72682" i="1"/>
  <c r="G72683" i="1"/>
  <c r="G72684" i="1"/>
  <c r="G72685" i="1"/>
  <c r="G72686" i="1"/>
  <c r="G72687" i="1"/>
  <c r="G72688" i="1"/>
  <c r="G72689" i="1"/>
  <c r="G72690" i="1"/>
  <c r="G72691" i="1"/>
  <c r="G72692" i="1"/>
  <c r="G72693" i="1"/>
  <c r="G72694" i="1"/>
  <c r="G72695" i="1"/>
  <c r="G72696" i="1"/>
  <c r="G72697" i="1"/>
  <c r="G72698" i="1"/>
  <c r="G72699" i="1"/>
  <c r="G72700" i="1"/>
  <c r="G72701" i="1"/>
  <c r="G72702" i="1"/>
  <c r="G72703" i="1"/>
  <c r="G72704" i="1"/>
  <c r="G72705" i="1"/>
  <c r="G72706" i="1"/>
  <c r="G72707" i="1"/>
  <c r="G72708" i="1"/>
  <c r="G72709" i="1"/>
  <c r="G72710" i="1"/>
  <c r="G72711" i="1"/>
  <c r="G72712" i="1"/>
  <c r="G72713" i="1"/>
  <c r="G72714" i="1"/>
  <c r="G72715" i="1"/>
  <c r="G72716" i="1"/>
  <c r="G72717" i="1"/>
  <c r="G72718" i="1"/>
  <c r="G72719" i="1"/>
  <c r="G72720" i="1"/>
  <c r="G72721" i="1"/>
  <c r="G72722" i="1"/>
  <c r="G72723" i="1"/>
  <c r="G72724" i="1"/>
  <c r="G72725" i="1"/>
  <c r="G72726" i="1"/>
  <c r="G72727" i="1"/>
  <c r="G72728" i="1"/>
  <c r="G72729" i="1"/>
  <c r="G72730" i="1"/>
  <c r="G72731" i="1"/>
  <c r="G72732" i="1"/>
  <c r="G72733" i="1"/>
  <c r="G72734" i="1"/>
  <c r="G72735" i="1"/>
  <c r="G72736" i="1"/>
  <c r="G72737" i="1"/>
  <c r="G72738" i="1"/>
  <c r="G72739" i="1"/>
  <c r="G72740" i="1"/>
  <c r="G72741" i="1"/>
  <c r="G72742" i="1"/>
  <c r="G72743" i="1"/>
  <c r="G72744" i="1"/>
  <c r="G72745" i="1"/>
  <c r="G72746" i="1"/>
  <c r="G72747" i="1"/>
  <c r="G72748" i="1"/>
  <c r="G72749" i="1"/>
  <c r="G72750" i="1"/>
  <c r="G72751" i="1"/>
  <c r="G72752" i="1"/>
  <c r="G72753" i="1"/>
  <c r="G72754" i="1"/>
  <c r="G72755" i="1"/>
  <c r="G72756" i="1"/>
  <c r="G72757" i="1"/>
  <c r="G72758" i="1"/>
  <c r="G72759" i="1"/>
  <c r="G72760" i="1"/>
  <c r="G72761" i="1"/>
  <c r="G72762" i="1"/>
  <c r="G72763" i="1"/>
  <c r="G72764" i="1"/>
  <c r="G72765" i="1"/>
  <c r="G72766" i="1"/>
  <c r="G72767" i="1"/>
  <c r="G72768" i="1"/>
  <c r="G72769" i="1"/>
  <c r="G72770" i="1"/>
  <c r="G72771" i="1"/>
  <c r="G72772" i="1"/>
  <c r="G72773" i="1"/>
  <c r="G72774" i="1"/>
  <c r="G72775" i="1"/>
  <c r="G72776" i="1"/>
  <c r="G72777" i="1"/>
  <c r="G72778" i="1"/>
  <c r="G72779" i="1"/>
  <c r="G72780" i="1"/>
  <c r="G72781" i="1"/>
  <c r="G72782" i="1"/>
  <c r="G72783" i="1"/>
  <c r="G72784" i="1"/>
  <c r="G72785" i="1"/>
  <c r="G72786" i="1"/>
  <c r="G72787" i="1"/>
  <c r="G72788" i="1"/>
  <c r="G72789" i="1"/>
  <c r="G72790" i="1"/>
  <c r="G72791" i="1"/>
  <c r="G72792" i="1"/>
  <c r="G72793" i="1"/>
  <c r="G72794" i="1"/>
  <c r="G72795" i="1"/>
  <c r="G72796" i="1"/>
  <c r="G72797" i="1"/>
  <c r="G72798" i="1"/>
  <c r="G72799" i="1"/>
  <c r="G72800" i="1"/>
  <c r="G72801" i="1"/>
  <c r="G72802" i="1"/>
  <c r="G72803" i="1"/>
  <c r="G72804" i="1"/>
  <c r="G72805" i="1"/>
  <c r="G72806" i="1"/>
  <c r="G72807" i="1"/>
  <c r="G72808" i="1"/>
  <c r="G72809" i="1"/>
  <c r="G72810" i="1"/>
  <c r="G72811" i="1"/>
  <c r="G72812" i="1"/>
  <c r="G72813" i="1"/>
  <c r="G72814" i="1"/>
  <c r="G72815" i="1"/>
  <c r="G72816" i="1"/>
  <c r="G72817" i="1"/>
  <c r="G72818" i="1"/>
  <c r="G72819" i="1"/>
  <c r="G72820" i="1"/>
  <c r="G72821" i="1"/>
  <c r="G72822" i="1"/>
  <c r="G72823" i="1"/>
  <c r="G72824" i="1"/>
  <c r="G72825" i="1"/>
  <c r="G72826" i="1"/>
  <c r="G72827" i="1"/>
  <c r="G72828" i="1"/>
  <c r="G72829" i="1"/>
  <c r="G72830" i="1"/>
  <c r="G72831" i="1"/>
  <c r="G72832" i="1"/>
  <c r="G72833" i="1"/>
  <c r="G72834" i="1"/>
  <c r="G72835" i="1"/>
  <c r="G72836" i="1"/>
  <c r="G72837" i="1"/>
  <c r="G72838" i="1"/>
  <c r="G72839" i="1"/>
  <c r="G72840" i="1"/>
  <c r="G72841" i="1"/>
  <c r="G72842" i="1"/>
  <c r="G72843" i="1"/>
  <c r="G72844" i="1"/>
  <c r="G72845" i="1"/>
  <c r="G72846" i="1"/>
  <c r="G72847" i="1"/>
  <c r="G72848" i="1"/>
  <c r="G72849" i="1"/>
  <c r="G72850" i="1"/>
  <c r="G72851" i="1"/>
  <c r="G72852" i="1"/>
  <c r="G72853" i="1"/>
  <c r="G72854" i="1"/>
  <c r="G72855" i="1"/>
  <c r="G72856" i="1"/>
  <c r="G72857" i="1"/>
  <c r="G72858" i="1"/>
  <c r="G72859" i="1"/>
  <c r="G72860" i="1"/>
  <c r="G72861" i="1"/>
  <c r="G72862" i="1"/>
  <c r="G72863" i="1"/>
  <c r="G72864" i="1"/>
  <c r="G72865" i="1"/>
  <c r="G72866" i="1"/>
  <c r="G72867" i="1"/>
  <c r="G72868" i="1"/>
  <c r="G72869" i="1"/>
  <c r="G72870" i="1"/>
  <c r="G72871" i="1"/>
  <c r="G72872" i="1"/>
  <c r="G72873" i="1"/>
  <c r="G72874" i="1"/>
  <c r="G72875" i="1"/>
  <c r="G72876" i="1"/>
  <c r="G72877" i="1"/>
  <c r="G72878" i="1"/>
  <c r="G72879" i="1"/>
  <c r="G72880" i="1"/>
  <c r="G72881" i="1"/>
  <c r="G72882" i="1"/>
  <c r="G72883" i="1"/>
  <c r="G72884" i="1"/>
  <c r="G72885" i="1"/>
  <c r="G72886" i="1"/>
  <c r="G72887" i="1"/>
  <c r="G72888" i="1"/>
  <c r="G72889" i="1"/>
  <c r="G72890" i="1"/>
  <c r="G72891" i="1"/>
  <c r="G72892" i="1"/>
  <c r="G72893" i="1"/>
  <c r="G72894" i="1"/>
  <c r="G72895" i="1"/>
  <c r="G72896" i="1"/>
  <c r="G72897" i="1"/>
  <c r="G72898" i="1"/>
  <c r="G72899" i="1"/>
  <c r="G72900" i="1"/>
  <c r="G72901" i="1"/>
  <c r="G72902" i="1"/>
  <c r="G72903" i="1"/>
  <c r="G72904" i="1"/>
  <c r="G72905" i="1"/>
  <c r="G72906" i="1"/>
  <c r="G72907" i="1"/>
  <c r="G72908" i="1"/>
  <c r="G72909" i="1"/>
  <c r="G72910" i="1"/>
  <c r="G72911" i="1"/>
  <c r="G72912" i="1"/>
  <c r="G72913" i="1"/>
  <c r="G72914" i="1"/>
  <c r="G72915" i="1"/>
  <c r="G72916" i="1"/>
  <c r="G72917" i="1"/>
  <c r="G72918" i="1"/>
  <c r="G72919" i="1"/>
  <c r="G72920" i="1"/>
  <c r="G72921" i="1"/>
  <c r="G72922" i="1"/>
  <c r="G72923" i="1"/>
  <c r="G72924" i="1"/>
  <c r="G72925" i="1"/>
  <c r="G72926" i="1"/>
  <c r="G72927" i="1"/>
  <c r="G72928" i="1"/>
  <c r="G72929" i="1"/>
  <c r="G72930" i="1"/>
  <c r="G72931" i="1"/>
  <c r="G72932" i="1"/>
  <c r="G72933" i="1"/>
  <c r="G72934" i="1"/>
  <c r="G72935" i="1"/>
  <c r="G72936" i="1"/>
  <c r="G72937" i="1"/>
  <c r="G72938" i="1"/>
  <c r="G72939" i="1"/>
  <c r="G72940" i="1"/>
  <c r="G72941" i="1"/>
  <c r="G72942" i="1"/>
  <c r="G72943" i="1"/>
  <c r="G72944" i="1"/>
  <c r="G72945" i="1"/>
  <c r="G72946" i="1"/>
  <c r="G72947" i="1"/>
  <c r="G72948" i="1"/>
  <c r="G72949" i="1"/>
  <c r="G72950" i="1"/>
  <c r="G72951" i="1"/>
  <c r="G72952" i="1"/>
  <c r="G72953" i="1"/>
  <c r="G72954" i="1"/>
  <c r="G72955" i="1"/>
  <c r="G72956" i="1"/>
  <c r="G72957" i="1"/>
  <c r="G72958" i="1"/>
  <c r="G72959" i="1"/>
  <c r="G72960" i="1"/>
  <c r="G72961" i="1"/>
  <c r="G72962" i="1"/>
  <c r="G72963" i="1"/>
  <c r="G72964" i="1"/>
  <c r="G72965" i="1"/>
  <c r="G72966" i="1"/>
  <c r="G72967" i="1"/>
  <c r="G72968" i="1"/>
  <c r="G72969" i="1"/>
  <c r="G72970" i="1"/>
  <c r="G72971" i="1"/>
  <c r="G72972" i="1"/>
  <c r="G72973" i="1"/>
  <c r="G72974" i="1"/>
  <c r="G72975" i="1"/>
  <c r="G72976" i="1"/>
  <c r="G72977" i="1"/>
  <c r="G72978" i="1"/>
  <c r="G72979" i="1"/>
  <c r="G72980" i="1"/>
  <c r="G72981" i="1"/>
  <c r="G72982" i="1"/>
  <c r="G72983" i="1"/>
  <c r="G72984" i="1"/>
  <c r="G72985" i="1"/>
  <c r="G72986" i="1"/>
  <c r="G72987" i="1"/>
  <c r="G72988" i="1"/>
  <c r="G72989" i="1"/>
  <c r="G72990" i="1"/>
  <c r="G72991" i="1"/>
  <c r="G72992" i="1"/>
  <c r="G72993" i="1"/>
  <c r="G72994" i="1"/>
  <c r="G72995" i="1"/>
  <c r="G72996" i="1"/>
  <c r="G72997" i="1"/>
  <c r="G72998" i="1"/>
  <c r="G72999" i="1"/>
  <c r="G73000" i="1"/>
  <c r="G73001" i="1"/>
  <c r="G73002" i="1"/>
  <c r="G73003" i="1"/>
  <c r="G73004" i="1"/>
  <c r="G73005" i="1"/>
  <c r="G73006" i="1"/>
  <c r="G73007" i="1"/>
  <c r="G73008" i="1"/>
  <c r="G73009" i="1"/>
  <c r="G73010" i="1"/>
  <c r="G73011" i="1"/>
  <c r="G73012" i="1"/>
  <c r="G73013" i="1"/>
  <c r="G73014" i="1"/>
  <c r="G73015" i="1"/>
  <c r="G73016" i="1"/>
  <c r="G73017" i="1"/>
  <c r="G73018" i="1"/>
  <c r="G73019" i="1"/>
  <c r="G73020" i="1"/>
  <c r="G73021" i="1"/>
  <c r="G73022" i="1"/>
  <c r="G73023" i="1"/>
  <c r="G73024" i="1"/>
  <c r="G73025" i="1"/>
  <c r="G73026" i="1"/>
  <c r="G73027" i="1"/>
  <c r="G73028" i="1"/>
  <c r="G73029" i="1"/>
  <c r="G73030" i="1"/>
  <c r="G73031" i="1"/>
  <c r="G73032" i="1"/>
  <c r="G73033" i="1"/>
  <c r="G73034" i="1"/>
  <c r="G73035" i="1"/>
  <c r="G73036" i="1"/>
  <c r="G73037" i="1"/>
  <c r="G73038" i="1"/>
  <c r="G73039" i="1"/>
  <c r="G73040" i="1"/>
  <c r="G73041" i="1"/>
  <c r="G73042" i="1"/>
  <c r="G73043" i="1"/>
  <c r="G73044" i="1"/>
  <c r="G73045" i="1"/>
  <c r="G73046" i="1"/>
  <c r="G73047" i="1"/>
  <c r="G73048" i="1"/>
  <c r="G73049" i="1"/>
  <c r="G73050" i="1"/>
  <c r="G73051" i="1"/>
  <c r="G73052" i="1"/>
  <c r="G73053" i="1"/>
  <c r="G73054" i="1"/>
  <c r="G73055" i="1"/>
  <c r="G73056" i="1"/>
  <c r="G73057" i="1"/>
  <c r="G73058" i="1"/>
  <c r="G73059" i="1"/>
  <c r="G73060" i="1"/>
  <c r="G73061" i="1"/>
  <c r="G73062" i="1"/>
  <c r="G73063" i="1"/>
  <c r="G73064" i="1"/>
  <c r="G73065" i="1"/>
  <c r="G73066" i="1"/>
  <c r="G73067" i="1"/>
  <c r="G73068" i="1"/>
  <c r="G73069" i="1"/>
  <c r="G73070" i="1"/>
  <c r="G73071" i="1"/>
  <c r="G73072" i="1"/>
  <c r="G73073" i="1"/>
  <c r="G73074" i="1"/>
  <c r="G73075" i="1"/>
  <c r="G73076" i="1"/>
  <c r="G73077" i="1"/>
  <c r="G73078" i="1"/>
  <c r="G73079" i="1"/>
  <c r="G73080" i="1"/>
  <c r="G73081" i="1"/>
  <c r="G73082" i="1"/>
  <c r="G73083" i="1"/>
  <c r="G73084" i="1"/>
  <c r="G73085" i="1"/>
  <c r="G73086" i="1"/>
  <c r="G73087" i="1"/>
  <c r="G73088" i="1"/>
  <c r="G73089" i="1"/>
  <c r="G73090" i="1"/>
  <c r="G73091" i="1"/>
  <c r="G73092" i="1"/>
  <c r="G73093" i="1"/>
  <c r="G73094" i="1"/>
  <c r="G73095" i="1"/>
  <c r="G73096" i="1"/>
  <c r="G73097" i="1"/>
  <c r="G73098" i="1"/>
  <c r="G73099" i="1"/>
  <c r="G73100" i="1"/>
  <c r="G73101" i="1"/>
  <c r="G73102" i="1"/>
  <c r="G73103" i="1"/>
  <c r="G73104" i="1"/>
  <c r="G73105" i="1"/>
  <c r="G73106" i="1"/>
  <c r="G73107" i="1"/>
  <c r="G73108" i="1"/>
  <c r="G73109" i="1"/>
  <c r="G73110" i="1"/>
  <c r="G73111" i="1"/>
  <c r="G73112" i="1"/>
  <c r="G73113" i="1"/>
  <c r="G73114" i="1"/>
  <c r="G73115" i="1"/>
  <c r="G73116" i="1"/>
  <c r="G73117" i="1"/>
  <c r="G73118" i="1"/>
  <c r="G73119" i="1"/>
  <c r="G73120" i="1"/>
  <c r="G73121" i="1"/>
  <c r="G73122" i="1"/>
  <c r="G73123" i="1"/>
  <c r="G73124" i="1"/>
  <c r="G73125" i="1"/>
  <c r="G73126" i="1"/>
  <c r="G73127" i="1"/>
  <c r="G73128" i="1"/>
  <c r="G73129" i="1"/>
  <c r="G73130" i="1"/>
  <c r="G73131" i="1"/>
  <c r="G73132" i="1"/>
  <c r="G73133" i="1"/>
  <c r="G73134" i="1"/>
  <c r="G73135" i="1"/>
  <c r="G73136" i="1"/>
  <c r="G73137" i="1"/>
  <c r="G73138" i="1"/>
  <c r="G73139" i="1"/>
  <c r="G73140" i="1"/>
  <c r="G73141" i="1"/>
  <c r="G73142" i="1"/>
  <c r="G73143" i="1"/>
  <c r="G73144" i="1"/>
  <c r="G73145" i="1"/>
  <c r="G73146" i="1"/>
  <c r="G73147" i="1"/>
  <c r="G73148" i="1"/>
  <c r="G73149" i="1"/>
  <c r="G73150" i="1"/>
  <c r="G73151" i="1"/>
  <c r="G73152" i="1"/>
  <c r="G73153" i="1"/>
  <c r="G73154" i="1"/>
  <c r="G73155" i="1"/>
  <c r="G73156" i="1"/>
  <c r="G73157" i="1"/>
  <c r="G73158" i="1"/>
  <c r="G73159" i="1"/>
  <c r="G73160" i="1"/>
  <c r="G73161" i="1"/>
  <c r="G73162" i="1"/>
  <c r="G73163" i="1"/>
  <c r="G73164" i="1"/>
  <c r="G73165" i="1"/>
  <c r="G73166" i="1"/>
  <c r="G73167" i="1"/>
  <c r="G73168" i="1"/>
  <c r="G73169" i="1"/>
  <c r="G73170" i="1"/>
  <c r="G73171" i="1"/>
  <c r="G73172" i="1"/>
  <c r="G73173" i="1"/>
  <c r="G73174" i="1"/>
  <c r="G73175" i="1"/>
  <c r="G73176" i="1"/>
  <c r="G73177" i="1"/>
  <c r="G73178" i="1"/>
  <c r="G73179" i="1"/>
  <c r="G73180" i="1"/>
  <c r="G73181" i="1"/>
  <c r="G73182" i="1"/>
  <c r="G73183" i="1"/>
  <c r="G73184" i="1"/>
  <c r="G73185" i="1"/>
  <c r="G73186" i="1"/>
  <c r="G73187" i="1"/>
  <c r="G73188" i="1"/>
  <c r="G73189" i="1"/>
  <c r="G73190" i="1"/>
  <c r="G73191" i="1"/>
  <c r="G73192" i="1"/>
  <c r="G73193" i="1"/>
  <c r="G73194" i="1"/>
  <c r="G73195" i="1"/>
  <c r="G73196" i="1"/>
  <c r="G73197" i="1"/>
  <c r="G73198" i="1"/>
  <c r="G73199" i="1"/>
  <c r="G73200" i="1"/>
  <c r="G73201" i="1"/>
  <c r="G73202" i="1"/>
  <c r="G73203" i="1"/>
  <c r="G73204" i="1"/>
  <c r="G73205" i="1"/>
  <c r="G73206" i="1"/>
  <c r="G73207" i="1"/>
  <c r="G73208" i="1"/>
  <c r="G73209" i="1"/>
  <c r="G73210" i="1"/>
  <c r="G73211" i="1"/>
  <c r="G73212" i="1"/>
  <c r="G73213" i="1"/>
  <c r="G73214" i="1"/>
  <c r="G73215" i="1"/>
  <c r="G73216" i="1"/>
  <c r="G73217" i="1"/>
  <c r="G73218" i="1"/>
  <c r="G73219" i="1"/>
  <c r="G73220" i="1"/>
  <c r="G73221" i="1"/>
  <c r="G73222" i="1"/>
  <c r="G73223" i="1"/>
  <c r="G73224" i="1"/>
  <c r="G73225" i="1"/>
  <c r="G73226" i="1"/>
  <c r="G73227" i="1"/>
  <c r="G73228" i="1"/>
  <c r="G73229" i="1"/>
  <c r="G73230" i="1"/>
  <c r="G73231" i="1"/>
  <c r="G73232" i="1"/>
  <c r="G73233" i="1"/>
  <c r="G73234" i="1"/>
  <c r="G73235" i="1"/>
  <c r="G73236" i="1"/>
  <c r="G73237" i="1"/>
  <c r="G73238" i="1"/>
  <c r="G73239" i="1"/>
  <c r="G73240" i="1"/>
  <c r="G73241" i="1"/>
  <c r="G73242" i="1"/>
  <c r="G73243" i="1"/>
  <c r="G73244" i="1"/>
  <c r="G73245" i="1"/>
  <c r="G73246" i="1"/>
  <c r="G73247" i="1"/>
  <c r="G73248" i="1"/>
  <c r="G73249" i="1"/>
  <c r="G73250" i="1"/>
  <c r="G73251" i="1"/>
  <c r="G73252" i="1"/>
  <c r="G73253" i="1"/>
  <c r="G73254" i="1"/>
  <c r="G73255" i="1"/>
  <c r="G73256" i="1"/>
  <c r="G73257" i="1"/>
  <c r="G73258" i="1"/>
  <c r="G73259" i="1"/>
  <c r="G73260" i="1"/>
  <c r="G73261" i="1"/>
  <c r="G73262" i="1"/>
  <c r="G73263" i="1"/>
  <c r="G73264" i="1"/>
  <c r="G73265" i="1"/>
  <c r="G73266" i="1"/>
  <c r="G73267" i="1"/>
  <c r="G73268" i="1"/>
  <c r="G73269" i="1"/>
  <c r="G73270" i="1"/>
  <c r="G73271" i="1"/>
  <c r="G73272" i="1"/>
  <c r="G73273" i="1"/>
  <c r="G73274" i="1"/>
  <c r="G73275" i="1"/>
  <c r="G73276" i="1"/>
  <c r="G73277" i="1"/>
  <c r="G73278" i="1"/>
  <c r="G73279" i="1"/>
  <c r="G73280" i="1"/>
  <c r="G73281" i="1"/>
  <c r="G73282" i="1"/>
  <c r="G73283" i="1"/>
  <c r="G73284" i="1"/>
  <c r="G73285" i="1"/>
  <c r="G73286" i="1"/>
  <c r="G73287" i="1"/>
  <c r="G73288" i="1"/>
  <c r="G73289" i="1"/>
  <c r="G73290" i="1"/>
  <c r="G73291" i="1"/>
  <c r="G73292" i="1"/>
  <c r="G73293" i="1"/>
  <c r="G73294" i="1"/>
  <c r="G73295" i="1"/>
  <c r="G73296" i="1"/>
  <c r="G73297" i="1"/>
  <c r="G73298" i="1"/>
  <c r="G73299" i="1"/>
  <c r="G73300" i="1"/>
  <c r="G73301" i="1"/>
  <c r="G73302" i="1"/>
  <c r="G73303" i="1"/>
  <c r="G73304" i="1"/>
  <c r="G73305" i="1"/>
  <c r="G73306" i="1"/>
  <c r="G73307" i="1"/>
  <c r="G73308" i="1"/>
  <c r="G73309" i="1"/>
  <c r="G73310" i="1"/>
  <c r="G73311" i="1"/>
  <c r="G73312" i="1"/>
  <c r="G73313" i="1"/>
  <c r="G73314" i="1"/>
  <c r="G73315" i="1"/>
  <c r="G73316" i="1"/>
  <c r="G73317" i="1"/>
  <c r="G73318" i="1"/>
  <c r="G73319" i="1"/>
  <c r="G73320" i="1"/>
  <c r="G73321" i="1"/>
  <c r="G73322" i="1"/>
  <c r="G73323" i="1"/>
  <c r="G73324" i="1"/>
  <c r="G73325" i="1"/>
  <c r="G73326" i="1"/>
  <c r="G73327" i="1"/>
  <c r="G73328" i="1"/>
  <c r="G73329" i="1"/>
  <c r="G73330" i="1"/>
  <c r="G73331" i="1"/>
  <c r="G73332" i="1"/>
  <c r="G73333" i="1"/>
  <c r="G73334" i="1"/>
  <c r="G73335" i="1"/>
  <c r="G73336" i="1"/>
  <c r="G73337" i="1"/>
  <c r="G73338" i="1"/>
  <c r="G73339" i="1"/>
  <c r="G73340" i="1"/>
  <c r="G73341" i="1"/>
  <c r="G73342" i="1"/>
  <c r="G73343" i="1"/>
  <c r="G73344" i="1"/>
  <c r="G73345" i="1"/>
  <c r="G73346" i="1"/>
  <c r="G73347" i="1"/>
  <c r="G73348" i="1"/>
  <c r="G73349" i="1"/>
  <c r="G73350" i="1"/>
  <c r="G73351" i="1"/>
  <c r="G73352" i="1"/>
  <c r="G73353" i="1"/>
  <c r="G73354" i="1"/>
  <c r="G73355" i="1"/>
  <c r="G73356" i="1"/>
  <c r="G73357" i="1"/>
  <c r="G73358" i="1"/>
  <c r="G73359" i="1"/>
  <c r="G73360" i="1"/>
  <c r="G73361" i="1"/>
  <c r="G73362" i="1"/>
  <c r="G73363" i="1"/>
  <c r="G73364" i="1"/>
  <c r="G73365" i="1"/>
  <c r="G73366" i="1"/>
  <c r="G73367" i="1"/>
  <c r="G73368" i="1"/>
  <c r="G73369" i="1"/>
  <c r="G73370" i="1"/>
  <c r="G73371" i="1"/>
  <c r="G73372" i="1"/>
  <c r="G73373" i="1"/>
  <c r="G73374" i="1"/>
  <c r="G73375" i="1"/>
  <c r="G73376" i="1"/>
  <c r="G73377" i="1"/>
  <c r="G73378" i="1"/>
  <c r="G73379" i="1"/>
  <c r="G73380" i="1"/>
  <c r="G73381" i="1"/>
  <c r="G73382" i="1"/>
  <c r="G73383" i="1"/>
  <c r="G73384" i="1"/>
  <c r="G73385" i="1"/>
  <c r="G73386" i="1"/>
  <c r="G73387" i="1"/>
  <c r="G73388" i="1"/>
  <c r="G73389" i="1"/>
  <c r="G73390" i="1"/>
  <c r="G73391" i="1"/>
  <c r="G73392" i="1"/>
  <c r="G73393" i="1"/>
  <c r="G73394" i="1"/>
  <c r="G73395" i="1"/>
  <c r="G73396" i="1"/>
  <c r="G73397" i="1"/>
  <c r="G73398" i="1"/>
  <c r="G73399" i="1"/>
  <c r="G73400" i="1"/>
  <c r="G73401" i="1"/>
  <c r="G73402" i="1"/>
  <c r="G73403" i="1"/>
  <c r="G73404" i="1"/>
  <c r="G73405" i="1"/>
  <c r="G73406" i="1"/>
  <c r="G73407" i="1"/>
  <c r="G73408" i="1"/>
  <c r="G73409" i="1"/>
  <c r="G73410" i="1"/>
  <c r="G73411" i="1"/>
  <c r="G73412" i="1"/>
  <c r="G73413" i="1"/>
  <c r="G73414" i="1"/>
  <c r="G73415" i="1"/>
  <c r="G73416" i="1"/>
  <c r="G73417" i="1"/>
  <c r="G73418" i="1"/>
  <c r="G73419" i="1"/>
  <c r="G73420" i="1"/>
  <c r="G73421" i="1"/>
  <c r="G73422" i="1"/>
  <c r="G73423" i="1"/>
  <c r="G73424" i="1"/>
  <c r="G73425" i="1"/>
  <c r="G73426" i="1"/>
  <c r="G73427" i="1"/>
  <c r="G73428" i="1"/>
  <c r="G73429" i="1"/>
  <c r="G73430" i="1"/>
  <c r="G73431" i="1"/>
  <c r="G73432" i="1"/>
  <c r="G73433" i="1"/>
  <c r="G73434" i="1"/>
  <c r="G73435" i="1"/>
  <c r="G73436" i="1"/>
  <c r="G73437" i="1"/>
  <c r="G73438" i="1"/>
  <c r="G73439" i="1"/>
  <c r="G73440" i="1"/>
  <c r="G73441" i="1"/>
  <c r="G73442" i="1"/>
  <c r="G73443" i="1"/>
  <c r="G73444" i="1"/>
  <c r="G73445" i="1"/>
  <c r="G73446" i="1"/>
  <c r="G73447" i="1"/>
  <c r="G73448" i="1"/>
  <c r="G73449" i="1"/>
  <c r="G73450" i="1"/>
  <c r="G73451" i="1"/>
  <c r="G73452" i="1"/>
  <c r="G73453" i="1"/>
  <c r="G73454" i="1"/>
  <c r="G73455" i="1"/>
  <c r="G73456" i="1"/>
  <c r="G73457" i="1"/>
  <c r="G73458" i="1"/>
  <c r="G73459" i="1"/>
  <c r="G73460" i="1"/>
  <c r="G73461" i="1"/>
  <c r="G73462" i="1"/>
  <c r="G73463" i="1"/>
  <c r="G73464" i="1"/>
  <c r="G73465" i="1"/>
  <c r="G73466" i="1"/>
  <c r="G73467" i="1"/>
  <c r="G73468" i="1"/>
  <c r="G73469" i="1"/>
  <c r="G73470" i="1"/>
  <c r="G73471" i="1"/>
  <c r="G73472" i="1"/>
  <c r="G73473" i="1"/>
  <c r="G73474" i="1"/>
  <c r="G73475" i="1"/>
  <c r="G73476" i="1"/>
  <c r="G73477" i="1"/>
  <c r="G73478" i="1"/>
  <c r="G73479" i="1"/>
  <c r="G73480" i="1"/>
  <c r="G73481" i="1"/>
  <c r="G73482" i="1"/>
  <c r="G73483" i="1"/>
  <c r="G73484" i="1"/>
  <c r="G73485" i="1"/>
  <c r="G73486" i="1"/>
  <c r="G73487" i="1"/>
  <c r="G73488" i="1"/>
  <c r="G73489" i="1"/>
  <c r="G73490" i="1"/>
  <c r="G73491" i="1"/>
  <c r="G73492" i="1"/>
  <c r="G73493" i="1"/>
  <c r="G73494" i="1"/>
  <c r="G73495" i="1"/>
  <c r="G73496" i="1"/>
  <c r="G73497" i="1"/>
  <c r="G73498" i="1"/>
  <c r="G73499" i="1"/>
  <c r="G73500" i="1"/>
  <c r="G73501" i="1"/>
  <c r="G73502" i="1"/>
  <c r="G73503" i="1"/>
  <c r="G73504" i="1"/>
  <c r="G73505" i="1"/>
  <c r="G73506" i="1"/>
  <c r="G73507" i="1"/>
  <c r="G73508" i="1"/>
  <c r="G73509" i="1"/>
  <c r="G73510" i="1"/>
  <c r="G73511" i="1"/>
  <c r="G73512" i="1"/>
  <c r="G73513" i="1"/>
  <c r="G73514" i="1"/>
  <c r="G73515" i="1"/>
  <c r="G73516" i="1"/>
  <c r="G73517" i="1"/>
  <c r="G73518" i="1"/>
  <c r="G73519" i="1"/>
  <c r="G73520" i="1"/>
  <c r="G73521" i="1"/>
  <c r="G73522" i="1"/>
  <c r="G73523" i="1"/>
  <c r="G73524" i="1"/>
  <c r="G73525" i="1"/>
  <c r="G73526" i="1"/>
  <c r="G73527" i="1"/>
  <c r="G73528" i="1"/>
  <c r="G73529" i="1"/>
  <c r="G73530" i="1"/>
  <c r="G73531" i="1"/>
  <c r="G73532" i="1"/>
  <c r="G73533" i="1"/>
  <c r="G73534" i="1"/>
  <c r="G73535" i="1"/>
  <c r="G73536" i="1"/>
  <c r="G73537" i="1"/>
  <c r="G73538" i="1"/>
  <c r="G73539" i="1"/>
  <c r="G73540" i="1"/>
  <c r="G73541" i="1"/>
  <c r="G73542" i="1"/>
  <c r="G73543" i="1"/>
  <c r="G73544" i="1"/>
  <c r="G73545" i="1"/>
  <c r="G73546" i="1"/>
  <c r="G73547" i="1"/>
  <c r="G73548" i="1"/>
  <c r="G73549" i="1"/>
  <c r="G73550" i="1"/>
  <c r="G73551" i="1"/>
  <c r="G73552" i="1"/>
  <c r="G73553" i="1"/>
  <c r="G73554" i="1"/>
  <c r="G73555" i="1"/>
  <c r="G73556" i="1"/>
  <c r="G73557" i="1"/>
  <c r="G73558" i="1"/>
  <c r="G73559" i="1"/>
  <c r="G73560" i="1"/>
  <c r="G73561" i="1"/>
  <c r="G73562" i="1"/>
  <c r="G73563" i="1"/>
  <c r="G73564" i="1"/>
  <c r="G73565" i="1"/>
  <c r="G73566" i="1"/>
  <c r="G73567" i="1"/>
  <c r="G73568" i="1"/>
  <c r="G73569" i="1"/>
  <c r="G73570" i="1"/>
  <c r="G73571" i="1"/>
  <c r="G73572" i="1"/>
  <c r="G73573" i="1"/>
  <c r="G73574" i="1"/>
  <c r="G73575" i="1"/>
  <c r="G73576" i="1"/>
  <c r="G73577" i="1"/>
  <c r="G73578" i="1"/>
  <c r="G73579" i="1"/>
  <c r="G73580" i="1"/>
  <c r="G73581" i="1"/>
  <c r="G73582" i="1"/>
  <c r="G73583" i="1"/>
  <c r="G73584" i="1"/>
  <c r="G73585" i="1"/>
  <c r="G73586" i="1"/>
  <c r="G73587" i="1"/>
  <c r="G73588" i="1"/>
  <c r="G73589" i="1"/>
  <c r="G73590" i="1"/>
  <c r="G73591" i="1"/>
  <c r="G73592" i="1"/>
  <c r="G73593" i="1"/>
  <c r="G73594" i="1"/>
  <c r="G73595" i="1"/>
  <c r="G73596" i="1"/>
  <c r="G73597" i="1"/>
  <c r="G73598" i="1"/>
  <c r="G73599" i="1"/>
  <c r="G73600" i="1"/>
  <c r="G73601" i="1"/>
  <c r="G73602" i="1"/>
  <c r="G73603" i="1"/>
  <c r="G73604" i="1"/>
  <c r="G73605" i="1"/>
  <c r="G73606" i="1"/>
  <c r="G73607" i="1"/>
  <c r="G73608" i="1"/>
  <c r="G73609" i="1"/>
  <c r="G73610" i="1"/>
  <c r="G73611" i="1"/>
  <c r="G73612" i="1"/>
  <c r="G73613" i="1"/>
  <c r="G73614" i="1"/>
  <c r="G73615" i="1"/>
  <c r="G73616" i="1"/>
  <c r="G73617" i="1"/>
  <c r="G73618" i="1"/>
  <c r="G73619" i="1"/>
  <c r="G73620" i="1"/>
  <c r="G73621" i="1"/>
  <c r="G73622" i="1"/>
  <c r="G73623" i="1"/>
  <c r="G73624" i="1"/>
  <c r="G73625" i="1"/>
  <c r="G73626" i="1"/>
  <c r="G73627" i="1"/>
  <c r="G73628" i="1"/>
  <c r="G73629" i="1"/>
  <c r="G73630" i="1"/>
  <c r="G73631" i="1"/>
  <c r="G73632" i="1"/>
  <c r="G73633" i="1"/>
  <c r="G73634" i="1"/>
  <c r="G73635" i="1"/>
  <c r="G73636" i="1"/>
  <c r="G73637" i="1"/>
  <c r="G73638" i="1"/>
  <c r="G73639" i="1"/>
  <c r="G73640" i="1"/>
  <c r="G73641" i="1"/>
  <c r="G73642" i="1"/>
  <c r="G73643" i="1"/>
  <c r="G73644" i="1"/>
  <c r="G73645" i="1"/>
  <c r="G73646" i="1"/>
  <c r="G73647" i="1"/>
  <c r="G73648" i="1"/>
  <c r="G73649" i="1"/>
  <c r="G73650" i="1"/>
  <c r="G73651" i="1"/>
  <c r="G73652" i="1"/>
  <c r="G73653" i="1"/>
  <c r="G73654" i="1"/>
  <c r="G73655" i="1"/>
  <c r="G73656" i="1"/>
  <c r="G73657" i="1"/>
  <c r="G73658" i="1"/>
  <c r="G73659" i="1"/>
  <c r="G73660" i="1"/>
  <c r="G73661" i="1"/>
  <c r="G73662" i="1"/>
  <c r="G73663" i="1"/>
  <c r="G73664" i="1"/>
  <c r="G73665" i="1"/>
  <c r="G73666" i="1"/>
  <c r="G73667" i="1"/>
  <c r="G73668" i="1"/>
  <c r="G73669" i="1"/>
  <c r="G73670" i="1"/>
  <c r="G73671" i="1"/>
  <c r="G73672" i="1"/>
  <c r="G73673" i="1"/>
  <c r="G73674" i="1"/>
  <c r="G73675" i="1"/>
  <c r="G73676" i="1"/>
  <c r="G73677" i="1"/>
  <c r="G73678" i="1"/>
  <c r="G73679" i="1"/>
  <c r="G73680" i="1"/>
  <c r="G73681" i="1"/>
  <c r="G73682" i="1"/>
  <c r="G73683" i="1"/>
  <c r="G73684" i="1"/>
  <c r="G73685" i="1"/>
  <c r="G73686" i="1"/>
  <c r="G73687" i="1"/>
  <c r="G73688" i="1"/>
  <c r="G73689" i="1"/>
  <c r="G73690" i="1"/>
  <c r="G73691" i="1"/>
  <c r="G73692" i="1"/>
  <c r="G73693" i="1"/>
  <c r="G73694" i="1"/>
  <c r="G73695" i="1"/>
  <c r="G73696" i="1"/>
  <c r="G73697" i="1"/>
  <c r="G73698" i="1"/>
  <c r="G73699" i="1"/>
  <c r="G73700" i="1"/>
  <c r="G73701" i="1"/>
  <c r="G73702" i="1"/>
  <c r="G73703" i="1"/>
  <c r="G73704" i="1"/>
  <c r="G73705" i="1"/>
  <c r="G73706" i="1"/>
  <c r="G73707" i="1"/>
  <c r="G73708" i="1"/>
  <c r="G73709" i="1"/>
  <c r="G73710" i="1"/>
  <c r="G73711" i="1"/>
  <c r="G73712" i="1"/>
  <c r="G73713" i="1"/>
  <c r="G73714" i="1"/>
  <c r="G73715" i="1"/>
  <c r="G73716" i="1"/>
  <c r="G73717" i="1"/>
  <c r="G73718" i="1"/>
  <c r="G73719" i="1"/>
  <c r="G73720" i="1"/>
  <c r="G73721" i="1"/>
  <c r="G73722" i="1"/>
  <c r="G73723" i="1"/>
  <c r="G73724" i="1"/>
  <c r="G73725" i="1"/>
  <c r="G73726" i="1"/>
  <c r="G73727" i="1"/>
  <c r="G73728" i="1"/>
  <c r="G73729" i="1"/>
  <c r="G73730" i="1"/>
  <c r="G73731" i="1"/>
  <c r="G73732" i="1"/>
  <c r="G73733" i="1"/>
  <c r="G73734" i="1"/>
  <c r="G73735" i="1"/>
  <c r="G73736" i="1"/>
  <c r="G73737" i="1"/>
  <c r="G73738" i="1"/>
  <c r="G73739" i="1"/>
  <c r="G73740" i="1"/>
  <c r="G73741" i="1"/>
  <c r="G73742" i="1"/>
  <c r="G73743" i="1"/>
  <c r="G73744" i="1"/>
  <c r="G73745" i="1"/>
  <c r="G73746" i="1"/>
  <c r="G73747" i="1"/>
  <c r="G73748" i="1"/>
  <c r="G73749" i="1"/>
  <c r="G73750" i="1"/>
  <c r="G73751" i="1"/>
  <c r="G73752" i="1"/>
  <c r="G73753" i="1"/>
  <c r="G73754" i="1"/>
  <c r="G73755" i="1"/>
  <c r="G73756" i="1"/>
  <c r="G73757" i="1"/>
  <c r="G73758" i="1"/>
  <c r="G73759" i="1"/>
  <c r="G73760" i="1"/>
  <c r="G73761" i="1"/>
  <c r="G73762" i="1"/>
  <c r="G73763" i="1"/>
  <c r="G73764" i="1"/>
  <c r="G73765" i="1"/>
  <c r="G73766" i="1"/>
  <c r="G73767" i="1"/>
  <c r="G73768" i="1"/>
  <c r="G73769" i="1"/>
  <c r="G73770" i="1"/>
  <c r="G73771" i="1"/>
  <c r="G73772" i="1"/>
  <c r="G73773" i="1"/>
  <c r="G73774" i="1"/>
  <c r="G73775" i="1"/>
  <c r="G73776" i="1"/>
  <c r="G73777" i="1"/>
  <c r="G73778" i="1"/>
  <c r="G73779" i="1"/>
  <c r="G73780" i="1"/>
  <c r="G73781" i="1"/>
  <c r="G73782" i="1"/>
  <c r="G73783" i="1"/>
  <c r="G73784" i="1"/>
  <c r="G73785" i="1"/>
  <c r="G73786" i="1"/>
  <c r="G73787" i="1"/>
  <c r="G73788" i="1"/>
  <c r="G73789" i="1"/>
  <c r="G73790" i="1"/>
  <c r="G73791" i="1"/>
  <c r="G73792" i="1"/>
  <c r="G73793" i="1"/>
  <c r="G73794" i="1"/>
  <c r="G73795" i="1"/>
  <c r="G73796" i="1"/>
  <c r="G73797" i="1"/>
  <c r="G73798" i="1"/>
  <c r="G73799" i="1"/>
  <c r="G73800" i="1"/>
  <c r="G73801" i="1"/>
  <c r="G73802" i="1"/>
  <c r="G73803" i="1"/>
  <c r="G73804" i="1"/>
  <c r="G73805" i="1"/>
  <c r="G73806" i="1"/>
  <c r="G73807" i="1"/>
  <c r="G73808" i="1"/>
  <c r="G73809" i="1"/>
  <c r="G73810" i="1"/>
  <c r="G73811" i="1"/>
  <c r="G73812" i="1"/>
  <c r="G73813" i="1"/>
  <c r="G73814" i="1"/>
  <c r="G73815" i="1"/>
  <c r="G73816" i="1"/>
  <c r="G73817" i="1"/>
  <c r="G73818" i="1"/>
  <c r="G73819" i="1"/>
  <c r="G73820" i="1"/>
  <c r="G73821" i="1"/>
  <c r="G73822" i="1"/>
  <c r="G73823" i="1"/>
  <c r="G73824" i="1"/>
  <c r="G73825" i="1"/>
  <c r="G73826" i="1"/>
  <c r="G73827" i="1"/>
  <c r="G73828" i="1"/>
  <c r="G73829" i="1"/>
  <c r="G73830" i="1"/>
  <c r="G73831" i="1"/>
  <c r="G73832" i="1"/>
  <c r="G73833" i="1"/>
  <c r="G73834" i="1"/>
  <c r="G73835" i="1"/>
  <c r="G73836" i="1"/>
  <c r="G73837" i="1"/>
  <c r="G73838" i="1"/>
  <c r="G73839" i="1"/>
  <c r="G73840" i="1"/>
  <c r="G73841" i="1"/>
  <c r="G73842" i="1"/>
  <c r="G73843" i="1"/>
  <c r="G73844" i="1"/>
  <c r="G73845" i="1"/>
  <c r="G73846" i="1"/>
  <c r="G73847" i="1"/>
  <c r="G73848" i="1"/>
  <c r="G73849" i="1"/>
  <c r="G73850" i="1"/>
  <c r="G73851" i="1"/>
  <c r="G73852" i="1"/>
  <c r="G73853" i="1"/>
  <c r="G73854" i="1"/>
  <c r="G73855" i="1"/>
  <c r="G73856" i="1"/>
  <c r="G73857" i="1"/>
  <c r="G73858" i="1"/>
  <c r="G73859" i="1"/>
  <c r="G73860" i="1"/>
  <c r="G73861" i="1"/>
  <c r="G73862" i="1"/>
  <c r="G73863" i="1"/>
  <c r="G73864" i="1"/>
  <c r="G73865" i="1"/>
  <c r="G73866" i="1"/>
  <c r="G73867" i="1"/>
  <c r="G73868" i="1"/>
  <c r="G73869" i="1"/>
  <c r="G73870" i="1"/>
  <c r="G73871" i="1"/>
  <c r="G73872" i="1"/>
  <c r="G73873" i="1"/>
  <c r="G73874" i="1"/>
  <c r="G73875" i="1"/>
  <c r="G73876" i="1"/>
  <c r="G73877" i="1"/>
  <c r="G73878" i="1"/>
  <c r="G73879" i="1"/>
  <c r="G73880" i="1"/>
  <c r="G73881" i="1"/>
  <c r="G73882" i="1"/>
  <c r="G73883" i="1"/>
  <c r="G73884" i="1"/>
  <c r="G73885" i="1"/>
  <c r="G73886" i="1"/>
  <c r="G73887" i="1"/>
  <c r="G73888" i="1"/>
  <c r="G73889" i="1"/>
  <c r="G73890" i="1"/>
  <c r="G73891" i="1"/>
  <c r="G73892" i="1"/>
  <c r="G73893" i="1"/>
  <c r="G73894" i="1"/>
  <c r="G73895" i="1"/>
  <c r="G73896" i="1"/>
  <c r="G73897" i="1"/>
  <c r="G73898" i="1"/>
  <c r="G73899" i="1"/>
  <c r="G73900" i="1"/>
  <c r="G73901" i="1"/>
  <c r="G73902" i="1"/>
  <c r="G73903" i="1"/>
  <c r="G73904" i="1"/>
  <c r="G73905" i="1"/>
  <c r="G73906" i="1"/>
  <c r="G73907" i="1"/>
  <c r="G73908" i="1"/>
  <c r="G73909" i="1"/>
  <c r="G73910" i="1"/>
  <c r="G73911" i="1"/>
  <c r="G73912" i="1"/>
  <c r="G73913" i="1"/>
  <c r="G73914" i="1"/>
  <c r="G73915" i="1"/>
  <c r="G73916" i="1"/>
  <c r="G73917" i="1"/>
  <c r="G73918" i="1"/>
  <c r="G73919" i="1"/>
  <c r="G73920" i="1"/>
  <c r="G73921" i="1"/>
  <c r="G73922" i="1"/>
  <c r="G73923" i="1"/>
  <c r="G73924" i="1"/>
  <c r="G73925" i="1"/>
  <c r="G73926" i="1"/>
  <c r="G73927" i="1"/>
  <c r="G73928" i="1"/>
  <c r="G73929" i="1"/>
  <c r="G73930" i="1"/>
  <c r="G73931" i="1"/>
  <c r="G73932" i="1"/>
  <c r="G73933" i="1"/>
  <c r="G73934" i="1"/>
  <c r="G73935" i="1"/>
  <c r="G73936" i="1"/>
  <c r="G73937" i="1"/>
  <c r="G73938" i="1"/>
  <c r="G73939" i="1"/>
  <c r="G73940" i="1"/>
  <c r="G73941" i="1"/>
  <c r="G73942" i="1"/>
  <c r="G73943" i="1"/>
  <c r="G73944" i="1"/>
  <c r="G73945" i="1"/>
  <c r="G73946" i="1"/>
  <c r="G73947" i="1"/>
  <c r="G73948" i="1"/>
  <c r="G73949" i="1"/>
  <c r="G73950" i="1"/>
  <c r="G73951" i="1"/>
  <c r="G73952" i="1"/>
  <c r="G73953" i="1"/>
  <c r="G73954" i="1"/>
  <c r="G73955" i="1"/>
  <c r="G73956" i="1"/>
  <c r="G73957" i="1"/>
  <c r="G73958" i="1"/>
  <c r="G73959" i="1"/>
  <c r="G73960" i="1"/>
  <c r="G73961" i="1"/>
  <c r="G73962" i="1"/>
  <c r="G73963" i="1"/>
  <c r="G73964" i="1"/>
  <c r="G73965" i="1"/>
  <c r="G73966" i="1"/>
  <c r="G73967" i="1"/>
  <c r="G73968" i="1"/>
  <c r="G73969" i="1"/>
  <c r="G73970" i="1"/>
  <c r="G73971" i="1"/>
  <c r="G73972" i="1"/>
  <c r="G73973" i="1"/>
  <c r="G73974" i="1"/>
  <c r="G73975" i="1"/>
  <c r="G73976" i="1"/>
  <c r="G73977" i="1"/>
  <c r="G73978" i="1"/>
  <c r="G73979" i="1"/>
  <c r="G73980" i="1"/>
  <c r="G73981" i="1"/>
  <c r="G73982" i="1"/>
  <c r="G73983" i="1"/>
  <c r="G73984" i="1"/>
  <c r="G73985" i="1"/>
  <c r="G73986" i="1"/>
  <c r="G73987" i="1"/>
  <c r="G73988" i="1"/>
  <c r="G73989" i="1"/>
  <c r="G73990" i="1"/>
  <c r="G73991" i="1"/>
  <c r="G73992" i="1"/>
  <c r="G73993" i="1"/>
  <c r="G73994" i="1"/>
  <c r="G73995" i="1"/>
  <c r="G73996" i="1"/>
  <c r="G73997" i="1"/>
  <c r="G73998" i="1"/>
  <c r="G73999" i="1"/>
  <c r="G74000" i="1"/>
  <c r="G74001" i="1"/>
  <c r="G74002" i="1"/>
  <c r="G74003" i="1"/>
  <c r="G74004" i="1"/>
  <c r="G74005" i="1"/>
  <c r="G74006" i="1"/>
  <c r="G74007" i="1"/>
  <c r="G74008" i="1"/>
  <c r="G74009" i="1"/>
  <c r="G74010" i="1"/>
  <c r="G74011" i="1"/>
  <c r="G74012" i="1"/>
  <c r="G74013" i="1"/>
  <c r="G74014" i="1"/>
  <c r="G74015" i="1"/>
  <c r="G74016" i="1"/>
  <c r="G74017" i="1"/>
  <c r="G74018" i="1"/>
  <c r="G74019" i="1"/>
  <c r="G74020" i="1"/>
  <c r="G74021" i="1"/>
  <c r="G74022" i="1"/>
  <c r="G74023" i="1"/>
  <c r="G74024" i="1"/>
  <c r="G74025" i="1"/>
  <c r="G74026" i="1"/>
  <c r="G74027" i="1"/>
  <c r="G74028" i="1"/>
  <c r="G74029" i="1"/>
  <c r="G74030" i="1"/>
  <c r="G74031" i="1"/>
  <c r="G74032" i="1"/>
  <c r="G74033" i="1"/>
  <c r="G74034" i="1"/>
  <c r="G74035" i="1"/>
  <c r="G74036" i="1"/>
  <c r="G74037" i="1"/>
  <c r="G74038" i="1"/>
  <c r="G74039" i="1"/>
  <c r="G74040" i="1"/>
  <c r="G74041" i="1"/>
  <c r="G74042" i="1"/>
  <c r="G74043" i="1"/>
  <c r="G74044" i="1"/>
  <c r="G74045" i="1"/>
  <c r="G74046" i="1"/>
  <c r="G74047" i="1"/>
  <c r="G74048" i="1"/>
  <c r="G74049" i="1"/>
  <c r="G74050" i="1"/>
  <c r="G74051" i="1"/>
  <c r="G74052" i="1"/>
  <c r="G74053" i="1"/>
  <c r="G74054" i="1"/>
  <c r="G74055" i="1"/>
  <c r="G74056" i="1"/>
  <c r="G74057" i="1"/>
  <c r="G74058" i="1"/>
  <c r="G74059" i="1"/>
  <c r="G74060" i="1"/>
  <c r="G74061" i="1"/>
  <c r="G74062" i="1"/>
  <c r="G74063" i="1"/>
  <c r="G74064" i="1"/>
  <c r="G74065" i="1"/>
  <c r="G74066" i="1"/>
  <c r="G74067" i="1"/>
  <c r="G74068" i="1"/>
  <c r="G74069" i="1"/>
  <c r="G74070" i="1"/>
  <c r="G74071" i="1"/>
  <c r="G74072" i="1"/>
  <c r="G74073" i="1"/>
  <c r="G74074" i="1"/>
  <c r="G74075" i="1"/>
  <c r="G74076" i="1"/>
  <c r="G74077" i="1"/>
  <c r="G74078" i="1"/>
  <c r="G74079" i="1"/>
  <c r="G74080" i="1"/>
  <c r="G74081" i="1"/>
  <c r="G74082" i="1"/>
  <c r="G74083" i="1"/>
  <c r="G74084" i="1"/>
  <c r="G74085" i="1"/>
  <c r="G74086" i="1"/>
  <c r="G74087" i="1"/>
  <c r="G74088" i="1"/>
  <c r="G74089" i="1"/>
  <c r="G74090" i="1"/>
  <c r="G74091" i="1"/>
  <c r="G74092" i="1"/>
  <c r="G74093" i="1"/>
  <c r="G74094" i="1"/>
  <c r="G74095" i="1"/>
  <c r="G74096" i="1"/>
  <c r="G74097" i="1"/>
  <c r="G74098" i="1"/>
  <c r="G74099" i="1"/>
  <c r="G74100" i="1"/>
  <c r="G74101" i="1"/>
  <c r="G74102" i="1"/>
  <c r="G74103" i="1"/>
  <c r="G74104" i="1"/>
  <c r="G74105" i="1"/>
  <c r="G74106" i="1"/>
  <c r="G74107" i="1"/>
  <c r="G74108" i="1"/>
  <c r="G74109" i="1"/>
  <c r="G74110" i="1"/>
  <c r="G74111" i="1"/>
  <c r="G74112" i="1"/>
  <c r="G74113" i="1"/>
  <c r="G74114" i="1"/>
  <c r="G74115" i="1"/>
  <c r="G74116" i="1"/>
  <c r="G74117" i="1"/>
  <c r="G74118" i="1"/>
  <c r="G74119" i="1"/>
  <c r="G74120" i="1"/>
  <c r="G74121" i="1"/>
  <c r="G74122" i="1"/>
  <c r="G74123" i="1"/>
  <c r="G74124" i="1"/>
  <c r="G74125" i="1"/>
  <c r="G74126" i="1"/>
  <c r="G74127" i="1"/>
  <c r="G74128" i="1"/>
  <c r="G74129" i="1"/>
  <c r="G74130" i="1"/>
  <c r="G74131" i="1"/>
  <c r="G74132" i="1"/>
  <c r="G74133" i="1"/>
  <c r="G74134" i="1"/>
  <c r="G74135" i="1"/>
  <c r="G74136" i="1"/>
  <c r="G74137" i="1"/>
  <c r="G74138" i="1"/>
  <c r="G74139" i="1"/>
  <c r="G74140" i="1"/>
  <c r="G74141" i="1"/>
  <c r="G74142" i="1"/>
  <c r="G74143" i="1"/>
  <c r="G74144" i="1"/>
  <c r="G74145" i="1"/>
  <c r="G74146" i="1"/>
  <c r="G74147" i="1"/>
  <c r="G74148" i="1"/>
  <c r="G74149" i="1"/>
  <c r="G74150" i="1"/>
  <c r="G74151" i="1"/>
  <c r="G74152" i="1"/>
  <c r="G74153" i="1"/>
  <c r="G74154" i="1"/>
  <c r="G74155" i="1"/>
  <c r="G74156" i="1"/>
  <c r="G74157" i="1"/>
  <c r="G74158" i="1"/>
  <c r="G74159" i="1"/>
  <c r="G74160" i="1"/>
  <c r="G74161" i="1"/>
  <c r="G74162" i="1"/>
  <c r="G74163" i="1"/>
  <c r="G74164" i="1"/>
  <c r="G74165" i="1"/>
  <c r="G74166" i="1"/>
  <c r="G74167" i="1"/>
  <c r="G74168" i="1"/>
  <c r="G74169" i="1"/>
  <c r="G74170" i="1"/>
  <c r="G74171" i="1"/>
  <c r="G74172" i="1"/>
  <c r="G74173" i="1"/>
  <c r="G74174" i="1"/>
  <c r="G74175" i="1"/>
  <c r="G74176" i="1"/>
  <c r="G74177" i="1"/>
  <c r="G74178" i="1"/>
  <c r="G74179" i="1"/>
  <c r="G74180" i="1"/>
  <c r="G74181" i="1"/>
  <c r="G74182" i="1"/>
  <c r="G74183" i="1"/>
  <c r="G74184" i="1"/>
  <c r="G74185" i="1"/>
  <c r="G74186" i="1"/>
  <c r="G74187" i="1"/>
  <c r="G74188" i="1"/>
  <c r="G74189" i="1"/>
  <c r="G74190" i="1"/>
  <c r="G74191" i="1"/>
  <c r="G74192" i="1"/>
  <c r="G74193" i="1"/>
  <c r="G74194" i="1"/>
  <c r="G74195" i="1"/>
  <c r="G74196" i="1"/>
  <c r="G74197" i="1"/>
  <c r="G74198" i="1"/>
  <c r="G74199" i="1"/>
  <c r="G74200" i="1"/>
  <c r="G74201" i="1"/>
  <c r="G74202" i="1"/>
  <c r="G74203" i="1"/>
  <c r="G74204" i="1"/>
  <c r="G74205" i="1"/>
  <c r="G74206" i="1"/>
  <c r="G74207" i="1"/>
  <c r="G74208" i="1"/>
  <c r="G74209" i="1"/>
  <c r="G74210" i="1"/>
  <c r="G74211" i="1"/>
  <c r="G74212" i="1"/>
  <c r="G74213" i="1"/>
  <c r="G74214" i="1"/>
  <c r="G74215" i="1"/>
  <c r="G74216" i="1"/>
  <c r="G74217" i="1"/>
  <c r="G74218" i="1"/>
  <c r="G74219" i="1"/>
  <c r="G74220" i="1"/>
  <c r="G74221" i="1"/>
  <c r="G74222" i="1"/>
  <c r="G74223" i="1"/>
  <c r="G74224" i="1"/>
  <c r="G74225" i="1"/>
  <c r="G74226" i="1"/>
  <c r="G74227" i="1"/>
  <c r="G74228" i="1"/>
  <c r="G74229" i="1"/>
  <c r="G74230" i="1"/>
  <c r="G74231" i="1"/>
  <c r="G74232" i="1"/>
  <c r="G74233" i="1"/>
  <c r="G74234" i="1"/>
  <c r="G74235" i="1"/>
  <c r="G74236" i="1"/>
  <c r="G74237" i="1"/>
  <c r="G74238" i="1"/>
  <c r="G74239" i="1"/>
  <c r="G74240" i="1"/>
  <c r="G74241" i="1"/>
  <c r="G74242" i="1"/>
  <c r="G74243" i="1"/>
  <c r="G74244" i="1"/>
  <c r="G74245" i="1"/>
  <c r="G74246" i="1"/>
  <c r="G74247" i="1"/>
  <c r="G74248" i="1"/>
  <c r="G74249" i="1"/>
  <c r="G74250" i="1"/>
  <c r="G74251" i="1"/>
  <c r="G74252" i="1"/>
  <c r="G74253" i="1"/>
  <c r="G74254" i="1"/>
  <c r="G74255" i="1"/>
  <c r="G74256" i="1"/>
  <c r="G74257" i="1"/>
  <c r="G74258" i="1"/>
  <c r="G74259" i="1"/>
  <c r="G74260" i="1"/>
  <c r="G74261" i="1"/>
  <c r="G74262" i="1"/>
  <c r="G74263" i="1"/>
  <c r="G74264" i="1"/>
  <c r="G74265" i="1"/>
  <c r="G74266" i="1"/>
  <c r="G74267" i="1"/>
  <c r="G74268" i="1"/>
  <c r="G74269" i="1"/>
  <c r="G74270" i="1"/>
  <c r="G74271" i="1"/>
  <c r="G74272" i="1"/>
  <c r="G74273" i="1"/>
  <c r="G74274" i="1"/>
  <c r="G74275" i="1"/>
  <c r="G74276" i="1"/>
  <c r="G74277" i="1"/>
  <c r="G74278" i="1"/>
  <c r="G74279" i="1"/>
  <c r="G74280" i="1"/>
  <c r="G74281" i="1"/>
  <c r="G74282" i="1"/>
  <c r="G74283" i="1"/>
  <c r="G74284" i="1"/>
  <c r="G74285" i="1"/>
  <c r="G74286" i="1"/>
  <c r="G74287" i="1"/>
  <c r="G74288" i="1"/>
  <c r="G74289" i="1"/>
  <c r="G74290" i="1"/>
  <c r="G74291" i="1"/>
  <c r="G74292" i="1"/>
  <c r="G74293" i="1"/>
  <c r="G74294" i="1"/>
  <c r="G74295" i="1"/>
  <c r="G74296" i="1"/>
  <c r="G74297" i="1"/>
  <c r="G74298" i="1"/>
  <c r="G74299" i="1"/>
  <c r="G74300" i="1"/>
  <c r="G74301" i="1"/>
  <c r="G74302" i="1"/>
  <c r="G74303" i="1"/>
  <c r="G74304" i="1"/>
  <c r="G74305" i="1"/>
  <c r="G74306" i="1"/>
  <c r="G74307" i="1"/>
  <c r="G74308" i="1"/>
  <c r="G74309" i="1"/>
  <c r="G74310" i="1"/>
  <c r="G74311" i="1"/>
  <c r="G74312" i="1"/>
  <c r="G74313" i="1"/>
  <c r="G74314" i="1"/>
  <c r="G74315" i="1"/>
  <c r="G74316" i="1"/>
  <c r="G74317" i="1"/>
  <c r="G74318" i="1"/>
  <c r="G74319" i="1"/>
  <c r="G74320" i="1"/>
  <c r="G74321" i="1"/>
  <c r="G74322" i="1"/>
  <c r="G74323" i="1"/>
  <c r="G74324" i="1"/>
  <c r="G74325" i="1"/>
  <c r="G74326" i="1"/>
  <c r="G74327" i="1"/>
  <c r="G74328" i="1"/>
  <c r="G74329" i="1"/>
  <c r="G74330" i="1"/>
  <c r="G74331" i="1"/>
  <c r="G74332" i="1"/>
  <c r="G74333" i="1"/>
  <c r="G74334" i="1"/>
  <c r="G74335" i="1"/>
  <c r="G74336" i="1"/>
  <c r="G74337" i="1"/>
  <c r="G74338" i="1"/>
  <c r="G74339" i="1"/>
  <c r="G74340" i="1"/>
  <c r="G74341" i="1"/>
  <c r="G74342" i="1"/>
  <c r="G74343" i="1"/>
  <c r="G74344" i="1"/>
  <c r="G74345" i="1"/>
  <c r="G74346" i="1"/>
  <c r="G74347" i="1"/>
  <c r="G74348" i="1"/>
  <c r="G74349" i="1"/>
  <c r="G74350" i="1"/>
  <c r="G74351" i="1"/>
  <c r="G74352" i="1"/>
  <c r="G74353" i="1"/>
  <c r="G74354" i="1"/>
  <c r="G74355" i="1"/>
  <c r="G74356" i="1"/>
  <c r="G74357" i="1"/>
  <c r="G74358" i="1"/>
  <c r="G74359" i="1"/>
  <c r="G74360" i="1"/>
  <c r="G74361" i="1"/>
  <c r="G74362" i="1"/>
  <c r="G74363" i="1"/>
  <c r="G74364" i="1"/>
  <c r="G74365" i="1"/>
  <c r="G74366" i="1"/>
  <c r="G74367" i="1"/>
  <c r="G74368" i="1"/>
  <c r="G74369" i="1"/>
  <c r="G74370" i="1"/>
  <c r="G74371" i="1"/>
  <c r="G74372" i="1"/>
  <c r="G74373" i="1"/>
  <c r="G74374" i="1"/>
  <c r="G74375" i="1"/>
  <c r="G74376" i="1"/>
  <c r="G74377" i="1"/>
  <c r="G74378" i="1"/>
  <c r="G74379" i="1"/>
  <c r="G74380" i="1"/>
  <c r="G74381" i="1"/>
  <c r="G74382" i="1"/>
  <c r="G74383" i="1"/>
  <c r="G74384" i="1"/>
  <c r="G74385" i="1"/>
  <c r="G74386" i="1"/>
  <c r="G74387" i="1"/>
  <c r="G74388" i="1"/>
  <c r="G74389" i="1"/>
  <c r="G74390" i="1"/>
  <c r="G74391" i="1"/>
  <c r="G74392" i="1"/>
  <c r="G74393" i="1"/>
  <c r="G74394" i="1"/>
  <c r="G74395" i="1"/>
  <c r="G74396" i="1"/>
  <c r="G74397" i="1"/>
  <c r="G74398" i="1"/>
  <c r="G74399" i="1"/>
  <c r="G74400" i="1"/>
  <c r="G74401" i="1"/>
  <c r="G74402" i="1"/>
  <c r="G74403" i="1"/>
  <c r="G74404" i="1"/>
  <c r="G74405" i="1"/>
  <c r="G74406" i="1"/>
  <c r="G74407" i="1"/>
  <c r="G74408" i="1"/>
  <c r="G74409" i="1"/>
  <c r="G74410" i="1"/>
  <c r="G74411" i="1"/>
  <c r="G74412" i="1"/>
  <c r="G74413" i="1"/>
  <c r="G74414" i="1"/>
  <c r="G74415" i="1"/>
  <c r="G74416" i="1"/>
  <c r="G74417" i="1"/>
  <c r="G74418" i="1"/>
  <c r="G74419" i="1"/>
  <c r="G74420" i="1"/>
  <c r="G74421" i="1"/>
  <c r="G74422" i="1"/>
  <c r="G74423" i="1"/>
  <c r="G74424" i="1"/>
  <c r="G74425" i="1"/>
  <c r="G74426" i="1"/>
  <c r="G74427" i="1"/>
  <c r="G74428" i="1"/>
  <c r="G74429" i="1"/>
  <c r="G74430" i="1"/>
  <c r="G74431" i="1"/>
  <c r="G74432" i="1"/>
  <c r="G74433" i="1"/>
  <c r="G74434" i="1"/>
  <c r="G74435" i="1"/>
  <c r="G74436" i="1"/>
  <c r="G74437" i="1"/>
  <c r="G74438" i="1"/>
  <c r="G74439" i="1"/>
  <c r="G74440" i="1"/>
  <c r="G74441" i="1"/>
  <c r="G74442" i="1"/>
  <c r="G74443" i="1"/>
  <c r="G74444" i="1"/>
  <c r="G74445" i="1"/>
  <c r="G74446" i="1"/>
  <c r="G74447" i="1"/>
  <c r="G74448" i="1"/>
  <c r="G74449" i="1"/>
  <c r="G74450" i="1"/>
  <c r="G74451" i="1"/>
  <c r="G74452" i="1"/>
  <c r="G74453" i="1"/>
  <c r="G74454" i="1"/>
  <c r="G74455" i="1"/>
  <c r="G74456" i="1"/>
  <c r="G74457" i="1"/>
  <c r="G74458" i="1"/>
  <c r="G74459" i="1"/>
  <c r="G74460" i="1"/>
  <c r="G74461" i="1"/>
  <c r="G74462" i="1"/>
  <c r="G74463" i="1"/>
  <c r="G74464" i="1"/>
  <c r="G74465" i="1"/>
  <c r="G74466" i="1"/>
  <c r="G74467" i="1"/>
  <c r="G74468" i="1"/>
  <c r="G74469" i="1"/>
  <c r="G74470" i="1"/>
  <c r="G74471" i="1"/>
  <c r="G74472" i="1"/>
  <c r="G74473" i="1"/>
  <c r="G74474" i="1"/>
  <c r="G74475" i="1"/>
  <c r="G74476" i="1"/>
  <c r="G74477" i="1"/>
  <c r="G74478" i="1"/>
  <c r="G74479" i="1"/>
  <c r="G74480" i="1"/>
  <c r="G74481" i="1"/>
  <c r="G74482" i="1"/>
  <c r="G74483" i="1"/>
  <c r="G74484" i="1"/>
  <c r="G74485" i="1"/>
  <c r="G74486" i="1"/>
  <c r="G74487" i="1"/>
  <c r="G74488" i="1"/>
  <c r="G74489" i="1"/>
  <c r="G74490" i="1"/>
  <c r="G74491" i="1"/>
  <c r="G74492" i="1"/>
  <c r="G74493" i="1"/>
  <c r="G74494" i="1"/>
  <c r="G74495" i="1"/>
  <c r="G74496" i="1"/>
  <c r="G74497" i="1"/>
  <c r="G74498" i="1"/>
  <c r="G74499" i="1"/>
  <c r="G74500" i="1"/>
  <c r="G74501" i="1"/>
  <c r="G74502" i="1"/>
  <c r="G74503" i="1"/>
  <c r="G74504" i="1"/>
  <c r="G74505" i="1"/>
  <c r="G74506" i="1"/>
  <c r="G74507" i="1"/>
  <c r="G74508" i="1"/>
  <c r="G74509" i="1"/>
  <c r="G74510" i="1"/>
  <c r="G74511" i="1"/>
  <c r="G74512" i="1"/>
  <c r="G74513" i="1"/>
  <c r="G74514" i="1"/>
  <c r="G74515" i="1"/>
  <c r="G74516" i="1"/>
  <c r="G74517" i="1"/>
  <c r="G74518" i="1"/>
  <c r="G74519" i="1"/>
  <c r="G74520" i="1"/>
  <c r="G74521" i="1"/>
  <c r="G74522" i="1"/>
  <c r="G74523" i="1"/>
  <c r="G74524" i="1"/>
  <c r="G74525" i="1"/>
  <c r="G74526" i="1"/>
  <c r="G74527" i="1"/>
  <c r="G74528" i="1"/>
  <c r="G74529" i="1"/>
  <c r="G74530" i="1"/>
  <c r="G74531" i="1"/>
  <c r="G74532" i="1"/>
  <c r="G74533" i="1"/>
  <c r="G74534" i="1"/>
  <c r="G74535" i="1"/>
  <c r="G74536" i="1"/>
  <c r="G74537" i="1"/>
  <c r="G74538" i="1"/>
  <c r="G74539" i="1"/>
  <c r="G74540" i="1"/>
  <c r="G74541" i="1"/>
  <c r="G74542" i="1"/>
  <c r="G74543" i="1"/>
  <c r="G74544" i="1"/>
  <c r="G74545" i="1"/>
  <c r="G74546" i="1"/>
  <c r="G74547" i="1"/>
  <c r="G74548" i="1"/>
  <c r="G74549" i="1"/>
  <c r="G74550" i="1"/>
  <c r="G74551" i="1"/>
  <c r="G74552" i="1"/>
  <c r="G74553" i="1"/>
  <c r="G74554" i="1"/>
  <c r="G74555" i="1"/>
  <c r="G74556" i="1"/>
  <c r="G74557" i="1"/>
  <c r="G74558" i="1"/>
  <c r="G74559" i="1"/>
  <c r="G74560" i="1"/>
  <c r="G74561" i="1"/>
  <c r="G74562" i="1"/>
  <c r="G74563" i="1"/>
  <c r="G74564" i="1"/>
  <c r="G74565" i="1"/>
  <c r="G74566" i="1"/>
  <c r="G74567" i="1"/>
  <c r="G74568" i="1"/>
  <c r="G74569" i="1"/>
  <c r="G74570" i="1"/>
  <c r="G74571" i="1"/>
  <c r="G74572" i="1"/>
  <c r="G74573" i="1"/>
  <c r="G74574" i="1"/>
  <c r="G74575" i="1"/>
  <c r="G74576" i="1"/>
  <c r="G74577" i="1"/>
  <c r="G74578" i="1"/>
  <c r="G74579" i="1"/>
  <c r="G74580" i="1"/>
  <c r="G74581" i="1"/>
  <c r="G74582" i="1"/>
  <c r="G74583" i="1"/>
  <c r="G74584" i="1"/>
  <c r="G74585" i="1"/>
  <c r="G74586" i="1"/>
  <c r="G74587" i="1"/>
  <c r="G74588" i="1"/>
  <c r="G74589" i="1"/>
  <c r="G74590" i="1"/>
  <c r="G74591" i="1"/>
  <c r="G74592" i="1"/>
  <c r="G74593" i="1"/>
  <c r="G74594" i="1"/>
  <c r="G74595" i="1"/>
  <c r="G74596" i="1"/>
  <c r="G74597" i="1"/>
  <c r="G74598" i="1"/>
  <c r="G74599" i="1"/>
  <c r="G74600" i="1"/>
  <c r="G74601" i="1"/>
  <c r="G74602" i="1"/>
  <c r="G74603" i="1"/>
  <c r="G74604" i="1"/>
  <c r="G74605" i="1"/>
  <c r="G74606" i="1"/>
  <c r="G74607" i="1"/>
  <c r="G74608" i="1"/>
  <c r="G74609" i="1"/>
  <c r="G74610" i="1"/>
  <c r="G74611" i="1"/>
  <c r="G74612" i="1"/>
  <c r="G74613" i="1"/>
  <c r="G74614" i="1"/>
  <c r="G74615" i="1"/>
  <c r="G74616" i="1"/>
  <c r="G74617" i="1"/>
  <c r="G74618" i="1"/>
  <c r="G74619" i="1"/>
  <c r="G74620" i="1"/>
  <c r="G74621" i="1"/>
  <c r="G74622" i="1"/>
  <c r="G74623" i="1"/>
  <c r="G74624" i="1"/>
  <c r="G74625" i="1"/>
  <c r="G74626" i="1"/>
  <c r="G74627" i="1"/>
  <c r="G74628" i="1"/>
  <c r="G74629" i="1"/>
  <c r="G74630" i="1"/>
  <c r="G74631" i="1"/>
  <c r="G74632" i="1"/>
  <c r="G74633" i="1"/>
  <c r="G74634" i="1"/>
  <c r="G74635" i="1"/>
  <c r="G74636" i="1"/>
  <c r="G74637" i="1"/>
  <c r="G74638" i="1"/>
  <c r="G74639" i="1"/>
  <c r="G74640" i="1"/>
  <c r="G74641" i="1"/>
  <c r="G74642" i="1"/>
  <c r="G74643" i="1"/>
  <c r="G74644" i="1"/>
  <c r="G74645" i="1"/>
  <c r="G74646" i="1"/>
  <c r="G74647" i="1"/>
  <c r="G74648" i="1"/>
  <c r="G74649" i="1"/>
  <c r="G74650" i="1"/>
  <c r="G74651" i="1"/>
  <c r="G74652" i="1"/>
  <c r="G74653" i="1"/>
  <c r="G74654" i="1"/>
  <c r="G74655" i="1"/>
  <c r="G74656" i="1"/>
  <c r="G74657" i="1"/>
  <c r="G74658" i="1"/>
  <c r="G74659" i="1"/>
  <c r="G74660" i="1"/>
  <c r="G74661" i="1"/>
  <c r="G74662" i="1"/>
  <c r="G74663" i="1"/>
  <c r="G74664" i="1"/>
  <c r="G74665" i="1"/>
  <c r="G74666" i="1"/>
  <c r="G74667" i="1"/>
  <c r="G74668" i="1"/>
  <c r="G74669" i="1"/>
  <c r="G74670" i="1"/>
  <c r="G74671" i="1"/>
  <c r="G74672" i="1"/>
  <c r="G74673" i="1"/>
  <c r="G74674" i="1"/>
  <c r="G74675" i="1"/>
  <c r="G74676" i="1"/>
  <c r="G74677" i="1"/>
  <c r="G74678" i="1"/>
  <c r="G74679" i="1"/>
  <c r="G74680" i="1"/>
  <c r="G74681" i="1"/>
  <c r="G74682" i="1"/>
  <c r="G74683" i="1"/>
  <c r="G74684" i="1"/>
  <c r="G74685" i="1"/>
  <c r="G74686" i="1"/>
  <c r="G74687" i="1"/>
  <c r="G74688" i="1"/>
  <c r="G74689" i="1"/>
  <c r="G74690" i="1"/>
  <c r="G74691" i="1"/>
  <c r="G74692" i="1"/>
  <c r="G74693" i="1"/>
  <c r="G74694" i="1"/>
  <c r="G74695" i="1"/>
  <c r="G74696" i="1"/>
  <c r="G74697" i="1"/>
  <c r="G74698" i="1"/>
  <c r="G74699" i="1"/>
  <c r="G74700" i="1"/>
  <c r="G74701" i="1"/>
  <c r="G74702" i="1"/>
  <c r="G74703" i="1"/>
  <c r="G74704" i="1"/>
  <c r="G74705" i="1"/>
  <c r="G74706" i="1"/>
  <c r="G74707" i="1"/>
  <c r="G74708" i="1"/>
  <c r="G74709" i="1"/>
  <c r="G74710" i="1"/>
  <c r="G74711" i="1"/>
  <c r="G74712" i="1"/>
  <c r="G74713" i="1"/>
  <c r="G74714" i="1"/>
  <c r="G74715" i="1"/>
  <c r="G74716" i="1"/>
  <c r="G74717" i="1"/>
  <c r="G74718" i="1"/>
  <c r="G74719" i="1"/>
  <c r="G74720" i="1"/>
  <c r="G74721" i="1"/>
  <c r="G74722" i="1"/>
  <c r="G74723" i="1"/>
  <c r="G74724" i="1"/>
  <c r="G74725" i="1"/>
  <c r="G74726" i="1"/>
  <c r="G74727" i="1"/>
  <c r="G74728" i="1"/>
  <c r="G74729" i="1"/>
  <c r="G74730" i="1"/>
  <c r="G74731" i="1"/>
  <c r="G74732" i="1"/>
  <c r="G74733" i="1"/>
  <c r="G74734" i="1"/>
  <c r="G74735" i="1"/>
  <c r="G74736" i="1"/>
  <c r="G74737" i="1"/>
  <c r="G74738" i="1"/>
  <c r="G74739" i="1"/>
  <c r="G74740" i="1"/>
  <c r="G74741" i="1"/>
  <c r="G74742" i="1"/>
  <c r="G74743" i="1"/>
  <c r="G74744" i="1"/>
  <c r="G74745" i="1"/>
  <c r="G74746" i="1"/>
  <c r="G74747" i="1"/>
  <c r="G74748" i="1"/>
  <c r="G74749" i="1"/>
  <c r="G74750" i="1"/>
  <c r="G74751" i="1"/>
  <c r="G74752" i="1"/>
  <c r="G74753" i="1"/>
  <c r="G74754" i="1"/>
  <c r="G74755" i="1"/>
  <c r="G74756" i="1"/>
  <c r="G74757" i="1"/>
  <c r="G74758" i="1"/>
  <c r="G74759" i="1"/>
  <c r="G74760" i="1"/>
  <c r="G74761" i="1"/>
  <c r="G74762" i="1"/>
  <c r="G74763" i="1"/>
  <c r="G74764" i="1"/>
  <c r="G74765" i="1"/>
  <c r="G74766" i="1"/>
  <c r="G74767" i="1"/>
  <c r="G74768" i="1"/>
  <c r="G74769" i="1"/>
  <c r="G74770" i="1"/>
  <c r="G74771" i="1"/>
  <c r="G74772" i="1"/>
  <c r="G74773" i="1"/>
  <c r="G74774" i="1"/>
  <c r="G74775" i="1"/>
  <c r="G74776" i="1"/>
  <c r="G74777" i="1"/>
  <c r="G74778" i="1"/>
  <c r="G74779" i="1"/>
  <c r="G74780" i="1"/>
  <c r="G74781" i="1"/>
  <c r="G74782" i="1"/>
  <c r="G74783" i="1"/>
  <c r="G74784" i="1"/>
  <c r="G74785" i="1"/>
  <c r="G74786" i="1"/>
  <c r="G74787" i="1"/>
  <c r="G74788" i="1"/>
  <c r="G74789" i="1"/>
  <c r="G74790" i="1"/>
  <c r="G74791" i="1"/>
  <c r="G74792" i="1"/>
  <c r="G74793" i="1"/>
  <c r="G74794" i="1"/>
  <c r="G74795" i="1"/>
  <c r="G74796" i="1"/>
  <c r="G74797" i="1"/>
  <c r="G74798" i="1"/>
  <c r="G74799" i="1"/>
  <c r="G74800" i="1"/>
  <c r="G74801" i="1"/>
  <c r="G74802" i="1"/>
  <c r="G74803" i="1"/>
  <c r="G74804" i="1"/>
  <c r="G74805" i="1"/>
  <c r="G74806" i="1"/>
  <c r="G74807" i="1"/>
  <c r="G74808" i="1"/>
  <c r="G74809" i="1"/>
  <c r="G74810" i="1"/>
  <c r="G74811" i="1"/>
  <c r="G74812" i="1"/>
  <c r="G74813" i="1"/>
  <c r="G74814" i="1"/>
  <c r="G74815" i="1"/>
  <c r="G74816" i="1"/>
  <c r="G74817" i="1"/>
  <c r="G74818" i="1"/>
  <c r="G74819" i="1"/>
  <c r="G74820" i="1"/>
  <c r="G74821" i="1"/>
  <c r="G74822" i="1"/>
  <c r="G74823" i="1"/>
  <c r="G74824" i="1"/>
  <c r="G74825" i="1"/>
  <c r="G74826" i="1"/>
  <c r="G74827" i="1"/>
  <c r="G74828" i="1"/>
  <c r="G74829" i="1"/>
  <c r="G74830" i="1"/>
  <c r="G74831" i="1"/>
  <c r="G74832" i="1"/>
  <c r="G74833" i="1"/>
  <c r="G74834" i="1"/>
  <c r="G74835" i="1"/>
  <c r="G74836" i="1"/>
  <c r="G74837" i="1"/>
  <c r="G74838" i="1"/>
  <c r="G74839" i="1"/>
  <c r="G74840" i="1"/>
  <c r="G74841" i="1"/>
  <c r="G74842" i="1"/>
  <c r="G74843" i="1"/>
  <c r="G74844" i="1"/>
  <c r="G74845" i="1"/>
  <c r="G74846" i="1"/>
  <c r="G74847" i="1"/>
  <c r="G74848" i="1"/>
  <c r="G74849" i="1"/>
  <c r="G74850" i="1"/>
  <c r="G74851" i="1"/>
  <c r="G74852" i="1"/>
  <c r="G74853" i="1"/>
  <c r="G74854" i="1"/>
  <c r="G74855" i="1"/>
  <c r="G74856" i="1"/>
  <c r="G74857" i="1"/>
  <c r="G74858" i="1"/>
  <c r="G74859" i="1"/>
  <c r="G74860" i="1"/>
  <c r="G74861" i="1"/>
  <c r="G74862" i="1"/>
  <c r="G74863" i="1"/>
  <c r="G74864" i="1"/>
  <c r="G74865" i="1"/>
  <c r="G74866" i="1"/>
  <c r="G74867" i="1"/>
  <c r="G74868" i="1"/>
  <c r="G74869" i="1"/>
  <c r="G74870" i="1"/>
  <c r="G74871" i="1"/>
  <c r="G74872" i="1"/>
  <c r="G74873" i="1"/>
  <c r="G74874" i="1"/>
  <c r="G74875" i="1"/>
  <c r="G74876" i="1"/>
  <c r="G74877" i="1"/>
  <c r="G74878" i="1"/>
  <c r="G74879" i="1"/>
  <c r="G74880" i="1"/>
  <c r="G74881" i="1"/>
  <c r="G74882" i="1"/>
  <c r="G74883" i="1"/>
  <c r="G74884" i="1"/>
  <c r="G74885" i="1"/>
  <c r="G74886" i="1"/>
  <c r="G74887" i="1"/>
  <c r="G74888" i="1"/>
  <c r="G74889" i="1"/>
  <c r="G74890" i="1"/>
  <c r="G74891" i="1"/>
  <c r="G74892" i="1"/>
  <c r="G74893" i="1"/>
  <c r="G74894" i="1"/>
  <c r="G74895" i="1"/>
  <c r="G74896" i="1"/>
  <c r="G74897" i="1"/>
  <c r="G74898" i="1"/>
  <c r="G74899" i="1"/>
  <c r="G74900" i="1"/>
  <c r="G74901" i="1"/>
  <c r="G74902" i="1"/>
  <c r="G74903" i="1"/>
  <c r="G74904" i="1"/>
  <c r="G74905" i="1"/>
  <c r="G74906" i="1"/>
  <c r="G74907" i="1"/>
  <c r="G74908" i="1"/>
  <c r="G74909" i="1"/>
  <c r="G74910" i="1"/>
  <c r="G74911" i="1"/>
  <c r="G74912" i="1"/>
  <c r="G74913" i="1"/>
  <c r="G74914" i="1"/>
  <c r="G74915" i="1"/>
  <c r="G74916" i="1"/>
  <c r="G74917" i="1"/>
  <c r="G74918" i="1"/>
  <c r="G74919" i="1"/>
  <c r="G74920" i="1"/>
  <c r="G74921" i="1"/>
  <c r="G74922" i="1"/>
  <c r="G74923" i="1"/>
  <c r="G74924" i="1"/>
  <c r="G74925" i="1"/>
  <c r="G74926" i="1"/>
  <c r="G74927" i="1"/>
  <c r="G74928" i="1"/>
  <c r="G74929" i="1"/>
  <c r="G74930" i="1"/>
  <c r="G74931" i="1"/>
  <c r="G74932" i="1"/>
  <c r="G74933" i="1"/>
  <c r="G74934" i="1"/>
  <c r="G74935" i="1"/>
  <c r="G74936" i="1"/>
  <c r="G74937" i="1"/>
  <c r="G74938" i="1"/>
  <c r="G74939" i="1"/>
  <c r="G74940" i="1"/>
  <c r="G74941" i="1"/>
  <c r="G74942" i="1"/>
  <c r="G74943" i="1"/>
  <c r="G74944" i="1"/>
  <c r="G74945" i="1"/>
  <c r="G74946" i="1"/>
  <c r="G74947" i="1"/>
  <c r="G74948" i="1"/>
  <c r="G74949" i="1"/>
  <c r="G74950" i="1"/>
  <c r="G74951" i="1"/>
  <c r="G74952" i="1"/>
  <c r="G74953" i="1"/>
  <c r="G74954" i="1"/>
  <c r="G74955" i="1"/>
  <c r="G74956" i="1"/>
  <c r="G74957" i="1"/>
  <c r="G74958" i="1"/>
  <c r="G74959" i="1"/>
  <c r="G74960" i="1"/>
  <c r="G74961" i="1"/>
  <c r="G74962" i="1"/>
  <c r="G74963" i="1"/>
  <c r="G74964" i="1"/>
  <c r="G74965" i="1"/>
  <c r="G74966" i="1"/>
  <c r="G74967" i="1"/>
  <c r="G74968" i="1"/>
  <c r="G74969" i="1"/>
  <c r="G74970" i="1"/>
  <c r="G74971" i="1"/>
  <c r="G74972" i="1"/>
  <c r="G74973" i="1"/>
  <c r="G74974" i="1"/>
  <c r="G74975" i="1"/>
  <c r="G74976" i="1"/>
  <c r="G74977" i="1"/>
  <c r="G74978" i="1"/>
  <c r="G74979" i="1"/>
  <c r="G74980" i="1"/>
  <c r="G74981" i="1"/>
  <c r="G74982" i="1"/>
  <c r="G74983" i="1"/>
  <c r="G74984" i="1"/>
  <c r="G74985" i="1"/>
  <c r="G74986" i="1"/>
  <c r="G74987" i="1"/>
  <c r="G74988" i="1"/>
  <c r="G74989" i="1"/>
  <c r="G74990" i="1"/>
  <c r="G74991" i="1"/>
  <c r="G74992" i="1"/>
  <c r="G74993" i="1"/>
  <c r="G74994" i="1"/>
  <c r="G74995" i="1"/>
  <c r="G74996" i="1"/>
  <c r="G74997" i="1"/>
  <c r="G74998" i="1"/>
  <c r="G74999" i="1"/>
  <c r="G75000" i="1"/>
  <c r="G75001" i="1"/>
  <c r="G75002" i="1"/>
  <c r="G75003" i="1"/>
  <c r="G75004" i="1"/>
  <c r="G75005" i="1"/>
  <c r="G75006" i="1"/>
  <c r="G75007" i="1"/>
  <c r="G75008" i="1"/>
  <c r="G75009" i="1"/>
  <c r="G75010" i="1"/>
  <c r="G75011" i="1"/>
  <c r="G75012" i="1"/>
  <c r="G75013" i="1"/>
  <c r="G75014" i="1"/>
  <c r="G75015" i="1"/>
  <c r="G75016" i="1"/>
  <c r="G75017" i="1"/>
  <c r="G75018" i="1"/>
  <c r="G75019" i="1"/>
  <c r="G75020" i="1"/>
  <c r="G75021" i="1"/>
  <c r="G75022" i="1"/>
  <c r="G75023" i="1"/>
  <c r="G75024" i="1"/>
  <c r="G75025" i="1"/>
  <c r="G75026" i="1"/>
  <c r="G75027" i="1"/>
  <c r="G75028" i="1"/>
  <c r="G75029" i="1"/>
  <c r="G75030" i="1"/>
  <c r="G75031" i="1"/>
  <c r="G75032" i="1"/>
  <c r="G75033" i="1"/>
  <c r="G75034" i="1"/>
  <c r="G75035" i="1"/>
  <c r="G75036" i="1"/>
  <c r="G75037" i="1"/>
  <c r="G75038" i="1"/>
  <c r="G75039" i="1"/>
  <c r="G75040" i="1"/>
  <c r="G75041" i="1"/>
  <c r="G75042" i="1"/>
  <c r="G75043" i="1"/>
  <c r="G75044" i="1"/>
  <c r="G75045" i="1"/>
  <c r="G75046" i="1"/>
  <c r="G75047" i="1"/>
  <c r="G75048" i="1"/>
  <c r="G75049" i="1"/>
  <c r="G75050" i="1"/>
  <c r="G75051" i="1"/>
  <c r="G75052" i="1"/>
  <c r="G75053" i="1"/>
  <c r="G75054" i="1"/>
  <c r="G75055" i="1"/>
  <c r="G75056" i="1"/>
  <c r="G75057" i="1"/>
  <c r="G75058" i="1"/>
  <c r="G75059" i="1"/>
  <c r="G75060" i="1"/>
  <c r="G75061" i="1"/>
  <c r="G75062" i="1"/>
  <c r="G75063" i="1"/>
  <c r="G75064" i="1"/>
  <c r="G75065" i="1"/>
  <c r="G75066" i="1"/>
  <c r="G75067" i="1"/>
  <c r="G75068" i="1"/>
  <c r="G75069" i="1"/>
  <c r="G75070" i="1"/>
  <c r="G75071" i="1"/>
  <c r="G75072" i="1"/>
  <c r="G75073" i="1"/>
  <c r="G75074" i="1"/>
  <c r="G75075" i="1"/>
  <c r="G75076" i="1"/>
  <c r="G75077" i="1"/>
  <c r="G75078" i="1"/>
  <c r="G75079" i="1"/>
  <c r="G75080" i="1"/>
  <c r="G75081" i="1"/>
  <c r="G75082" i="1"/>
  <c r="G75083" i="1"/>
  <c r="G75084" i="1"/>
  <c r="G75085" i="1"/>
  <c r="G75086" i="1"/>
  <c r="G75087" i="1"/>
  <c r="G75088" i="1"/>
  <c r="G75089" i="1"/>
  <c r="G75090" i="1"/>
  <c r="G75091" i="1"/>
  <c r="G75092" i="1"/>
  <c r="G75093" i="1"/>
  <c r="G75094" i="1"/>
  <c r="G75095" i="1"/>
  <c r="G75096" i="1"/>
  <c r="G75097" i="1"/>
  <c r="G75098" i="1"/>
  <c r="G75099" i="1"/>
  <c r="G75100" i="1"/>
  <c r="G75101" i="1"/>
  <c r="G75102" i="1"/>
  <c r="G75103" i="1"/>
  <c r="G75104" i="1"/>
  <c r="G75105" i="1"/>
  <c r="G75106" i="1"/>
  <c r="G75107" i="1"/>
  <c r="G75108" i="1"/>
  <c r="G75109" i="1"/>
  <c r="G75110" i="1"/>
  <c r="G75111" i="1"/>
  <c r="G75112" i="1"/>
  <c r="G75113" i="1"/>
  <c r="G75114" i="1"/>
  <c r="G75115" i="1"/>
  <c r="G75116" i="1"/>
  <c r="G75117" i="1"/>
  <c r="G75118" i="1"/>
  <c r="G75119" i="1"/>
  <c r="G75120" i="1"/>
  <c r="G75121" i="1"/>
  <c r="G75122" i="1"/>
  <c r="G75123" i="1"/>
  <c r="G75124" i="1"/>
  <c r="G75125" i="1"/>
  <c r="G75126" i="1"/>
  <c r="G75127" i="1"/>
  <c r="G75128" i="1"/>
  <c r="G75129" i="1"/>
  <c r="G75130" i="1"/>
  <c r="G75131" i="1"/>
  <c r="G75132" i="1"/>
  <c r="G75133" i="1"/>
  <c r="G75134" i="1"/>
  <c r="G75135" i="1"/>
  <c r="G75136" i="1"/>
  <c r="G75137" i="1"/>
  <c r="G75138" i="1"/>
  <c r="G75139" i="1"/>
  <c r="G75140" i="1"/>
  <c r="G75141" i="1"/>
  <c r="G75142" i="1"/>
  <c r="G75143" i="1"/>
  <c r="G75144" i="1"/>
  <c r="G75145" i="1"/>
  <c r="G75146" i="1"/>
  <c r="G75147" i="1"/>
  <c r="G75148" i="1"/>
  <c r="G75149" i="1"/>
  <c r="G75150" i="1"/>
  <c r="G75151" i="1"/>
  <c r="G75152" i="1"/>
  <c r="G75153" i="1"/>
  <c r="G75154" i="1"/>
  <c r="G75155" i="1"/>
  <c r="G75156" i="1"/>
  <c r="G75157" i="1"/>
  <c r="G75158" i="1"/>
  <c r="G75159" i="1"/>
  <c r="G75160" i="1"/>
  <c r="G75161" i="1"/>
  <c r="G75162" i="1"/>
  <c r="G75163" i="1"/>
  <c r="G75164" i="1"/>
  <c r="G75165" i="1"/>
  <c r="G75166" i="1"/>
  <c r="G75167" i="1"/>
  <c r="G75168" i="1"/>
  <c r="G75169" i="1"/>
  <c r="G75170" i="1"/>
  <c r="G75171" i="1"/>
  <c r="G75172" i="1"/>
  <c r="G75173" i="1"/>
  <c r="G75174" i="1"/>
  <c r="G75175" i="1"/>
  <c r="G75176" i="1"/>
  <c r="G75177" i="1"/>
  <c r="G75178" i="1"/>
  <c r="G75179" i="1"/>
  <c r="G75180" i="1"/>
  <c r="G75181" i="1"/>
  <c r="G75182" i="1"/>
  <c r="G75183" i="1"/>
  <c r="G75184" i="1"/>
  <c r="G75185" i="1"/>
  <c r="G75186" i="1"/>
  <c r="G75187" i="1"/>
  <c r="G75188" i="1"/>
  <c r="G75189" i="1"/>
  <c r="G75190" i="1"/>
  <c r="G75191" i="1"/>
  <c r="G75192" i="1"/>
  <c r="G75193" i="1"/>
  <c r="G75194" i="1"/>
  <c r="G75195" i="1"/>
  <c r="G75196" i="1"/>
  <c r="G75197" i="1"/>
  <c r="G75198" i="1"/>
  <c r="G75199" i="1"/>
  <c r="G75200" i="1"/>
  <c r="G75201" i="1"/>
  <c r="G75202" i="1"/>
  <c r="G75203" i="1"/>
  <c r="G75204" i="1"/>
  <c r="G75205" i="1"/>
  <c r="G75206" i="1"/>
  <c r="G75207" i="1"/>
  <c r="G75208" i="1"/>
  <c r="G75209" i="1"/>
  <c r="G75210" i="1"/>
  <c r="G75211" i="1"/>
  <c r="G75212" i="1"/>
  <c r="G75213" i="1"/>
  <c r="G75214" i="1"/>
  <c r="G75215" i="1"/>
  <c r="G75216" i="1"/>
  <c r="G75217" i="1"/>
  <c r="G75218" i="1"/>
  <c r="G75219" i="1"/>
  <c r="G75220" i="1"/>
  <c r="G75221" i="1"/>
  <c r="G75222" i="1"/>
  <c r="G75223" i="1"/>
  <c r="G75224" i="1"/>
  <c r="G75225" i="1"/>
  <c r="G75226" i="1"/>
  <c r="G75227" i="1"/>
  <c r="G75228" i="1"/>
  <c r="G75229" i="1"/>
  <c r="G75230" i="1"/>
  <c r="G75231" i="1"/>
  <c r="G75232" i="1"/>
  <c r="G75233" i="1"/>
  <c r="G75234" i="1"/>
  <c r="G75235" i="1"/>
  <c r="G75236" i="1"/>
  <c r="G75237" i="1"/>
  <c r="G75238" i="1"/>
  <c r="G75239" i="1"/>
  <c r="G75240" i="1"/>
  <c r="G75241" i="1"/>
  <c r="G75242" i="1"/>
  <c r="G75243" i="1"/>
  <c r="G75244" i="1"/>
  <c r="G75245" i="1"/>
  <c r="G75246" i="1"/>
  <c r="G75247" i="1"/>
  <c r="G75248" i="1"/>
  <c r="G75249" i="1"/>
  <c r="G75250" i="1"/>
  <c r="G75251" i="1"/>
  <c r="G75252" i="1"/>
  <c r="G75253" i="1"/>
  <c r="G75254" i="1"/>
  <c r="G75255" i="1"/>
  <c r="G75256" i="1"/>
  <c r="G75257" i="1"/>
  <c r="G75258" i="1"/>
  <c r="G75259" i="1"/>
  <c r="G75260" i="1"/>
  <c r="G75261" i="1"/>
  <c r="G75262" i="1"/>
  <c r="G75263" i="1"/>
  <c r="G75264" i="1"/>
  <c r="G75265" i="1"/>
  <c r="G75266" i="1"/>
  <c r="G75267" i="1"/>
  <c r="G75268" i="1"/>
  <c r="G75269" i="1"/>
  <c r="G75270" i="1"/>
  <c r="G75271" i="1"/>
  <c r="G75272" i="1"/>
  <c r="G75273" i="1"/>
  <c r="G75274" i="1"/>
  <c r="G75275" i="1"/>
  <c r="G75276" i="1"/>
  <c r="G75277" i="1"/>
  <c r="G75278" i="1"/>
  <c r="G75279" i="1"/>
  <c r="G75280" i="1"/>
  <c r="G75281" i="1"/>
  <c r="G75282" i="1"/>
  <c r="G75283" i="1"/>
  <c r="G75284" i="1"/>
  <c r="G75285" i="1"/>
  <c r="G75286" i="1"/>
  <c r="G75287" i="1"/>
  <c r="G75288" i="1"/>
  <c r="G75289" i="1"/>
  <c r="G75290" i="1"/>
  <c r="G75291" i="1"/>
  <c r="G75292" i="1"/>
  <c r="G75293" i="1"/>
  <c r="G75294" i="1"/>
  <c r="G75295" i="1"/>
  <c r="G75296" i="1"/>
  <c r="G75297" i="1"/>
  <c r="G75298" i="1"/>
  <c r="G75299" i="1"/>
  <c r="G75300" i="1"/>
  <c r="G75301" i="1"/>
  <c r="G75302" i="1"/>
  <c r="G75303" i="1"/>
  <c r="G75304" i="1"/>
  <c r="G75305" i="1"/>
  <c r="G75306" i="1"/>
  <c r="G75307" i="1"/>
  <c r="G75308" i="1"/>
  <c r="G75309" i="1"/>
  <c r="G75310" i="1"/>
  <c r="G75311" i="1"/>
  <c r="G75312" i="1"/>
  <c r="G75313" i="1"/>
  <c r="G75314" i="1"/>
  <c r="G75315" i="1"/>
  <c r="G75316" i="1"/>
  <c r="G75317" i="1"/>
  <c r="G75318" i="1"/>
  <c r="G75319" i="1"/>
  <c r="G75320" i="1"/>
  <c r="G75321" i="1"/>
  <c r="G75322" i="1"/>
  <c r="G75323" i="1"/>
  <c r="G75324" i="1"/>
  <c r="G75325" i="1"/>
  <c r="G75326" i="1"/>
  <c r="G75327" i="1"/>
  <c r="G75328" i="1"/>
  <c r="G75329" i="1"/>
  <c r="G75330" i="1"/>
  <c r="G75331" i="1"/>
  <c r="G75332" i="1"/>
  <c r="G75333" i="1"/>
  <c r="G75334" i="1"/>
  <c r="G75335" i="1"/>
  <c r="G75336" i="1"/>
  <c r="G75337" i="1"/>
  <c r="G75338" i="1"/>
  <c r="G75339" i="1"/>
  <c r="G75340" i="1"/>
  <c r="G75341" i="1"/>
  <c r="G75342" i="1"/>
  <c r="G75343" i="1"/>
  <c r="G75344" i="1"/>
  <c r="G75345" i="1"/>
  <c r="G75346" i="1"/>
  <c r="G75347" i="1"/>
  <c r="G75348" i="1"/>
  <c r="G75349" i="1"/>
  <c r="G75350" i="1"/>
  <c r="G75351" i="1"/>
  <c r="G75352" i="1"/>
  <c r="G75353" i="1"/>
  <c r="G75354" i="1"/>
  <c r="G75355" i="1"/>
  <c r="G75356" i="1"/>
  <c r="G75357" i="1"/>
  <c r="G75358" i="1"/>
  <c r="G75359" i="1"/>
  <c r="G75360" i="1"/>
  <c r="G75361" i="1"/>
  <c r="G75362" i="1"/>
  <c r="G75363" i="1"/>
  <c r="G75364" i="1"/>
  <c r="G75365" i="1"/>
  <c r="G75366" i="1"/>
  <c r="G75367" i="1"/>
  <c r="G75368" i="1"/>
  <c r="G75369" i="1"/>
  <c r="G75370" i="1"/>
  <c r="G75371" i="1"/>
  <c r="G75372" i="1"/>
  <c r="G75373" i="1"/>
  <c r="G75374" i="1"/>
  <c r="G75375" i="1"/>
  <c r="G75376" i="1"/>
  <c r="G75377" i="1"/>
  <c r="G75378" i="1"/>
  <c r="G75379" i="1"/>
  <c r="G75380" i="1"/>
  <c r="G75381" i="1"/>
  <c r="G75382" i="1"/>
  <c r="G75383" i="1"/>
  <c r="G75384" i="1"/>
  <c r="G75385" i="1"/>
  <c r="G75386" i="1"/>
  <c r="G75387" i="1"/>
  <c r="G75388" i="1"/>
  <c r="G75389" i="1"/>
  <c r="G75390" i="1"/>
  <c r="G75391" i="1"/>
  <c r="G75392" i="1"/>
  <c r="G75393" i="1"/>
  <c r="G75394" i="1"/>
  <c r="G75395" i="1"/>
  <c r="G75396" i="1"/>
  <c r="G75397" i="1"/>
  <c r="G75398" i="1"/>
  <c r="G75399" i="1"/>
  <c r="G75400" i="1"/>
  <c r="G75401" i="1"/>
  <c r="G75402" i="1"/>
  <c r="G75403" i="1"/>
  <c r="G75404" i="1"/>
  <c r="G75405" i="1"/>
  <c r="G75406" i="1"/>
  <c r="G75407" i="1"/>
  <c r="G75408" i="1"/>
  <c r="G75409" i="1"/>
  <c r="G75410" i="1"/>
  <c r="G75411" i="1"/>
  <c r="G75412" i="1"/>
  <c r="G75413" i="1"/>
  <c r="G75414" i="1"/>
  <c r="G75415" i="1"/>
  <c r="G75416" i="1"/>
  <c r="G75417" i="1"/>
  <c r="G75418" i="1"/>
  <c r="G75419" i="1"/>
  <c r="G75420" i="1"/>
  <c r="G75421" i="1"/>
  <c r="G75422" i="1"/>
  <c r="G75423" i="1"/>
  <c r="G75424" i="1"/>
  <c r="G75425" i="1"/>
  <c r="G75426" i="1"/>
  <c r="G75427" i="1"/>
  <c r="G75428" i="1"/>
  <c r="G75429" i="1"/>
  <c r="G75430" i="1"/>
  <c r="G75431" i="1"/>
  <c r="G75432" i="1"/>
  <c r="G75433" i="1"/>
  <c r="G75434" i="1"/>
  <c r="G75435" i="1"/>
  <c r="G75436" i="1"/>
  <c r="G75437" i="1"/>
  <c r="G75438" i="1"/>
  <c r="G75439" i="1"/>
  <c r="G75440" i="1"/>
  <c r="G75441" i="1"/>
  <c r="G75442" i="1"/>
  <c r="G75443" i="1"/>
  <c r="G75444" i="1"/>
  <c r="G75445" i="1"/>
  <c r="G75446" i="1"/>
  <c r="G75447" i="1"/>
  <c r="G75448" i="1"/>
  <c r="G75449" i="1"/>
  <c r="G75450" i="1"/>
  <c r="G75451" i="1"/>
  <c r="G75452" i="1"/>
  <c r="G75453" i="1"/>
  <c r="G75454" i="1"/>
  <c r="G75455" i="1"/>
  <c r="G75456" i="1"/>
  <c r="G75457" i="1"/>
  <c r="G75458" i="1"/>
  <c r="G75459" i="1"/>
  <c r="G75460" i="1"/>
  <c r="G75461" i="1"/>
  <c r="G75462" i="1"/>
  <c r="G75463" i="1"/>
  <c r="G75464" i="1"/>
  <c r="G75465" i="1"/>
  <c r="G75466" i="1"/>
  <c r="G75467" i="1"/>
  <c r="G75468" i="1"/>
  <c r="G75469" i="1"/>
  <c r="G75470" i="1"/>
  <c r="G75471" i="1"/>
  <c r="G75472" i="1"/>
  <c r="G75473" i="1"/>
  <c r="G75474" i="1"/>
  <c r="G75475" i="1"/>
  <c r="G75476" i="1"/>
  <c r="G75477" i="1"/>
  <c r="G75478" i="1"/>
  <c r="G75479" i="1"/>
  <c r="G75480" i="1"/>
  <c r="G75481" i="1"/>
  <c r="G75482" i="1"/>
  <c r="G75483" i="1"/>
  <c r="G75484" i="1"/>
  <c r="G75485" i="1"/>
  <c r="G75486" i="1"/>
  <c r="G75487" i="1"/>
  <c r="G75488" i="1"/>
  <c r="G75489" i="1"/>
  <c r="G75490" i="1"/>
  <c r="G75491" i="1"/>
  <c r="G75492" i="1"/>
  <c r="G75493" i="1"/>
  <c r="G75494" i="1"/>
  <c r="G75495" i="1"/>
  <c r="G75496" i="1"/>
  <c r="G75497" i="1"/>
  <c r="G75498" i="1"/>
  <c r="G75499" i="1"/>
  <c r="G75500" i="1"/>
  <c r="G75501" i="1"/>
  <c r="G75502" i="1"/>
  <c r="G75503" i="1"/>
  <c r="G75504" i="1"/>
  <c r="G75505" i="1"/>
  <c r="G75506" i="1"/>
  <c r="G75507" i="1"/>
  <c r="G75508" i="1"/>
  <c r="G75509" i="1"/>
  <c r="G75510" i="1"/>
  <c r="G75511" i="1"/>
  <c r="G75512" i="1"/>
  <c r="G75513" i="1"/>
  <c r="G75514" i="1"/>
  <c r="G75515" i="1"/>
  <c r="G75516" i="1"/>
  <c r="G75517" i="1"/>
  <c r="G75518" i="1"/>
  <c r="G75519" i="1"/>
  <c r="G75520" i="1"/>
  <c r="G75521" i="1"/>
  <c r="G75522" i="1"/>
  <c r="G75523" i="1"/>
  <c r="G75524" i="1"/>
  <c r="G75525" i="1"/>
  <c r="G75526" i="1"/>
  <c r="G75527" i="1"/>
  <c r="G75528" i="1"/>
  <c r="G75529" i="1"/>
  <c r="G75530" i="1"/>
  <c r="G75531" i="1"/>
  <c r="G75532" i="1"/>
  <c r="G75533" i="1"/>
  <c r="G75534" i="1"/>
  <c r="G75535" i="1"/>
  <c r="G75536" i="1"/>
  <c r="G75537" i="1"/>
  <c r="G75538" i="1"/>
  <c r="G75539" i="1"/>
  <c r="G75540" i="1"/>
  <c r="G75541" i="1"/>
  <c r="G75542" i="1"/>
  <c r="G75543" i="1"/>
  <c r="G75544" i="1"/>
  <c r="G75545" i="1"/>
  <c r="G75546" i="1"/>
  <c r="G75547" i="1"/>
  <c r="G75548" i="1"/>
  <c r="G75549" i="1"/>
  <c r="G75550" i="1"/>
  <c r="G75551" i="1"/>
  <c r="G75552" i="1"/>
  <c r="G75553" i="1"/>
  <c r="G75554" i="1"/>
  <c r="G75555" i="1"/>
  <c r="G75556" i="1"/>
  <c r="G75557" i="1"/>
  <c r="G75558" i="1"/>
  <c r="G75559" i="1"/>
  <c r="G75560" i="1"/>
  <c r="G75561" i="1"/>
  <c r="G75562" i="1"/>
  <c r="G75563" i="1"/>
  <c r="G75564" i="1"/>
  <c r="G75565" i="1"/>
  <c r="G75566" i="1"/>
  <c r="G75567" i="1"/>
  <c r="G75568" i="1"/>
  <c r="G75569" i="1"/>
  <c r="G75570" i="1"/>
  <c r="G75571" i="1"/>
  <c r="G75572" i="1"/>
  <c r="G75573" i="1"/>
  <c r="G75574" i="1"/>
  <c r="G75575" i="1"/>
  <c r="G75576" i="1"/>
  <c r="G75577" i="1"/>
  <c r="G75578" i="1"/>
  <c r="G75579" i="1"/>
  <c r="G75580" i="1"/>
  <c r="G75581" i="1"/>
  <c r="G75582" i="1"/>
  <c r="G75583" i="1"/>
  <c r="G75584" i="1"/>
  <c r="G75585" i="1"/>
  <c r="G75586" i="1"/>
  <c r="G75587" i="1"/>
  <c r="G75588" i="1"/>
  <c r="G75589" i="1"/>
  <c r="G75590" i="1"/>
  <c r="G75591" i="1"/>
  <c r="G75592" i="1"/>
  <c r="G75593" i="1"/>
  <c r="G75594" i="1"/>
  <c r="G75595" i="1"/>
  <c r="G75596" i="1"/>
  <c r="G75597" i="1"/>
  <c r="G75598" i="1"/>
  <c r="G75599" i="1"/>
  <c r="G75600" i="1"/>
  <c r="G75601" i="1"/>
  <c r="G75602" i="1"/>
  <c r="G75603" i="1"/>
  <c r="G75604" i="1"/>
  <c r="G75605" i="1"/>
  <c r="G75606" i="1"/>
  <c r="G75607" i="1"/>
  <c r="G75608" i="1"/>
  <c r="G75609" i="1"/>
  <c r="G75610" i="1"/>
  <c r="G75611" i="1"/>
  <c r="G75612" i="1"/>
  <c r="G75613" i="1"/>
  <c r="G75614" i="1"/>
  <c r="G75615" i="1"/>
  <c r="G75616" i="1"/>
  <c r="G75617" i="1"/>
  <c r="G75618" i="1"/>
  <c r="G75619" i="1"/>
  <c r="G75620" i="1"/>
  <c r="G75621" i="1"/>
  <c r="G75622" i="1"/>
  <c r="G75623" i="1"/>
  <c r="G75624" i="1"/>
  <c r="G75625" i="1"/>
  <c r="G75626" i="1"/>
  <c r="G75627" i="1"/>
  <c r="G75628" i="1"/>
  <c r="G75629" i="1"/>
  <c r="G75630" i="1"/>
  <c r="G75631" i="1"/>
  <c r="G75632" i="1"/>
  <c r="G75633" i="1"/>
  <c r="G75634" i="1"/>
  <c r="G75635" i="1"/>
  <c r="G75636" i="1"/>
  <c r="G75637" i="1"/>
  <c r="G75638" i="1"/>
  <c r="G75639" i="1"/>
  <c r="G75640" i="1"/>
  <c r="G75641" i="1"/>
  <c r="G75642" i="1"/>
  <c r="G75643" i="1"/>
  <c r="G75644" i="1"/>
  <c r="G75645" i="1"/>
  <c r="G75646" i="1"/>
  <c r="G75647" i="1"/>
  <c r="G75648" i="1"/>
  <c r="G75649" i="1"/>
  <c r="G75650" i="1"/>
  <c r="G75651" i="1"/>
  <c r="G75652" i="1"/>
  <c r="G75653" i="1"/>
  <c r="G75654" i="1"/>
  <c r="G75655" i="1"/>
  <c r="G75656" i="1"/>
  <c r="G75657" i="1"/>
  <c r="G75658" i="1"/>
  <c r="G75659" i="1"/>
  <c r="G75660" i="1"/>
  <c r="G75661" i="1"/>
  <c r="G75662" i="1"/>
  <c r="G75663" i="1"/>
  <c r="G75664" i="1"/>
  <c r="G75665" i="1"/>
  <c r="G75666" i="1"/>
  <c r="G75667" i="1"/>
  <c r="G75668" i="1"/>
  <c r="G75669" i="1"/>
  <c r="G75670" i="1"/>
  <c r="G75671" i="1"/>
  <c r="G75672" i="1"/>
  <c r="G75673" i="1"/>
  <c r="G75674" i="1"/>
  <c r="G75675" i="1"/>
  <c r="G75676" i="1"/>
  <c r="G75677" i="1"/>
  <c r="G75678" i="1"/>
  <c r="G75679" i="1"/>
  <c r="G75680" i="1"/>
  <c r="G75681" i="1"/>
  <c r="G75682" i="1"/>
  <c r="G75683" i="1"/>
  <c r="G75684" i="1"/>
  <c r="G75685" i="1"/>
  <c r="G75686" i="1"/>
  <c r="G75687" i="1"/>
  <c r="G75688" i="1"/>
  <c r="G75689" i="1"/>
  <c r="G75690" i="1"/>
  <c r="G75691" i="1"/>
  <c r="G75692" i="1"/>
  <c r="G75693" i="1"/>
  <c r="G75694" i="1"/>
  <c r="G75695" i="1"/>
  <c r="G75696" i="1"/>
  <c r="G75697" i="1"/>
  <c r="G75698" i="1"/>
  <c r="G75699" i="1"/>
  <c r="G75700" i="1"/>
  <c r="G75701" i="1"/>
  <c r="G75702" i="1"/>
  <c r="G75703" i="1"/>
  <c r="G75704" i="1"/>
  <c r="G75705" i="1"/>
  <c r="G75706" i="1"/>
  <c r="G75707" i="1"/>
  <c r="G75708" i="1"/>
  <c r="G75709" i="1"/>
  <c r="G75710" i="1"/>
  <c r="G75711" i="1"/>
  <c r="G75712" i="1"/>
  <c r="G75713" i="1"/>
  <c r="G75714" i="1"/>
  <c r="G75715" i="1"/>
  <c r="G75716" i="1"/>
  <c r="G75717" i="1"/>
  <c r="G75718" i="1"/>
  <c r="G75719" i="1"/>
  <c r="G75720" i="1"/>
  <c r="G75721" i="1"/>
  <c r="G75722" i="1"/>
  <c r="G75723" i="1"/>
  <c r="G75724" i="1"/>
  <c r="G75725" i="1"/>
  <c r="G75726" i="1"/>
  <c r="G75727" i="1"/>
  <c r="G75728" i="1"/>
  <c r="G75729" i="1"/>
  <c r="G75730" i="1"/>
  <c r="G75731" i="1"/>
  <c r="G75732" i="1"/>
  <c r="G75733" i="1"/>
  <c r="G75734" i="1"/>
  <c r="G75735" i="1"/>
  <c r="G75736" i="1"/>
  <c r="G75737" i="1"/>
  <c r="G75738" i="1"/>
  <c r="G75739" i="1"/>
  <c r="G75740" i="1"/>
  <c r="G75741" i="1"/>
  <c r="G75742" i="1"/>
  <c r="G75743" i="1"/>
  <c r="G75744" i="1"/>
  <c r="G75745" i="1"/>
  <c r="G75746" i="1"/>
  <c r="G75747" i="1"/>
  <c r="G75748" i="1"/>
  <c r="G75749" i="1"/>
  <c r="G75750" i="1"/>
  <c r="G75751" i="1"/>
  <c r="G75752" i="1"/>
  <c r="G75753" i="1"/>
  <c r="G75754" i="1"/>
  <c r="G75755" i="1"/>
  <c r="G75756" i="1"/>
  <c r="G75757" i="1"/>
  <c r="G75758" i="1"/>
  <c r="G75759" i="1"/>
  <c r="G75760" i="1"/>
  <c r="G75761" i="1"/>
  <c r="G75762" i="1"/>
  <c r="G75763" i="1"/>
  <c r="G75764" i="1"/>
  <c r="G75765" i="1"/>
  <c r="G75766" i="1"/>
  <c r="G75767" i="1"/>
  <c r="G75768" i="1"/>
  <c r="G75769" i="1"/>
  <c r="G75770" i="1"/>
  <c r="G75771" i="1"/>
  <c r="G75772" i="1"/>
  <c r="G75773" i="1"/>
  <c r="G75774" i="1"/>
  <c r="G75775" i="1"/>
  <c r="G75776" i="1"/>
  <c r="G75777" i="1"/>
  <c r="G75778" i="1"/>
  <c r="G75779" i="1"/>
  <c r="G75780" i="1"/>
  <c r="G75781" i="1"/>
  <c r="G75782" i="1"/>
  <c r="G75783" i="1"/>
  <c r="G75784" i="1"/>
  <c r="G75785" i="1"/>
  <c r="G75786" i="1"/>
  <c r="G75787" i="1"/>
  <c r="G75788" i="1"/>
  <c r="G75789" i="1"/>
  <c r="G75790" i="1"/>
  <c r="G75791" i="1"/>
  <c r="G75792" i="1"/>
  <c r="G75793" i="1"/>
  <c r="G75794" i="1"/>
  <c r="G75795" i="1"/>
  <c r="G75796" i="1"/>
  <c r="G75797" i="1"/>
  <c r="G75798" i="1"/>
  <c r="G75799" i="1"/>
  <c r="G75800" i="1"/>
  <c r="G75801" i="1"/>
  <c r="G75802" i="1"/>
  <c r="G75803" i="1"/>
  <c r="G75804" i="1"/>
  <c r="G75805" i="1"/>
  <c r="G75806" i="1"/>
  <c r="G75807" i="1"/>
  <c r="G75808" i="1"/>
  <c r="G75809" i="1"/>
  <c r="G75810" i="1"/>
  <c r="G75811" i="1"/>
  <c r="G75812" i="1"/>
  <c r="G75813" i="1"/>
  <c r="G75814" i="1"/>
  <c r="G75815" i="1"/>
  <c r="G75816" i="1"/>
  <c r="G75817" i="1"/>
  <c r="G75818" i="1"/>
  <c r="G75819" i="1"/>
  <c r="G75820" i="1"/>
  <c r="G75821" i="1"/>
  <c r="G75822" i="1"/>
  <c r="G75823" i="1"/>
  <c r="G75824" i="1"/>
  <c r="G75825" i="1"/>
  <c r="G75826" i="1"/>
  <c r="G75827" i="1"/>
  <c r="G75828" i="1"/>
  <c r="G75829" i="1"/>
  <c r="G75830" i="1"/>
  <c r="G75831" i="1"/>
  <c r="G75832" i="1"/>
  <c r="G75833" i="1"/>
  <c r="G75834" i="1"/>
  <c r="G75835" i="1"/>
  <c r="G75836" i="1"/>
  <c r="G75837" i="1"/>
  <c r="G75838" i="1"/>
  <c r="G75839" i="1"/>
  <c r="G75840" i="1"/>
  <c r="G75841" i="1"/>
  <c r="G75842" i="1"/>
  <c r="G75843" i="1"/>
  <c r="G75844" i="1"/>
  <c r="G75845" i="1"/>
  <c r="G75846" i="1"/>
  <c r="G75847" i="1"/>
  <c r="G75848" i="1"/>
  <c r="G75849" i="1"/>
  <c r="G75850" i="1"/>
  <c r="G75851" i="1"/>
  <c r="G75852" i="1"/>
  <c r="G75853" i="1"/>
  <c r="G75854" i="1"/>
  <c r="G75855" i="1"/>
  <c r="G75856" i="1"/>
  <c r="G75857" i="1"/>
  <c r="G75858" i="1"/>
  <c r="G75859" i="1"/>
  <c r="G75860" i="1"/>
  <c r="G75861" i="1"/>
  <c r="G75862" i="1"/>
  <c r="G75863" i="1"/>
  <c r="G75864" i="1"/>
  <c r="G75865" i="1"/>
  <c r="G75866" i="1"/>
  <c r="G75867" i="1"/>
  <c r="G75868" i="1"/>
  <c r="G75869" i="1"/>
  <c r="G75870" i="1"/>
  <c r="G75871" i="1"/>
  <c r="G75872" i="1"/>
  <c r="G75873" i="1"/>
  <c r="G75874" i="1"/>
  <c r="G75875" i="1"/>
  <c r="G75876" i="1"/>
  <c r="G75877" i="1"/>
  <c r="G75878" i="1"/>
  <c r="G75879" i="1"/>
  <c r="G75880" i="1"/>
  <c r="G75881" i="1"/>
  <c r="G75882" i="1"/>
  <c r="G75883" i="1"/>
  <c r="G75884" i="1"/>
  <c r="G75885" i="1"/>
  <c r="G75886" i="1"/>
  <c r="G75887" i="1"/>
  <c r="G75888" i="1"/>
  <c r="G75889" i="1"/>
  <c r="G75890" i="1"/>
  <c r="G75891" i="1"/>
  <c r="G75892" i="1"/>
  <c r="G75893" i="1"/>
  <c r="G75894" i="1"/>
  <c r="G75895" i="1"/>
  <c r="G75896" i="1"/>
  <c r="G75897" i="1"/>
  <c r="G75898" i="1"/>
  <c r="G75899" i="1"/>
  <c r="G75900" i="1"/>
  <c r="G75901" i="1"/>
  <c r="G75902" i="1"/>
  <c r="G75903" i="1"/>
  <c r="G75904" i="1"/>
  <c r="G75905" i="1"/>
  <c r="G75906" i="1"/>
  <c r="G75907" i="1"/>
  <c r="G75908" i="1"/>
  <c r="G75909" i="1"/>
  <c r="G75910" i="1"/>
  <c r="G75911" i="1"/>
  <c r="G75912" i="1"/>
  <c r="G75913" i="1"/>
  <c r="G75914" i="1"/>
  <c r="G75915" i="1"/>
  <c r="G75916" i="1"/>
  <c r="G75917" i="1"/>
  <c r="G75918" i="1"/>
  <c r="G75919" i="1"/>
  <c r="G75920" i="1"/>
  <c r="G75921" i="1"/>
  <c r="G75922" i="1"/>
  <c r="G75923" i="1"/>
  <c r="G75924" i="1"/>
  <c r="G75925" i="1"/>
  <c r="G75926" i="1"/>
  <c r="G75927" i="1"/>
  <c r="G75928" i="1"/>
  <c r="G75929" i="1"/>
  <c r="G75930" i="1"/>
  <c r="G75931" i="1"/>
  <c r="G75932" i="1"/>
  <c r="G75933" i="1"/>
  <c r="G75934" i="1"/>
  <c r="G75935" i="1"/>
  <c r="G75936" i="1"/>
  <c r="G75937" i="1"/>
  <c r="G75938" i="1"/>
  <c r="G75939" i="1"/>
  <c r="G75940" i="1"/>
  <c r="G75941" i="1"/>
  <c r="G75942" i="1"/>
  <c r="G75943" i="1"/>
  <c r="G75944" i="1"/>
  <c r="G75945" i="1"/>
  <c r="G75946" i="1"/>
  <c r="G75947" i="1"/>
  <c r="G75948" i="1"/>
  <c r="G75949" i="1"/>
  <c r="G75950" i="1"/>
  <c r="G75951" i="1"/>
  <c r="G75952" i="1"/>
  <c r="G75953" i="1"/>
  <c r="G75954" i="1"/>
  <c r="G75955" i="1"/>
  <c r="G75956" i="1"/>
  <c r="G75957" i="1"/>
  <c r="G75958" i="1"/>
  <c r="G75959" i="1"/>
  <c r="G75960" i="1"/>
  <c r="G75961" i="1"/>
  <c r="G75962" i="1"/>
  <c r="G75963" i="1"/>
  <c r="G75964" i="1"/>
  <c r="G75965" i="1"/>
  <c r="G75966" i="1"/>
  <c r="G75967" i="1"/>
  <c r="G75968" i="1"/>
  <c r="G75969" i="1"/>
  <c r="G75970" i="1"/>
  <c r="G75971" i="1"/>
  <c r="G75972" i="1"/>
  <c r="G75973" i="1"/>
  <c r="G75974" i="1"/>
  <c r="G75975" i="1"/>
  <c r="G75976" i="1"/>
  <c r="G75977" i="1"/>
  <c r="G75978" i="1"/>
  <c r="G75979" i="1"/>
  <c r="G75980" i="1"/>
  <c r="G75981" i="1"/>
  <c r="G75982" i="1"/>
  <c r="G75983" i="1"/>
  <c r="G75984" i="1"/>
  <c r="G75985" i="1"/>
  <c r="G75986" i="1"/>
  <c r="G75987" i="1"/>
  <c r="G75988" i="1"/>
  <c r="G75989" i="1"/>
  <c r="G75990" i="1"/>
  <c r="G75991" i="1"/>
  <c r="G75992" i="1"/>
  <c r="G75993" i="1"/>
  <c r="G75994" i="1"/>
  <c r="G75995" i="1"/>
  <c r="G75996" i="1"/>
  <c r="G75997" i="1"/>
  <c r="G75998" i="1"/>
  <c r="G75999" i="1"/>
  <c r="G76000" i="1"/>
  <c r="G76001" i="1"/>
  <c r="G76002" i="1"/>
  <c r="G76003" i="1"/>
  <c r="G76004" i="1"/>
  <c r="G76005" i="1"/>
  <c r="G76006" i="1"/>
  <c r="G76007" i="1"/>
  <c r="G76008" i="1"/>
  <c r="G76009" i="1"/>
  <c r="G76010" i="1"/>
  <c r="G76011" i="1"/>
  <c r="G76012" i="1"/>
  <c r="G76013" i="1"/>
  <c r="G76014" i="1"/>
  <c r="G76015" i="1"/>
  <c r="G76016" i="1"/>
  <c r="G76017" i="1"/>
  <c r="G76018" i="1"/>
  <c r="G76019" i="1"/>
  <c r="G76020" i="1"/>
  <c r="G76021" i="1"/>
  <c r="G76022" i="1"/>
  <c r="G76023" i="1"/>
  <c r="G76024" i="1"/>
  <c r="G76025" i="1"/>
  <c r="G76026" i="1"/>
  <c r="G76027" i="1"/>
  <c r="G76028" i="1"/>
  <c r="G76029" i="1"/>
  <c r="G76030" i="1"/>
  <c r="G76031" i="1"/>
  <c r="G76032" i="1"/>
  <c r="G76033" i="1"/>
  <c r="G76034" i="1"/>
  <c r="G76035" i="1"/>
  <c r="G76036" i="1"/>
  <c r="G76037" i="1"/>
  <c r="G76038" i="1"/>
  <c r="G76039" i="1"/>
  <c r="G76040" i="1"/>
  <c r="G76041" i="1"/>
  <c r="G76042" i="1"/>
  <c r="G76043" i="1"/>
  <c r="G76044" i="1"/>
  <c r="G76045" i="1"/>
  <c r="G76046" i="1"/>
  <c r="G76047" i="1"/>
  <c r="G76048" i="1"/>
  <c r="G76049" i="1"/>
  <c r="G76050" i="1"/>
  <c r="G76051" i="1"/>
  <c r="G76052" i="1"/>
  <c r="G76053" i="1"/>
  <c r="G76054" i="1"/>
  <c r="G76055" i="1"/>
  <c r="G76056" i="1"/>
  <c r="G76057" i="1"/>
  <c r="G76058" i="1"/>
  <c r="G76059" i="1"/>
  <c r="G76060" i="1"/>
  <c r="G76061" i="1"/>
  <c r="G76062" i="1"/>
  <c r="G76063" i="1"/>
  <c r="G76064" i="1"/>
  <c r="G76065" i="1"/>
  <c r="G76066" i="1"/>
  <c r="G76067" i="1"/>
  <c r="G76068" i="1"/>
  <c r="G76069" i="1"/>
  <c r="G76070" i="1"/>
  <c r="G76071" i="1"/>
  <c r="G76072" i="1"/>
  <c r="G76073" i="1"/>
  <c r="G76074" i="1"/>
  <c r="G76075" i="1"/>
  <c r="G76076" i="1"/>
  <c r="G76077" i="1"/>
  <c r="G76078" i="1"/>
  <c r="G76079" i="1"/>
  <c r="G76080" i="1"/>
  <c r="G76081" i="1"/>
  <c r="G76082" i="1"/>
  <c r="G76083" i="1"/>
  <c r="G76084" i="1"/>
  <c r="G76085" i="1"/>
  <c r="G76086" i="1"/>
  <c r="G76087" i="1"/>
  <c r="G76088" i="1"/>
  <c r="G76089" i="1"/>
  <c r="G76090" i="1"/>
  <c r="G76091" i="1"/>
  <c r="G76092" i="1"/>
  <c r="G76093" i="1"/>
  <c r="G76094" i="1"/>
  <c r="G76095" i="1"/>
  <c r="G76096" i="1"/>
  <c r="G76097" i="1"/>
  <c r="G76098" i="1"/>
  <c r="G76099" i="1"/>
  <c r="G76100" i="1"/>
  <c r="G76101" i="1"/>
  <c r="G76102" i="1"/>
  <c r="G76103" i="1"/>
  <c r="G76104" i="1"/>
  <c r="G76105" i="1"/>
  <c r="G76106" i="1"/>
  <c r="G76107" i="1"/>
  <c r="G76108" i="1"/>
  <c r="G76109" i="1"/>
  <c r="G76110" i="1"/>
  <c r="G76111" i="1"/>
  <c r="G76112" i="1"/>
  <c r="G76113" i="1"/>
  <c r="G76114" i="1"/>
  <c r="G76115" i="1"/>
  <c r="G76116" i="1"/>
  <c r="G76117" i="1"/>
  <c r="G76118" i="1"/>
  <c r="G76119" i="1"/>
  <c r="G76120" i="1"/>
  <c r="G76121" i="1"/>
  <c r="G76122" i="1"/>
  <c r="G76123" i="1"/>
  <c r="G76124" i="1"/>
  <c r="G76125" i="1"/>
  <c r="G76126" i="1"/>
  <c r="G76127" i="1"/>
  <c r="G76128" i="1"/>
  <c r="G76129" i="1"/>
  <c r="G76130" i="1"/>
  <c r="G76131" i="1"/>
  <c r="G76132" i="1"/>
  <c r="G76133" i="1"/>
  <c r="G76134" i="1"/>
  <c r="G76135" i="1"/>
  <c r="G76136" i="1"/>
  <c r="G76137" i="1"/>
  <c r="G76138" i="1"/>
  <c r="G76139" i="1"/>
  <c r="G76140" i="1"/>
  <c r="G76141" i="1"/>
  <c r="G76142" i="1"/>
  <c r="G76143" i="1"/>
  <c r="G76144" i="1"/>
  <c r="G76145" i="1"/>
  <c r="G76146" i="1"/>
  <c r="G76147" i="1"/>
  <c r="G76148" i="1"/>
  <c r="G76149" i="1"/>
  <c r="G76150" i="1"/>
  <c r="G76151" i="1"/>
  <c r="G76152" i="1"/>
  <c r="G76153" i="1"/>
  <c r="G76154" i="1"/>
  <c r="G76155" i="1"/>
  <c r="G76156" i="1"/>
  <c r="G76157" i="1"/>
  <c r="G76158" i="1"/>
  <c r="G76159" i="1"/>
  <c r="G76160" i="1"/>
  <c r="G76161" i="1"/>
  <c r="G76162" i="1"/>
  <c r="G76163" i="1"/>
  <c r="G76164" i="1"/>
  <c r="G76165" i="1"/>
  <c r="G76166" i="1"/>
  <c r="G76167" i="1"/>
  <c r="G76168" i="1"/>
  <c r="G76169" i="1"/>
  <c r="G76170" i="1"/>
  <c r="G76171" i="1"/>
  <c r="G76172" i="1"/>
  <c r="G76173" i="1"/>
  <c r="G76174" i="1"/>
  <c r="G76175" i="1"/>
  <c r="G76176" i="1"/>
  <c r="G76177" i="1"/>
  <c r="G76178" i="1"/>
  <c r="G76179" i="1"/>
  <c r="G76180" i="1"/>
  <c r="G76181" i="1"/>
  <c r="G76182" i="1"/>
  <c r="G76183" i="1"/>
  <c r="G76184" i="1"/>
  <c r="G76185" i="1"/>
  <c r="G76186" i="1"/>
  <c r="G76187" i="1"/>
  <c r="G76188" i="1"/>
  <c r="G76189" i="1"/>
  <c r="G76190" i="1"/>
  <c r="G76191" i="1"/>
  <c r="G76192" i="1"/>
  <c r="G76193" i="1"/>
  <c r="G76194" i="1"/>
  <c r="G76195" i="1"/>
  <c r="G76196" i="1"/>
  <c r="G76197" i="1"/>
  <c r="G76198" i="1"/>
  <c r="G76199" i="1"/>
  <c r="G76200" i="1"/>
  <c r="G76201" i="1"/>
  <c r="G76202" i="1"/>
  <c r="G76203" i="1"/>
  <c r="G76204" i="1"/>
  <c r="G76205" i="1"/>
  <c r="G76206" i="1"/>
  <c r="G76207" i="1"/>
  <c r="G76208" i="1"/>
  <c r="G76209" i="1"/>
  <c r="G76210" i="1"/>
  <c r="G76211" i="1"/>
  <c r="G76212" i="1"/>
  <c r="G76213" i="1"/>
  <c r="G76214" i="1"/>
  <c r="G76215" i="1"/>
  <c r="G76216" i="1"/>
  <c r="G76217" i="1"/>
  <c r="G76218" i="1"/>
  <c r="G76219" i="1"/>
  <c r="G76220" i="1"/>
  <c r="G76221" i="1"/>
  <c r="G76222" i="1"/>
  <c r="G76223" i="1"/>
  <c r="G76224" i="1"/>
  <c r="G76225" i="1"/>
  <c r="G76226" i="1"/>
  <c r="G76227" i="1"/>
  <c r="G76228" i="1"/>
  <c r="G76229" i="1"/>
  <c r="G76230" i="1"/>
  <c r="G76231" i="1"/>
  <c r="G76232" i="1"/>
  <c r="G76233" i="1"/>
  <c r="G76234" i="1"/>
  <c r="G76235" i="1"/>
  <c r="G76236" i="1"/>
  <c r="G76237" i="1"/>
  <c r="G76238" i="1"/>
  <c r="G76239" i="1"/>
  <c r="G76240" i="1"/>
  <c r="G76241" i="1"/>
  <c r="G76242" i="1"/>
  <c r="G76243" i="1"/>
  <c r="G76244" i="1"/>
  <c r="G76245" i="1"/>
  <c r="G76246" i="1"/>
  <c r="G76247" i="1"/>
  <c r="G76248" i="1"/>
  <c r="G76249" i="1"/>
  <c r="G76250" i="1"/>
  <c r="G76251" i="1"/>
  <c r="G76252" i="1"/>
  <c r="G76253" i="1"/>
  <c r="G76254" i="1"/>
  <c r="G76255" i="1"/>
  <c r="G76256" i="1"/>
  <c r="G76257" i="1"/>
  <c r="G76258" i="1"/>
  <c r="G76259" i="1"/>
  <c r="G76260" i="1"/>
  <c r="G76261" i="1"/>
  <c r="G76262" i="1"/>
  <c r="G76263" i="1"/>
  <c r="G76264" i="1"/>
  <c r="G76265" i="1"/>
  <c r="G76266" i="1"/>
  <c r="G76267" i="1"/>
  <c r="G76268" i="1"/>
  <c r="G76269" i="1"/>
  <c r="G76270" i="1"/>
  <c r="G76271" i="1"/>
  <c r="G76272" i="1"/>
  <c r="G76273" i="1"/>
  <c r="G76274" i="1"/>
  <c r="G76275" i="1"/>
  <c r="G76276" i="1"/>
  <c r="G76277" i="1"/>
  <c r="G76278" i="1"/>
  <c r="G76279" i="1"/>
  <c r="G76280" i="1"/>
  <c r="G76281" i="1"/>
  <c r="G76282" i="1"/>
  <c r="G76283" i="1"/>
  <c r="G76284" i="1"/>
  <c r="G76285" i="1"/>
  <c r="G76286" i="1"/>
  <c r="G76287" i="1"/>
  <c r="G76288" i="1"/>
  <c r="G76289" i="1"/>
  <c r="G76290" i="1"/>
  <c r="G76291" i="1"/>
  <c r="G76292" i="1"/>
  <c r="G76293" i="1"/>
  <c r="G76294" i="1"/>
  <c r="G76295" i="1"/>
  <c r="G76296" i="1"/>
  <c r="G76297" i="1"/>
  <c r="G76298" i="1"/>
  <c r="G76299" i="1"/>
  <c r="G76300" i="1"/>
  <c r="G76301" i="1"/>
  <c r="G76302" i="1"/>
  <c r="G76303" i="1"/>
  <c r="G76304" i="1"/>
  <c r="G76305" i="1"/>
  <c r="G76306" i="1"/>
  <c r="G76307" i="1"/>
  <c r="G76308" i="1"/>
  <c r="G76309" i="1"/>
  <c r="G76310" i="1"/>
  <c r="G76311" i="1"/>
  <c r="G76312" i="1"/>
  <c r="G76313" i="1"/>
  <c r="G76314" i="1"/>
  <c r="G76315" i="1"/>
  <c r="G76316" i="1"/>
  <c r="G76317" i="1"/>
  <c r="G76318" i="1"/>
  <c r="G76319" i="1"/>
  <c r="G76320" i="1"/>
  <c r="G76321" i="1"/>
  <c r="G76322" i="1"/>
  <c r="G76323" i="1"/>
  <c r="G76324" i="1"/>
  <c r="G76325" i="1"/>
  <c r="G76326" i="1"/>
  <c r="G76327" i="1"/>
  <c r="G76328" i="1"/>
  <c r="G76329" i="1"/>
  <c r="G76330" i="1"/>
  <c r="G76331" i="1"/>
  <c r="G76332" i="1"/>
  <c r="G76333" i="1"/>
  <c r="G76334" i="1"/>
  <c r="G76335" i="1"/>
  <c r="G76336" i="1"/>
  <c r="G76337" i="1"/>
  <c r="G76338" i="1"/>
  <c r="G76339" i="1"/>
  <c r="G76340" i="1"/>
  <c r="G76341" i="1"/>
  <c r="G76342" i="1"/>
  <c r="G76343" i="1"/>
  <c r="G76344" i="1"/>
  <c r="G76345" i="1"/>
  <c r="G76346" i="1"/>
  <c r="G76347" i="1"/>
  <c r="G76348" i="1"/>
  <c r="G76349" i="1"/>
  <c r="G76350" i="1"/>
  <c r="G76351" i="1"/>
  <c r="G76352" i="1"/>
  <c r="G76353" i="1"/>
  <c r="G76354" i="1"/>
  <c r="G76355" i="1"/>
  <c r="G76356" i="1"/>
  <c r="G76357" i="1"/>
  <c r="G76358" i="1"/>
  <c r="G76359" i="1"/>
  <c r="G76360" i="1"/>
  <c r="G76361" i="1"/>
  <c r="G76362" i="1"/>
  <c r="G76363" i="1"/>
  <c r="G76364" i="1"/>
  <c r="G76365" i="1"/>
  <c r="G76366" i="1"/>
  <c r="G76367" i="1"/>
  <c r="G76368" i="1"/>
  <c r="G76369" i="1"/>
  <c r="G76370" i="1"/>
  <c r="G76371" i="1"/>
  <c r="G76372" i="1"/>
  <c r="G76373" i="1"/>
  <c r="G76374" i="1"/>
  <c r="G76375" i="1"/>
  <c r="G76376" i="1"/>
  <c r="G76377" i="1"/>
  <c r="G76378" i="1"/>
  <c r="G76379" i="1"/>
  <c r="G76380" i="1"/>
  <c r="G76381" i="1"/>
  <c r="G76382" i="1"/>
  <c r="G76383" i="1"/>
  <c r="G76384" i="1"/>
  <c r="G76385" i="1"/>
  <c r="G76386" i="1"/>
  <c r="G76387" i="1"/>
  <c r="G76388" i="1"/>
  <c r="G76389" i="1"/>
  <c r="G76390" i="1"/>
  <c r="G76391" i="1"/>
  <c r="G76392" i="1"/>
  <c r="G76393" i="1"/>
  <c r="G76394" i="1"/>
  <c r="G76395" i="1"/>
  <c r="G76396" i="1"/>
  <c r="G76397" i="1"/>
  <c r="G76398" i="1"/>
  <c r="G76399" i="1"/>
  <c r="G76400" i="1"/>
  <c r="G76401" i="1"/>
  <c r="G76402" i="1"/>
  <c r="G76403" i="1"/>
  <c r="G76404" i="1"/>
  <c r="G76405" i="1"/>
  <c r="G76406" i="1"/>
  <c r="G76407" i="1"/>
  <c r="G76408" i="1"/>
  <c r="G76409" i="1"/>
  <c r="G76410" i="1"/>
  <c r="G76411" i="1"/>
  <c r="G76412" i="1"/>
  <c r="G76413" i="1"/>
  <c r="G76414" i="1"/>
  <c r="G76415" i="1"/>
  <c r="G76416" i="1"/>
  <c r="G76417" i="1"/>
  <c r="G76418" i="1"/>
  <c r="G76419" i="1"/>
  <c r="G76420" i="1"/>
  <c r="G76421" i="1"/>
  <c r="G76422" i="1"/>
  <c r="G76423" i="1"/>
  <c r="G76424" i="1"/>
  <c r="G76425" i="1"/>
  <c r="G76426" i="1"/>
  <c r="G76427" i="1"/>
  <c r="G76428" i="1"/>
  <c r="G76429" i="1"/>
  <c r="G76430" i="1"/>
  <c r="G76431" i="1"/>
  <c r="G76432" i="1"/>
  <c r="G76433" i="1"/>
  <c r="G76434" i="1"/>
  <c r="G76435" i="1"/>
  <c r="G76436" i="1"/>
  <c r="G76437" i="1"/>
  <c r="G76438" i="1"/>
  <c r="G76439" i="1"/>
  <c r="G76440" i="1"/>
  <c r="G76441" i="1"/>
  <c r="G76442" i="1"/>
  <c r="G76443" i="1"/>
  <c r="G76444" i="1"/>
  <c r="G76445" i="1"/>
  <c r="G76446" i="1"/>
  <c r="G76447" i="1"/>
  <c r="G76448" i="1"/>
  <c r="G76449" i="1"/>
  <c r="G76450" i="1"/>
  <c r="G76451" i="1"/>
  <c r="G76452" i="1"/>
  <c r="G76453" i="1"/>
  <c r="G76454" i="1"/>
  <c r="G76455" i="1"/>
  <c r="G76456" i="1"/>
  <c r="G76457" i="1"/>
  <c r="G76458" i="1"/>
  <c r="G76459" i="1"/>
  <c r="G76460" i="1"/>
  <c r="G76461" i="1"/>
  <c r="G76462" i="1"/>
  <c r="G76463" i="1"/>
  <c r="G76464" i="1"/>
  <c r="G76465" i="1"/>
  <c r="G76466" i="1"/>
  <c r="G76467" i="1"/>
  <c r="G76468" i="1"/>
  <c r="G76469" i="1"/>
  <c r="G76470" i="1"/>
  <c r="G76471" i="1"/>
  <c r="G76472" i="1"/>
  <c r="G76473" i="1"/>
  <c r="G76474" i="1"/>
  <c r="G76475" i="1"/>
  <c r="G76476" i="1"/>
  <c r="G76477" i="1"/>
  <c r="G76478" i="1"/>
  <c r="G76479" i="1"/>
  <c r="G76480" i="1"/>
  <c r="G76481" i="1"/>
  <c r="G76482" i="1"/>
  <c r="G76483" i="1"/>
  <c r="G76484" i="1"/>
  <c r="G76485" i="1"/>
  <c r="G76486" i="1"/>
  <c r="G76487" i="1"/>
  <c r="G76488" i="1"/>
  <c r="G76489" i="1"/>
  <c r="G76490" i="1"/>
  <c r="G76491" i="1"/>
  <c r="G76492" i="1"/>
  <c r="G76493" i="1"/>
  <c r="G76494" i="1"/>
  <c r="G76495" i="1"/>
  <c r="G76496" i="1"/>
  <c r="G76497" i="1"/>
  <c r="G76498" i="1"/>
  <c r="G76499" i="1"/>
  <c r="G76500" i="1"/>
  <c r="G76501" i="1"/>
  <c r="G76502" i="1"/>
  <c r="G76503" i="1"/>
  <c r="G76504" i="1"/>
  <c r="G76505" i="1"/>
  <c r="G76506" i="1"/>
  <c r="G76507" i="1"/>
  <c r="G76508" i="1"/>
  <c r="G76509" i="1"/>
  <c r="G76510" i="1"/>
  <c r="G76511" i="1"/>
  <c r="G76512" i="1"/>
  <c r="G76513" i="1"/>
  <c r="G76514" i="1"/>
  <c r="G76515" i="1"/>
  <c r="G76516" i="1"/>
  <c r="G76517" i="1"/>
  <c r="G76518" i="1"/>
  <c r="G76519" i="1"/>
  <c r="G76520" i="1"/>
  <c r="G76521" i="1"/>
  <c r="G76522" i="1"/>
  <c r="G76523" i="1"/>
  <c r="G76524" i="1"/>
  <c r="G76525" i="1"/>
  <c r="G76526" i="1"/>
  <c r="G76527" i="1"/>
  <c r="G76528" i="1"/>
  <c r="G76529" i="1"/>
  <c r="G76530" i="1"/>
  <c r="G76531" i="1"/>
  <c r="G76532" i="1"/>
  <c r="G76533" i="1"/>
  <c r="G76534" i="1"/>
  <c r="G76535" i="1"/>
  <c r="G76536" i="1"/>
  <c r="G76537" i="1"/>
  <c r="G76538" i="1"/>
  <c r="G76539" i="1"/>
  <c r="G76540" i="1"/>
  <c r="G76541" i="1"/>
  <c r="G76542" i="1"/>
  <c r="G76543" i="1"/>
  <c r="G76544" i="1"/>
  <c r="G76545" i="1"/>
  <c r="G76546" i="1"/>
  <c r="G76547" i="1"/>
  <c r="G76548" i="1"/>
  <c r="G76549" i="1"/>
  <c r="G76550" i="1"/>
  <c r="G76551" i="1"/>
  <c r="G76552" i="1"/>
  <c r="G76553" i="1"/>
  <c r="G76554" i="1"/>
  <c r="G76555" i="1"/>
  <c r="G76556" i="1"/>
  <c r="G76557" i="1"/>
  <c r="G76558" i="1"/>
  <c r="G76559" i="1"/>
  <c r="G76560" i="1"/>
  <c r="G76561" i="1"/>
  <c r="G76562" i="1"/>
  <c r="G76563" i="1"/>
  <c r="G76564" i="1"/>
  <c r="G76565" i="1"/>
  <c r="G76566" i="1"/>
  <c r="G76567" i="1"/>
  <c r="G76568" i="1"/>
  <c r="G76569" i="1"/>
  <c r="G76570" i="1"/>
  <c r="G76571" i="1"/>
  <c r="G76572" i="1"/>
  <c r="G76573" i="1"/>
  <c r="G76574" i="1"/>
  <c r="G76575" i="1"/>
  <c r="G76576" i="1"/>
  <c r="G76577" i="1"/>
  <c r="G76578" i="1"/>
  <c r="G76579" i="1"/>
  <c r="G76580" i="1"/>
  <c r="G76581" i="1"/>
  <c r="G76582" i="1"/>
  <c r="G76583" i="1"/>
  <c r="G76584" i="1"/>
  <c r="G76585" i="1"/>
  <c r="G76586" i="1"/>
  <c r="G76587" i="1"/>
  <c r="G76588" i="1"/>
  <c r="G76589" i="1"/>
  <c r="G76590" i="1"/>
  <c r="G76591" i="1"/>
  <c r="G76592" i="1"/>
  <c r="G76593" i="1"/>
  <c r="G76594" i="1"/>
  <c r="G76595" i="1"/>
  <c r="G76596" i="1"/>
  <c r="G76597" i="1"/>
  <c r="G76598" i="1"/>
  <c r="G76599" i="1"/>
  <c r="G76600" i="1"/>
  <c r="G76601" i="1"/>
  <c r="G76602" i="1"/>
  <c r="G76603" i="1"/>
  <c r="G76604" i="1"/>
  <c r="G76605" i="1"/>
  <c r="G76606" i="1"/>
  <c r="G76607" i="1"/>
  <c r="G76608" i="1"/>
  <c r="G76609" i="1"/>
  <c r="G76610" i="1"/>
  <c r="G76611" i="1"/>
  <c r="G76612" i="1"/>
  <c r="G76613" i="1"/>
  <c r="G76614" i="1"/>
  <c r="G76615" i="1"/>
  <c r="G76616" i="1"/>
  <c r="G76617" i="1"/>
  <c r="G76618" i="1"/>
  <c r="G76619" i="1"/>
  <c r="G76620" i="1"/>
  <c r="G76621" i="1"/>
  <c r="G76622" i="1"/>
  <c r="G76623" i="1"/>
  <c r="G76624" i="1"/>
  <c r="G76625" i="1"/>
  <c r="G76626" i="1"/>
  <c r="G76627" i="1"/>
  <c r="G76628" i="1"/>
  <c r="G76629" i="1"/>
  <c r="G76630" i="1"/>
  <c r="G76631" i="1"/>
  <c r="G76632" i="1"/>
  <c r="G76633" i="1"/>
  <c r="G76634" i="1"/>
  <c r="G76635" i="1"/>
  <c r="G76636" i="1"/>
  <c r="G76637" i="1"/>
  <c r="G76638" i="1"/>
  <c r="G76639" i="1"/>
  <c r="G76640" i="1"/>
  <c r="G76641" i="1"/>
  <c r="G76642" i="1"/>
  <c r="G76643" i="1"/>
  <c r="G76644" i="1"/>
  <c r="G76645" i="1"/>
  <c r="G76646" i="1"/>
  <c r="G76647" i="1"/>
  <c r="G76648" i="1"/>
  <c r="G76649" i="1"/>
  <c r="G76650" i="1"/>
  <c r="G76651" i="1"/>
  <c r="G76652" i="1"/>
  <c r="G76653" i="1"/>
  <c r="G76654" i="1"/>
  <c r="G76655" i="1"/>
  <c r="G76656" i="1"/>
  <c r="G76657" i="1"/>
  <c r="G76658" i="1"/>
  <c r="G76659" i="1"/>
  <c r="G76660" i="1"/>
  <c r="G76661" i="1"/>
  <c r="G76662" i="1"/>
  <c r="G76663" i="1"/>
  <c r="G76664" i="1"/>
  <c r="G76665" i="1"/>
  <c r="G76666" i="1"/>
  <c r="G76667" i="1"/>
  <c r="G76668" i="1"/>
  <c r="G76669" i="1"/>
  <c r="G76670" i="1"/>
  <c r="G76671" i="1"/>
  <c r="G76672" i="1"/>
  <c r="G76673" i="1"/>
  <c r="G76674" i="1"/>
  <c r="G76675" i="1"/>
  <c r="G76676" i="1"/>
  <c r="G76677" i="1"/>
  <c r="G76678" i="1"/>
  <c r="G76679" i="1"/>
  <c r="G76680" i="1"/>
  <c r="G76681" i="1"/>
  <c r="G76682" i="1"/>
  <c r="G76683" i="1"/>
  <c r="G76684" i="1"/>
  <c r="G76685" i="1"/>
  <c r="G76686" i="1"/>
  <c r="G76687" i="1"/>
  <c r="G76688" i="1"/>
  <c r="G76689" i="1"/>
  <c r="G76690" i="1"/>
  <c r="G76691" i="1"/>
  <c r="G76692" i="1"/>
  <c r="G76693" i="1"/>
  <c r="G76694" i="1"/>
  <c r="G76695" i="1"/>
  <c r="G76696" i="1"/>
  <c r="G76697" i="1"/>
  <c r="G76698" i="1"/>
  <c r="G76699" i="1"/>
  <c r="G76700" i="1"/>
  <c r="G76701" i="1"/>
  <c r="G76702" i="1"/>
  <c r="G76703" i="1"/>
  <c r="G76704" i="1"/>
  <c r="G76705" i="1"/>
  <c r="G76706" i="1"/>
  <c r="G76707" i="1"/>
  <c r="G76708" i="1"/>
  <c r="G76709" i="1"/>
  <c r="G76710" i="1"/>
  <c r="G76711" i="1"/>
  <c r="G76712" i="1"/>
  <c r="G76713" i="1"/>
  <c r="G76714" i="1"/>
  <c r="G76715" i="1"/>
  <c r="G76716" i="1"/>
  <c r="G76717" i="1"/>
  <c r="G76718" i="1"/>
  <c r="G76719" i="1"/>
  <c r="G76720" i="1"/>
  <c r="G76721" i="1"/>
  <c r="G76722" i="1"/>
  <c r="G76723" i="1"/>
  <c r="G76724" i="1"/>
  <c r="G76725" i="1"/>
  <c r="G76726" i="1"/>
  <c r="G76727" i="1"/>
  <c r="G76728" i="1"/>
  <c r="G76729" i="1"/>
  <c r="G76730" i="1"/>
  <c r="G76731" i="1"/>
  <c r="G76732" i="1"/>
  <c r="G76733" i="1"/>
  <c r="G76734" i="1"/>
  <c r="G76735" i="1"/>
  <c r="G76736" i="1"/>
  <c r="G76737" i="1"/>
  <c r="G76738" i="1"/>
  <c r="G76739" i="1"/>
  <c r="G76740" i="1"/>
  <c r="G76741" i="1"/>
  <c r="G76742" i="1"/>
  <c r="G76743" i="1"/>
  <c r="G76744" i="1"/>
  <c r="G76745" i="1"/>
  <c r="G76746" i="1"/>
  <c r="G76747" i="1"/>
  <c r="G76748" i="1"/>
  <c r="G76749" i="1"/>
  <c r="G76750" i="1"/>
  <c r="G76751" i="1"/>
  <c r="G76752" i="1"/>
  <c r="G76753" i="1"/>
  <c r="G76754" i="1"/>
  <c r="G76755" i="1"/>
  <c r="G76756" i="1"/>
  <c r="G76757" i="1"/>
  <c r="G76758" i="1"/>
  <c r="G76759" i="1"/>
  <c r="G76760" i="1"/>
  <c r="G76761" i="1"/>
  <c r="G76762" i="1"/>
  <c r="G76763" i="1"/>
  <c r="G76764" i="1"/>
  <c r="G76765" i="1"/>
  <c r="G76766" i="1"/>
  <c r="G76767" i="1"/>
  <c r="G76768" i="1"/>
  <c r="G76769" i="1"/>
  <c r="G76770" i="1"/>
  <c r="G76771" i="1"/>
  <c r="G76772" i="1"/>
  <c r="G76773" i="1"/>
  <c r="G76774" i="1"/>
  <c r="G76775" i="1"/>
  <c r="G76776" i="1"/>
  <c r="G76777" i="1"/>
  <c r="G76778" i="1"/>
  <c r="G76779" i="1"/>
  <c r="G76780" i="1"/>
  <c r="G76781" i="1"/>
  <c r="G76782" i="1"/>
  <c r="G76783" i="1"/>
  <c r="G76784" i="1"/>
  <c r="G76785" i="1"/>
  <c r="G76786" i="1"/>
  <c r="G76787" i="1"/>
  <c r="G76788" i="1"/>
  <c r="G76789" i="1"/>
  <c r="G76790" i="1"/>
  <c r="G76791" i="1"/>
  <c r="G76792" i="1"/>
  <c r="G76793" i="1"/>
  <c r="G76794" i="1"/>
  <c r="G76795" i="1"/>
  <c r="G76796" i="1"/>
  <c r="G76797" i="1"/>
  <c r="G76798" i="1"/>
  <c r="G76799" i="1"/>
  <c r="G76800" i="1"/>
  <c r="G76801" i="1"/>
  <c r="G76802" i="1"/>
  <c r="G76803" i="1"/>
  <c r="G76804" i="1"/>
  <c r="G76805" i="1"/>
  <c r="G76806" i="1"/>
  <c r="G76807" i="1"/>
  <c r="G76808" i="1"/>
  <c r="G76809" i="1"/>
  <c r="G76810" i="1"/>
  <c r="G76811" i="1"/>
  <c r="G76812" i="1"/>
  <c r="G76813" i="1"/>
  <c r="G76814" i="1"/>
  <c r="G76815" i="1"/>
  <c r="G76816" i="1"/>
  <c r="G76817" i="1"/>
  <c r="G76818" i="1"/>
  <c r="G76819" i="1"/>
  <c r="G76820" i="1"/>
  <c r="G76821" i="1"/>
  <c r="G76822" i="1"/>
  <c r="G76823" i="1"/>
  <c r="G76824" i="1"/>
  <c r="G76825" i="1"/>
  <c r="G76826" i="1"/>
  <c r="G76827" i="1"/>
  <c r="G76828" i="1"/>
  <c r="G76829" i="1"/>
  <c r="G76830" i="1"/>
  <c r="G76831" i="1"/>
  <c r="G76832" i="1"/>
  <c r="G76833" i="1"/>
  <c r="G76834" i="1"/>
  <c r="G76835" i="1"/>
  <c r="G76836" i="1"/>
  <c r="G76837" i="1"/>
  <c r="G76838" i="1"/>
  <c r="G76839" i="1"/>
  <c r="G76840" i="1"/>
  <c r="G76841" i="1"/>
  <c r="G76842" i="1"/>
  <c r="G76843" i="1"/>
  <c r="G76844" i="1"/>
  <c r="G76845" i="1"/>
  <c r="G76846" i="1"/>
  <c r="G76847" i="1"/>
  <c r="G76848" i="1"/>
  <c r="G76849" i="1"/>
  <c r="G76850" i="1"/>
  <c r="G76851" i="1"/>
  <c r="G76852" i="1"/>
  <c r="G76853" i="1"/>
  <c r="G76854" i="1"/>
  <c r="G76855" i="1"/>
  <c r="G76856" i="1"/>
  <c r="G76857" i="1"/>
  <c r="G76858" i="1"/>
  <c r="G76859" i="1"/>
  <c r="G76860" i="1"/>
  <c r="G76861" i="1"/>
  <c r="G76862" i="1"/>
  <c r="G76863" i="1"/>
  <c r="G76864" i="1"/>
  <c r="G76865" i="1"/>
  <c r="G76866" i="1"/>
  <c r="G76867" i="1"/>
  <c r="G76868" i="1"/>
  <c r="G76869" i="1"/>
  <c r="G76870" i="1"/>
  <c r="G76871" i="1"/>
  <c r="G76872" i="1"/>
  <c r="G76873" i="1"/>
  <c r="G76874" i="1"/>
  <c r="G76875" i="1"/>
  <c r="G76876" i="1"/>
  <c r="G76877" i="1"/>
  <c r="G76878" i="1"/>
  <c r="G76879" i="1"/>
  <c r="G76880" i="1"/>
  <c r="G76881" i="1"/>
  <c r="G76882" i="1"/>
  <c r="G76883" i="1"/>
  <c r="G76884" i="1"/>
  <c r="G76885" i="1"/>
  <c r="G76886" i="1"/>
  <c r="G76887" i="1"/>
  <c r="G76888" i="1"/>
  <c r="G76889" i="1"/>
  <c r="G76890" i="1"/>
  <c r="G76891" i="1"/>
  <c r="G76892" i="1"/>
  <c r="G76893" i="1"/>
  <c r="G76894" i="1"/>
  <c r="G76895" i="1"/>
  <c r="G76896" i="1"/>
  <c r="G76897" i="1"/>
  <c r="G76898" i="1"/>
  <c r="G76899" i="1"/>
  <c r="G76900" i="1"/>
  <c r="G76901" i="1"/>
  <c r="G76902" i="1"/>
  <c r="G76903" i="1"/>
  <c r="G76904" i="1"/>
  <c r="G76905" i="1"/>
  <c r="G76906" i="1"/>
  <c r="G76907" i="1"/>
  <c r="G76908" i="1"/>
  <c r="G76909" i="1"/>
  <c r="G76910" i="1"/>
  <c r="G76911" i="1"/>
  <c r="G76912" i="1"/>
  <c r="G76913" i="1"/>
  <c r="G76914" i="1"/>
  <c r="G76915" i="1"/>
  <c r="G76916" i="1"/>
  <c r="G76917" i="1"/>
  <c r="G76918" i="1"/>
  <c r="G76919" i="1"/>
  <c r="G76920" i="1"/>
  <c r="G76921" i="1"/>
  <c r="G76922" i="1"/>
  <c r="G76923" i="1"/>
  <c r="G76924" i="1"/>
  <c r="G76925" i="1"/>
  <c r="G76926" i="1"/>
  <c r="G76927" i="1"/>
  <c r="G76928" i="1"/>
  <c r="G76929" i="1"/>
  <c r="G76930" i="1"/>
  <c r="G76931" i="1"/>
  <c r="G76932" i="1"/>
  <c r="G76933" i="1"/>
  <c r="G76934" i="1"/>
  <c r="G76935" i="1"/>
  <c r="G76936" i="1"/>
  <c r="G76937" i="1"/>
  <c r="G76938" i="1"/>
  <c r="G76939" i="1"/>
  <c r="G76940" i="1"/>
  <c r="G76941" i="1"/>
  <c r="G76942" i="1"/>
  <c r="G76943" i="1"/>
  <c r="G76944" i="1"/>
  <c r="G76945" i="1"/>
  <c r="G76946" i="1"/>
  <c r="G76947" i="1"/>
  <c r="G76948" i="1"/>
  <c r="G76949" i="1"/>
  <c r="G76950" i="1"/>
  <c r="G76951" i="1"/>
  <c r="G76952" i="1"/>
  <c r="G76953" i="1"/>
  <c r="G76954" i="1"/>
  <c r="G76955" i="1"/>
  <c r="G76956" i="1"/>
  <c r="G76957" i="1"/>
  <c r="G76958" i="1"/>
  <c r="G76959" i="1"/>
  <c r="G76960" i="1"/>
  <c r="G76961" i="1"/>
  <c r="G76962" i="1"/>
  <c r="G76963" i="1"/>
  <c r="G76964" i="1"/>
  <c r="G76965" i="1"/>
  <c r="G76966" i="1"/>
  <c r="G76967" i="1"/>
  <c r="G76968" i="1"/>
  <c r="G76969" i="1"/>
  <c r="G76970" i="1"/>
  <c r="G76971" i="1"/>
  <c r="G76972" i="1"/>
  <c r="G76973" i="1"/>
  <c r="G76974" i="1"/>
  <c r="G76975" i="1"/>
  <c r="G76976" i="1"/>
  <c r="G76977" i="1"/>
  <c r="G76978" i="1"/>
  <c r="G76979" i="1"/>
  <c r="G76980" i="1"/>
  <c r="G76981" i="1"/>
  <c r="G76982" i="1"/>
  <c r="G76983" i="1"/>
  <c r="G76984" i="1"/>
  <c r="G76985" i="1"/>
  <c r="G76986" i="1"/>
  <c r="G76987" i="1"/>
  <c r="G76988" i="1"/>
  <c r="G76989" i="1"/>
  <c r="G76990" i="1"/>
  <c r="G76991" i="1"/>
  <c r="G76992" i="1"/>
  <c r="G76993" i="1"/>
  <c r="G76994" i="1"/>
  <c r="G76995" i="1"/>
  <c r="G76996" i="1"/>
  <c r="G76997" i="1"/>
  <c r="G76998" i="1"/>
  <c r="G76999" i="1"/>
  <c r="G77000" i="1"/>
  <c r="G77001" i="1"/>
  <c r="G77002" i="1"/>
  <c r="G77003" i="1"/>
  <c r="G77004" i="1"/>
  <c r="G77005" i="1"/>
  <c r="G77006" i="1"/>
  <c r="G77007" i="1"/>
  <c r="G77008" i="1"/>
  <c r="G77009" i="1"/>
  <c r="G77010" i="1"/>
  <c r="G77011" i="1"/>
  <c r="G77012" i="1"/>
  <c r="G77013" i="1"/>
  <c r="G77014" i="1"/>
  <c r="G77015" i="1"/>
  <c r="G77016" i="1"/>
  <c r="G77017" i="1"/>
  <c r="G77018" i="1"/>
  <c r="G77019" i="1"/>
  <c r="G77020" i="1"/>
  <c r="G77021" i="1"/>
  <c r="G77022" i="1"/>
  <c r="G77023" i="1"/>
  <c r="G77024" i="1"/>
  <c r="G77025" i="1"/>
  <c r="G77026" i="1"/>
  <c r="G77027" i="1"/>
  <c r="G77028" i="1"/>
  <c r="G77029" i="1"/>
  <c r="G77030" i="1"/>
  <c r="G77031" i="1"/>
  <c r="G77032" i="1"/>
  <c r="G77033" i="1"/>
  <c r="G77034" i="1"/>
  <c r="G77035" i="1"/>
  <c r="G77036" i="1"/>
  <c r="G77037" i="1"/>
  <c r="G77038" i="1"/>
  <c r="G77039" i="1"/>
  <c r="G77040" i="1"/>
  <c r="G77041" i="1"/>
  <c r="G77042" i="1"/>
  <c r="G77043" i="1"/>
  <c r="G77044" i="1"/>
  <c r="G77045" i="1"/>
  <c r="G77046" i="1"/>
  <c r="G77047" i="1"/>
  <c r="G77048" i="1"/>
  <c r="G77049" i="1"/>
  <c r="G77050" i="1"/>
  <c r="G77051" i="1"/>
  <c r="G77052" i="1"/>
  <c r="G77053" i="1"/>
  <c r="G77054" i="1"/>
  <c r="G77055" i="1"/>
  <c r="G77056" i="1"/>
  <c r="G77057" i="1"/>
  <c r="G77058" i="1"/>
  <c r="G77059" i="1"/>
  <c r="G77060" i="1"/>
  <c r="G77061" i="1"/>
  <c r="G77062" i="1"/>
  <c r="G77063" i="1"/>
  <c r="G77064" i="1"/>
  <c r="G77065" i="1"/>
  <c r="G77066" i="1"/>
  <c r="G77067" i="1"/>
  <c r="G77068" i="1"/>
  <c r="G77069" i="1"/>
  <c r="G77070" i="1"/>
  <c r="G77071" i="1"/>
  <c r="G77072" i="1"/>
  <c r="G77073" i="1"/>
  <c r="G77074" i="1"/>
  <c r="G77075" i="1"/>
  <c r="G77076" i="1"/>
  <c r="G77077" i="1"/>
  <c r="G77078" i="1"/>
  <c r="G77079" i="1"/>
  <c r="G77080" i="1"/>
  <c r="G77081" i="1"/>
  <c r="G77082" i="1"/>
  <c r="G77083" i="1"/>
  <c r="G77084" i="1"/>
  <c r="G77085" i="1"/>
  <c r="G77086" i="1"/>
  <c r="G77087" i="1"/>
  <c r="G77088" i="1"/>
  <c r="G77089" i="1"/>
  <c r="G77090" i="1"/>
  <c r="G77091" i="1"/>
  <c r="G77092" i="1"/>
  <c r="G77093" i="1"/>
  <c r="G77094" i="1"/>
  <c r="G77095" i="1"/>
  <c r="G77096" i="1"/>
  <c r="G77097" i="1"/>
  <c r="G77098" i="1"/>
  <c r="G77099" i="1"/>
  <c r="G77100" i="1"/>
  <c r="G77101" i="1"/>
  <c r="G77102" i="1"/>
  <c r="G77103" i="1"/>
  <c r="G77104" i="1"/>
  <c r="G77105" i="1"/>
  <c r="G77106" i="1"/>
  <c r="G77107" i="1"/>
  <c r="G77108" i="1"/>
  <c r="G77109" i="1"/>
  <c r="G77110" i="1"/>
  <c r="G77111" i="1"/>
  <c r="G77112" i="1"/>
  <c r="G77113" i="1"/>
  <c r="G77114" i="1"/>
  <c r="G77115" i="1"/>
  <c r="G77116" i="1"/>
  <c r="G77117" i="1"/>
  <c r="G77118" i="1"/>
  <c r="G77119" i="1"/>
  <c r="G77120" i="1"/>
  <c r="G77121" i="1"/>
  <c r="G77122" i="1"/>
  <c r="G77123" i="1"/>
  <c r="G77124" i="1"/>
  <c r="G77125" i="1"/>
  <c r="G77126" i="1"/>
  <c r="G77127" i="1"/>
  <c r="G77128" i="1"/>
  <c r="G77129" i="1"/>
  <c r="G77130" i="1"/>
  <c r="G77131" i="1"/>
  <c r="G77132" i="1"/>
  <c r="G77133" i="1"/>
  <c r="G77134" i="1"/>
  <c r="G77135" i="1"/>
  <c r="G77136" i="1"/>
  <c r="G77137" i="1"/>
  <c r="G77138" i="1"/>
  <c r="G77139" i="1"/>
  <c r="G77140" i="1"/>
  <c r="G77141" i="1"/>
  <c r="G77142" i="1"/>
  <c r="G77143" i="1"/>
  <c r="G77144" i="1"/>
  <c r="G77145" i="1"/>
  <c r="G77146" i="1"/>
  <c r="G77147" i="1"/>
  <c r="G77148" i="1"/>
  <c r="G77149" i="1"/>
  <c r="G77150" i="1"/>
  <c r="G77151" i="1"/>
  <c r="G77152" i="1"/>
  <c r="G77153" i="1"/>
  <c r="G77154" i="1"/>
  <c r="G77155" i="1"/>
  <c r="G77156" i="1"/>
  <c r="G77157" i="1"/>
  <c r="G77158" i="1"/>
  <c r="G77159" i="1"/>
  <c r="G77160" i="1"/>
  <c r="G77161" i="1"/>
  <c r="G77162" i="1"/>
  <c r="G77163" i="1"/>
  <c r="G77164" i="1"/>
  <c r="G77165" i="1"/>
  <c r="G77166" i="1"/>
  <c r="G77167" i="1"/>
  <c r="G77168" i="1"/>
  <c r="G77169" i="1"/>
  <c r="G77170" i="1"/>
  <c r="G77171" i="1"/>
  <c r="G77172" i="1"/>
  <c r="G77173" i="1"/>
  <c r="G77174" i="1"/>
  <c r="G77175" i="1"/>
  <c r="G77176" i="1"/>
  <c r="G77177" i="1"/>
  <c r="G77178" i="1"/>
  <c r="G77179" i="1"/>
  <c r="G77180" i="1"/>
  <c r="G77181" i="1"/>
  <c r="G77182" i="1"/>
  <c r="G77183" i="1"/>
  <c r="G77184" i="1"/>
  <c r="G77185" i="1"/>
  <c r="G77186" i="1"/>
  <c r="G77187" i="1"/>
  <c r="G77188" i="1"/>
  <c r="G77189" i="1"/>
  <c r="G77190" i="1"/>
  <c r="G77191" i="1"/>
  <c r="G77192" i="1"/>
  <c r="G77193" i="1"/>
  <c r="G77194" i="1"/>
  <c r="G77195" i="1"/>
  <c r="G77196" i="1"/>
  <c r="G77197" i="1"/>
  <c r="G77198" i="1"/>
  <c r="G77199" i="1"/>
  <c r="G77200" i="1"/>
  <c r="G77201" i="1"/>
  <c r="G77202" i="1"/>
  <c r="G77203" i="1"/>
  <c r="G77204" i="1"/>
  <c r="G77205" i="1"/>
  <c r="G77206" i="1"/>
  <c r="G77207" i="1"/>
  <c r="G77208" i="1"/>
  <c r="G77209" i="1"/>
  <c r="G77210" i="1"/>
  <c r="G77211" i="1"/>
  <c r="G77212" i="1"/>
  <c r="G77213" i="1"/>
  <c r="G77214" i="1"/>
  <c r="G77215" i="1"/>
  <c r="G77216" i="1"/>
  <c r="G77217" i="1"/>
  <c r="G77218" i="1"/>
  <c r="G77219" i="1"/>
  <c r="G77220" i="1"/>
  <c r="G77221" i="1"/>
  <c r="G77222" i="1"/>
  <c r="G77223" i="1"/>
  <c r="G77224" i="1"/>
  <c r="G77225" i="1"/>
  <c r="G77226" i="1"/>
  <c r="G77227" i="1"/>
  <c r="G77228" i="1"/>
  <c r="G77229" i="1"/>
  <c r="G77230" i="1"/>
  <c r="G77231" i="1"/>
  <c r="G77232" i="1"/>
  <c r="G77233" i="1"/>
  <c r="G77234" i="1"/>
  <c r="G77235" i="1"/>
  <c r="G77236" i="1"/>
  <c r="G77237" i="1"/>
  <c r="G77238" i="1"/>
  <c r="G77239" i="1"/>
  <c r="G77240" i="1"/>
  <c r="G77241" i="1"/>
  <c r="G77242" i="1"/>
  <c r="G77243" i="1"/>
  <c r="G77244" i="1"/>
  <c r="G77245" i="1"/>
  <c r="G77246" i="1"/>
  <c r="G77247" i="1"/>
  <c r="G77248" i="1"/>
  <c r="G77249" i="1"/>
  <c r="G77250" i="1"/>
  <c r="G77251" i="1"/>
  <c r="G77252" i="1"/>
  <c r="G77253" i="1"/>
  <c r="G77254" i="1"/>
  <c r="G77255" i="1"/>
  <c r="G77256" i="1"/>
  <c r="G77257" i="1"/>
  <c r="G77258" i="1"/>
  <c r="G77259" i="1"/>
  <c r="G77260" i="1"/>
  <c r="G77261" i="1"/>
  <c r="G77262" i="1"/>
  <c r="G77263" i="1"/>
  <c r="G77264" i="1"/>
  <c r="G77265" i="1"/>
  <c r="G77266" i="1"/>
  <c r="G77267" i="1"/>
  <c r="G77268" i="1"/>
  <c r="G77269" i="1"/>
  <c r="G77270" i="1"/>
  <c r="G77271" i="1"/>
  <c r="G77272" i="1"/>
  <c r="G77273" i="1"/>
  <c r="G77274" i="1"/>
  <c r="G77275" i="1"/>
  <c r="G77276" i="1"/>
  <c r="G77277" i="1"/>
  <c r="G77278" i="1"/>
  <c r="G77279" i="1"/>
  <c r="G77280" i="1"/>
  <c r="G77281" i="1"/>
  <c r="G77282" i="1"/>
  <c r="G77283" i="1"/>
  <c r="G77284" i="1"/>
  <c r="G77285" i="1"/>
  <c r="G77286" i="1"/>
  <c r="G77287" i="1"/>
  <c r="G77288" i="1"/>
  <c r="G77289" i="1"/>
  <c r="G77290" i="1"/>
  <c r="G77291" i="1"/>
  <c r="G77292" i="1"/>
  <c r="G77293" i="1"/>
  <c r="G77294" i="1"/>
  <c r="G77295" i="1"/>
  <c r="G77296" i="1"/>
  <c r="G77297" i="1"/>
  <c r="G77298" i="1"/>
  <c r="G77299" i="1"/>
  <c r="G77300" i="1"/>
  <c r="G77301" i="1"/>
  <c r="G77302" i="1"/>
  <c r="G77303" i="1"/>
  <c r="G77304" i="1"/>
  <c r="G77305" i="1"/>
  <c r="G77306" i="1"/>
  <c r="G77307" i="1"/>
  <c r="G77308" i="1"/>
  <c r="G77309" i="1"/>
  <c r="G77310" i="1"/>
  <c r="G77311" i="1"/>
  <c r="G77312" i="1"/>
  <c r="G77313" i="1"/>
  <c r="G77314" i="1"/>
  <c r="G77315" i="1"/>
  <c r="G77316" i="1"/>
  <c r="G77317" i="1"/>
  <c r="G77318" i="1"/>
  <c r="G77319" i="1"/>
  <c r="G77320" i="1"/>
  <c r="G77321" i="1"/>
  <c r="G77322" i="1"/>
  <c r="G77323" i="1"/>
  <c r="G77324" i="1"/>
  <c r="G77325" i="1"/>
  <c r="G77326" i="1"/>
  <c r="G77327" i="1"/>
  <c r="G77328" i="1"/>
  <c r="G77329" i="1"/>
  <c r="G77330" i="1"/>
  <c r="G77331" i="1"/>
  <c r="G77332" i="1"/>
  <c r="G77333" i="1"/>
  <c r="G77334" i="1"/>
  <c r="G77335" i="1"/>
  <c r="G77336" i="1"/>
  <c r="G77337" i="1"/>
  <c r="G77338" i="1"/>
  <c r="G77339" i="1"/>
  <c r="G77340" i="1"/>
  <c r="G77341" i="1"/>
  <c r="G77342" i="1"/>
  <c r="G77343" i="1"/>
  <c r="G77344" i="1"/>
  <c r="G77345" i="1"/>
  <c r="G77346" i="1"/>
  <c r="G77347" i="1"/>
  <c r="G77348" i="1"/>
  <c r="G77349" i="1"/>
  <c r="G77350" i="1"/>
  <c r="G77351" i="1"/>
  <c r="G77352" i="1"/>
  <c r="G77353" i="1"/>
  <c r="G77354" i="1"/>
  <c r="G77355" i="1"/>
  <c r="G77356" i="1"/>
  <c r="G77357" i="1"/>
  <c r="G77358" i="1"/>
  <c r="G77359" i="1"/>
  <c r="G77360" i="1"/>
  <c r="G77361" i="1"/>
  <c r="G77362" i="1"/>
  <c r="G77363" i="1"/>
  <c r="G77364" i="1"/>
  <c r="G77365" i="1"/>
  <c r="G77366" i="1"/>
  <c r="G77367" i="1"/>
  <c r="G77368" i="1"/>
  <c r="G77369" i="1"/>
  <c r="G77370" i="1"/>
  <c r="G77371" i="1"/>
  <c r="G77372" i="1"/>
  <c r="G77373" i="1"/>
  <c r="G77374" i="1"/>
  <c r="G77375" i="1"/>
  <c r="G77376" i="1"/>
  <c r="G77377" i="1"/>
  <c r="G77378" i="1"/>
  <c r="G77379" i="1"/>
  <c r="G77380" i="1"/>
  <c r="G77381" i="1"/>
  <c r="G77382" i="1"/>
  <c r="G77383" i="1"/>
  <c r="G77384" i="1"/>
  <c r="G77385" i="1"/>
  <c r="G77386" i="1"/>
  <c r="G77387" i="1"/>
  <c r="G77388" i="1"/>
  <c r="G77389" i="1"/>
  <c r="G77390" i="1"/>
  <c r="G77391" i="1"/>
  <c r="G77392" i="1"/>
  <c r="G77393" i="1"/>
  <c r="G77394" i="1"/>
  <c r="G77395" i="1"/>
  <c r="G77396" i="1"/>
  <c r="G77397" i="1"/>
  <c r="G77398" i="1"/>
  <c r="G77399" i="1"/>
  <c r="G77400" i="1"/>
  <c r="G77401" i="1"/>
  <c r="G77402" i="1"/>
  <c r="G77403" i="1"/>
  <c r="G77404" i="1"/>
  <c r="G77405" i="1"/>
  <c r="G77406" i="1"/>
  <c r="G77407" i="1"/>
  <c r="G77408" i="1"/>
  <c r="G77409" i="1"/>
  <c r="G77410" i="1"/>
  <c r="G77411" i="1"/>
  <c r="G77412" i="1"/>
  <c r="G77413" i="1"/>
  <c r="G77414" i="1"/>
  <c r="G77415" i="1"/>
  <c r="G77416" i="1"/>
  <c r="G77417" i="1"/>
  <c r="G77418" i="1"/>
  <c r="G77419" i="1"/>
  <c r="G77420" i="1"/>
  <c r="G77421" i="1"/>
  <c r="G77422" i="1"/>
  <c r="G77423" i="1"/>
  <c r="G77424" i="1"/>
  <c r="G77425" i="1"/>
  <c r="G77426" i="1"/>
  <c r="G77427" i="1"/>
  <c r="G77428" i="1"/>
  <c r="G77429" i="1"/>
  <c r="G77430" i="1"/>
  <c r="G77431" i="1"/>
  <c r="G77432" i="1"/>
  <c r="G77433" i="1"/>
  <c r="G77434" i="1"/>
  <c r="G77435" i="1"/>
  <c r="G77436" i="1"/>
  <c r="G77437" i="1"/>
  <c r="G77438" i="1"/>
  <c r="G77439" i="1"/>
  <c r="G77440" i="1"/>
  <c r="G77441" i="1"/>
  <c r="G77442" i="1"/>
  <c r="G77443" i="1"/>
  <c r="G77444" i="1"/>
  <c r="G77445" i="1"/>
  <c r="G77446" i="1"/>
  <c r="G77447" i="1"/>
  <c r="G77448" i="1"/>
  <c r="G77449" i="1"/>
  <c r="G77450" i="1"/>
  <c r="G77451" i="1"/>
  <c r="G77452" i="1"/>
  <c r="G77453" i="1"/>
  <c r="G77454" i="1"/>
  <c r="G77455" i="1"/>
  <c r="G77456" i="1"/>
  <c r="G77457" i="1"/>
  <c r="G77458" i="1"/>
  <c r="G77459" i="1"/>
  <c r="G77460" i="1"/>
  <c r="G77461" i="1"/>
  <c r="G77462" i="1"/>
  <c r="G77463" i="1"/>
  <c r="G77464" i="1"/>
  <c r="G77465" i="1"/>
  <c r="G77466" i="1"/>
  <c r="G77467" i="1"/>
  <c r="G77468" i="1"/>
  <c r="G77469" i="1"/>
  <c r="G77470" i="1"/>
  <c r="G77471" i="1"/>
  <c r="G77472" i="1"/>
  <c r="G77473" i="1"/>
  <c r="G77474" i="1"/>
  <c r="G77475" i="1"/>
  <c r="G77476" i="1"/>
  <c r="G77477" i="1"/>
  <c r="G77478" i="1"/>
  <c r="G77479" i="1"/>
  <c r="G77480" i="1"/>
  <c r="G77481" i="1"/>
  <c r="G77482" i="1"/>
  <c r="G77483" i="1"/>
  <c r="G77484" i="1"/>
  <c r="G77485" i="1"/>
  <c r="G77486" i="1"/>
  <c r="G77487" i="1"/>
  <c r="G77488" i="1"/>
  <c r="G77489" i="1"/>
  <c r="G77490" i="1"/>
  <c r="G77491" i="1"/>
  <c r="G77492" i="1"/>
  <c r="G77493" i="1"/>
  <c r="G77494" i="1"/>
  <c r="G77495" i="1"/>
  <c r="G77496" i="1"/>
  <c r="G77497" i="1"/>
  <c r="G77498" i="1"/>
  <c r="G77499" i="1"/>
  <c r="G77500" i="1"/>
  <c r="G77501" i="1"/>
  <c r="G77502" i="1"/>
  <c r="G77503" i="1"/>
  <c r="G77504" i="1"/>
  <c r="G77505" i="1"/>
  <c r="G77506" i="1"/>
  <c r="G77507" i="1"/>
  <c r="G77508" i="1"/>
  <c r="G77509" i="1"/>
  <c r="G77510" i="1"/>
  <c r="G77511" i="1"/>
  <c r="G77512" i="1"/>
  <c r="G77513" i="1"/>
  <c r="G77514" i="1"/>
  <c r="G77515" i="1"/>
  <c r="G77516" i="1"/>
  <c r="G77517" i="1"/>
  <c r="G77518" i="1"/>
  <c r="G77519" i="1"/>
  <c r="G77520" i="1"/>
  <c r="G77521" i="1"/>
  <c r="G77522" i="1"/>
  <c r="G77523" i="1"/>
  <c r="G77524" i="1"/>
  <c r="G77525" i="1"/>
  <c r="G77526" i="1"/>
  <c r="G77527" i="1"/>
  <c r="G77528" i="1"/>
  <c r="G77529" i="1"/>
  <c r="G77530" i="1"/>
  <c r="G77531" i="1"/>
  <c r="G77532" i="1"/>
  <c r="G77533" i="1"/>
  <c r="G77534" i="1"/>
  <c r="G77535" i="1"/>
  <c r="G77536" i="1"/>
  <c r="G77537" i="1"/>
  <c r="G77538" i="1"/>
  <c r="G77539" i="1"/>
  <c r="G77540" i="1"/>
  <c r="G77541" i="1"/>
  <c r="G77542" i="1"/>
  <c r="G77543" i="1"/>
  <c r="G77544" i="1"/>
  <c r="G77545" i="1"/>
  <c r="G77546" i="1"/>
  <c r="G77547" i="1"/>
  <c r="G77548" i="1"/>
  <c r="G77549" i="1"/>
  <c r="G77550" i="1"/>
  <c r="G77551" i="1"/>
  <c r="G77552" i="1"/>
  <c r="G77553" i="1"/>
  <c r="G77554" i="1"/>
  <c r="G77555" i="1"/>
  <c r="G77556" i="1"/>
  <c r="G77557" i="1"/>
  <c r="G77558" i="1"/>
  <c r="G77559" i="1"/>
  <c r="G77560" i="1"/>
  <c r="G77561" i="1"/>
  <c r="G77562" i="1"/>
  <c r="G77563" i="1"/>
  <c r="G77564" i="1"/>
  <c r="G77565" i="1"/>
  <c r="G77566" i="1"/>
  <c r="G77567" i="1"/>
  <c r="G77568" i="1"/>
  <c r="G77569" i="1"/>
  <c r="G77570" i="1"/>
  <c r="G77571" i="1"/>
  <c r="G77572" i="1"/>
  <c r="G77573" i="1"/>
  <c r="G77574" i="1"/>
  <c r="G77575" i="1"/>
  <c r="G77576" i="1"/>
  <c r="G77577" i="1"/>
  <c r="G77578" i="1"/>
  <c r="G77579" i="1"/>
  <c r="G77580" i="1"/>
  <c r="G77581" i="1"/>
  <c r="G77582" i="1"/>
  <c r="G77583" i="1"/>
  <c r="G77584" i="1"/>
  <c r="G77585" i="1"/>
  <c r="G77586" i="1"/>
  <c r="G77587" i="1"/>
  <c r="G77588" i="1"/>
  <c r="G77589" i="1"/>
  <c r="G77590" i="1"/>
  <c r="G77591" i="1"/>
  <c r="G77592" i="1"/>
  <c r="G77593" i="1"/>
  <c r="G77594" i="1"/>
  <c r="G77595" i="1"/>
  <c r="G77596" i="1"/>
  <c r="G77597" i="1"/>
  <c r="G77598" i="1"/>
  <c r="G77599" i="1"/>
  <c r="G77600" i="1"/>
  <c r="G77601" i="1"/>
  <c r="G77602" i="1"/>
  <c r="G77603" i="1"/>
  <c r="G77604" i="1"/>
  <c r="G77605" i="1"/>
  <c r="G77606" i="1"/>
  <c r="G77607" i="1"/>
  <c r="G77608" i="1"/>
  <c r="G77609" i="1"/>
  <c r="G77610" i="1"/>
  <c r="G77611" i="1"/>
  <c r="G77612" i="1"/>
  <c r="G77613" i="1"/>
  <c r="G77614" i="1"/>
  <c r="G77615" i="1"/>
  <c r="G77616" i="1"/>
  <c r="G77617" i="1"/>
  <c r="G77618" i="1"/>
  <c r="G77619" i="1"/>
  <c r="G77620" i="1"/>
  <c r="G77621" i="1"/>
  <c r="G77622" i="1"/>
  <c r="G77623" i="1"/>
  <c r="G77624" i="1"/>
  <c r="G77625" i="1"/>
  <c r="G77626" i="1"/>
  <c r="G77627" i="1"/>
  <c r="G77628" i="1"/>
  <c r="G77629" i="1"/>
  <c r="G77630" i="1"/>
  <c r="G77631" i="1"/>
  <c r="G77632" i="1"/>
  <c r="G77633" i="1"/>
  <c r="G77634" i="1"/>
  <c r="G77635" i="1"/>
  <c r="G77636" i="1"/>
  <c r="G77637" i="1"/>
  <c r="G77638" i="1"/>
  <c r="G77639" i="1"/>
  <c r="G77640" i="1"/>
  <c r="G77641" i="1"/>
  <c r="G77642" i="1"/>
  <c r="G77643" i="1"/>
  <c r="G77644" i="1"/>
  <c r="G77645" i="1"/>
  <c r="G77646" i="1"/>
  <c r="G77647" i="1"/>
  <c r="G77648" i="1"/>
  <c r="G77649" i="1"/>
  <c r="G77650" i="1"/>
  <c r="G77651" i="1"/>
  <c r="G77652" i="1"/>
  <c r="G77653" i="1"/>
  <c r="G77654" i="1"/>
  <c r="G77655" i="1"/>
  <c r="G77656" i="1"/>
  <c r="G77657" i="1"/>
  <c r="G77658" i="1"/>
  <c r="G77659" i="1"/>
  <c r="G77660" i="1"/>
  <c r="G77661" i="1"/>
  <c r="G77662" i="1"/>
  <c r="G77663" i="1"/>
  <c r="G77664" i="1"/>
  <c r="G77665" i="1"/>
  <c r="G77666" i="1"/>
  <c r="G77667" i="1"/>
  <c r="G77668" i="1"/>
  <c r="G77669" i="1"/>
  <c r="G77670" i="1"/>
  <c r="G77671" i="1"/>
  <c r="G77672" i="1"/>
  <c r="G77673" i="1"/>
  <c r="G77674" i="1"/>
  <c r="G77675" i="1"/>
  <c r="G77676" i="1"/>
  <c r="G77677" i="1"/>
  <c r="G77678" i="1"/>
  <c r="G77679" i="1"/>
  <c r="G77680" i="1"/>
  <c r="G77681" i="1"/>
  <c r="G77682" i="1"/>
  <c r="G77683" i="1"/>
  <c r="G77684" i="1"/>
  <c r="G77685" i="1"/>
  <c r="G77686" i="1"/>
  <c r="G77687" i="1"/>
  <c r="G77688" i="1"/>
  <c r="G77689" i="1"/>
  <c r="G77690" i="1"/>
  <c r="G77691" i="1"/>
  <c r="G77692" i="1"/>
  <c r="G77693" i="1"/>
  <c r="G77694" i="1"/>
  <c r="G77695" i="1"/>
  <c r="G77696" i="1"/>
  <c r="G77697" i="1"/>
  <c r="G77698" i="1"/>
  <c r="G77699" i="1"/>
  <c r="G77700" i="1"/>
  <c r="G77701" i="1"/>
  <c r="G77702" i="1"/>
  <c r="G77703" i="1"/>
  <c r="G77704" i="1"/>
  <c r="G77705" i="1"/>
  <c r="G77706" i="1"/>
  <c r="G77707" i="1"/>
  <c r="G77708" i="1"/>
  <c r="G77709" i="1"/>
  <c r="G77710" i="1"/>
  <c r="G77711" i="1"/>
  <c r="G77712" i="1"/>
  <c r="G77713" i="1"/>
  <c r="G77714" i="1"/>
  <c r="G77715" i="1"/>
  <c r="G77716" i="1"/>
  <c r="G77717" i="1"/>
  <c r="G77718" i="1"/>
  <c r="G77719" i="1"/>
  <c r="G77720" i="1"/>
  <c r="G77721" i="1"/>
  <c r="G77722" i="1"/>
  <c r="G77723" i="1"/>
  <c r="G77724" i="1"/>
  <c r="G77725" i="1"/>
  <c r="G77726" i="1"/>
  <c r="G77727" i="1"/>
  <c r="G77728" i="1"/>
  <c r="G77729" i="1"/>
  <c r="G77730" i="1"/>
  <c r="G77731" i="1"/>
  <c r="G77732" i="1"/>
  <c r="G77733" i="1"/>
  <c r="G77734" i="1"/>
  <c r="G77735" i="1"/>
  <c r="G77736" i="1"/>
  <c r="G77737" i="1"/>
  <c r="G77738" i="1"/>
  <c r="G77739" i="1"/>
  <c r="G77740" i="1"/>
  <c r="G77741" i="1"/>
  <c r="G77742" i="1"/>
  <c r="G77743" i="1"/>
  <c r="G77744" i="1"/>
  <c r="G77745" i="1"/>
  <c r="G77746" i="1"/>
  <c r="G77747" i="1"/>
  <c r="G77748" i="1"/>
  <c r="G77749" i="1"/>
  <c r="G77750" i="1"/>
  <c r="G77751" i="1"/>
  <c r="G77752" i="1"/>
  <c r="G77753" i="1"/>
  <c r="G77754" i="1"/>
  <c r="G77755" i="1"/>
  <c r="G77756" i="1"/>
  <c r="G77757" i="1"/>
  <c r="G77758" i="1"/>
  <c r="G77759" i="1"/>
  <c r="G77760" i="1"/>
  <c r="G77761" i="1"/>
  <c r="G77762" i="1"/>
  <c r="G77763" i="1"/>
  <c r="G77764" i="1"/>
  <c r="G77765" i="1"/>
  <c r="G77766" i="1"/>
  <c r="G77767" i="1"/>
  <c r="G77768" i="1"/>
  <c r="G77769" i="1"/>
  <c r="G77770" i="1"/>
  <c r="G77771" i="1"/>
  <c r="G77772" i="1"/>
  <c r="G77773" i="1"/>
  <c r="G77774" i="1"/>
  <c r="G77775" i="1"/>
  <c r="G77776" i="1"/>
  <c r="G77777" i="1"/>
  <c r="G77778" i="1"/>
  <c r="G77779" i="1"/>
  <c r="G77780" i="1"/>
  <c r="G77781" i="1"/>
  <c r="G77782" i="1"/>
  <c r="G77783" i="1"/>
  <c r="G77784" i="1"/>
  <c r="G77785" i="1"/>
  <c r="G77786" i="1"/>
  <c r="G77787" i="1"/>
  <c r="G77788" i="1"/>
  <c r="G77789" i="1"/>
  <c r="G77790" i="1"/>
  <c r="G77791" i="1"/>
  <c r="G77792" i="1"/>
  <c r="G77793" i="1"/>
  <c r="G77794" i="1"/>
  <c r="G77795" i="1"/>
  <c r="G77796" i="1"/>
  <c r="G77797" i="1"/>
  <c r="G77798" i="1"/>
  <c r="G77799" i="1"/>
  <c r="G77800" i="1"/>
  <c r="G77801" i="1"/>
  <c r="G77802" i="1"/>
  <c r="G77803" i="1"/>
  <c r="G77804" i="1"/>
  <c r="G77805" i="1"/>
  <c r="G77806" i="1"/>
  <c r="G77807" i="1"/>
  <c r="G77808" i="1"/>
  <c r="G77809" i="1"/>
  <c r="G77810" i="1"/>
  <c r="G77811" i="1"/>
  <c r="G77812" i="1"/>
  <c r="G77813" i="1"/>
  <c r="G77814" i="1"/>
  <c r="G77815" i="1"/>
  <c r="G77816" i="1"/>
  <c r="G77817" i="1"/>
  <c r="G77818" i="1"/>
  <c r="G77819" i="1"/>
  <c r="G77820" i="1"/>
  <c r="G77821" i="1"/>
  <c r="G77822" i="1"/>
  <c r="G77823" i="1"/>
  <c r="G77824" i="1"/>
  <c r="G77825" i="1"/>
  <c r="G77826" i="1"/>
  <c r="G77827" i="1"/>
  <c r="G77828" i="1"/>
  <c r="G77829" i="1"/>
  <c r="G77830" i="1"/>
  <c r="G77831" i="1"/>
  <c r="G77832" i="1"/>
  <c r="G77833" i="1"/>
  <c r="G77834" i="1"/>
  <c r="G77835" i="1"/>
  <c r="G77836" i="1"/>
  <c r="G77837" i="1"/>
  <c r="G77838" i="1"/>
  <c r="G77839" i="1"/>
  <c r="G77840" i="1"/>
  <c r="G77841" i="1"/>
  <c r="G77842" i="1"/>
  <c r="G77843" i="1"/>
  <c r="G77844" i="1"/>
  <c r="G77845" i="1"/>
  <c r="G77846" i="1"/>
  <c r="G77847" i="1"/>
  <c r="G77848" i="1"/>
  <c r="G77849" i="1"/>
  <c r="G77850" i="1"/>
  <c r="G77851" i="1"/>
  <c r="G77852" i="1"/>
  <c r="G77853" i="1"/>
  <c r="G77854" i="1"/>
  <c r="G77855" i="1"/>
  <c r="G77856" i="1"/>
  <c r="G77857" i="1"/>
  <c r="G77858" i="1"/>
  <c r="G77859" i="1"/>
  <c r="G77860" i="1"/>
  <c r="G77861" i="1"/>
  <c r="G77862" i="1"/>
  <c r="G77863" i="1"/>
  <c r="G77864" i="1"/>
  <c r="G77865" i="1"/>
  <c r="G77866" i="1"/>
  <c r="G77867" i="1"/>
  <c r="G77868" i="1"/>
  <c r="G77869" i="1"/>
  <c r="G77870" i="1"/>
  <c r="G77871" i="1"/>
  <c r="G77872" i="1"/>
  <c r="G77873" i="1"/>
  <c r="G77874" i="1"/>
  <c r="G77875" i="1"/>
  <c r="G77876" i="1"/>
  <c r="G77877" i="1"/>
  <c r="G77878" i="1"/>
  <c r="G77879" i="1"/>
  <c r="G77880" i="1"/>
  <c r="G77881" i="1"/>
  <c r="G77882" i="1"/>
  <c r="G77883" i="1"/>
  <c r="G77884" i="1"/>
  <c r="G77885" i="1"/>
  <c r="G77886" i="1"/>
  <c r="G77887" i="1"/>
  <c r="G77888" i="1"/>
  <c r="G77889" i="1"/>
  <c r="G77890" i="1"/>
  <c r="G77891" i="1"/>
  <c r="G77892" i="1"/>
  <c r="G77893" i="1"/>
  <c r="G77894" i="1"/>
  <c r="G77895" i="1"/>
  <c r="G77896" i="1"/>
  <c r="G77897" i="1"/>
  <c r="G77898" i="1"/>
  <c r="G77899" i="1"/>
  <c r="G77900" i="1"/>
  <c r="G77901" i="1"/>
  <c r="G77902" i="1"/>
  <c r="G77903" i="1"/>
  <c r="G77904" i="1"/>
  <c r="G77905" i="1"/>
  <c r="G77906" i="1"/>
  <c r="G77907" i="1"/>
  <c r="G77908" i="1"/>
  <c r="G77909" i="1"/>
  <c r="G77910" i="1"/>
  <c r="G77911" i="1"/>
  <c r="G77912" i="1"/>
  <c r="G77913" i="1"/>
  <c r="G77914" i="1"/>
  <c r="G77915" i="1"/>
  <c r="G77916" i="1"/>
  <c r="G77917" i="1"/>
  <c r="G77918" i="1"/>
  <c r="G77919" i="1"/>
  <c r="G77920" i="1"/>
  <c r="G77921" i="1"/>
  <c r="G77922" i="1"/>
  <c r="G77923" i="1"/>
  <c r="G77924" i="1"/>
  <c r="G77925" i="1"/>
  <c r="G77926" i="1"/>
  <c r="G77927" i="1"/>
  <c r="G77928" i="1"/>
  <c r="G77929" i="1"/>
  <c r="G77930" i="1"/>
  <c r="G77931" i="1"/>
  <c r="G77932" i="1"/>
  <c r="G77933" i="1"/>
  <c r="G77934" i="1"/>
  <c r="G77935" i="1"/>
  <c r="G77936" i="1"/>
  <c r="G77937" i="1"/>
  <c r="G77938" i="1"/>
  <c r="G77939" i="1"/>
  <c r="G77940" i="1"/>
  <c r="G77941" i="1"/>
  <c r="G77942" i="1"/>
  <c r="G77943" i="1"/>
  <c r="G77944" i="1"/>
  <c r="G77945" i="1"/>
  <c r="G77946" i="1"/>
  <c r="G77947" i="1"/>
  <c r="G77948" i="1"/>
  <c r="G77949" i="1"/>
  <c r="G77950" i="1"/>
  <c r="G77951" i="1"/>
  <c r="G77952" i="1"/>
  <c r="G77953" i="1"/>
  <c r="G77954" i="1"/>
  <c r="G77955" i="1"/>
  <c r="G77956" i="1"/>
  <c r="G77957" i="1"/>
  <c r="G77958" i="1"/>
  <c r="G77959" i="1"/>
  <c r="G77960" i="1"/>
  <c r="G77961" i="1"/>
  <c r="G77962" i="1"/>
  <c r="G77963" i="1"/>
  <c r="G77964" i="1"/>
  <c r="G77965" i="1"/>
  <c r="G77966" i="1"/>
  <c r="G77967" i="1"/>
  <c r="G77968" i="1"/>
  <c r="G77969" i="1"/>
  <c r="G77970" i="1"/>
  <c r="G77971" i="1"/>
  <c r="G77972" i="1"/>
  <c r="G77973" i="1"/>
  <c r="G77974" i="1"/>
  <c r="G77975" i="1"/>
  <c r="G77976" i="1"/>
  <c r="G77977" i="1"/>
  <c r="G77978" i="1"/>
  <c r="G77979" i="1"/>
  <c r="G77980" i="1"/>
  <c r="G77981" i="1"/>
  <c r="G77982" i="1"/>
  <c r="G77983" i="1"/>
  <c r="G77984" i="1"/>
  <c r="G77985" i="1"/>
  <c r="G77986" i="1"/>
  <c r="G77987" i="1"/>
  <c r="G77988" i="1"/>
  <c r="G77989" i="1"/>
  <c r="G77990" i="1"/>
  <c r="G77991" i="1"/>
  <c r="G77992" i="1"/>
  <c r="G77993" i="1"/>
  <c r="G77994" i="1"/>
  <c r="G77995" i="1"/>
  <c r="G77996" i="1"/>
  <c r="G77997" i="1"/>
  <c r="G77998" i="1"/>
  <c r="G77999" i="1"/>
  <c r="G78000" i="1"/>
  <c r="G78001" i="1"/>
  <c r="G78002" i="1"/>
  <c r="G78003" i="1"/>
  <c r="G78004" i="1"/>
  <c r="G78005" i="1"/>
  <c r="G78006" i="1"/>
  <c r="G78007" i="1"/>
  <c r="G78008" i="1"/>
  <c r="G78009" i="1"/>
  <c r="G78010" i="1"/>
  <c r="G78011" i="1"/>
  <c r="G78012" i="1"/>
  <c r="G78013" i="1"/>
  <c r="G78014" i="1"/>
  <c r="G78015" i="1"/>
  <c r="G78016" i="1"/>
  <c r="G78017" i="1"/>
  <c r="G78018" i="1"/>
  <c r="G78019" i="1"/>
  <c r="G78020" i="1"/>
  <c r="G78021" i="1"/>
  <c r="G78022" i="1"/>
  <c r="G78023" i="1"/>
  <c r="G78024" i="1"/>
  <c r="G78025" i="1"/>
  <c r="G78026" i="1"/>
  <c r="G78027" i="1"/>
  <c r="G78028" i="1"/>
  <c r="G78029" i="1"/>
  <c r="G78030" i="1"/>
  <c r="G78031" i="1"/>
  <c r="G78032" i="1"/>
  <c r="G78033" i="1"/>
  <c r="G78034" i="1"/>
  <c r="G78035" i="1"/>
  <c r="G78036" i="1"/>
  <c r="G78037" i="1"/>
  <c r="G78038" i="1"/>
  <c r="G78039" i="1"/>
  <c r="G78040" i="1"/>
  <c r="G78041" i="1"/>
  <c r="G78042" i="1"/>
  <c r="G78043" i="1"/>
  <c r="G78044" i="1"/>
  <c r="G78045" i="1"/>
  <c r="G78046" i="1"/>
  <c r="G78047" i="1"/>
  <c r="G78048" i="1"/>
  <c r="G78049" i="1"/>
  <c r="G78050" i="1"/>
  <c r="G78051" i="1"/>
  <c r="G78052" i="1"/>
  <c r="G78053" i="1"/>
  <c r="G78054" i="1"/>
  <c r="G78055" i="1"/>
  <c r="G78056" i="1"/>
  <c r="G78057" i="1"/>
  <c r="G78058" i="1"/>
  <c r="G78059" i="1"/>
  <c r="G78060" i="1"/>
  <c r="G78061" i="1"/>
  <c r="G78062" i="1"/>
  <c r="G78063" i="1"/>
  <c r="G78064" i="1"/>
  <c r="G78065" i="1"/>
  <c r="G78066" i="1"/>
  <c r="G78067" i="1"/>
  <c r="G78068" i="1"/>
  <c r="G78069" i="1"/>
  <c r="G78070" i="1"/>
  <c r="G78071" i="1"/>
  <c r="G78072" i="1"/>
  <c r="G78073" i="1"/>
  <c r="G78074" i="1"/>
  <c r="G78075" i="1"/>
  <c r="G78076" i="1"/>
  <c r="G78077" i="1"/>
  <c r="G78078" i="1"/>
  <c r="G78079" i="1"/>
  <c r="G78080" i="1"/>
  <c r="G78081" i="1"/>
  <c r="G78082" i="1"/>
  <c r="G78083" i="1"/>
  <c r="G78084" i="1"/>
  <c r="G78085" i="1"/>
  <c r="G78086" i="1"/>
  <c r="G78087" i="1"/>
  <c r="G78088" i="1"/>
  <c r="G78089" i="1"/>
  <c r="G78090" i="1"/>
  <c r="G78091" i="1"/>
  <c r="G78092" i="1"/>
  <c r="G78093" i="1"/>
  <c r="G78094" i="1"/>
  <c r="G78095" i="1"/>
  <c r="G78096" i="1"/>
  <c r="G78097" i="1"/>
  <c r="G78098" i="1"/>
  <c r="G78099" i="1"/>
  <c r="G78100" i="1"/>
  <c r="G78101" i="1"/>
  <c r="G78102" i="1"/>
  <c r="G78103" i="1"/>
  <c r="G78104" i="1"/>
  <c r="G78105" i="1"/>
  <c r="G78106" i="1"/>
  <c r="G78107" i="1"/>
  <c r="G78108" i="1"/>
  <c r="G78109" i="1"/>
  <c r="G78110" i="1"/>
  <c r="G78111" i="1"/>
  <c r="G78112" i="1"/>
  <c r="G78113" i="1"/>
  <c r="G78114" i="1"/>
  <c r="G78115" i="1"/>
  <c r="G78116" i="1"/>
  <c r="G78117" i="1"/>
  <c r="G78118" i="1"/>
  <c r="G78119" i="1"/>
  <c r="G78120" i="1"/>
  <c r="G78121" i="1"/>
  <c r="G78122" i="1"/>
  <c r="G78123" i="1"/>
  <c r="G78124" i="1"/>
  <c r="G78125" i="1"/>
  <c r="G78126" i="1"/>
  <c r="G78127" i="1"/>
  <c r="G78128" i="1"/>
  <c r="G78129" i="1"/>
  <c r="G78130" i="1"/>
  <c r="G78131" i="1"/>
  <c r="G78132" i="1"/>
  <c r="G78133" i="1"/>
  <c r="G78134" i="1"/>
  <c r="G78135" i="1"/>
  <c r="G78136" i="1"/>
  <c r="G78137" i="1"/>
  <c r="G78138" i="1"/>
  <c r="G78139" i="1"/>
  <c r="G78140" i="1"/>
  <c r="G78141" i="1"/>
  <c r="G78142" i="1"/>
  <c r="G78143" i="1"/>
  <c r="G78144" i="1"/>
  <c r="G78145" i="1"/>
  <c r="G78146" i="1"/>
  <c r="G78147" i="1"/>
  <c r="G78148" i="1"/>
  <c r="G78149" i="1"/>
  <c r="G78150" i="1"/>
  <c r="G78151" i="1"/>
  <c r="G78152" i="1"/>
  <c r="G78153" i="1"/>
  <c r="G78154" i="1"/>
  <c r="G78155" i="1"/>
  <c r="G78156" i="1"/>
  <c r="G78157" i="1"/>
  <c r="G78158" i="1"/>
  <c r="G78159" i="1"/>
  <c r="G78160" i="1"/>
  <c r="G78161" i="1"/>
  <c r="G78162" i="1"/>
  <c r="G78163" i="1"/>
  <c r="G78164" i="1"/>
  <c r="G78165" i="1"/>
  <c r="G78166" i="1"/>
  <c r="G78167" i="1"/>
  <c r="G78168" i="1"/>
  <c r="G78169" i="1"/>
  <c r="G78170" i="1"/>
  <c r="G78171" i="1"/>
  <c r="G78172" i="1"/>
  <c r="G78173" i="1"/>
  <c r="G78174" i="1"/>
  <c r="G78175" i="1"/>
  <c r="G78176" i="1"/>
  <c r="G78177" i="1"/>
  <c r="G78178" i="1"/>
  <c r="G78179" i="1"/>
  <c r="G78180" i="1"/>
  <c r="G78181" i="1"/>
  <c r="G78182" i="1"/>
  <c r="G78183" i="1"/>
  <c r="G78184" i="1"/>
  <c r="G78185" i="1"/>
  <c r="G78186" i="1"/>
  <c r="G78187" i="1"/>
  <c r="G78188" i="1"/>
  <c r="G78189" i="1"/>
  <c r="G78190" i="1"/>
  <c r="G78191" i="1"/>
  <c r="G78192" i="1"/>
  <c r="G78193" i="1"/>
  <c r="G78194" i="1"/>
  <c r="G78195" i="1"/>
  <c r="G78196" i="1"/>
  <c r="G78197" i="1"/>
  <c r="G78198" i="1"/>
  <c r="G78199" i="1"/>
  <c r="G78200" i="1"/>
  <c r="G78201" i="1"/>
  <c r="G78202" i="1"/>
  <c r="G78203" i="1"/>
  <c r="G78204" i="1"/>
  <c r="G78205" i="1"/>
  <c r="G78206" i="1"/>
  <c r="G78207" i="1"/>
  <c r="G78208" i="1"/>
  <c r="G78209" i="1"/>
  <c r="G78210" i="1"/>
  <c r="G78211" i="1"/>
  <c r="G78212" i="1"/>
  <c r="G78213" i="1"/>
  <c r="G78214" i="1"/>
  <c r="G78215" i="1"/>
  <c r="G78216" i="1"/>
  <c r="G78217" i="1"/>
  <c r="G78218" i="1"/>
  <c r="G78219" i="1"/>
  <c r="G78220" i="1"/>
  <c r="G78221" i="1"/>
  <c r="G78222" i="1"/>
  <c r="G78223" i="1"/>
  <c r="G78224" i="1"/>
  <c r="G78225" i="1"/>
  <c r="G78226" i="1"/>
  <c r="G78227" i="1"/>
  <c r="G78228" i="1"/>
  <c r="G78229" i="1"/>
  <c r="G78230" i="1"/>
  <c r="G78231" i="1"/>
  <c r="G78232" i="1"/>
  <c r="G78233" i="1"/>
  <c r="G78234" i="1"/>
  <c r="G78235" i="1"/>
  <c r="G78236" i="1"/>
  <c r="G78237" i="1"/>
  <c r="G78238" i="1"/>
  <c r="G78239" i="1"/>
  <c r="G78240" i="1"/>
  <c r="G78241" i="1"/>
  <c r="G78242" i="1"/>
  <c r="G78243" i="1"/>
  <c r="G78244" i="1"/>
  <c r="G78245" i="1"/>
  <c r="G78246" i="1"/>
  <c r="G78247" i="1"/>
  <c r="G78248" i="1"/>
  <c r="G78249" i="1"/>
  <c r="G78250" i="1"/>
  <c r="G78251" i="1"/>
  <c r="G78252" i="1"/>
  <c r="G78253" i="1"/>
  <c r="G78254" i="1"/>
  <c r="G78255" i="1"/>
  <c r="G78256" i="1"/>
  <c r="G78257" i="1"/>
  <c r="G78258" i="1"/>
  <c r="G78259" i="1"/>
  <c r="G78260" i="1"/>
  <c r="G78261" i="1"/>
  <c r="G78262" i="1"/>
  <c r="G78263" i="1"/>
  <c r="G78264" i="1"/>
  <c r="G78265" i="1"/>
  <c r="G78266" i="1"/>
  <c r="G78267" i="1"/>
  <c r="G78268" i="1"/>
  <c r="G78269" i="1"/>
  <c r="G78270" i="1"/>
  <c r="G78271" i="1"/>
  <c r="G78272" i="1"/>
  <c r="G78273" i="1"/>
  <c r="G78274" i="1"/>
  <c r="G78275" i="1"/>
  <c r="G78276" i="1"/>
  <c r="G78277" i="1"/>
  <c r="G78278" i="1"/>
  <c r="G78279" i="1"/>
  <c r="G78280" i="1"/>
  <c r="G78281" i="1"/>
  <c r="G78282" i="1"/>
  <c r="G78283" i="1"/>
  <c r="G78284" i="1"/>
  <c r="G78285" i="1"/>
  <c r="G78286" i="1"/>
  <c r="G78287" i="1"/>
  <c r="G78288" i="1"/>
  <c r="G78289" i="1"/>
  <c r="G78290" i="1"/>
  <c r="G78291" i="1"/>
  <c r="G78292" i="1"/>
  <c r="G78293" i="1"/>
  <c r="G78294" i="1"/>
  <c r="G78295" i="1"/>
  <c r="G78296" i="1"/>
  <c r="G78297" i="1"/>
  <c r="G78298" i="1"/>
  <c r="G78299" i="1"/>
  <c r="G78300" i="1"/>
  <c r="G78301" i="1"/>
  <c r="G78302" i="1"/>
  <c r="G78303" i="1"/>
  <c r="G78304" i="1"/>
  <c r="G78305" i="1"/>
  <c r="G78306" i="1"/>
  <c r="G78307" i="1"/>
  <c r="G78308" i="1"/>
  <c r="G78309" i="1"/>
  <c r="G78310" i="1"/>
  <c r="G78311" i="1"/>
  <c r="G78312" i="1"/>
  <c r="G78313" i="1"/>
  <c r="G78314" i="1"/>
  <c r="G78315" i="1"/>
  <c r="G78316" i="1"/>
  <c r="G78317" i="1"/>
  <c r="G78318" i="1"/>
  <c r="G78319" i="1"/>
  <c r="G78320" i="1"/>
  <c r="G78321" i="1"/>
  <c r="G78322" i="1"/>
  <c r="G78323" i="1"/>
  <c r="G78324" i="1"/>
  <c r="G78325" i="1"/>
  <c r="G78326" i="1"/>
  <c r="G78327" i="1"/>
  <c r="G78328" i="1"/>
  <c r="G78329" i="1"/>
  <c r="G78330" i="1"/>
  <c r="G78331" i="1"/>
  <c r="G78332" i="1"/>
  <c r="G78333" i="1"/>
  <c r="G78334" i="1"/>
  <c r="G78335" i="1"/>
  <c r="G78336" i="1"/>
  <c r="G78337" i="1"/>
  <c r="G78338" i="1"/>
  <c r="G78339" i="1"/>
  <c r="G78340" i="1"/>
  <c r="G78341" i="1"/>
  <c r="G78342" i="1"/>
  <c r="G78343" i="1"/>
  <c r="G78344" i="1"/>
  <c r="G78345" i="1"/>
  <c r="G78346" i="1"/>
  <c r="G78347" i="1"/>
  <c r="G78348" i="1"/>
  <c r="G78349" i="1"/>
  <c r="G78350" i="1"/>
  <c r="G78351" i="1"/>
  <c r="G78352" i="1"/>
  <c r="G78353" i="1"/>
  <c r="G78354" i="1"/>
  <c r="G78355" i="1"/>
  <c r="G78356" i="1"/>
  <c r="G78357" i="1"/>
  <c r="G78358" i="1"/>
  <c r="G78359" i="1"/>
  <c r="G78360" i="1"/>
  <c r="G78361" i="1"/>
  <c r="G78362" i="1"/>
  <c r="G78363" i="1"/>
  <c r="G78364" i="1"/>
  <c r="G78365" i="1"/>
  <c r="G78366" i="1"/>
  <c r="G78367" i="1"/>
  <c r="G78368" i="1"/>
  <c r="G78369" i="1"/>
  <c r="G78370" i="1"/>
  <c r="G78371" i="1"/>
  <c r="G78372" i="1"/>
  <c r="G78373" i="1"/>
  <c r="G78374" i="1"/>
  <c r="G78375" i="1"/>
  <c r="G78376" i="1"/>
  <c r="G78377" i="1"/>
  <c r="G78378" i="1"/>
  <c r="G78379" i="1"/>
  <c r="G78380" i="1"/>
  <c r="G78381" i="1"/>
  <c r="G78382" i="1"/>
  <c r="G78383" i="1"/>
  <c r="G78384" i="1"/>
  <c r="G78385" i="1"/>
  <c r="G78386" i="1"/>
  <c r="G78387" i="1"/>
  <c r="G78388" i="1"/>
  <c r="G78389" i="1"/>
  <c r="G78390" i="1"/>
  <c r="G78391" i="1"/>
  <c r="G78392" i="1"/>
  <c r="G78393" i="1"/>
  <c r="G78394" i="1"/>
  <c r="G78395" i="1"/>
  <c r="G78396" i="1"/>
  <c r="G78397" i="1"/>
  <c r="G78398" i="1"/>
  <c r="G78399" i="1"/>
  <c r="G78400" i="1"/>
  <c r="G78401" i="1"/>
  <c r="G78402" i="1"/>
  <c r="G78403" i="1"/>
  <c r="G78404" i="1"/>
  <c r="G78405" i="1"/>
  <c r="G78406" i="1"/>
  <c r="G78407" i="1"/>
  <c r="G78408" i="1"/>
  <c r="G78409" i="1"/>
  <c r="G78410" i="1"/>
  <c r="G78411" i="1"/>
  <c r="G78412" i="1"/>
  <c r="G78413" i="1"/>
  <c r="G78414" i="1"/>
  <c r="G78415" i="1"/>
  <c r="G78416" i="1"/>
  <c r="G78417" i="1"/>
  <c r="G78418" i="1"/>
  <c r="G78419" i="1"/>
  <c r="G78420" i="1"/>
  <c r="G78421" i="1"/>
  <c r="G78422" i="1"/>
  <c r="G78423" i="1"/>
  <c r="G78424" i="1"/>
  <c r="G78425" i="1"/>
  <c r="G78426" i="1"/>
  <c r="G78427" i="1"/>
  <c r="G78428" i="1"/>
  <c r="G78429" i="1"/>
  <c r="G78430" i="1"/>
  <c r="G78431" i="1"/>
  <c r="G78432" i="1"/>
  <c r="G78433" i="1"/>
  <c r="G78434" i="1"/>
  <c r="G78435" i="1"/>
  <c r="G78436" i="1"/>
  <c r="G78437" i="1"/>
  <c r="G78438" i="1"/>
  <c r="G78439" i="1"/>
  <c r="G78440" i="1"/>
  <c r="G78441" i="1"/>
  <c r="G78442" i="1"/>
  <c r="G78443" i="1"/>
  <c r="G78444" i="1"/>
  <c r="G78445" i="1"/>
  <c r="G78446" i="1"/>
  <c r="G78447" i="1"/>
  <c r="G78448" i="1"/>
  <c r="G78449" i="1"/>
  <c r="G78450" i="1"/>
  <c r="G78451" i="1"/>
  <c r="G78452" i="1"/>
  <c r="G78453" i="1"/>
  <c r="G78454" i="1"/>
  <c r="G78455" i="1"/>
  <c r="G78456" i="1"/>
  <c r="G78457" i="1"/>
  <c r="G78458" i="1"/>
  <c r="G78459" i="1"/>
  <c r="G78460" i="1"/>
  <c r="G78461" i="1"/>
  <c r="G78462" i="1"/>
  <c r="G78463" i="1"/>
  <c r="G78464" i="1"/>
  <c r="G78465" i="1"/>
  <c r="G78466" i="1"/>
  <c r="G78467" i="1"/>
  <c r="G78468" i="1"/>
  <c r="G78469" i="1"/>
  <c r="G78470" i="1"/>
  <c r="G78471" i="1"/>
  <c r="G78472" i="1"/>
  <c r="G78473" i="1"/>
  <c r="G78474" i="1"/>
  <c r="G78475" i="1"/>
  <c r="G78476" i="1"/>
  <c r="G78477" i="1"/>
  <c r="G78478" i="1"/>
  <c r="G78479" i="1"/>
  <c r="G78480" i="1"/>
  <c r="G78481" i="1"/>
  <c r="G78482" i="1"/>
  <c r="G78483" i="1"/>
  <c r="G78484" i="1"/>
  <c r="G78485" i="1"/>
  <c r="G78486" i="1"/>
  <c r="G78487" i="1"/>
  <c r="G78488" i="1"/>
  <c r="G78489" i="1"/>
  <c r="G78490" i="1"/>
  <c r="G78491" i="1"/>
  <c r="G78492" i="1"/>
  <c r="G78493" i="1"/>
  <c r="G78494" i="1"/>
  <c r="G78495" i="1"/>
  <c r="G78496" i="1"/>
  <c r="G78497" i="1"/>
  <c r="G78498" i="1"/>
  <c r="G78499" i="1"/>
  <c r="G78500" i="1"/>
  <c r="G78501" i="1"/>
  <c r="G78502" i="1"/>
  <c r="G78503" i="1"/>
  <c r="G78504" i="1"/>
  <c r="G78505" i="1"/>
  <c r="G78506" i="1"/>
  <c r="G78507" i="1"/>
  <c r="G78508" i="1"/>
  <c r="G78509" i="1"/>
  <c r="G78510" i="1"/>
  <c r="G78511" i="1"/>
  <c r="G78512" i="1"/>
  <c r="G78513" i="1"/>
  <c r="G78514" i="1"/>
  <c r="G78515" i="1"/>
  <c r="G78516" i="1"/>
  <c r="G78517" i="1"/>
  <c r="G78518" i="1"/>
  <c r="G78519" i="1"/>
  <c r="G78520" i="1"/>
  <c r="G78521" i="1"/>
  <c r="G78522" i="1"/>
  <c r="G78523" i="1"/>
  <c r="G78524" i="1"/>
  <c r="G78525" i="1"/>
  <c r="G78526" i="1"/>
  <c r="G78527" i="1"/>
  <c r="G78528" i="1"/>
  <c r="G78529" i="1"/>
  <c r="G78530" i="1"/>
  <c r="G78531" i="1"/>
  <c r="G78532" i="1"/>
  <c r="G78533" i="1"/>
  <c r="G78534" i="1"/>
  <c r="G78535" i="1"/>
  <c r="G78536" i="1"/>
  <c r="G78537" i="1"/>
  <c r="G78538" i="1"/>
  <c r="G78539" i="1"/>
  <c r="G78540" i="1"/>
  <c r="G78541" i="1"/>
  <c r="G78542" i="1"/>
  <c r="G78543" i="1"/>
  <c r="G78544" i="1"/>
  <c r="G78545" i="1"/>
  <c r="G78546" i="1"/>
  <c r="G78547" i="1"/>
  <c r="G78548" i="1"/>
  <c r="G78549" i="1"/>
  <c r="G78550" i="1"/>
  <c r="G78551" i="1"/>
  <c r="G78552" i="1"/>
  <c r="G78553" i="1"/>
  <c r="G78554" i="1"/>
  <c r="G78555" i="1"/>
  <c r="G78556" i="1"/>
  <c r="G78557" i="1"/>
  <c r="G78558" i="1"/>
  <c r="G78559" i="1"/>
  <c r="G78560" i="1"/>
  <c r="G78561" i="1"/>
  <c r="G78562" i="1"/>
  <c r="G78563" i="1"/>
  <c r="G78564" i="1"/>
  <c r="G78565" i="1"/>
  <c r="G78566" i="1"/>
  <c r="G78567" i="1"/>
  <c r="G78568" i="1"/>
  <c r="G78569" i="1"/>
  <c r="G78570" i="1"/>
  <c r="G78571" i="1"/>
  <c r="G78572" i="1"/>
  <c r="G78573" i="1"/>
  <c r="G78574" i="1"/>
  <c r="G78575" i="1"/>
  <c r="G78576" i="1"/>
  <c r="G78577" i="1"/>
  <c r="G78578" i="1"/>
  <c r="G78579" i="1"/>
  <c r="G78580" i="1"/>
  <c r="G78581" i="1"/>
  <c r="G78582" i="1"/>
  <c r="G78583" i="1"/>
  <c r="G78584" i="1"/>
  <c r="G78585" i="1"/>
  <c r="G78586" i="1"/>
  <c r="G78587" i="1"/>
  <c r="G78588" i="1"/>
  <c r="G78589" i="1"/>
  <c r="G78590" i="1"/>
  <c r="G78591" i="1"/>
  <c r="G78592" i="1"/>
  <c r="G78593" i="1"/>
  <c r="G78594" i="1"/>
  <c r="G78595" i="1"/>
  <c r="G78596" i="1"/>
  <c r="G78597" i="1"/>
  <c r="G78598" i="1"/>
  <c r="G78599" i="1"/>
  <c r="G78600" i="1"/>
  <c r="G78601" i="1"/>
  <c r="G78602" i="1"/>
  <c r="G78603" i="1"/>
  <c r="G78604" i="1"/>
  <c r="G78605" i="1"/>
  <c r="G78606" i="1"/>
  <c r="G78607" i="1"/>
  <c r="G78608" i="1"/>
  <c r="G78609" i="1"/>
  <c r="G78610" i="1"/>
  <c r="G78611" i="1"/>
  <c r="G78612" i="1"/>
  <c r="G78613" i="1"/>
  <c r="G78614" i="1"/>
  <c r="G78615" i="1"/>
  <c r="G78616" i="1"/>
  <c r="G78617" i="1"/>
  <c r="G78618" i="1"/>
  <c r="G78619" i="1"/>
  <c r="G78620" i="1"/>
  <c r="G78621" i="1"/>
  <c r="G78622" i="1"/>
  <c r="G78623" i="1"/>
  <c r="G78624" i="1"/>
  <c r="G78625" i="1"/>
  <c r="G78626" i="1"/>
  <c r="G78627" i="1"/>
  <c r="G78628" i="1"/>
  <c r="G78629" i="1"/>
  <c r="G78630" i="1"/>
  <c r="G78631" i="1"/>
  <c r="G78632" i="1"/>
  <c r="G78633" i="1"/>
  <c r="G78634" i="1"/>
  <c r="G78635" i="1"/>
  <c r="G78636" i="1"/>
  <c r="G78637" i="1"/>
  <c r="G78638" i="1"/>
  <c r="G78639" i="1"/>
  <c r="G78640" i="1"/>
  <c r="G78641" i="1"/>
  <c r="G78642" i="1"/>
  <c r="G78643" i="1"/>
  <c r="G78644" i="1"/>
  <c r="G78645" i="1"/>
  <c r="G78646" i="1"/>
  <c r="G78647" i="1"/>
  <c r="G78648" i="1"/>
  <c r="G78649" i="1"/>
  <c r="G78650" i="1"/>
  <c r="G78651" i="1"/>
  <c r="G78652" i="1"/>
  <c r="G78653" i="1"/>
  <c r="G78654" i="1"/>
  <c r="G78655" i="1"/>
  <c r="G78656" i="1"/>
  <c r="G78657" i="1"/>
  <c r="G78658" i="1"/>
  <c r="G78659" i="1"/>
  <c r="G78660" i="1"/>
  <c r="G78661" i="1"/>
  <c r="G78662" i="1"/>
  <c r="G78663" i="1"/>
  <c r="G78664" i="1"/>
  <c r="G78665" i="1"/>
  <c r="G78666" i="1"/>
  <c r="G78667" i="1"/>
  <c r="G78668" i="1"/>
  <c r="G78669" i="1"/>
  <c r="G78670" i="1"/>
  <c r="G78671" i="1"/>
  <c r="G78672" i="1"/>
  <c r="G78673" i="1"/>
  <c r="G78674" i="1"/>
  <c r="G78675" i="1"/>
  <c r="G78676" i="1"/>
  <c r="G78677" i="1"/>
  <c r="G78678" i="1"/>
  <c r="G78679" i="1"/>
  <c r="G78680" i="1"/>
  <c r="G78681" i="1"/>
  <c r="G78682" i="1"/>
  <c r="G78683" i="1"/>
  <c r="G78684" i="1"/>
  <c r="G78685" i="1"/>
  <c r="G78686" i="1"/>
  <c r="G78687" i="1"/>
  <c r="G78688" i="1"/>
  <c r="G78689" i="1"/>
  <c r="G78690" i="1"/>
  <c r="G78691" i="1"/>
  <c r="G78692" i="1"/>
  <c r="G78693" i="1"/>
  <c r="G78694" i="1"/>
  <c r="G78695" i="1"/>
  <c r="G78696" i="1"/>
  <c r="G78697" i="1"/>
  <c r="G78698" i="1"/>
  <c r="G78699" i="1"/>
  <c r="G78700" i="1"/>
  <c r="G78701" i="1"/>
  <c r="G78702" i="1"/>
  <c r="G78703" i="1"/>
  <c r="G78704" i="1"/>
  <c r="G78705" i="1"/>
  <c r="G78706" i="1"/>
  <c r="G78707" i="1"/>
  <c r="G78708" i="1"/>
  <c r="G78709" i="1"/>
  <c r="G78710" i="1"/>
  <c r="G78711" i="1"/>
  <c r="G78712" i="1"/>
  <c r="G78713" i="1"/>
  <c r="G78714" i="1"/>
  <c r="G78715" i="1"/>
  <c r="G78716" i="1"/>
  <c r="G78717" i="1"/>
  <c r="G78718" i="1"/>
  <c r="G78719" i="1"/>
  <c r="G78720" i="1"/>
  <c r="G78721" i="1"/>
  <c r="G78722" i="1"/>
  <c r="G78723" i="1"/>
  <c r="G78724" i="1"/>
  <c r="G78725" i="1"/>
  <c r="G78726" i="1"/>
  <c r="G78727" i="1"/>
  <c r="G78728" i="1"/>
  <c r="G78729" i="1"/>
  <c r="G78730" i="1"/>
  <c r="G78731" i="1"/>
  <c r="G78732" i="1"/>
  <c r="G78733" i="1"/>
  <c r="G78734" i="1"/>
  <c r="G78735" i="1"/>
  <c r="G78736" i="1"/>
  <c r="G78737" i="1"/>
  <c r="G78738" i="1"/>
  <c r="G78739" i="1"/>
  <c r="G78740" i="1"/>
  <c r="G78741" i="1"/>
  <c r="G78742" i="1"/>
  <c r="G78743" i="1"/>
  <c r="G78744" i="1"/>
  <c r="G78745" i="1"/>
  <c r="G78746" i="1"/>
  <c r="G78747" i="1"/>
  <c r="G78748" i="1"/>
  <c r="G78749" i="1"/>
  <c r="G78750" i="1"/>
  <c r="G78751" i="1"/>
  <c r="G78752" i="1"/>
  <c r="G78753" i="1"/>
  <c r="G78754" i="1"/>
  <c r="G78755" i="1"/>
  <c r="G78756" i="1"/>
  <c r="G78757" i="1"/>
  <c r="G78758" i="1"/>
  <c r="G78759" i="1"/>
  <c r="G78760" i="1"/>
  <c r="G78761" i="1"/>
  <c r="G78762" i="1"/>
  <c r="G78763" i="1"/>
  <c r="G78764" i="1"/>
  <c r="G78765" i="1"/>
  <c r="G78766" i="1"/>
  <c r="G78767" i="1"/>
  <c r="G78768" i="1"/>
  <c r="G78769" i="1"/>
  <c r="G78770" i="1"/>
  <c r="G78771" i="1"/>
  <c r="G78772" i="1"/>
  <c r="G78773" i="1"/>
  <c r="G78774" i="1"/>
  <c r="G78775" i="1"/>
  <c r="G78776" i="1"/>
  <c r="G78777" i="1"/>
  <c r="G78778" i="1"/>
  <c r="G78779" i="1"/>
  <c r="G78780" i="1"/>
  <c r="G78781" i="1"/>
  <c r="G78782" i="1"/>
  <c r="G78783" i="1"/>
  <c r="G78784" i="1"/>
  <c r="G78785" i="1"/>
  <c r="G78786" i="1"/>
  <c r="G78787" i="1"/>
  <c r="G78788" i="1"/>
  <c r="G78789" i="1"/>
  <c r="G78790" i="1"/>
  <c r="G78791" i="1"/>
  <c r="G78792" i="1"/>
  <c r="G78793" i="1"/>
  <c r="G78794" i="1"/>
  <c r="G78795" i="1"/>
  <c r="G78796" i="1"/>
  <c r="G78797" i="1"/>
  <c r="G78798" i="1"/>
  <c r="G78799" i="1"/>
  <c r="G78800" i="1"/>
  <c r="G78801" i="1"/>
  <c r="G78802" i="1"/>
  <c r="G78803" i="1"/>
  <c r="G78804" i="1"/>
  <c r="G78805" i="1"/>
  <c r="G78806" i="1"/>
  <c r="G78807" i="1"/>
  <c r="G78808" i="1"/>
  <c r="G78809" i="1"/>
  <c r="G78810" i="1"/>
  <c r="G78811" i="1"/>
  <c r="G78812" i="1"/>
  <c r="G78813" i="1"/>
  <c r="G78814" i="1"/>
  <c r="G78815" i="1"/>
  <c r="G78816" i="1"/>
  <c r="G78817" i="1"/>
  <c r="G78818" i="1"/>
  <c r="G78819" i="1"/>
  <c r="G78820" i="1"/>
  <c r="G78821" i="1"/>
  <c r="G78822" i="1"/>
  <c r="G78823" i="1"/>
  <c r="G78824" i="1"/>
  <c r="G78825" i="1"/>
  <c r="G78826" i="1"/>
  <c r="G78827" i="1"/>
  <c r="G78828" i="1"/>
  <c r="G78829" i="1"/>
  <c r="G78830" i="1"/>
  <c r="G78831" i="1"/>
  <c r="G78832" i="1"/>
  <c r="G78833" i="1"/>
  <c r="G78834" i="1"/>
  <c r="G78835" i="1"/>
  <c r="G78836" i="1"/>
  <c r="G78837" i="1"/>
  <c r="G78838" i="1"/>
  <c r="G78839" i="1"/>
  <c r="G78840" i="1"/>
  <c r="G78841" i="1"/>
  <c r="G78842" i="1"/>
  <c r="G78843" i="1"/>
  <c r="G78844" i="1"/>
  <c r="G78845" i="1"/>
  <c r="G78846" i="1"/>
  <c r="G78847" i="1"/>
  <c r="G78848" i="1"/>
  <c r="G78849" i="1"/>
  <c r="G78850" i="1"/>
  <c r="G78851" i="1"/>
  <c r="G78852" i="1"/>
  <c r="G78853" i="1"/>
  <c r="G78854" i="1"/>
  <c r="G78855" i="1"/>
  <c r="G78856" i="1"/>
  <c r="G78857" i="1"/>
  <c r="G78858" i="1"/>
  <c r="G78859" i="1"/>
  <c r="G78860" i="1"/>
  <c r="G78861" i="1"/>
  <c r="G78862" i="1"/>
  <c r="G78863" i="1"/>
  <c r="G78864" i="1"/>
  <c r="G78865" i="1"/>
  <c r="G78866" i="1"/>
  <c r="G78867" i="1"/>
  <c r="G78868" i="1"/>
  <c r="G78869" i="1"/>
  <c r="G78870" i="1"/>
  <c r="G78871" i="1"/>
  <c r="G78872" i="1"/>
  <c r="G78873" i="1"/>
  <c r="G78874" i="1"/>
  <c r="G78875" i="1"/>
  <c r="G78876" i="1"/>
  <c r="G78877" i="1"/>
  <c r="G78878" i="1"/>
  <c r="G78879" i="1"/>
  <c r="G78880" i="1"/>
  <c r="G78881" i="1"/>
  <c r="G78882" i="1"/>
  <c r="G78883" i="1"/>
  <c r="G78884" i="1"/>
  <c r="G78885" i="1"/>
  <c r="G78886" i="1"/>
  <c r="G78887" i="1"/>
  <c r="G78888" i="1"/>
  <c r="G78889" i="1"/>
  <c r="G78890" i="1"/>
  <c r="G78891" i="1"/>
  <c r="G78892" i="1"/>
  <c r="G78893" i="1"/>
  <c r="G78894" i="1"/>
  <c r="G78895" i="1"/>
  <c r="G78896" i="1"/>
  <c r="G78897" i="1"/>
  <c r="G78898" i="1"/>
  <c r="G78899" i="1"/>
  <c r="G78900" i="1"/>
  <c r="G78901" i="1"/>
  <c r="G78902" i="1"/>
  <c r="G78903" i="1"/>
  <c r="G78904" i="1"/>
  <c r="G78905" i="1"/>
  <c r="G78906" i="1"/>
  <c r="G78907" i="1"/>
  <c r="G78908" i="1"/>
  <c r="G78909" i="1"/>
  <c r="G78910" i="1"/>
  <c r="G78911" i="1"/>
  <c r="G78912" i="1"/>
  <c r="G78913" i="1"/>
  <c r="G78914" i="1"/>
  <c r="G78915" i="1"/>
  <c r="G78916" i="1"/>
  <c r="G78917" i="1"/>
  <c r="G78918" i="1"/>
  <c r="G78919" i="1"/>
  <c r="G78920" i="1"/>
  <c r="G78921" i="1"/>
  <c r="G78922" i="1"/>
  <c r="G78923" i="1"/>
  <c r="G78924" i="1"/>
  <c r="G78925" i="1"/>
  <c r="G78926" i="1"/>
  <c r="G78927" i="1"/>
  <c r="G78928" i="1"/>
  <c r="G78929" i="1"/>
  <c r="G78930" i="1"/>
  <c r="G78931" i="1"/>
  <c r="G78932" i="1"/>
  <c r="G78933" i="1"/>
  <c r="G78934" i="1"/>
  <c r="G78935" i="1"/>
  <c r="G78936" i="1"/>
  <c r="G78937" i="1"/>
  <c r="G78938" i="1"/>
  <c r="G78939" i="1"/>
  <c r="G78940" i="1"/>
  <c r="G78941" i="1"/>
  <c r="G78942" i="1"/>
  <c r="G78943" i="1"/>
  <c r="G78944" i="1"/>
  <c r="G78945" i="1"/>
  <c r="G78946" i="1"/>
  <c r="G78947" i="1"/>
  <c r="G78948" i="1"/>
  <c r="G78949" i="1"/>
  <c r="G78950" i="1"/>
  <c r="G78951" i="1"/>
  <c r="G78952" i="1"/>
  <c r="G78953" i="1"/>
  <c r="G78954" i="1"/>
  <c r="G78955" i="1"/>
  <c r="G78956" i="1"/>
  <c r="G78957" i="1"/>
  <c r="G78958" i="1"/>
  <c r="G78959" i="1"/>
  <c r="G78960" i="1"/>
  <c r="G78961" i="1"/>
  <c r="G78962" i="1"/>
  <c r="G78963" i="1"/>
  <c r="G78964" i="1"/>
  <c r="G78965" i="1"/>
  <c r="G78966" i="1"/>
  <c r="G78967" i="1"/>
  <c r="G78968" i="1"/>
  <c r="G78969" i="1"/>
  <c r="G78970" i="1"/>
  <c r="G78971" i="1"/>
  <c r="G78972" i="1"/>
  <c r="G78973" i="1"/>
  <c r="G78974" i="1"/>
  <c r="G78975" i="1"/>
  <c r="G78976" i="1"/>
  <c r="G78977" i="1"/>
  <c r="G78978" i="1"/>
  <c r="G78979" i="1"/>
  <c r="G78980" i="1"/>
  <c r="G78981" i="1"/>
  <c r="G78982" i="1"/>
  <c r="G78983" i="1"/>
  <c r="G78984" i="1"/>
  <c r="G78985" i="1"/>
  <c r="G78986" i="1"/>
  <c r="G78987" i="1"/>
  <c r="G78988" i="1"/>
  <c r="G78989" i="1"/>
  <c r="G78990" i="1"/>
  <c r="G78991" i="1"/>
  <c r="G78992" i="1"/>
  <c r="G78993" i="1"/>
  <c r="G78994" i="1"/>
  <c r="G78995" i="1"/>
  <c r="G78996" i="1"/>
  <c r="G78997" i="1"/>
  <c r="G78998" i="1"/>
  <c r="G78999" i="1"/>
  <c r="G79000" i="1"/>
  <c r="G79001" i="1"/>
  <c r="G79002" i="1"/>
  <c r="G79003" i="1"/>
  <c r="G79004" i="1"/>
  <c r="G79005" i="1"/>
  <c r="G79006" i="1"/>
  <c r="G79007" i="1"/>
  <c r="G79008" i="1"/>
  <c r="G79009" i="1"/>
  <c r="G79010" i="1"/>
  <c r="G79011" i="1"/>
  <c r="G79012" i="1"/>
  <c r="G79013" i="1"/>
  <c r="G79014" i="1"/>
  <c r="G79015" i="1"/>
  <c r="G79016" i="1"/>
  <c r="G79017" i="1"/>
  <c r="G79018" i="1"/>
  <c r="G79019" i="1"/>
  <c r="G79020" i="1"/>
  <c r="G79021" i="1"/>
  <c r="G79022" i="1"/>
  <c r="G79023" i="1"/>
  <c r="G79024" i="1"/>
  <c r="G79025" i="1"/>
  <c r="G79026" i="1"/>
  <c r="G79027" i="1"/>
  <c r="G79028" i="1"/>
  <c r="G79029" i="1"/>
  <c r="G79030" i="1"/>
  <c r="G79031" i="1"/>
  <c r="G79032" i="1"/>
  <c r="G79033" i="1"/>
  <c r="G79034" i="1"/>
  <c r="G79035" i="1"/>
  <c r="G79036" i="1"/>
  <c r="G79037" i="1"/>
  <c r="G79038" i="1"/>
  <c r="G79039" i="1"/>
  <c r="G79040" i="1"/>
  <c r="G79041" i="1"/>
  <c r="G79042" i="1"/>
  <c r="G79043" i="1"/>
  <c r="G79044" i="1"/>
  <c r="G79045" i="1"/>
  <c r="G79046" i="1"/>
  <c r="G79047" i="1"/>
  <c r="G79048" i="1"/>
  <c r="G79049" i="1"/>
  <c r="G79050" i="1"/>
  <c r="G79051" i="1"/>
  <c r="G79052" i="1"/>
  <c r="G79053" i="1"/>
  <c r="G79054" i="1"/>
  <c r="G79055" i="1"/>
  <c r="G79056" i="1"/>
  <c r="G79057" i="1"/>
  <c r="G79058" i="1"/>
  <c r="G79059" i="1"/>
  <c r="G79060" i="1"/>
  <c r="G79061" i="1"/>
  <c r="G79062" i="1"/>
  <c r="G79063" i="1"/>
  <c r="G79064" i="1"/>
  <c r="G79065" i="1"/>
  <c r="G79066" i="1"/>
  <c r="G79067" i="1"/>
  <c r="G79068" i="1"/>
  <c r="G79069" i="1"/>
  <c r="G79070" i="1"/>
  <c r="G79071" i="1"/>
  <c r="G79072" i="1"/>
  <c r="G79073" i="1"/>
  <c r="G79074" i="1"/>
  <c r="G79075" i="1"/>
  <c r="G79076" i="1"/>
  <c r="G79077" i="1"/>
  <c r="G79078" i="1"/>
  <c r="G79079" i="1"/>
  <c r="G79080" i="1"/>
  <c r="G79081" i="1"/>
  <c r="G79082" i="1"/>
  <c r="G79083" i="1"/>
  <c r="G79084" i="1"/>
  <c r="G79085" i="1"/>
  <c r="G79086" i="1"/>
  <c r="G79087" i="1"/>
  <c r="G79088" i="1"/>
  <c r="G79089" i="1"/>
  <c r="G79090" i="1"/>
  <c r="G79091" i="1"/>
  <c r="G79092" i="1"/>
  <c r="G79093" i="1"/>
  <c r="G79094" i="1"/>
  <c r="G79095" i="1"/>
  <c r="G79096" i="1"/>
  <c r="G79097" i="1"/>
  <c r="G79098" i="1"/>
  <c r="G79099" i="1"/>
  <c r="G79100" i="1"/>
  <c r="G79101" i="1"/>
  <c r="G79102" i="1"/>
  <c r="G79103" i="1"/>
  <c r="G79104" i="1"/>
  <c r="G79105" i="1"/>
  <c r="G79106" i="1"/>
  <c r="G79107" i="1"/>
  <c r="G79108" i="1"/>
  <c r="G79109" i="1"/>
  <c r="G79110" i="1"/>
  <c r="G79111" i="1"/>
  <c r="G79112" i="1"/>
  <c r="G79113" i="1"/>
  <c r="G79114" i="1"/>
  <c r="G79115" i="1"/>
  <c r="G79116" i="1"/>
  <c r="G79117" i="1"/>
  <c r="G79118" i="1"/>
  <c r="G79119" i="1"/>
  <c r="G79120" i="1"/>
  <c r="G79121" i="1"/>
  <c r="G79122" i="1"/>
  <c r="G79123" i="1"/>
  <c r="G79124" i="1"/>
  <c r="G79125" i="1"/>
  <c r="G79126" i="1"/>
  <c r="G79127" i="1"/>
  <c r="G79128" i="1"/>
  <c r="G79129" i="1"/>
  <c r="G79130" i="1"/>
  <c r="G79131" i="1"/>
  <c r="G79132" i="1"/>
  <c r="G79133" i="1"/>
  <c r="G79134" i="1"/>
  <c r="G79135" i="1"/>
  <c r="G79136" i="1"/>
  <c r="G79137" i="1"/>
  <c r="G79138" i="1"/>
  <c r="G79139" i="1"/>
  <c r="G79140" i="1"/>
  <c r="G79141" i="1"/>
  <c r="G79142" i="1"/>
  <c r="G79143" i="1"/>
  <c r="G79144" i="1"/>
  <c r="G79145" i="1"/>
  <c r="G79146" i="1"/>
  <c r="G79147" i="1"/>
  <c r="G79148" i="1"/>
  <c r="G79149" i="1"/>
  <c r="G79150" i="1"/>
  <c r="G79151" i="1"/>
  <c r="G79152" i="1"/>
  <c r="G79153" i="1"/>
  <c r="G79154" i="1"/>
  <c r="G79155" i="1"/>
  <c r="G79156" i="1"/>
  <c r="G79157" i="1"/>
  <c r="G79158" i="1"/>
  <c r="G79159" i="1"/>
  <c r="G79160" i="1"/>
  <c r="G79161" i="1"/>
  <c r="G79162" i="1"/>
  <c r="G79163" i="1"/>
  <c r="G79164" i="1"/>
  <c r="G79165" i="1"/>
  <c r="G79166" i="1"/>
  <c r="G79167" i="1"/>
  <c r="G79168" i="1"/>
  <c r="G79169" i="1"/>
  <c r="G79170" i="1"/>
  <c r="G79171" i="1"/>
  <c r="G79172" i="1"/>
  <c r="G79173" i="1"/>
  <c r="G79174" i="1"/>
  <c r="G79175" i="1"/>
  <c r="G79176" i="1"/>
  <c r="G79177" i="1"/>
  <c r="G79178" i="1"/>
  <c r="G79179" i="1"/>
  <c r="G79180" i="1"/>
  <c r="G79181" i="1"/>
  <c r="G79182" i="1"/>
  <c r="G79183" i="1"/>
  <c r="G79184" i="1"/>
  <c r="G79185" i="1"/>
  <c r="G79186" i="1"/>
  <c r="G79187" i="1"/>
  <c r="G79188" i="1"/>
  <c r="G79189" i="1"/>
  <c r="G79190" i="1"/>
  <c r="G79191" i="1"/>
  <c r="G79192" i="1"/>
  <c r="G79193" i="1"/>
  <c r="G79194" i="1"/>
  <c r="G79195" i="1"/>
  <c r="G79196" i="1"/>
  <c r="G79197" i="1"/>
  <c r="G79198" i="1"/>
  <c r="G79199" i="1"/>
  <c r="G79200" i="1"/>
  <c r="G79201" i="1"/>
  <c r="G79202" i="1"/>
  <c r="G79203" i="1"/>
  <c r="G79204" i="1"/>
  <c r="G79205" i="1"/>
  <c r="G79206" i="1"/>
  <c r="G79207" i="1"/>
  <c r="G79208" i="1"/>
  <c r="G79209" i="1"/>
  <c r="G79210" i="1"/>
  <c r="G79211" i="1"/>
  <c r="G79212" i="1"/>
  <c r="G79213" i="1"/>
  <c r="G79214" i="1"/>
  <c r="G79215" i="1"/>
  <c r="G79216" i="1"/>
  <c r="G79217" i="1"/>
  <c r="G79218" i="1"/>
  <c r="G79219" i="1"/>
  <c r="G79220" i="1"/>
  <c r="G79221" i="1"/>
  <c r="G79222" i="1"/>
  <c r="G79223" i="1"/>
  <c r="G79224" i="1"/>
  <c r="G79225" i="1"/>
  <c r="G79226" i="1"/>
  <c r="G79227" i="1"/>
  <c r="G79228" i="1"/>
  <c r="G79229" i="1"/>
  <c r="G79230" i="1"/>
  <c r="G79231" i="1"/>
  <c r="G79232" i="1"/>
  <c r="G79233" i="1"/>
  <c r="G79234" i="1"/>
  <c r="G79235" i="1"/>
  <c r="G79236" i="1"/>
  <c r="G79237" i="1"/>
  <c r="G79238" i="1"/>
  <c r="G79239" i="1"/>
  <c r="G79240" i="1"/>
  <c r="G79241" i="1"/>
  <c r="G79242" i="1"/>
  <c r="G79243" i="1"/>
  <c r="G79244" i="1"/>
  <c r="G79245" i="1"/>
  <c r="G79246" i="1"/>
  <c r="G79247" i="1"/>
  <c r="G79248" i="1"/>
  <c r="G79249" i="1"/>
  <c r="G79250" i="1"/>
  <c r="G79251" i="1"/>
  <c r="G79252" i="1"/>
  <c r="G79253" i="1"/>
  <c r="G79254" i="1"/>
  <c r="G79255" i="1"/>
  <c r="G79256" i="1"/>
  <c r="G79257" i="1"/>
  <c r="G79258" i="1"/>
  <c r="G79259" i="1"/>
  <c r="G79260" i="1"/>
  <c r="G79261" i="1"/>
  <c r="G79262" i="1"/>
  <c r="G79263" i="1"/>
  <c r="G79264" i="1"/>
  <c r="G79265" i="1"/>
  <c r="G79266" i="1"/>
  <c r="G79267" i="1"/>
  <c r="G79268" i="1"/>
  <c r="G79269" i="1"/>
  <c r="G79270" i="1"/>
  <c r="G79271" i="1"/>
  <c r="G79272" i="1"/>
  <c r="G79273" i="1"/>
  <c r="G79274" i="1"/>
  <c r="G79275" i="1"/>
  <c r="G79276" i="1"/>
  <c r="G79277" i="1"/>
  <c r="G79278" i="1"/>
  <c r="G79279" i="1"/>
  <c r="G79280" i="1"/>
  <c r="G79281" i="1"/>
  <c r="G79282" i="1"/>
  <c r="G79283" i="1"/>
  <c r="G79284" i="1"/>
  <c r="G79285" i="1"/>
  <c r="G79286" i="1"/>
  <c r="G79287" i="1"/>
  <c r="G79288" i="1"/>
  <c r="G79289" i="1"/>
  <c r="G79290" i="1"/>
  <c r="G79291" i="1"/>
  <c r="G79292" i="1"/>
  <c r="G79293" i="1"/>
  <c r="G79294" i="1"/>
  <c r="G79295" i="1"/>
  <c r="G79296" i="1"/>
  <c r="G79297" i="1"/>
  <c r="G79298" i="1"/>
  <c r="G79299" i="1"/>
  <c r="G79300" i="1"/>
  <c r="G79301" i="1"/>
  <c r="G79302" i="1"/>
  <c r="G79303" i="1"/>
  <c r="G79304" i="1"/>
  <c r="G79305" i="1"/>
  <c r="G79306" i="1"/>
  <c r="G79307" i="1"/>
  <c r="G79308" i="1"/>
  <c r="G79309" i="1"/>
  <c r="G79310" i="1"/>
  <c r="G79311" i="1"/>
  <c r="G79312" i="1"/>
  <c r="G79313" i="1"/>
  <c r="G79314" i="1"/>
  <c r="G79315" i="1"/>
  <c r="G79316" i="1"/>
  <c r="G79317" i="1"/>
  <c r="G79318" i="1"/>
  <c r="G79319" i="1"/>
  <c r="G79320" i="1"/>
  <c r="G79321" i="1"/>
  <c r="G79322" i="1"/>
  <c r="G79323" i="1"/>
  <c r="G79324" i="1"/>
  <c r="G79325" i="1"/>
  <c r="G79326" i="1"/>
  <c r="G79327" i="1"/>
  <c r="G79328" i="1"/>
  <c r="G79329" i="1"/>
  <c r="G79330" i="1"/>
  <c r="G79331" i="1"/>
  <c r="G79332" i="1"/>
  <c r="G79333" i="1"/>
  <c r="G79334" i="1"/>
  <c r="G79335" i="1"/>
  <c r="G79336" i="1"/>
  <c r="G79337" i="1"/>
  <c r="G79338" i="1"/>
  <c r="G79339" i="1"/>
  <c r="G79340" i="1"/>
  <c r="G79341" i="1"/>
  <c r="G79342" i="1"/>
  <c r="G79343" i="1"/>
  <c r="G79344" i="1"/>
  <c r="G79345" i="1"/>
  <c r="G79346" i="1"/>
  <c r="G79347" i="1"/>
  <c r="G79348" i="1"/>
  <c r="G79349" i="1"/>
  <c r="G79350" i="1"/>
  <c r="G79351" i="1"/>
  <c r="G79352" i="1"/>
  <c r="G79353" i="1"/>
  <c r="G79354" i="1"/>
  <c r="G79355" i="1"/>
  <c r="G79356" i="1"/>
  <c r="G79357" i="1"/>
  <c r="G79358" i="1"/>
  <c r="G79359" i="1"/>
  <c r="G79360" i="1"/>
  <c r="G79361" i="1"/>
  <c r="G79362" i="1"/>
  <c r="G79363" i="1"/>
  <c r="G79364" i="1"/>
  <c r="G79365" i="1"/>
  <c r="G79366" i="1"/>
  <c r="G79367" i="1"/>
  <c r="G79368" i="1"/>
  <c r="G79369" i="1"/>
  <c r="G79370" i="1"/>
  <c r="G79371" i="1"/>
  <c r="G79372" i="1"/>
  <c r="G79373" i="1"/>
  <c r="G79374" i="1"/>
  <c r="G79375" i="1"/>
  <c r="G79376" i="1"/>
  <c r="G79377" i="1"/>
  <c r="G79378" i="1"/>
  <c r="G79379" i="1"/>
  <c r="G79380" i="1"/>
  <c r="G79381" i="1"/>
  <c r="G79382" i="1"/>
  <c r="G79383" i="1"/>
  <c r="G79384" i="1"/>
  <c r="G79385" i="1"/>
  <c r="G79386" i="1"/>
  <c r="G79387" i="1"/>
  <c r="G79388" i="1"/>
  <c r="G79389" i="1"/>
  <c r="G79390" i="1"/>
  <c r="G79391" i="1"/>
  <c r="G79392" i="1"/>
  <c r="G79393" i="1"/>
  <c r="G79394" i="1"/>
  <c r="G79395" i="1"/>
  <c r="G79396" i="1"/>
  <c r="G79397" i="1"/>
  <c r="G79398" i="1"/>
  <c r="G79399" i="1"/>
  <c r="G79400" i="1"/>
  <c r="G79401" i="1"/>
  <c r="G79402" i="1"/>
  <c r="G79403" i="1"/>
  <c r="G79404" i="1"/>
  <c r="G79405" i="1"/>
  <c r="G79406" i="1"/>
  <c r="G79407" i="1"/>
  <c r="G79408" i="1"/>
  <c r="G79409" i="1"/>
  <c r="G79410" i="1"/>
  <c r="G79411" i="1"/>
  <c r="G79412" i="1"/>
  <c r="G79413" i="1"/>
  <c r="G79414" i="1"/>
  <c r="G79415" i="1"/>
  <c r="G79416" i="1"/>
  <c r="G79417" i="1"/>
  <c r="G79418" i="1"/>
  <c r="G79419" i="1"/>
  <c r="G79420" i="1"/>
  <c r="G79421" i="1"/>
  <c r="G79422" i="1"/>
  <c r="G79423" i="1"/>
  <c r="G79424" i="1"/>
  <c r="G79425" i="1"/>
  <c r="G79426" i="1"/>
  <c r="G79427" i="1"/>
  <c r="G79428" i="1"/>
  <c r="G79429" i="1"/>
  <c r="G79430" i="1"/>
  <c r="G79431" i="1"/>
  <c r="G79432" i="1"/>
  <c r="G79433" i="1"/>
  <c r="G79434" i="1"/>
  <c r="G79435" i="1"/>
  <c r="G79436" i="1"/>
  <c r="G79437" i="1"/>
  <c r="G79438" i="1"/>
  <c r="G79439" i="1"/>
  <c r="G79440" i="1"/>
  <c r="G79441" i="1"/>
  <c r="G79442" i="1"/>
  <c r="G79443" i="1"/>
  <c r="G79444" i="1"/>
  <c r="G79445" i="1"/>
  <c r="G79446" i="1"/>
  <c r="G79447" i="1"/>
  <c r="G79448" i="1"/>
  <c r="G79449" i="1"/>
  <c r="G79450" i="1"/>
  <c r="G79451" i="1"/>
  <c r="G79452" i="1"/>
  <c r="G79453" i="1"/>
  <c r="G79454" i="1"/>
  <c r="G79455" i="1"/>
  <c r="G79456" i="1"/>
  <c r="G79457" i="1"/>
  <c r="G79458" i="1"/>
  <c r="G79459" i="1"/>
  <c r="G79460" i="1"/>
  <c r="G79461" i="1"/>
  <c r="G79462" i="1"/>
  <c r="G79463" i="1"/>
  <c r="G79464" i="1"/>
  <c r="G79465" i="1"/>
  <c r="G79466" i="1"/>
  <c r="G79467" i="1"/>
  <c r="G79468" i="1"/>
  <c r="G79469" i="1"/>
  <c r="G79470" i="1"/>
  <c r="G79471" i="1"/>
  <c r="G79472" i="1"/>
  <c r="G79473" i="1"/>
  <c r="G79474" i="1"/>
  <c r="G79475" i="1"/>
  <c r="G79476" i="1"/>
  <c r="G79477" i="1"/>
  <c r="G79478" i="1"/>
  <c r="G79479" i="1"/>
  <c r="G79480" i="1"/>
  <c r="G79481" i="1"/>
  <c r="G79482" i="1"/>
  <c r="G79483" i="1"/>
  <c r="G79484" i="1"/>
  <c r="G79485" i="1"/>
  <c r="G79486" i="1"/>
  <c r="G79487" i="1"/>
  <c r="G79488" i="1"/>
  <c r="G79489" i="1"/>
  <c r="G79490" i="1"/>
  <c r="G79491" i="1"/>
  <c r="G79492" i="1"/>
  <c r="G79493" i="1"/>
  <c r="G79494" i="1"/>
  <c r="G79495" i="1"/>
  <c r="G79496" i="1"/>
  <c r="G79497" i="1"/>
  <c r="G79498" i="1"/>
  <c r="G79499" i="1"/>
  <c r="G79500" i="1"/>
  <c r="G79501" i="1"/>
  <c r="G79502" i="1"/>
  <c r="G79503" i="1"/>
  <c r="G79504" i="1"/>
  <c r="G79505" i="1"/>
  <c r="G79506" i="1"/>
  <c r="G79507" i="1"/>
  <c r="G79508" i="1"/>
  <c r="G79509" i="1"/>
  <c r="G79510" i="1"/>
  <c r="G79511" i="1"/>
  <c r="G79512" i="1"/>
  <c r="G79513" i="1"/>
  <c r="G79514" i="1"/>
  <c r="G79515" i="1"/>
  <c r="G79516" i="1"/>
  <c r="G79517" i="1"/>
  <c r="G79518" i="1"/>
  <c r="G79519" i="1"/>
  <c r="G79520" i="1"/>
  <c r="G79521" i="1"/>
  <c r="G79522" i="1"/>
  <c r="G79523" i="1"/>
  <c r="G79524" i="1"/>
  <c r="G79525" i="1"/>
  <c r="G79526" i="1"/>
  <c r="G79527" i="1"/>
  <c r="G79528" i="1"/>
  <c r="G79529" i="1"/>
  <c r="G79530" i="1"/>
  <c r="G79531" i="1"/>
  <c r="G79532" i="1"/>
  <c r="G79533" i="1"/>
  <c r="G79534" i="1"/>
  <c r="G79535" i="1"/>
  <c r="G79536" i="1"/>
  <c r="G79537" i="1"/>
  <c r="G79538" i="1"/>
  <c r="G79539" i="1"/>
  <c r="G79540" i="1"/>
  <c r="G79541" i="1"/>
  <c r="G79542" i="1"/>
  <c r="G79543" i="1"/>
  <c r="G79544" i="1"/>
  <c r="G79545" i="1"/>
  <c r="G79546" i="1"/>
  <c r="G79547" i="1"/>
  <c r="G79548" i="1"/>
  <c r="G79549" i="1"/>
  <c r="G79550" i="1"/>
  <c r="G79551" i="1"/>
  <c r="G79552" i="1"/>
  <c r="G79553" i="1"/>
  <c r="G79554" i="1"/>
  <c r="G79555" i="1"/>
  <c r="G79556" i="1"/>
  <c r="G79557" i="1"/>
  <c r="G79558" i="1"/>
  <c r="G79559" i="1"/>
  <c r="G79560" i="1"/>
  <c r="G79561" i="1"/>
  <c r="G79562" i="1"/>
  <c r="G79563" i="1"/>
  <c r="G79564" i="1"/>
  <c r="G79565" i="1"/>
  <c r="G79566" i="1"/>
  <c r="G79567" i="1"/>
  <c r="G79568" i="1"/>
  <c r="G79569" i="1"/>
  <c r="G79570" i="1"/>
  <c r="G79571" i="1"/>
  <c r="G79572" i="1"/>
  <c r="G79573" i="1"/>
  <c r="G79574" i="1"/>
  <c r="G79575" i="1"/>
  <c r="G79576" i="1"/>
  <c r="G79577" i="1"/>
  <c r="G79578" i="1"/>
  <c r="G79579" i="1"/>
  <c r="G79580" i="1"/>
  <c r="G79581" i="1"/>
  <c r="G79582" i="1"/>
  <c r="G79583" i="1"/>
  <c r="G79584" i="1"/>
  <c r="G79585" i="1"/>
  <c r="G79586" i="1"/>
  <c r="G79587" i="1"/>
  <c r="G79588" i="1"/>
  <c r="G79589" i="1"/>
  <c r="G79590" i="1"/>
  <c r="G79591" i="1"/>
  <c r="G79592" i="1"/>
  <c r="G79593" i="1"/>
  <c r="G79594" i="1"/>
  <c r="G79595" i="1"/>
  <c r="G79596" i="1"/>
  <c r="G79597" i="1"/>
  <c r="G79598" i="1"/>
  <c r="G79599" i="1"/>
  <c r="G79600" i="1"/>
  <c r="G79601" i="1"/>
  <c r="G79602" i="1"/>
  <c r="G79603" i="1"/>
  <c r="G79604" i="1"/>
  <c r="G79605" i="1"/>
  <c r="G79606" i="1"/>
  <c r="G79607" i="1"/>
  <c r="G79608" i="1"/>
  <c r="G79609" i="1"/>
  <c r="G79610" i="1"/>
  <c r="G79611" i="1"/>
  <c r="G79612" i="1"/>
  <c r="G79613" i="1"/>
  <c r="G79614" i="1"/>
  <c r="G79615" i="1"/>
  <c r="G79616" i="1"/>
  <c r="G79617" i="1"/>
  <c r="G79618" i="1"/>
  <c r="G79619" i="1"/>
  <c r="G79620" i="1"/>
  <c r="G79621" i="1"/>
  <c r="G79622" i="1"/>
  <c r="G79623" i="1"/>
  <c r="G79624" i="1"/>
  <c r="G79625" i="1"/>
  <c r="G79626" i="1"/>
  <c r="G79627" i="1"/>
  <c r="G79628" i="1"/>
  <c r="G79629" i="1"/>
  <c r="G79630" i="1"/>
  <c r="G79631" i="1"/>
  <c r="G79632" i="1"/>
  <c r="G79633" i="1"/>
  <c r="G79634" i="1"/>
  <c r="G79635" i="1"/>
  <c r="G79636" i="1"/>
  <c r="G79637" i="1"/>
  <c r="G79638" i="1"/>
  <c r="G79639" i="1"/>
  <c r="G79640" i="1"/>
  <c r="G79641" i="1"/>
  <c r="G79642" i="1"/>
  <c r="G79643" i="1"/>
  <c r="G79644" i="1"/>
  <c r="G79645" i="1"/>
  <c r="G79646" i="1"/>
  <c r="G79647" i="1"/>
  <c r="G79648" i="1"/>
  <c r="G79649" i="1"/>
  <c r="G79650" i="1"/>
  <c r="G79651" i="1"/>
  <c r="G79652" i="1"/>
  <c r="G79653" i="1"/>
  <c r="G79654" i="1"/>
  <c r="G79655" i="1"/>
  <c r="G79656" i="1"/>
  <c r="G79657" i="1"/>
  <c r="G79658" i="1"/>
  <c r="G79659" i="1"/>
  <c r="G79660" i="1"/>
  <c r="G79661" i="1"/>
  <c r="G79662" i="1"/>
  <c r="G79663" i="1"/>
  <c r="G79664" i="1"/>
  <c r="G79665" i="1"/>
  <c r="G79666" i="1"/>
  <c r="G79667" i="1"/>
  <c r="G79668" i="1"/>
  <c r="G79669" i="1"/>
  <c r="G79670" i="1"/>
  <c r="G79671" i="1"/>
  <c r="G79672" i="1"/>
  <c r="G79673" i="1"/>
  <c r="G79674" i="1"/>
  <c r="G79675" i="1"/>
  <c r="G79676" i="1"/>
  <c r="G79677" i="1"/>
  <c r="G79678" i="1"/>
  <c r="G79679" i="1"/>
  <c r="G79680" i="1"/>
  <c r="G79681" i="1"/>
  <c r="G79682" i="1"/>
  <c r="G79683" i="1"/>
  <c r="G79684" i="1"/>
  <c r="G79685" i="1"/>
  <c r="G79686" i="1"/>
  <c r="G79687" i="1"/>
  <c r="G79688" i="1"/>
  <c r="G79689" i="1"/>
  <c r="G79690" i="1"/>
  <c r="G79691" i="1"/>
  <c r="G79692" i="1"/>
  <c r="G79693" i="1"/>
  <c r="G79694" i="1"/>
  <c r="G79695" i="1"/>
  <c r="G79696" i="1"/>
  <c r="G79697" i="1"/>
  <c r="G79698" i="1"/>
  <c r="G79699" i="1"/>
  <c r="G79700" i="1"/>
  <c r="G79701" i="1"/>
  <c r="G79702" i="1"/>
  <c r="G79703" i="1"/>
  <c r="G79704" i="1"/>
  <c r="G79705" i="1"/>
  <c r="G79706" i="1"/>
  <c r="G79707" i="1"/>
  <c r="G79708" i="1"/>
  <c r="G79709" i="1"/>
  <c r="G79710" i="1"/>
  <c r="G79711" i="1"/>
  <c r="G79712" i="1"/>
  <c r="G79713" i="1"/>
  <c r="G79714" i="1"/>
  <c r="G79715" i="1"/>
  <c r="G79716" i="1"/>
  <c r="G79717" i="1"/>
  <c r="G79718" i="1"/>
  <c r="G79719" i="1"/>
  <c r="G79720" i="1"/>
  <c r="G79721" i="1"/>
  <c r="G79722" i="1"/>
  <c r="G79723" i="1"/>
  <c r="G79724" i="1"/>
  <c r="G79725" i="1"/>
  <c r="G79726" i="1"/>
  <c r="G79727" i="1"/>
  <c r="G79728" i="1"/>
  <c r="G79729" i="1"/>
  <c r="G79730" i="1"/>
  <c r="G79731" i="1"/>
  <c r="G79732" i="1"/>
  <c r="G79733" i="1"/>
  <c r="G79734" i="1"/>
  <c r="G79735" i="1"/>
  <c r="G79736" i="1"/>
  <c r="G79737" i="1"/>
  <c r="G79738" i="1"/>
  <c r="G79739" i="1"/>
  <c r="G79740" i="1"/>
  <c r="G79741" i="1"/>
  <c r="G79742" i="1"/>
  <c r="G79743" i="1"/>
  <c r="G79744" i="1"/>
  <c r="G79745" i="1"/>
  <c r="G79746" i="1"/>
  <c r="G79747" i="1"/>
  <c r="G79748" i="1"/>
  <c r="G79749" i="1"/>
  <c r="G79750" i="1"/>
  <c r="G79751" i="1"/>
  <c r="G79752" i="1"/>
  <c r="G79753" i="1"/>
  <c r="G79754" i="1"/>
  <c r="G79755" i="1"/>
  <c r="G79756" i="1"/>
  <c r="G79757" i="1"/>
  <c r="G79758" i="1"/>
  <c r="G79759" i="1"/>
  <c r="G79760" i="1"/>
  <c r="G79761" i="1"/>
  <c r="G79762" i="1"/>
  <c r="G79763" i="1"/>
  <c r="G79764" i="1"/>
  <c r="G79765" i="1"/>
  <c r="G79766" i="1"/>
  <c r="G79767" i="1"/>
  <c r="G79768" i="1"/>
  <c r="G79769" i="1"/>
  <c r="G79770" i="1"/>
  <c r="G79771" i="1"/>
  <c r="G79772" i="1"/>
  <c r="G79773" i="1"/>
  <c r="G79774" i="1"/>
  <c r="G79775" i="1"/>
  <c r="G79776" i="1"/>
  <c r="G79777" i="1"/>
  <c r="G79778" i="1"/>
  <c r="G79779" i="1"/>
  <c r="G79780" i="1"/>
  <c r="G79781" i="1"/>
  <c r="G79782" i="1"/>
  <c r="G79783" i="1"/>
  <c r="G79784" i="1"/>
  <c r="G79785" i="1"/>
  <c r="G79786" i="1"/>
  <c r="G79787" i="1"/>
  <c r="G79788" i="1"/>
  <c r="G79789" i="1"/>
  <c r="G79790" i="1"/>
  <c r="G79791" i="1"/>
  <c r="G79792" i="1"/>
  <c r="G79793" i="1"/>
  <c r="G79794" i="1"/>
  <c r="G79795" i="1"/>
  <c r="G79796" i="1"/>
  <c r="G79797" i="1"/>
  <c r="G79798" i="1"/>
  <c r="G79799" i="1"/>
  <c r="G79800" i="1"/>
  <c r="G79801" i="1"/>
  <c r="G79802" i="1"/>
  <c r="G79803" i="1"/>
  <c r="G79804" i="1"/>
  <c r="G79805" i="1"/>
  <c r="G79806" i="1"/>
  <c r="G79807" i="1"/>
  <c r="G79808" i="1"/>
  <c r="G79809" i="1"/>
  <c r="G79810" i="1"/>
  <c r="G79811" i="1"/>
  <c r="G79812" i="1"/>
  <c r="G79813" i="1"/>
  <c r="G79814" i="1"/>
  <c r="G79815" i="1"/>
  <c r="G79816" i="1"/>
  <c r="G79817" i="1"/>
  <c r="G79818" i="1"/>
  <c r="G79819" i="1"/>
  <c r="G79820" i="1"/>
  <c r="G79821" i="1"/>
  <c r="G79822" i="1"/>
  <c r="G79823" i="1"/>
  <c r="G79824" i="1"/>
  <c r="G79825" i="1"/>
  <c r="G79826" i="1"/>
  <c r="G79827" i="1"/>
  <c r="G79828" i="1"/>
  <c r="G79829" i="1"/>
  <c r="G79830" i="1"/>
  <c r="G79831" i="1"/>
  <c r="G79832" i="1"/>
  <c r="G79833" i="1"/>
  <c r="G79834" i="1"/>
  <c r="G79835" i="1"/>
  <c r="G79836" i="1"/>
  <c r="G79837" i="1"/>
  <c r="G79838" i="1"/>
  <c r="G79839" i="1"/>
  <c r="G79840" i="1"/>
  <c r="G79841" i="1"/>
  <c r="G79842" i="1"/>
  <c r="G79843" i="1"/>
  <c r="G79844" i="1"/>
  <c r="G79845" i="1"/>
  <c r="G79846" i="1"/>
  <c r="G79847" i="1"/>
  <c r="G79848" i="1"/>
  <c r="G79849" i="1"/>
  <c r="G79850" i="1"/>
  <c r="G79851" i="1"/>
  <c r="G79852" i="1"/>
  <c r="G79853" i="1"/>
  <c r="G79854" i="1"/>
  <c r="G79855" i="1"/>
  <c r="G79856" i="1"/>
  <c r="G79857" i="1"/>
  <c r="G79858" i="1"/>
  <c r="G79859" i="1"/>
  <c r="G79860" i="1"/>
  <c r="G79861" i="1"/>
  <c r="G79862" i="1"/>
  <c r="G79863" i="1"/>
  <c r="G79864" i="1"/>
  <c r="G79865" i="1"/>
  <c r="G79866" i="1"/>
  <c r="G79867" i="1"/>
  <c r="G79868" i="1"/>
  <c r="G79869" i="1"/>
  <c r="G79870" i="1"/>
  <c r="G79871" i="1"/>
  <c r="G79872" i="1"/>
  <c r="G79873" i="1"/>
  <c r="G79874" i="1"/>
  <c r="G79875" i="1"/>
  <c r="G79876" i="1"/>
  <c r="G79877" i="1"/>
  <c r="G79878" i="1"/>
  <c r="G79879" i="1"/>
  <c r="G79880" i="1"/>
  <c r="G79881" i="1"/>
  <c r="G79882" i="1"/>
  <c r="G79883" i="1"/>
  <c r="G79884" i="1"/>
  <c r="G79885" i="1"/>
  <c r="G79886" i="1"/>
  <c r="G79887" i="1"/>
  <c r="G79888" i="1"/>
  <c r="G79889" i="1"/>
  <c r="G79890" i="1"/>
  <c r="G79891" i="1"/>
  <c r="G79892" i="1"/>
  <c r="G79893" i="1"/>
  <c r="G79894" i="1"/>
  <c r="G79895" i="1"/>
  <c r="G79896" i="1"/>
  <c r="G79897" i="1"/>
  <c r="G79898" i="1"/>
  <c r="G79899" i="1"/>
  <c r="G79900" i="1"/>
  <c r="G79901" i="1"/>
  <c r="G79902" i="1"/>
  <c r="G79903" i="1"/>
  <c r="G79904" i="1"/>
  <c r="G79905" i="1"/>
  <c r="G79906" i="1"/>
  <c r="G79907" i="1"/>
  <c r="G79908" i="1"/>
  <c r="G79909" i="1"/>
  <c r="G79910" i="1"/>
  <c r="G79911" i="1"/>
  <c r="G79912" i="1"/>
  <c r="G79913" i="1"/>
  <c r="G79914" i="1"/>
  <c r="G79915" i="1"/>
  <c r="G79916" i="1"/>
  <c r="G79917" i="1"/>
  <c r="G79918" i="1"/>
  <c r="G79919" i="1"/>
  <c r="G79920" i="1"/>
  <c r="G79921" i="1"/>
  <c r="G79922" i="1"/>
  <c r="G79923" i="1"/>
  <c r="G79924" i="1"/>
  <c r="G79925" i="1"/>
  <c r="G79926" i="1"/>
  <c r="G79927" i="1"/>
  <c r="G79928" i="1"/>
  <c r="G79929" i="1"/>
  <c r="G79930" i="1"/>
  <c r="G79931" i="1"/>
  <c r="G79932" i="1"/>
  <c r="G79933" i="1"/>
  <c r="G79934" i="1"/>
  <c r="G79935" i="1"/>
  <c r="G79936" i="1"/>
  <c r="G79937" i="1"/>
  <c r="G79938" i="1"/>
  <c r="G79939" i="1"/>
  <c r="G79940" i="1"/>
  <c r="G79941" i="1"/>
  <c r="G79942" i="1"/>
  <c r="G79943" i="1"/>
  <c r="G79944" i="1"/>
  <c r="G79945" i="1"/>
  <c r="G79946" i="1"/>
  <c r="G79947" i="1"/>
  <c r="G79948" i="1"/>
  <c r="G79949" i="1"/>
  <c r="G79950" i="1"/>
  <c r="G79951" i="1"/>
  <c r="G79952" i="1"/>
  <c r="G79953" i="1"/>
  <c r="G79954" i="1"/>
  <c r="G79955" i="1"/>
  <c r="G79956" i="1"/>
  <c r="G79957" i="1"/>
  <c r="G79958" i="1"/>
  <c r="G79959" i="1"/>
  <c r="G79960" i="1"/>
  <c r="G79961" i="1"/>
  <c r="G79962" i="1"/>
  <c r="G79963" i="1"/>
  <c r="G79964" i="1"/>
  <c r="G79965" i="1"/>
  <c r="G79966" i="1"/>
  <c r="G79967" i="1"/>
  <c r="G79968" i="1"/>
  <c r="G79969" i="1"/>
  <c r="G79970" i="1"/>
  <c r="G79971" i="1"/>
  <c r="G79972" i="1"/>
  <c r="G79973" i="1"/>
  <c r="G79974" i="1"/>
  <c r="G79975" i="1"/>
  <c r="G79976" i="1"/>
  <c r="G79977" i="1"/>
  <c r="G79978" i="1"/>
  <c r="G79979" i="1"/>
  <c r="G79980" i="1"/>
  <c r="G79981" i="1"/>
  <c r="G79982" i="1"/>
  <c r="G79983" i="1"/>
  <c r="G79984" i="1"/>
  <c r="G79985" i="1"/>
  <c r="G79986" i="1"/>
  <c r="G79987" i="1"/>
  <c r="G79988" i="1"/>
  <c r="G79989" i="1"/>
  <c r="G79990" i="1"/>
  <c r="G79991" i="1"/>
  <c r="G79992" i="1"/>
  <c r="G79993" i="1"/>
  <c r="G79994" i="1"/>
  <c r="G79995" i="1"/>
  <c r="G79996" i="1"/>
  <c r="G79997" i="1"/>
  <c r="G79998" i="1"/>
  <c r="G79999" i="1"/>
  <c r="G80000" i="1"/>
  <c r="G80001" i="1"/>
  <c r="G80002" i="1"/>
  <c r="G80003" i="1"/>
  <c r="G80004" i="1"/>
  <c r="G80005" i="1"/>
  <c r="G80006" i="1"/>
  <c r="G80007" i="1"/>
  <c r="G80008" i="1"/>
  <c r="G80009" i="1"/>
  <c r="G80010" i="1"/>
  <c r="G80011" i="1"/>
  <c r="G80012" i="1"/>
  <c r="G80013" i="1"/>
  <c r="G80014" i="1"/>
  <c r="G80015" i="1"/>
  <c r="G80016" i="1"/>
  <c r="G80017" i="1"/>
  <c r="G80018" i="1"/>
  <c r="G80019" i="1"/>
  <c r="G80020" i="1"/>
  <c r="G80021" i="1"/>
  <c r="G80022" i="1"/>
  <c r="G80023" i="1"/>
  <c r="G80024" i="1"/>
  <c r="G80025" i="1"/>
  <c r="G80026" i="1"/>
  <c r="G80027" i="1"/>
  <c r="G80028" i="1"/>
  <c r="G80029" i="1"/>
  <c r="G80030" i="1"/>
  <c r="G80031" i="1"/>
  <c r="G80032" i="1"/>
  <c r="G80033" i="1"/>
  <c r="G80034" i="1"/>
  <c r="G80035" i="1"/>
  <c r="G80036" i="1"/>
  <c r="G80037" i="1"/>
  <c r="G80038" i="1"/>
  <c r="G80039" i="1"/>
  <c r="G80040" i="1"/>
  <c r="G80041" i="1"/>
  <c r="G80042" i="1"/>
  <c r="G80043" i="1"/>
  <c r="G80044" i="1"/>
  <c r="G80045" i="1"/>
  <c r="G80046" i="1"/>
  <c r="G80047" i="1"/>
  <c r="G80048" i="1"/>
  <c r="G80049" i="1"/>
  <c r="G80050" i="1"/>
  <c r="G80051" i="1"/>
  <c r="G80052" i="1"/>
  <c r="G80053" i="1"/>
  <c r="G80054" i="1"/>
  <c r="G80055" i="1"/>
  <c r="G80056" i="1"/>
  <c r="G80057" i="1"/>
  <c r="G80058" i="1"/>
  <c r="G80059" i="1"/>
  <c r="G80060" i="1"/>
  <c r="G80061" i="1"/>
  <c r="G80062" i="1"/>
  <c r="G80063" i="1"/>
  <c r="G80064" i="1"/>
  <c r="G80065" i="1"/>
  <c r="G80066" i="1"/>
  <c r="G80067" i="1"/>
  <c r="G80068" i="1"/>
  <c r="G80069" i="1"/>
  <c r="G80070" i="1"/>
  <c r="G80071" i="1"/>
  <c r="G80072" i="1"/>
  <c r="G80073" i="1"/>
  <c r="G80074" i="1"/>
  <c r="G80075" i="1"/>
  <c r="G80076" i="1"/>
  <c r="G80077" i="1"/>
  <c r="G80078" i="1"/>
  <c r="G80079" i="1"/>
  <c r="G80080" i="1"/>
  <c r="G80081" i="1"/>
  <c r="G80082" i="1"/>
  <c r="G80083" i="1"/>
  <c r="G80084" i="1"/>
  <c r="G80085" i="1"/>
  <c r="G80086" i="1"/>
  <c r="G80087" i="1"/>
  <c r="G80088" i="1"/>
  <c r="G80089" i="1"/>
  <c r="G80090" i="1"/>
  <c r="G80091" i="1"/>
  <c r="G80092" i="1"/>
  <c r="G80093" i="1"/>
  <c r="G80094" i="1"/>
  <c r="G80095" i="1"/>
  <c r="G80096" i="1"/>
  <c r="G80097" i="1"/>
  <c r="G80098" i="1"/>
  <c r="G80099" i="1"/>
  <c r="G80100" i="1"/>
  <c r="G80101" i="1"/>
  <c r="G80102" i="1"/>
  <c r="G80103" i="1"/>
  <c r="G80104" i="1"/>
  <c r="G80105" i="1"/>
  <c r="G80106" i="1"/>
  <c r="G80107" i="1"/>
  <c r="G80108" i="1"/>
  <c r="G80109" i="1"/>
  <c r="G80110" i="1"/>
  <c r="G80111" i="1"/>
  <c r="G80112" i="1"/>
  <c r="G80113" i="1"/>
  <c r="G80114" i="1"/>
  <c r="G80115" i="1"/>
  <c r="G80116" i="1"/>
  <c r="G80117" i="1"/>
  <c r="G80118" i="1"/>
  <c r="G80119" i="1"/>
  <c r="G80120" i="1"/>
  <c r="G80121" i="1"/>
  <c r="G80122" i="1"/>
  <c r="G80123" i="1"/>
  <c r="G80124" i="1"/>
  <c r="G80125" i="1"/>
  <c r="G80126" i="1"/>
  <c r="G80127" i="1"/>
  <c r="G80128" i="1"/>
  <c r="G80129" i="1"/>
  <c r="G80130" i="1"/>
  <c r="G80131" i="1"/>
  <c r="G80132" i="1"/>
  <c r="G80133" i="1"/>
  <c r="G80134" i="1"/>
  <c r="G80135" i="1"/>
  <c r="G80136" i="1"/>
  <c r="G80137" i="1"/>
  <c r="G80138" i="1"/>
  <c r="G80139" i="1"/>
  <c r="G80140" i="1"/>
  <c r="G80141" i="1"/>
  <c r="G80142" i="1"/>
  <c r="G80143" i="1"/>
  <c r="G80144" i="1"/>
  <c r="G80145" i="1"/>
  <c r="G80146" i="1"/>
  <c r="G80147" i="1"/>
  <c r="G80148" i="1"/>
  <c r="G80149" i="1"/>
  <c r="G80150" i="1"/>
  <c r="G80151" i="1"/>
  <c r="G80152" i="1"/>
  <c r="G80153" i="1"/>
  <c r="G80154" i="1"/>
  <c r="G80155" i="1"/>
  <c r="G80156" i="1"/>
  <c r="G80157" i="1"/>
  <c r="G80158" i="1"/>
  <c r="G80159" i="1"/>
  <c r="G80160" i="1"/>
  <c r="G80161" i="1"/>
  <c r="G80162" i="1"/>
  <c r="G80163" i="1"/>
  <c r="G80164" i="1"/>
  <c r="G80165" i="1"/>
  <c r="G80166" i="1"/>
  <c r="G80167" i="1"/>
  <c r="G80168" i="1"/>
  <c r="G80169" i="1"/>
  <c r="G80170" i="1"/>
  <c r="G80171" i="1"/>
  <c r="G80172" i="1"/>
  <c r="G80173" i="1"/>
  <c r="G80174" i="1"/>
  <c r="G80175" i="1"/>
  <c r="G80176" i="1"/>
  <c r="G80177" i="1"/>
  <c r="G80178" i="1"/>
  <c r="G80179" i="1"/>
  <c r="G80180" i="1"/>
  <c r="G80181" i="1"/>
  <c r="G80182" i="1"/>
  <c r="G80183" i="1"/>
  <c r="G80184" i="1"/>
  <c r="G80185" i="1"/>
  <c r="G80186" i="1"/>
  <c r="G80187" i="1"/>
  <c r="G80188" i="1"/>
  <c r="G80189" i="1"/>
  <c r="G80190" i="1"/>
  <c r="G80191" i="1"/>
  <c r="G80192" i="1"/>
  <c r="G80193" i="1"/>
  <c r="G80194" i="1"/>
  <c r="G80195" i="1"/>
  <c r="G80196" i="1"/>
  <c r="G80197" i="1"/>
  <c r="G80198" i="1"/>
  <c r="G80199" i="1"/>
  <c r="G80200" i="1"/>
  <c r="G80201" i="1"/>
  <c r="G80202" i="1"/>
  <c r="G80203" i="1"/>
  <c r="G80204" i="1"/>
  <c r="G80205" i="1"/>
  <c r="G80206" i="1"/>
  <c r="G80207" i="1"/>
  <c r="G80208" i="1"/>
  <c r="G80209" i="1"/>
  <c r="G80210" i="1"/>
  <c r="G80211" i="1"/>
  <c r="G80212" i="1"/>
  <c r="G80213" i="1"/>
  <c r="G80214" i="1"/>
  <c r="G80215" i="1"/>
  <c r="G80216" i="1"/>
  <c r="G80217" i="1"/>
  <c r="G80218" i="1"/>
  <c r="G80219" i="1"/>
  <c r="G80220" i="1"/>
  <c r="G80221" i="1"/>
  <c r="G80222" i="1"/>
  <c r="G80223" i="1"/>
  <c r="G80224" i="1"/>
  <c r="G80225" i="1"/>
  <c r="G80226" i="1"/>
  <c r="G80227" i="1"/>
  <c r="G80228" i="1"/>
  <c r="G80229" i="1"/>
  <c r="G80230" i="1"/>
  <c r="G80231" i="1"/>
  <c r="G80232" i="1"/>
  <c r="G80233" i="1"/>
  <c r="G80234" i="1"/>
  <c r="G80235" i="1"/>
  <c r="G80236" i="1"/>
  <c r="G80237" i="1"/>
  <c r="G80238" i="1"/>
  <c r="G80239" i="1"/>
  <c r="G80240" i="1"/>
  <c r="G80241" i="1"/>
  <c r="G80242" i="1"/>
  <c r="G80243" i="1"/>
  <c r="G80244" i="1"/>
  <c r="G80245" i="1"/>
  <c r="G80246" i="1"/>
  <c r="G80247" i="1"/>
  <c r="G80248" i="1"/>
  <c r="G80249" i="1"/>
  <c r="G80250" i="1"/>
  <c r="G80251" i="1"/>
  <c r="G80252" i="1"/>
  <c r="G80253" i="1"/>
  <c r="G80254" i="1"/>
  <c r="G80255" i="1"/>
  <c r="G80256" i="1"/>
  <c r="G80257" i="1"/>
  <c r="G80258" i="1"/>
  <c r="G80259" i="1"/>
  <c r="G80260" i="1"/>
  <c r="G80261" i="1"/>
  <c r="G80262" i="1"/>
  <c r="G80263" i="1"/>
  <c r="G80264" i="1"/>
  <c r="G80265" i="1"/>
  <c r="G80266" i="1"/>
  <c r="G80267" i="1"/>
  <c r="G80268" i="1"/>
  <c r="G80269" i="1"/>
  <c r="G80270" i="1"/>
  <c r="G80271" i="1"/>
  <c r="G80272" i="1"/>
  <c r="G80273" i="1"/>
  <c r="G80274" i="1"/>
  <c r="G80275" i="1"/>
  <c r="G80276" i="1"/>
  <c r="G80277" i="1"/>
  <c r="G80278" i="1"/>
  <c r="G80279" i="1"/>
  <c r="G80280" i="1"/>
  <c r="G80281" i="1"/>
  <c r="G80282" i="1"/>
  <c r="G80283" i="1"/>
  <c r="G80284" i="1"/>
  <c r="G80285" i="1"/>
  <c r="G80286" i="1"/>
  <c r="G80287" i="1"/>
  <c r="G80288" i="1"/>
  <c r="G80289" i="1"/>
  <c r="G80290" i="1"/>
  <c r="G80291" i="1"/>
  <c r="G80292" i="1"/>
  <c r="G80293" i="1"/>
  <c r="G80294" i="1"/>
  <c r="G80295" i="1"/>
  <c r="G80296" i="1"/>
  <c r="G80297" i="1"/>
  <c r="G80298" i="1"/>
  <c r="G80299" i="1"/>
  <c r="G80300" i="1"/>
  <c r="G80301" i="1"/>
  <c r="G80302" i="1"/>
  <c r="G80303" i="1"/>
  <c r="G80304" i="1"/>
  <c r="G80305" i="1"/>
  <c r="G80306" i="1"/>
  <c r="G80307" i="1"/>
  <c r="G80308" i="1"/>
  <c r="G80309" i="1"/>
  <c r="G80310" i="1"/>
  <c r="G80311" i="1"/>
  <c r="G80312" i="1"/>
  <c r="G80313" i="1"/>
  <c r="G80314" i="1"/>
  <c r="G80315" i="1"/>
  <c r="G80316" i="1"/>
  <c r="G80317" i="1"/>
  <c r="G80318" i="1"/>
  <c r="G80319" i="1"/>
  <c r="G80320" i="1"/>
  <c r="G80321" i="1"/>
  <c r="G80322" i="1"/>
  <c r="G80323" i="1"/>
  <c r="G80324" i="1"/>
  <c r="G80325" i="1"/>
  <c r="G80326" i="1"/>
  <c r="G80327" i="1"/>
  <c r="G80328" i="1"/>
  <c r="G80329" i="1"/>
  <c r="G80330" i="1"/>
  <c r="G80331" i="1"/>
  <c r="G80332" i="1"/>
  <c r="G80333" i="1"/>
  <c r="G80334" i="1"/>
  <c r="G80335" i="1"/>
  <c r="G80336" i="1"/>
  <c r="G80337" i="1"/>
  <c r="G80338" i="1"/>
  <c r="G80339" i="1"/>
  <c r="G80340" i="1"/>
  <c r="G80341" i="1"/>
  <c r="G80342" i="1"/>
  <c r="G80343" i="1"/>
  <c r="G80344" i="1"/>
  <c r="G80345" i="1"/>
  <c r="G80346" i="1"/>
  <c r="G80347" i="1"/>
  <c r="G80348" i="1"/>
  <c r="G80349" i="1"/>
  <c r="G80350" i="1"/>
  <c r="G80351" i="1"/>
  <c r="G80352" i="1"/>
  <c r="G80353" i="1"/>
  <c r="G80354" i="1"/>
  <c r="G80355" i="1"/>
  <c r="G80356" i="1"/>
  <c r="G80357" i="1"/>
  <c r="G80358" i="1"/>
  <c r="G80359" i="1"/>
  <c r="G80360" i="1"/>
  <c r="G80361" i="1"/>
  <c r="G80362" i="1"/>
  <c r="G80363" i="1"/>
  <c r="G80364" i="1"/>
  <c r="G80365" i="1"/>
  <c r="G80366" i="1"/>
  <c r="G80367" i="1"/>
  <c r="G80368" i="1"/>
  <c r="G80369" i="1"/>
  <c r="G80370" i="1"/>
  <c r="G80371" i="1"/>
  <c r="G80372" i="1"/>
  <c r="G80373" i="1"/>
  <c r="G80374" i="1"/>
  <c r="G80375" i="1"/>
  <c r="G80376" i="1"/>
  <c r="G80377" i="1"/>
  <c r="G80378" i="1"/>
  <c r="G80379" i="1"/>
  <c r="G80380" i="1"/>
  <c r="G80381" i="1"/>
  <c r="G80382" i="1"/>
  <c r="G80383" i="1"/>
  <c r="G80384" i="1"/>
  <c r="G80385" i="1"/>
  <c r="G80386" i="1"/>
  <c r="G80387" i="1"/>
  <c r="G80388" i="1"/>
  <c r="G80389" i="1"/>
  <c r="G80390" i="1"/>
  <c r="G80391" i="1"/>
  <c r="G80392" i="1"/>
  <c r="G80393" i="1"/>
  <c r="G80394" i="1"/>
  <c r="G80395" i="1"/>
  <c r="G80396" i="1"/>
  <c r="G80397" i="1"/>
  <c r="G80398" i="1"/>
  <c r="G80399" i="1"/>
  <c r="G80400" i="1"/>
  <c r="G80401" i="1"/>
  <c r="G80402" i="1"/>
  <c r="G80403" i="1"/>
  <c r="G80404" i="1"/>
  <c r="G80405" i="1"/>
  <c r="G80406" i="1"/>
  <c r="G80407" i="1"/>
  <c r="G80408" i="1"/>
  <c r="G80409" i="1"/>
  <c r="G80410" i="1"/>
  <c r="G80411" i="1"/>
  <c r="G80412" i="1"/>
  <c r="G80413" i="1"/>
  <c r="G80414" i="1"/>
  <c r="G80415" i="1"/>
  <c r="G80416" i="1"/>
  <c r="G80417" i="1"/>
  <c r="G80418" i="1"/>
  <c r="G80419" i="1"/>
  <c r="G80420" i="1"/>
  <c r="G80421" i="1"/>
  <c r="G80422" i="1"/>
  <c r="G80423" i="1"/>
  <c r="G80424" i="1"/>
  <c r="G80425" i="1"/>
  <c r="G80426" i="1"/>
  <c r="G80427" i="1"/>
  <c r="G80428" i="1"/>
  <c r="G80429" i="1"/>
  <c r="G80430" i="1"/>
  <c r="G80431" i="1"/>
  <c r="G80432" i="1"/>
  <c r="G80433" i="1"/>
  <c r="G80434" i="1"/>
  <c r="G80435" i="1"/>
  <c r="G80436" i="1"/>
  <c r="G80437" i="1"/>
  <c r="G80438" i="1"/>
  <c r="G80439" i="1"/>
  <c r="G80440" i="1"/>
  <c r="G80441" i="1"/>
  <c r="G80442" i="1"/>
  <c r="G80443" i="1"/>
  <c r="G80444" i="1"/>
  <c r="G80445" i="1"/>
  <c r="G80446" i="1"/>
  <c r="G80447" i="1"/>
  <c r="G80448" i="1"/>
  <c r="G80449" i="1"/>
  <c r="G80450" i="1"/>
  <c r="G80451" i="1"/>
  <c r="G80452" i="1"/>
  <c r="G80453" i="1"/>
  <c r="G80454" i="1"/>
  <c r="G80455" i="1"/>
  <c r="G80456" i="1"/>
  <c r="G80457" i="1"/>
  <c r="G80458" i="1"/>
  <c r="G80459" i="1"/>
  <c r="G80460" i="1"/>
  <c r="G80461" i="1"/>
  <c r="G80462" i="1"/>
  <c r="G80463" i="1"/>
  <c r="G80464" i="1"/>
  <c r="G80465" i="1"/>
  <c r="G80466" i="1"/>
  <c r="G80467" i="1"/>
  <c r="G80468" i="1"/>
  <c r="G80469" i="1"/>
  <c r="G80470" i="1"/>
  <c r="G80471" i="1"/>
  <c r="G80472" i="1"/>
  <c r="G80473" i="1"/>
  <c r="G80474" i="1"/>
  <c r="G80475" i="1"/>
  <c r="G80476" i="1"/>
  <c r="G80477" i="1"/>
  <c r="G80478" i="1"/>
  <c r="G80479" i="1"/>
  <c r="G80480" i="1"/>
  <c r="G80481" i="1"/>
  <c r="G80482" i="1"/>
  <c r="G80483" i="1"/>
  <c r="G80484" i="1"/>
  <c r="G80485" i="1"/>
  <c r="G80486" i="1"/>
  <c r="G80487" i="1"/>
  <c r="G80488" i="1"/>
  <c r="G80489" i="1"/>
  <c r="G80490" i="1"/>
  <c r="G80491" i="1"/>
  <c r="G80492" i="1"/>
  <c r="G80493" i="1"/>
  <c r="G80494" i="1"/>
  <c r="G80495" i="1"/>
  <c r="G80496" i="1"/>
  <c r="G80497" i="1"/>
  <c r="G80498" i="1"/>
  <c r="G80499" i="1"/>
  <c r="G80500" i="1"/>
  <c r="G80501" i="1"/>
  <c r="G80502" i="1"/>
  <c r="G80503" i="1"/>
  <c r="G80504" i="1"/>
  <c r="G80505" i="1"/>
  <c r="G80506" i="1"/>
  <c r="G80507" i="1"/>
  <c r="G80508" i="1"/>
  <c r="G80509" i="1"/>
  <c r="G80510" i="1"/>
  <c r="G80511" i="1"/>
  <c r="G80512" i="1"/>
  <c r="G80513" i="1"/>
  <c r="G80514" i="1"/>
  <c r="G80515" i="1"/>
  <c r="G80516" i="1"/>
  <c r="G80517" i="1"/>
  <c r="G80518" i="1"/>
  <c r="G80519" i="1"/>
  <c r="G80520" i="1"/>
  <c r="G80521" i="1"/>
  <c r="G80522" i="1"/>
  <c r="G80523" i="1"/>
  <c r="G80524" i="1"/>
  <c r="G80525" i="1"/>
  <c r="G80526" i="1"/>
  <c r="G80527" i="1"/>
  <c r="G80528" i="1"/>
  <c r="G80529" i="1"/>
  <c r="G80530" i="1"/>
  <c r="G80531" i="1"/>
  <c r="G80532" i="1"/>
  <c r="G80533" i="1"/>
  <c r="G80534" i="1"/>
  <c r="G80535" i="1"/>
  <c r="G80536" i="1"/>
  <c r="G80537" i="1"/>
  <c r="G80538" i="1"/>
  <c r="G80539" i="1"/>
  <c r="G80540" i="1"/>
  <c r="G80541" i="1"/>
  <c r="G80542" i="1"/>
  <c r="G80543" i="1"/>
  <c r="G80544" i="1"/>
  <c r="G80545" i="1"/>
  <c r="G80546" i="1"/>
  <c r="G80547" i="1"/>
  <c r="G80548" i="1"/>
  <c r="G80549" i="1"/>
  <c r="G80550" i="1"/>
  <c r="G80551" i="1"/>
  <c r="G80552" i="1"/>
  <c r="G80553" i="1"/>
  <c r="G80554" i="1"/>
  <c r="G80555" i="1"/>
  <c r="G80556" i="1"/>
  <c r="G80557" i="1"/>
  <c r="G80558" i="1"/>
  <c r="G80559" i="1"/>
  <c r="G80560" i="1"/>
  <c r="G80561" i="1"/>
  <c r="G80562" i="1"/>
  <c r="G80563" i="1"/>
  <c r="G80564" i="1"/>
  <c r="G80565" i="1"/>
  <c r="G80566" i="1"/>
  <c r="G80567" i="1"/>
  <c r="G80568" i="1"/>
  <c r="G80569" i="1"/>
  <c r="G80570" i="1"/>
  <c r="G80571" i="1"/>
  <c r="G80572" i="1"/>
  <c r="G80573" i="1"/>
  <c r="G80574" i="1"/>
  <c r="G80575" i="1"/>
  <c r="G80576" i="1"/>
  <c r="G80577" i="1"/>
  <c r="G80578" i="1"/>
  <c r="G80579" i="1"/>
  <c r="G80580" i="1"/>
  <c r="G80581" i="1"/>
  <c r="G80582" i="1"/>
  <c r="G80583" i="1"/>
  <c r="G80584" i="1"/>
  <c r="G80585" i="1"/>
  <c r="G80586" i="1"/>
  <c r="G80587" i="1"/>
  <c r="G80588" i="1"/>
  <c r="G80589" i="1"/>
  <c r="G80590" i="1"/>
  <c r="G80591" i="1"/>
  <c r="G80592" i="1"/>
  <c r="G80593" i="1"/>
  <c r="G80594" i="1"/>
  <c r="G80595" i="1"/>
  <c r="G80596" i="1"/>
  <c r="G80597" i="1"/>
  <c r="G80598" i="1"/>
  <c r="G80599" i="1"/>
  <c r="G80600" i="1"/>
  <c r="G80601" i="1"/>
  <c r="G80602" i="1"/>
  <c r="G80603" i="1"/>
  <c r="G80604" i="1"/>
  <c r="G80605" i="1"/>
  <c r="G80606" i="1"/>
  <c r="G80607" i="1"/>
  <c r="G80608" i="1"/>
  <c r="G80609" i="1"/>
  <c r="G80610" i="1"/>
  <c r="G80611" i="1"/>
  <c r="G80612" i="1"/>
  <c r="G80613" i="1"/>
  <c r="G80614" i="1"/>
  <c r="G80615" i="1"/>
  <c r="G80616" i="1"/>
  <c r="G80617" i="1"/>
  <c r="G80618" i="1"/>
  <c r="G80619" i="1"/>
  <c r="G80620" i="1"/>
  <c r="G80621" i="1"/>
  <c r="G80622" i="1"/>
  <c r="G80623" i="1"/>
  <c r="G80624" i="1"/>
  <c r="G80625" i="1"/>
  <c r="G80626" i="1"/>
  <c r="G80627" i="1"/>
  <c r="G80628" i="1"/>
  <c r="G80629" i="1"/>
  <c r="G80630" i="1"/>
  <c r="G80631" i="1"/>
  <c r="G80632" i="1"/>
  <c r="G80633" i="1"/>
  <c r="G80634" i="1"/>
  <c r="G80635" i="1"/>
  <c r="G80636" i="1"/>
  <c r="G80637" i="1"/>
  <c r="G80638" i="1"/>
  <c r="G80639" i="1"/>
  <c r="G80640" i="1"/>
  <c r="G80641" i="1"/>
  <c r="G80642" i="1"/>
  <c r="G80643" i="1"/>
  <c r="G80644" i="1"/>
  <c r="G80645" i="1"/>
  <c r="G80646" i="1"/>
  <c r="G80647" i="1"/>
  <c r="G80648" i="1"/>
  <c r="G80649" i="1"/>
  <c r="G80650" i="1"/>
  <c r="G80651" i="1"/>
  <c r="G80652" i="1"/>
  <c r="G80653" i="1"/>
  <c r="G80654" i="1"/>
  <c r="G80655" i="1"/>
  <c r="G80656" i="1"/>
  <c r="G80657" i="1"/>
  <c r="G80658" i="1"/>
  <c r="G80659" i="1"/>
  <c r="G80660" i="1"/>
  <c r="G80661" i="1"/>
  <c r="G80662" i="1"/>
  <c r="G80663" i="1"/>
  <c r="G80664" i="1"/>
  <c r="G80665" i="1"/>
  <c r="G80666" i="1"/>
  <c r="G80667" i="1"/>
  <c r="G80668" i="1"/>
  <c r="G80669" i="1"/>
  <c r="G80670" i="1"/>
  <c r="G80671" i="1"/>
  <c r="G80672" i="1"/>
  <c r="G80673" i="1"/>
  <c r="G80674" i="1"/>
  <c r="G80675" i="1"/>
  <c r="G80676" i="1"/>
  <c r="G80677" i="1"/>
  <c r="G80678" i="1"/>
  <c r="G80679" i="1"/>
  <c r="G80680" i="1"/>
  <c r="G80681" i="1"/>
  <c r="G80682" i="1"/>
  <c r="G80683" i="1"/>
  <c r="G80684" i="1"/>
  <c r="G80685" i="1"/>
  <c r="G80686" i="1"/>
  <c r="G80687" i="1"/>
  <c r="G80688" i="1"/>
  <c r="G80689" i="1"/>
  <c r="G80690" i="1"/>
  <c r="G80691" i="1"/>
  <c r="G80692" i="1"/>
  <c r="G80693" i="1"/>
  <c r="G80694" i="1"/>
  <c r="G80695" i="1"/>
  <c r="G80696" i="1"/>
  <c r="G80697" i="1"/>
  <c r="G80698" i="1"/>
  <c r="G80699" i="1"/>
  <c r="G80700" i="1"/>
  <c r="G80701" i="1"/>
  <c r="G80702" i="1"/>
  <c r="G80703" i="1"/>
  <c r="G80704" i="1"/>
  <c r="G80705" i="1"/>
  <c r="G80706" i="1"/>
  <c r="G80707" i="1"/>
  <c r="G80708" i="1"/>
  <c r="G80709" i="1"/>
  <c r="G80710" i="1"/>
  <c r="G80711" i="1"/>
  <c r="G80712" i="1"/>
  <c r="G80713" i="1"/>
  <c r="G80714" i="1"/>
  <c r="G80715" i="1"/>
  <c r="G80716" i="1"/>
  <c r="G80717" i="1"/>
  <c r="G80718" i="1"/>
  <c r="G80719" i="1"/>
  <c r="G80720" i="1"/>
  <c r="G80721" i="1"/>
  <c r="G80722" i="1"/>
  <c r="G80723" i="1"/>
  <c r="G80724" i="1"/>
  <c r="G80725" i="1"/>
  <c r="G80726" i="1"/>
  <c r="G80727" i="1"/>
  <c r="G80728" i="1"/>
  <c r="G80729" i="1"/>
  <c r="G80730" i="1"/>
  <c r="G80731" i="1"/>
  <c r="G80732" i="1"/>
  <c r="G80733" i="1"/>
  <c r="G80734" i="1"/>
  <c r="G80735" i="1"/>
  <c r="G80736" i="1"/>
  <c r="G80737" i="1"/>
  <c r="G80738" i="1"/>
  <c r="G80739" i="1"/>
  <c r="G80740" i="1"/>
  <c r="G80741" i="1"/>
  <c r="G80742" i="1"/>
  <c r="G80743" i="1"/>
  <c r="G80744" i="1"/>
  <c r="G80745" i="1"/>
  <c r="G80746" i="1"/>
  <c r="G80747" i="1"/>
  <c r="G80748" i="1"/>
  <c r="G80749" i="1"/>
  <c r="G80750" i="1"/>
  <c r="G80751" i="1"/>
  <c r="G80752" i="1"/>
  <c r="G80753" i="1"/>
  <c r="G80754" i="1"/>
  <c r="G80755" i="1"/>
  <c r="G80756" i="1"/>
  <c r="G80757" i="1"/>
  <c r="G80758" i="1"/>
  <c r="G80759" i="1"/>
  <c r="G80760" i="1"/>
  <c r="G80761" i="1"/>
  <c r="G80762" i="1"/>
  <c r="G80763" i="1"/>
  <c r="G80764" i="1"/>
  <c r="G80765" i="1"/>
  <c r="G80766" i="1"/>
  <c r="G80767" i="1"/>
  <c r="G80768" i="1"/>
  <c r="G80769" i="1"/>
  <c r="G80770" i="1"/>
  <c r="G80771" i="1"/>
  <c r="G80772" i="1"/>
  <c r="G80773" i="1"/>
  <c r="G80774" i="1"/>
  <c r="G80775" i="1"/>
  <c r="G80776" i="1"/>
  <c r="G80777" i="1"/>
  <c r="G80778" i="1"/>
  <c r="G80779" i="1"/>
  <c r="G80780" i="1"/>
  <c r="G80781" i="1"/>
  <c r="G80782" i="1"/>
  <c r="G80783" i="1"/>
  <c r="G80784" i="1"/>
  <c r="G80785" i="1"/>
  <c r="G80786" i="1"/>
  <c r="G80787" i="1"/>
  <c r="G80788" i="1"/>
  <c r="G80789" i="1"/>
  <c r="G80790" i="1"/>
  <c r="G80791" i="1"/>
  <c r="G80792" i="1"/>
  <c r="G80793" i="1"/>
  <c r="G80794" i="1"/>
  <c r="G80795" i="1"/>
  <c r="G80796" i="1"/>
  <c r="G80797" i="1"/>
  <c r="G80798" i="1"/>
  <c r="G80799" i="1"/>
  <c r="G80800" i="1"/>
  <c r="G80801" i="1"/>
  <c r="G80802" i="1"/>
  <c r="G80803" i="1"/>
  <c r="G80804" i="1"/>
  <c r="G80805" i="1"/>
  <c r="G80806" i="1"/>
  <c r="G80807" i="1"/>
  <c r="G80808" i="1"/>
  <c r="G80809" i="1"/>
  <c r="G80810" i="1"/>
  <c r="G80811" i="1"/>
  <c r="G80812" i="1"/>
  <c r="G80813" i="1"/>
  <c r="G80814" i="1"/>
  <c r="G80815" i="1"/>
  <c r="G80816" i="1"/>
  <c r="G80817" i="1"/>
  <c r="G80818" i="1"/>
  <c r="G80819" i="1"/>
  <c r="G80820" i="1"/>
  <c r="G80821" i="1"/>
  <c r="G80822" i="1"/>
  <c r="G80823" i="1"/>
  <c r="G80824" i="1"/>
  <c r="G80825" i="1"/>
  <c r="G80826" i="1"/>
  <c r="G80827" i="1"/>
  <c r="G80828" i="1"/>
  <c r="G80829" i="1"/>
  <c r="G80830" i="1"/>
  <c r="G80831" i="1"/>
  <c r="G80832" i="1"/>
  <c r="G80833" i="1"/>
  <c r="G80834" i="1"/>
  <c r="G80835" i="1"/>
  <c r="G80836" i="1"/>
  <c r="G80837" i="1"/>
  <c r="G80838" i="1"/>
  <c r="G80839" i="1"/>
  <c r="G80840" i="1"/>
  <c r="G80841" i="1"/>
  <c r="G80842" i="1"/>
  <c r="G80843" i="1"/>
  <c r="G80844" i="1"/>
  <c r="G80845" i="1"/>
  <c r="G80846" i="1"/>
  <c r="G80847" i="1"/>
  <c r="G80848" i="1"/>
  <c r="G80849" i="1"/>
  <c r="G80850" i="1"/>
  <c r="G80851" i="1"/>
  <c r="G80852" i="1"/>
  <c r="G80853" i="1"/>
  <c r="G80854" i="1"/>
  <c r="G80855" i="1"/>
  <c r="G80856" i="1"/>
  <c r="G80857" i="1"/>
  <c r="G80858" i="1"/>
  <c r="G80859" i="1"/>
  <c r="G80860" i="1"/>
  <c r="G80861" i="1"/>
  <c r="G80862" i="1"/>
  <c r="G80863" i="1"/>
  <c r="G80864" i="1"/>
  <c r="G80865" i="1"/>
  <c r="G80866" i="1"/>
  <c r="G80867" i="1"/>
  <c r="G80868" i="1"/>
  <c r="G80869" i="1"/>
  <c r="G80870" i="1"/>
  <c r="G80871" i="1"/>
  <c r="G80872" i="1"/>
  <c r="G80873" i="1"/>
  <c r="G80874" i="1"/>
  <c r="G80875" i="1"/>
  <c r="G80876" i="1"/>
  <c r="G80877" i="1"/>
  <c r="G80878" i="1"/>
  <c r="G80879" i="1"/>
  <c r="G80880" i="1"/>
  <c r="G80881" i="1"/>
  <c r="G80882" i="1"/>
  <c r="G80883" i="1"/>
  <c r="G80884" i="1"/>
  <c r="G80885" i="1"/>
  <c r="G80886" i="1"/>
  <c r="G80887" i="1"/>
  <c r="G80888" i="1"/>
  <c r="G80889" i="1"/>
  <c r="G80890" i="1"/>
  <c r="G80891" i="1"/>
  <c r="G80892" i="1"/>
  <c r="G80893" i="1"/>
  <c r="G80894" i="1"/>
  <c r="G80895" i="1"/>
  <c r="G80896" i="1"/>
  <c r="G80897" i="1"/>
  <c r="G80898" i="1"/>
  <c r="G80899" i="1"/>
  <c r="G80900" i="1"/>
  <c r="G80901" i="1"/>
  <c r="G80902" i="1"/>
  <c r="G80903" i="1"/>
  <c r="G80904" i="1"/>
  <c r="G80905" i="1"/>
  <c r="G80906" i="1"/>
  <c r="G80907" i="1"/>
  <c r="G80908" i="1"/>
  <c r="G80909" i="1"/>
  <c r="G80910" i="1"/>
  <c r="G80911" i="1"/>
  <c r="G80912" i="1"/>
  <c r="G80913" i="1"/>
  <c r="G80914" i="1"/>
  <c r="G80915" i="1"/>
  <c r="G80916" i="1"/>
  <c r="G80917" i="1"/>
  <c r="G80918" i="1"/>
  <c r="G80919" i="1"/>
  <c r="G80920" i="1"/>
  <c r="G80921" i="1"/>
  <c r="G80922" i="1"/>
  <c r="G80923" i="1"/>
  <c r="G80924" i="1"/>
  <c r="G80925" i="1"/>
  <c r="G80926" i="1"/>
  <c r="G80927" i="1"/>
  <c r="G80928" i="1"/>
  <c r="G80929" i="1"/>
  <c r="G80930" i="1"/>
  <c r="G80931" i="1"/>
  <c r="G80932" i="1"/>
  <c r="G80933" i="1"/>
  <c r="G80934" i="1"/>
  <c r="G80935" i="1"/>
  <c r="G80936" i="1"/>
  <c r="G80937" i="1"/>
  <c r="G80938" i="1"/>
  <c r="G80939" i="1"/>
  <c r="G80940" i="1"/>
  <c r="G80941" i="1"/>
  <c r="G80942" i="1"/>
  <c r="G80943" i="1"/>
  <c r="G80944" i="1"/>
  <c r="G80945" i="1"/>
  <c r="G80946" i="1"/>
  <c r="G80947" i="1"/>
  <c r="G80948" i="1"/>
  <c r="G80949" i="1"/>
  <c r="G80950" i="1"/>
  <c r="G80951" i="1"/>
  <c r="G80952" i="1"/>
  <c r="G80953" i="1"/>
  <c r="G80954" i="1"/>
  <c r="G80955" i="1"/>
  <c r="G80956" i="1"/>
  <c r="G80957" i="1"/>
  <c r="G80958" i="1"/>
  <c r="G80959" i="1"/>
  <c r="G80960" i="1"/>
  <c r="G80961" i="1"/>
  <c r="G80962" i="1"/>
  <c r="G80963" i="1"/>
  <c r="G80964" i="1"/>
  <c r="G80965" i="1"/>
  <c r="G80966" i="1"/>
  <c r="G80967" i="1"/>
  <c r="G80968" i="1"/>
  <c r="G80969" i="1"/>
  <c r="G80970" i="1"/>
  <c r="G80971" i="1"/>
  <c r="G80972" i="1"/>
  <c r="G80973" i="1"/>
  <c r="G80974" i="1"/>
  <c r="G80975" i="1"/>
  <c r="G80976" i="1"/>
  <c r="G80977" i="1"/>
  <c r="G80978" i="1"/>
  <c r="G80979" i="1"/>
  <c r="G80980" i="1"/>
  <c r="G80981" i="1"/>
  <c r="G80982" i="1"/>
  <c r="G80983" i="1"/>
  <c r="G80984" i="1"/>
  <c r="G80985" i="1"/>
  <c r="G80986" i="1"/>
  <c r="G80987" i="1"/>
  <c r="G80988" i="1"/>
  <c r="G80989" i="1"/>
  <c r="G80990" i="1"/>
  <c r="G80991" i="1"/>
  <c r="G80992" i="1"/>
  <c r="G80993" i="1"/>
  <c r="G80994" i="1"/>
  <c r="G80995" i="1"/>
  <c r="G80996" i="1"/>
  <c r="G80997" i="1"/>
  <c r="G80998" i="1"/>
  <c r="G80999" i="1"/>
  <c r="G81000" i="1"/>
  <c r="G81001" i="1"/>
  <c r="G81002" i="1"/>
  <c r="G81003" i="1"/>
  <c r="G81004" i="1"/>
  <c r="G81005" i="1"/>
  <c r="G81006" i="1"/>
  <c r="G81007" i="1"/>
  <c r="G81008" i="1"/>
  <c r="G81009" i="1"/>
  <c r="G81010" i="1"/>
  <c r="G81011" i="1"/>
  <c r="G81012" i="1"/>
  <c r="G81013" i="1"/>
  <c r="G81014" i="1"/>
  <c r="G81015" i="1"/>
  <c r="G81016" i="1"/>
  <c r="G81017" i="1"/>
  <c r="G81018" i="1"/>
  <c r="G81019" i="1"/>
  <c r="G81020" i="1"/>
  <c r="G81021" i="1"/>
  <c r="G81022" i="1"/>
  <c r="G81023" i="1"/>
  <c r="G81024" i="1"/>
  <c r="G81025" i="1"/>
  <c r="G81026" i="1"/>
  <c r="G81027" i="1"/>
  <c r="G81028" i="1"/>
  <c r="G81029" i="1"/>
  <c r="G81030" i="1"/>
  <c r="G81031" i="1"/>
  <c r="G81032" i="1"/>
  <c r="G81033" i="1"/>
  <c r="G81034" i="1"/>
  <c r="G81035" i="1"/>
  <c r="G81036" i="1"/>
  <c r="G81037" i="1"/>
  <c r="G81038" i="1"/>
  <c r="G81039" i="1"/>
  <c r="G81040" i="1"/>
  <c r="G81041" i="1"/>
  <c r="G81042" i="1"/>
  <c r="G81043" i="1"/>
  <c r="G81044" i="1"/>
  <c r="G81045" i="1"/>
  <c r="G81046" i="1"/>
  <c r="G81047" i="1"/>
  <c r="G81048" i="1"/>
  <c r="G81049" i="1"/>
  <c r="G81050" i="1"/>
  <c r="G81051" i="1"/>
  <c r="G81052" i="1"/>
  <c r="G81053" i="1"/>
  <c r="G81054" i="1"/>
  <c r="G81055" i="1"/>
  <c r="G81056" i="1"/>
  <c r="G81057" i="1"/>
  <c r="G81058" i="1"/>
  <c r="G81059" i="1"/>
  <c r="G81060" i="1"/>
  <c r="G81061" i="1"/>
  <c r="G81062" i="1"/>
  <c r="G81063" i="1"/>
  <c r="G81064" i="1"/>
  <c r="G81065" i="1"/>
  <c r="G81066" i="1"/>
  <c r="G81067" i="1"/>
  <c r="G81068" i="1"/>
  <c r="G81069" i="1"/>
  <c r="G81070" i="1"/>
  <c r="G81071" i="1"/>
  <c r="G81072" i="1"/>
  <c r="G81073" i="1"/>
  <c r="G81074" i="1"/>
  <c r="G81075" i="1"/>
  <c r="G81076" i="1"/>
  <c r="G81077" i="1"/>
  <c r="G81078" i="1"/>
  <c r="G81079" i="1"/>
  <c r="G81080" i="1"/>
  <c r="G81081" i="1"/>
  <c r="G81082" i="1"/>
  <c r="G81083" i="1"/>
  <c r="G81084" i="1"/>
  <c r="G81085" i="1"/>
  <c r="G81086" i="1"/>
  <c r="G81087" i="1"/>
  <c r="G81088" i="1"/>
  <c r="G81089" i="1"/>
  <c r="G81090" i="1"/>
  <c r="G81091" i="1"/>
  <c r="G81092" i="1"/>
  <c r="G81093" i="1"/>
  <c r="G81094" i="1"/>
  <c r="G81095" i="1"/>
  <c r="G81096" i="1"/>
  <c r="G81097" i="1"/>
  <c r="G81098" i="1"/>
  <c r="G81099" i="1"/>
  <c r="G81100" i="1"/>
  <c r="G81101" i="1"/>
  <c r="G81102" i="1"/>
  <c r="G81103" i="1"/>
  <c r="G81104" i="1"/>
  <c r="G81105" i="1"/>
  <c r="G81106" i="1"/>
  <c r="G81107" i="1"/>
  <c r="G81108" i="1"/>
  <c r="G81109" i="1"/>
  <c r="G81110" i="1"/>
  <c r="G81111" i="1"/>
  <c r="G81112" i="1"/>
  <c r="G81113" i="1"/>
  <c r="G81114" i="1"/>
  <c r="G81115" i="1"/>
  <c r="G81116" i="1"/>
  <c r="G81117" i="1"/>
  <c r="G81118" i="1"/>
  <c r="G81119" i="1"/>
  <c r="G81120" i="1"/>
  <c r="G81121" i="1"/>
  <c r="G81122" i="1"/>
  <c r="G81123" i="1"/>
  <c r="G81124" i="1"/>
  <c r="G81125" i="1"/>
  <c r="G81126" i="1"/>
  <c r="G81127" i="1"/>
  <c r="G81128" i="1"/>
  <c r="G81129" i="1"/>
  <c r="G81130" i="1"/>
  <c r="G81131" i="1"/>
  <c r="G81132" i="1"/>
  <c r="G81133" i="1"/>
  <c r="G81134" i="1"/>
  <c r="G81135" i="1"/>
  <c r="G81136" i="1"/>
  <c r="G81137" i="1"/>
  <c r="G81138" i="1"/>
  <c r="G81139" i="1"/>
  <c r="G81140" i="1"/>
  <c r="G81141" i="1"/>
  <c r="G81142" i="1"/>
  <c r="G81143" i="1"/>
  <c r="G81144" i="1"/>
  <c r="G81145" i="1"/>
  <c r="G81146" i="1"/>
  <c r="G81147" i="1"/>
  <c r="G81148" i="1"/>
  <c r="G81149" i="1"/>
  <c r="G81150" i="1"/>
  <c r="G81151" i="1"/>
  <c r="G81152" i="1"/>
  <c r="G81153" i="1"/>
  <c r="G81154" i="1"/>
  <c r="G81155" i="1"/>
  <c r="G81156" i="1"/>
  <c r="G81157" i="1"/>
  <c r="G81158" i="1"/>
  <c r="G81159" i="1"/>
  <c r="G81160" i="1"/>
  <c r="G81161" i="1"/>
  <c r="G81162" i="1"/>
  <c r="G81163" i="1"/>
  <c r="G81164" i="1"/>
  <c r="G81165" i="1"/>
  <c r="G81166" i="1"/>
  <c r="G81167" i="1"/>
  <c r="G81168" i="1"/>
  <c r="G81169" i="1"/>
  <c r="G81170" i="1"/>
  <c r="G81171" i="1"/>
  <c r="G81172" i="1"/>
  <c r="G81173" i="1"/>
  <c r="G81174" i="1"/>
  <c r="G81175" i="1"/>
  <c r="G81176" i="1"/>
  <c r="G81177" i="1"/>
  <c r="G81178" i="1"/>
  <c r="G81179" i="1"/>
  <c r="G81180" i="1"/>
  <c r="G81181" i="1"/>
  <c r="G81182" i="1"/>
  <c r="G81183" i="1"/>
  <c r="G81184" i="1"/>
  <c r="G81185" i="1"/>
  <c r="G81186" i="1"/>
  <c r="G81187" i="1"/>
  <c r="G81188" i="1"/>
  <c r="G81189" i="1"/>
  <c r="G81190" i="1"/>
  <c r="G81191" i="1"/>
  <c r="G81192" i="1"/>
  <c r="G81193" i="1"/>
  <c r="G81194" i="1"/>
  <c r="G81195" i="1"/>
  <c r="G81196" i="1"/>
  <c r="G81197" i="1"/>
  <c r="G81198" i="1"/>
  <c r="G81199" i="1"/>
  <c r="G81200" i="1"/>
  <c r="G81201" i="1"/>
  <c r="G81202" i="1"/>
  <c r="G81203" i="1"/>
  <c r="G81204" i="1"/>
  <c r="G81205" i="1"/>
  <c r="G81206" i="1"/>
  <c r="G81207" i="1"/>
  <c r="G81208" i="1"/>
  <c r="G81209" i="1"/>
  <c r="G81210" i="1"/>
  <c r="G81211" i="1"/>
  <c r="G81212" i="1"/>
  <c r="G81213" i="1"/>
  <c r="G81214" i="1"/>
  <c r="G81215" i="1"/>
  <c r="G81216" i="1"/>
  <c r="G81217" i="1"/>
  <c r="G81218" i="1"/>
  <c r="G81219" i="1"/>
  <c r="G81220" i="1"/>
  <c r="G81221" i="1"/>
  <c r="G81222" i="1"/>
  <c r="G81223" i="1"/>
  <c r="G81224" i="1"/>
  <c r="G81225" i="1"/>
  <c r="G81226" i="1"/>
  <c r="G81227" i="1"/>
  <c r="G81228" i="1"/>
  <c r="G81229" i="1"/>
  <c r="G81230" i="1"/>
  <c r="G81231" i="1"/>
  <c r="G81232" i="1"/>
  <c r="G81233" i="1"/>
  <c r="G81234" i="1"/>
  <c r="G81235" i="1"/>
  <c r="G81236" i="1"/>
  <c r="G81237" i="1"/>
  <c r="G81238" i="1"/>
  <c r="G81239" i="1"/>
  <c r="G81240" i="1"/>
  <c r="G81241" i="1"/>
  <c r="G81242" i="1"/>
  <c r="G81243" i="1"/>
  <c r="G81244" i="1"/>
  <c r="G81245" i="1"/>
  <c r="G81246" i="1"/>
  <c r="G81247" i="1"/>
  <c r="G81248" i="1"/>
  <c r="G81249" i="1"/>
  <c r="G81250" i="1"/>
  <c r="G81251" i="1"/>
  <c r="G81252" i="1"/>
  <c r="G81253" i="1"/>
  <c r="G81254" i="1"/>
  <c r="G81255" i="1"/>
  <c r="G81256" i="1"/>
  <c r="G81257" i="1"/>
  <c r="G81258" i="1"/>
  <c r="G81259" i="1"/>
  <c r="G81260" i="1"/>
  <c r="G81261" i="1"/>
  <c r="G81262" i="1"/>
  <c r="G81263" i="1"/>
  <c r="G81264" i="1"/>
  <c r="G81265" i="1"/>
  <c r="G81266" i="1"/>
  <c r="G81267" i="1"/>
  <c r="G81268" i="1"/>
  <c r="G81269" i="1"/>
  <c r="G81270" i="1"/>
  <c r="G81271" i="1"/>
  <c r="G81272" i="1"/>
  <c r="G81273" i="1"/>
  <c r="G81274" i="1"/>
  <c r="G81275" i="1"/>
  <c r="G81276" i="1"/>
  <c r="G81277" i="1"/>
  <c r="G81278" i="1"/>
  <c r="G81279" i="1"/>
  <c r="G81280" i="1"/>
  <c r="G81281" i="1"/>
  <c r="G81282" i="1"/>
  <c r="G81283" i="1"/>
  <c r="G81284" i="1"/>
  <c r="G81285" i="1"/>
  <c r="G81286" i="1"/>
  <c r="G81287" i="1"/>
  <c r="G81288" i="1"/>
  <c r="G81289" i="1"/>
  <c r="G81290" i="1"/>
  <c r="G81291" i="1"/>
  <c r="G81292" i="1"/>
  <c r="G81293" i="1"/>
  <c r="G81294" i="1"/>
  <c r="G81295" i="1"/>
  <c r="G81296" i="1"/>
  <c r="G81297" i="1"/>
  <c r="G81298" i="1"/>
  <c r="G81299" i="1"/>
  <c r="G81300" i="1"/>
  <c r="G81301" i="1"/>
  <c r="G81302" i="1"/>
  <c r="G81303" i="1"/>
  <c r="G81304" i="1"/>
  <c r="G81305" i="1"/>
  <c r="G81306" i="1"/>
  <c r="G81307" i="1"/>
  <c r="G81308" i="1"/>
  <c r="G81309" i="1"/>
  <c r="G81310" i="1"/>
  <c r="G81311" i="1"/>
  <c r="G81312" i="1"/>
  <c r="G81313" i="1"/>
  <c r="G81314" i="1"/>
  <c r="G81315" i="1"/>
  <c r="G81316" i="1"/>
  <c r="G81317" i="1"/>
  <c r="G81318" i="1"/>
  <c r="G81319" i="1"/>
  <c r="G81320" i="1"/>
  <c r="G81321" i="1"/>
  <c r="G81322" i="1"/>
  <c r="G81323" i="1"/>
  <c r="G81324" i="1"/>
  <c r="G81325" i="1"/>
  <c r="G81326" i="1"/>
  <c r="G81327" i="1"/>
  <c r="G81328" i="1"/>
  <c r="G81329" i="1"/>
  <c r="G81330" i="1"/>
  <c r="G81331" i="1"/>
  <c r="G81332" i="1"/>
  <c r="G81333" i="1"/>
  <c r="G81334" i="1"/>
  <c r="G81335" i="1"/>
  <c r="G81336" i="1"/>
  <c r="G81337" i="1"/>
  <c r="G81338" i="1"/>
  <c r="G81339" i="1"/>
  <c r="G81340" i="1"/>
  <c r="G81341" i="1"/>
  <c r="G81342" i="1"/>
  <c r="G81343" i="1"/>
  <c r="G81344" i="1"/>
  <c r="G81345" i="1"/>
  <c r="G81346" i="1"/>
  <c r="G81347" i="1"/>
  <c r="G81348" i="1"/>
  <c r="G81349" i="1"/>
  <c r="G81350" i="1"/>
  <c r="G81351" i="1"/>
  <c r="G81352" i="1"/>
  <c r="G81353" i="1"/>
  <c r="G81354" i="1"/>
  <c r="G81355" i="1"/>
  <c r="G81356" i="1"/>
  <c r="G81357" i="1"/>
  <c r="G81358" i="1"/>
  <c r="G81359" i="1"/>
  <c r="G81360" i="1"/>
  <c r="G81361" i="1"/>
  <c r="G81362" i="1"/>
  <c r="G81363" i="1"/>
  <c r="G81364" i="1"/>
  <c r="G81365" i="1"/>
  <c r="G81366" i="1"/>
  <c r="G81367" i="1"/>
  <c r="G81368" i="1"/>
  <c r="G81369" i="1"/>
  <c r="G81370" i="1"/>
  <c r="G81371" i="1"/>
  <c r="G81372" i="1"/>
  <c r="G81373" i="1"/>
  <c r="G81374" i="1"/>
  <c r="G81375" i="1"/>
  <c r="G81376" i="1"/>
  <c r="G81377" i="1"/>
  <c r="G81378" i="1"/>
  <c r="G81379" i="1"/>
  <c r="G81380" i="1"/>
  <c r="G81381" i="1"/>
  <c r="G81382" i="1"/>
  <c r="G81383" i="1"/>
  <c r="G81384" i="1"/>
  <c r="G81385" i="1"/>
  <c r="G81386" i="1"/>
  <c r="G81387" i="1"/>
  <c r="G81388" i="1"/>
  <c r="G81389" i="1"/>
  <c r="G81390" i="1"/>
  <c r="G81391" i="1"/>
  <c r="G81392" i="1"/>
  <c r="G81393" i="1"/>
  <c r="G81394" i="1"/>
  <c r="G81395" i="1"/>
  <c r="G81396" i="1"/>
  <c r="G81397" i="1"/>
  <c r="G81398" i="1"/>
  <c r="G81399" i="1"/>
  <c r="G81400" i="1"/>
  <c r="G81401" i="1"/>
  <c r="G81402" i="1"/>
  <c r="G81403" i="1"/>
  <c r="G81404" i="1"/>
  <c r="G81405" i="1"/>
  <c r="G81406" i="1"/>
  <c r="G81407" i="1"/>
  <c r="G81408" i="1"/>
  <c r="G81409" i="1"/>
  <c r="G81410" i="1"/>
  <c r="G81411" i="1"/>
  <c r="G81412" i="1"/>
  <c r="G81413" i="1"/>
  <c r="G81414" i="1"/>
  <c r="G81415" i="1"/>
  <c r="G81416" i="1"/>
  <c r="G81417" i="1"/>
  <c r="G81418" i="1"/>
  <c r="G81419" i="1"/>
  <c r="G81420" i="1"/>
  <c r="G81421" i="1"/>
  <c r="G81422" i="1"/>
  <c r="G81423" i="1"/>
  <c r="G81424" i="1"/>
  <c r="G81425" i="1"/>
  <c r="G81426" i="1"/>
  <c r="G81427" i="1"/>
  <c r="G81428" i="1"/>
  <c r="G81429" i="1"/>
  <c r="G81430" i="1"/>
  <c r="G81431" i="1"/>
  <c r="G81432" i="1"/>
  <c r="G81433" i="1"/>
  <c r="G81434" i="1"/>
  <c r="G81435" i="1"/>
  <c r="G81436" i="1"/>
  <c r="G81437" i="1"/>
  <c r="G81438" i="1"/>
  <c r="G81439" i="1"/>
  <c r="G81440" i="1"/>
  <c r="G81441" i="1"/>
  <c r="G81442" i="1"/>
  <c r="G81443" i="1"/>
  <c r="G81444" i="1"/>
  <c r="G81445" i="1"/>
  <c r="G81446" i="1"/>
  <c r="G81447" i="1"/>
  <c r="G81448" i="1"/>
  <c r="G81449" i="1"/>
  <c r="G81450" i="1"/>
  <c r="G81451" i="1"/>
  <c r="G81452" i="1"/>
  <c r="G81453" i="1"/>
  <c r="G81454" i="1"/>
  <c r="G81455" i="1"/>
  <c r="G81456" i="1"/>
  <c r="G81457" i="1"/>
  <c r="G81458" i="1"/>
  <c r="G81459" i="1"/>
  <c r="G81460" i="1"/>
  <c r="G81461" i="1"/>
  <c r="G81462" i="1"/>
  <c r="G81463" i="1"/>
  <c r="G81464" i="1"/>
  <c r="G81465" i="1"/>
  <c r="G81466" i="1"/>
  <c r="G81467" i="1"/>
  <c r="G81468" i="1"/>
  <c r="G81469" i="1"/>
  <c r="G81470" i="1"/>
  <c r="G81471" i="1"/>
  <c r="G81472" i="1"/>
  <c r="G81473" i="1"/>
  <c r="G81474" i="1"/>
  <c r="G81475" i="1"/>
  <c r="G81476" i="1"/>
  <c r="G81477" i="1"/>
  <c r="G81478" i="1"/>
  <c r="G81479" i="1"/>
  <c r="G81480" i="1"/>
  <c r="G81481" i="1"/>
  <c r="G81482" i="1"/>
  <c r="G81483" i="1"/>
  <c r="G81484" i="1"/>
  <c r="G81485" i="1"/>
  <c r="G81486" i="1"/>
  <c r="G81487" i="1"/>
  <c r="G81488" i="1"/>
  <c r="G81489" i="1"/>
  <c r="G81490" i="1"/>
  <c r="G81491" i="1"/>
  <c r="G81492" i="1"/>
  <c r="G81493" i="1"/>
  <c r="G81494" i="1"/>
  <c r="G81495" i="1"/>
  <c r="G81496" i="1"/>
  <c r="G81497" i="1"/>
  <c r="G81498" i="1"/>
  <c r="G81499" i="1"/>
  <c r="G81500" i="1"/>
  <c r="G81501" i="1"/>
  <c r="G81502" i="1"/>
  <c r="G81503" i="1"/>
  <c r="G81504" i="1"/>
  <c r="G81505" i="1"/>
  <c r="G81506" i="1"/>
  <c r="G81507" i="1"/>
  <c r="G81508" i="1"/>
  <c r="G81509" i="1"/>
  <c r="G81510" i="1"/>
  <c r="G81511" i="1"/>
  <c r="G81512" i="1"/>
  <c r="G81513" i="1"/>
  <c r="G81514" i="1"/>
  <c r="G81515" i="1"/>
  <c r="G81516" i="1"/>
  <c r="G81517" i="1"/>
  <c r="G81518" i="1"/>
  <c r="G81519" i="1"/>
  <c r="G81520" i="1"/>
  <c r="G81521" i="1"/>
  <c r="G81522" i="1"/>
  <c r="G81523" i="1"/>
  <c r="G81524" i="1"/>
  <c r="G81525" i="1"/>
  <c r="G81526" i="1"/>
  <c r="G81527" i="1"/>
  <c r="G81528" i="1"/>
  <c r="G81529" i="1"/>
  <c r="G81530" i="1"/>
  <c r="G81531" i="1"/>
  <c r="G81532" i="1"/>
  <c r="G81533" i="1"/>
  <c r="G81534" i="1"/>
  <c r="G81535" i="1"/>
  <c r="G81536" i="1"/>
  <c r="G81537" i="1"/>
  <c r="G81538" i="1"/>
  <c r="G81539" i="1"/>
  <c r="G81540" i="1"/>
  <c r="G81541" i="1"/>
  <c r="G81542" i="1"/>
  <c r="G81543" i="1"/>
  <c r="G81544" i="1"/>
  <c r="G81545" i="1"/>
  <c r="G81546" i="1"/>
  <c r="G81547" i="1"/>
  <c r="G81548" i="1"/>
  <c r="G81549" i="1"/>
  <c r="G81550" i="1"/>
  <c r="G81551" i="1"/>
  <c r="G81552" i="1"/>
  <c r="G81553" i="1"/>
  <c r="G81554" i="1"/>
  <c r="G81555" i="1"/>
  <c r="G81556" i="1"/>
  <c r="G81557" i="1"/>
  <c r="G81558" i="1"/>
  <c r="G81559" i="1"/>
  <c r="G81560" i="1"/>
  <c r="G81561" i="1"/>
  <c r="G81562" i="1"/>
  <c r="G81563" i="1"/>
  <c r="G81564" i="1"/>
  <c r="G81565" i="1"/>
  <c r="G81566" i="1"/>
  <c r="G81567" i="1"/>
  <c r="G81568" i="1"/>
  <c r="G81569" i="1"/>
  <c r="G81570" i="1"/>
  <c r="G81571" i="1"/>
  <c r="G81572" i="1"/>
  <c r="G81573" i="1"/>
  <c r="G81574" i="1"/>
  <c r="G81575" i="1"/>
  <c r="G81576" i="1"/>
  <c r="G81577" i="1"/>
  <c r="G81578" i="1"/>
  <c r="G81579" i="1"/>
  <c r="G81580" i="1"/>
  <c r="G81581" i="1"/>
  <c r="G81582" i="1"/>
  <c r="G81583" i="1"/>
  <c r="G81584" i="1"/>
  <c r="G81585" i="1"/>
  <c r="G81586" i="1"/>
  <c r="G81587" i="1"/>
  <c r="G81588" i="1"/>
  <c r="G81589" i="1"/>
  <c r="G81590" i="1"/>
  <c r="G81591" i="1"/>
  <c r="G81592" i="1"/>
  <c r="G81593" i="1"/>
  <c r="G81594" i="1"/>
  <c r="G81595" i="1"/>
  <c r="G81596" i="1"/>
  <c r="G81597" i="1"/>
  <c r="G81598" i="1"/>
  <c r="G81599" i="1"/>
  <c r="G81600" i="1"/>
  <c r="G81601" i="1"/>
  <c r="G81602" i="1"/>
  <c r="G81603" i="1"/>
  <c r="G81604" i="1"/>
  <c r="G81605" i="1"/>
  <c r="G81606" i="1"/>
  <c r="G81607" i="1"/>
  <c r="G81608" i="1"/>
  <c r="G81609" i="1"/>
  <c r="G81610" i="1"/>
  <c r="G81611" i="1"/>
  <c r="G81612" i="1"/>
  <c r="G81613" i="1"/>
  <c r="G81614" i="1"/>
  <c r="G81615" i="1"/>
  <c r="G81616" i="1"/>
  <c r="G81617" i="1"/>
  <c r="G81618" i="1"/>
  <c r="G81619" i="1"/>
  <c r="G81620" i="1"/>
  <c r="G81621" i="1"/>
  <c r="G81622" i="1"/>
  <c r="G81623" i="1"/>
  <c r="G81624" i="1"/>
  <c r="G81625" i="1"/>
  <c r="G81626" i="1"/>
  <c r="G81627" i="1"/>
  <c r="G81628" i="1"/>
  <c r="G81629" i="1"/>
  <c r="G81630" i="1"/>
  <c r="G81631" i="1"/>
  <c r="G81632" i="1"/>
  <c r="G81633" i="1"/>
  <c r="G81634" i="1"/>
  <c r="G81635" i="1"/>
  <c r="G81636" i="1"/>
  <c r="G81637" i="1"/>
  <c r="G81638" i="1"/>
  <c r="G81639" i="1"/>
  <c r="G81640" i="1"/>
  <c r="G81641" i="1"/>
  <c r="G81642" i="1"/>
  <c r="G81643" i="1"/>
  <c r="G81644" i="1"/>
  <c r="G81645" i="1"/>
  <c r="G81646" i="1"/>
  <c r="G81647" i="1"/>
  <c r="G81648" i="1"/>
  <c r="G81649" i="1"/>
  <c r="G81650" i="1"/>
  <c r="G81651" i="1"/>
  <c r="G81652" i="1"/>
  <c r="G81653" i="1"/>
  <c r="G81654" i="1"/>
  <c r="G81655" i="1"/>
  <c r="G81656" i="1"/>
  <c r="G81657" i="1"/>
  <c r="G81658" i="1"/>
  <c r="G81659" i="1"/>
  <c r="G81660" i="1"/>
  <c r="G81661" i="1"/>
  <c r="G81662" i="1"/>
  <c r="G81663" i="1"/>
  <c r="G81664" i="1"/>
  <c r="G81665" i="1"/>
  <c r="G81666" i="1"/>
  <c r="G81667" i="1"/>
  <c r="G81668" i="1"/>
  <c r="G81669" i="1"/>
  <c r="G81670" i="1"/>
  <c r="G81671" i="1"/>
  <c r="G81672" i="1"/>
  <c r="G81673" i="1"/>
  <c r="G81674" i="1"/>
  <c r="G81675" i="1"/>
  <c r="G81676" i="1"/>
  <c r="G81677" i="1"/>
  <c r="G81678" i="1"/>
  <c r="G81679" i="1"/>
  <c r="G81680" i="1"/>
  <c r="G81681" i="1"/>
  <c r="G81682" i="1"/>
  <c r="G81683" i="1"/>
  <c r="G81684" i="1"/>
  <c r="G81685" i="1"/>
  <c r="G81686" i="1"/>
  <c r="G81687" i="1"/>
  <c r="G81688" i="1"/>
  <c r="G81689" i="1"/>
  <c r="G81690" i="1"/>
  <c r="G81691" i="1"/>
  <c r="G81692" i="1"/>
  <c r="G81693" i="1"/>
  <c r="G81694" i="1"/>
  <c r="G81695" i="1"/>
  <c r="G81696" i="1"/>
  <c r="G81697" i="1"/>
  <c r="G81698" i="1"/>
  <c r="G81699" i="1"/>
  <c r="G81700" i="1"/>
  <c r="G81701" i="1"/>
  <c r="G81702" i="1"/>
  <c r="G81703" i="1"/>
  <c r="G81704" i="1"/>
  <c r="G81705" i="1"/>
  <c r="G81706" i="1"/>
  <c r="G81707" i="1"/>
  <c r="G81708" i="1"/>
  <c r="G81709" i="1"/>
  <c r="G81710" i="1"/>
  <c r="G81711" i="1"/>
  <c r="G81712" i="1"/>
  <c r="G81713" i="1"/>
  <c r="G81714" i="1"/>
  <c r="G81715" i="1"/>
  <c r="G81716" i="1"/>
  <c r="G81717" i="1"/>
  <c r="G81718" i="1"/>
  <c r="G81719" i="1"/>
  <c r="G81720" i="1"/>
  <c r="G81721" i="1"/>
  <c r="G81722" i="1"/>
  <c r="G81723" i="1"/>
  <c r="G81724" i="1"/>
  <c r="G81725" i="1"/>
  <c r="G81726" i="1"/>
  <c r="G81727" i="1"/>
  <c r="G81728" i="1"/>
  <c r="G81729" i="1"/>
  <c r="G81730" i="1"/>
  <c r="G81731" i="1"/>
  <c r="G81732" i="1"/>
  <c r="G81733" i="1"/>
  <c r="G81734" i="1"/>
  <c r="G81735" i="1"/>
  <c r="G81736" i="1"/>
  <c r="G81737" i="1"/>
  <c r="G81738" i="1"/>
  <c r="G81739" i="1"/>
  <c r="G81740" i="1"/>
  <c r="G81741" i="1"/>
  <c r="G81742" i="1"/>
  <c r="G81743" i="1"/>
  <c r="G81744" i="1"/>
  <c r="G81745" i="1"/>
  <c r="G81746" i="1"/>
  <c r="G81747" i="1"/>
  <c r="G81748" i="1"/>
  <c r="G81749" i="1"/>
  <c r="G81750" i="1"/>
  <c r="G81751" i="1"/>
  <c r="G81752" i="1"/>
  <c r="G81753" i="1"/>
  <c r="G81754" i="1"/>
  <c r="G81755" i="1"/>
  <c r="G81756" i="1"/>
  <c r="G81757" i="1"/>
  <c r="G81758" i="1"/>
  <c r="G81759" i="1"/>
  <c r="G81760" i="1"/>
  <c r="G81761" i="1"/>
  <c r="G81762" i="1"/>
  <c r="G81763" i="1"/>
  <c r="G81764" i="1"/>
  <c r="G81765" i="1"/>
  <c r="G81766" i="1"/>
  <c r="G81767" i="1"/>
  <c r="G81768" i="1"/>
  <c r="G81769" i="1"/>
  <c r="G81770" i="1"/>
  <c r="G81771" i="1"/>
  <c r="G81772" i="1"/>
  <c r="G81773" i="1"/>
  <c r="G81774" i="1"/>
  <c r="G81775" i="1"/>
  <c r="G81776" i="1"/>
  <c r="G81777" i="1"/>
  <c r="G81778" i="1"/>
  <c r="G81779" i="1"/>
  <c r="G81780" i="1"/>
  <c r="G81781" i="1"/>
  <c r="G81782" i="1"/>
  <c r="G81783" i="1"/>
  <c r="G81784" i="1"/>
  <c r="G81785" i="1"/>
  <c r="G81786" i="1"/>
  <c r="G81787" i="1"/>
  <c r="G81788" i="1"/>
  <c r="G81789" i="1"/>
  <c r="G81790" i="1"/>
  <c r="G81791" i="1"/>
  <c r="G81792" i="1"/>
  <c r="G81793" i="1"/>
  <c r="G81794" i="1"/>
  <c r="G81795" i="1"/>
  <c r="G81796" i="1"/>
  <c r="G81797" i="1"/>
  <c r="G81798" i="1"/>
  <c r="G81799" i="1"/>
  <c r="G81800" i="1"/>
  <c r="G81801" i="1"/>
  <c r="G81802" i="1"/>
  <c r="G81803" i="1"/>
  <c r="G81804" i="1"/>
  <c r="G81805" i="1"/>
  <c r="G81806" i="1"/>
  <c r="G81807" i="1"/>
  <c r="G81808" i="1"/>
  <c r="G81809" i="1"/>
  <c r="G81810" i="1"/>
  <c r="G81811" i="1"/>
  <c r="G81812" i="1"/>
  <c r="G81813" i="1"/>
  <c r="G81814" i="1"/>
  <c r="G81815" i="1"/>
  <c r="G81816" i="1"/>
  <c r="G81817" i="1"/>
  <c r="G81818" i="1"/>
  <c r="G81819" i="1"/>
  <c r="G81820" i="1"/>
  <c r="G81821" i="1"/>
  <c r="G81822" i="1"/>
  <c r="G81823" i="1"/>
  <c r="G81824" i="1"/>
  <c r="G81825" i="1"/>
  <c r="G81826" i="1"/>
  <c r="G81827" i="1"/>
  <c r="G81828" i="1"/>
  <c r="G81829" i="1"/>
  <c r="G81830" i="1"/>
  <c r="G81831" i="1"/>
  <c r="G81832" i="1"/>
  <c r="G81833" i="1"/>
  <c r="G81834" i="1"/>
  <c r="G81835" i="1"/>
  <c r="G81836" i="1"/>
  <c r="G81837" i="1"/>
  <c r="G81838" i="1"/>
  <c r="G81839" i="1"/>
  <c r="G81840" i="1"/>
  <c r="G81841" i="1"/>
  <c r="G81842" i="1"/>
  <c r="G81843" i="1"/>
  <c r="G81844" i="1"/>
  <c r="G81845" i="1"/>
  <c r="G81846" i="1"/>
  <c r="G81847" i="1"/>
  <c r="G81848" i="1"/>
  <c r="G81849" i="1"/>
  <c r="G81850" i="1"/>
  <c r="G81851" i="1"/>
  <c r="G81852" i="1"/>
  <c r="G81853" i="1"/>
  <c r="G81854" i="1"/>
  <c r="G81855" i="1"/>
  <c r="G81856" i="1"/>
  <c r="G81857" i="1"/>
  <c r="G81858" i="1"/>
  <c r="G81859" i="1"/>
  <c r="G81860" i="1"/>
  <c r="G81861" i="1"/>
  <c r="G81862" i="1"/>
  <c r="G81863" i="1"/>
  <c r="G81864" i="1"/>
  <c r="G81865" i="1"/>
  <c r="G81866" i="1"/>
  <c r="G81867" i="1"/>
  <c r="G81868" i="1"/>
  <c r="G81869" i="1"/>
  <c r="G81870" i="1"/>
  <c r="G81871" i="1"/>
  <c r="G81872" i="1"/>
  <c r="G81873" i="1"/>
  <c r="G81874" i="1"/>
  <c r="G81875" i="1"/>
  <c r="G81876" i="1"/>
  <c r="G81877" i="1"/>
  <c r="G81878" i="1"/>
  <c r="G81879" i="1"/>
  <c r="G81880" i="1"/>
  <c r="G81881" i="1"/>
  <c r="G81882" i="1"/>
  <c r="G81883" i="1"/>
  <c r="G81884" i="1"/>
  <c r="G81885" i="1"/>
  <c r="G81886" i="1"/>
  <c r="G81887" i="1"/>
  <c r="G81888" i="1"/>
  <c r="G81889" i="1"/>
  <c r="G81890" i="1"/>
  <c r="G81891" i="1"/>
  <c r="G81892" i="1"/>
  <c r="G81893" i="1"/>
  <c r="G81894" i="1"/>
  <c r="G81895" i="1"/>
  <c r="G81896" i="1"/>
  <c r="G81897" i="1"/>
  <c r="G81898" i="1"/>
  <c r="G81899" i="1"/>
  <c r="G81900" i="1"/>
  <c r="G81901" i="1"/>
  <c r="G81902" i="1"/>
  <c r="G81903" i="1"/>
  <c r="G81904" i="1"/>
  <c r="G81905" i="1"/>
  <c r="G81906" i="1"/>
  <c r="G81907" i="1"/>
  <c r="G81908" i="1"/>
  <c r="G81909" i="1"/>
  <c r="G81910" i="1"/>
  <c r="G81911" i="1"/>
  <c r="G81912" i="1"/>
  <c r="G81913" i="1"/>
  <c r="G81914" i="1"/>
  <c r="G81915" i="1"/>
  <c r="G81916" i="1"/>
  <c r="G81917" i="1"/>
  <c r="G81918" i="1"/>
  <c r="G81919" i="1"/>
  <c r="G81920" i="1"/>
  <c r="G81921" i="1"/>
  <c r="G81922" i="1"/>
  <c r="G81923" i="1"/>
  <c r="G81924" i="1"/>
  <c r="G81925" i="1"/>
  <c r="G81926" i="1"/>
  <c r="G81927" i="1"/>
  <c r="G81928" i="1"/>
  <c r="G81929" i="1"/>
  <c r="G81930" i="1"/>
  <c r="G81931" i="1"/>
  <c r="G81932" i="1"/>
  <c r="G81933" i="1"/>
  <c r="G81934" i="1"/>
  <c r="G81935" i="1"/>
  <c r="G81936" i="1"/>
  <c r="G81937" i="1"/>
  <c r="G81938" i="1"/>
  <c r="G81939" i="1"/>
  <c r="G81940" i="1"/>
  <c r="G81941" i="1"/>
  <c r="G81942" i="1"/>
  <c r="G81943" i="1"/>
  <c r="G81944" i="1"/>
  <c r="G81945" i="1"/>
  <c r="G81946" i="1"/>
  <c r="G81947" i="1"/>
  <c r="G81948" i="1"/>
  <c r="G81949" i="1"/>
  <c r="G81950" i="1"/>
  <c r="G81951" i="1"/>
  <c r="G81952" i="1"/>
  <c r="G81953" i="1"/>
  <c r="G81954" i="1"/>
  <c r="G81955" i="1"/>
  <c r="G81956" i="1"/>
  <c r="G81957" i="1"/>
  <c r="G81958" i="1"/>
  <c r="G81959" i="1"/>
  <c r="G81960" i="1"/>
  <c r="G81961" i="1"/>
  <c r="G81962" i="1"/>
  <c r="G81963" i="1"/>
  <c r="G81964" i="1"/>
  <c r="G81965" i="1"/>
  <c r="G81966" i="1"/>
  <c r="G81967" i="1"/>
  <c r="G81968" i="1"/>
  <c r="G81969" i="1"/>
  <c r="G81970" i="1"/>
  <c r="G81971" i="1"/>
  <c r="G81972" i="1"/>
  <c r="G81973" i="1"/>
  <c r="G81974" i="1"/>
  <c r="G81975" i="1"/>
  <c r="G81976" i="1"/>
  <c r="G81977" i="1"/>
  <c r="G81978" i="1"/>
  <c r="G81979" i="1"/>
  <c r="G81980" i="1"/>
  <c r="G81981" i="1"/>
  <c r="G81982" i="1"/>
  <c r="G81983" i="1"/>
  <c r="G81984" i="1"/>
  <c r="G81985" i="1"/>
  <c r="G81986" i="1"/>
  <c r="G81987" i="1"/>
  <c r="G81988" i="1"/>
  <c r="G81989" i="1"/>
  <c r="G81990" i="1"/>
  <c r="G81991" i="1"/>
  <c r="G81992" i="1"/>
  <c r="G81993" i="1"/>
  <c r="G81994" i="1"/>
  <c r="G81995" i="1"/>
  <c r="G81996" i="1"/>
  <c r="G81997" i="1"/>
  <c r="G81998" i="1"/>
  <c r="G81999" i="1"/>
  <c r="G82000" i="1"/>
  <c r="G82001" i="1"/>
  <c r="G82002" i="1"/>
  <c r="G82003" i="1"/>
  <c r="G82004" i="1"/>
  <c r="G82005" i="1"/>
  <c r="G82006" i="1"/>
  <c r="G82007" i="1"/>
  <c r="G82008" i="1"/>
  <c r="G82009" i="1"/>
  <c r="G82010" i="1"/>
  <c r="G82011" i="1"/>
  <c r="G82012" i="1"/>
  <c r="G82013" i="1"/>
  <c r="G82014" i="1"/>
  <c r="G82015" i="1"/>
  <c r="G82016" i="1"/>
  <c r="G82017" i="1"/>
  <c r="G82018" i="1"/>
  <c r="G82019" i="1"/>
  <c r="G82020" i="1"/>
  <c r="G82021" i="1"/>
  <c r="G82022" i="1"/>
  <c r="G82023" i="1"/>
  <c r="G82024" i="1"/>
  <c r="G82025" i="1"/>
  <c r="G82026" i="1"/>
  <c r="G82027" i="1"/>
  <c r="G82028" i="1"/>
  <c r="G82029" i="1"/>
  <c r="G82030" i="1"/>
  <c r="G82031" i="1"/>
  <c r="G82032" i="1"/>
  <c r="G82033" i="1"/>
  <c r="G82034" i="1"/>
  <c r="G82035" i="1"/>
  <c r="G82036" i="1"/>
  <c r="G82037" i="1"/>
  <c r="G82038" i="1"/>
  <c r="G82039" i="1"/>
  <c r="G82040" i="1"/>
  <c r="G82041" i="1"/>
  <c r="G82042" i="1"/>
  <c r="G82043" i="1"/>
  <c r="G82044" i="1"/>
  <c r="G82045" i="1"/>
  <c r="G82046" i="1"/>
  <c r="G82047" i="1"/>
  <c r="G82048" i="1"/>
  <c r="G82049" i="1"/>
  <c r="G82050" i="1"/>
  <c r="G82051" i="1"/>
  <c r="G82052" i="1"/>
  <c r="G82053" i="1"/>
  <c r="G82054" i="1"/>
  <c r="G82055" i="1"/>
  <c r="G82056" i="1"/>
  <c r="G82057" i="1"/>
  <c r="G82058" i="1"/>
  <c r="G82059" i="1"/>
  <c r="G82060" i="1"/>
  <c r="G82061" i="1"/>
  <c r="G82062" i="1"/>
  <c r="G82063" i="1"/>
  <c r="G82064" i="1"/>
  <c r="G82065" i="1"/>
  <c r="G82066" i="1"/>
  <c r="G82067" i="1"/>
  <c r="G82068" i="1"/>
  <c r="G82069" i="1"/>
  <c r="G82070" i="1"/>
  <c r="G82071" i="1"/>
  <c r="G82072" i="1"/>
  <c r="G82073" i="1"/>
  <c r="G82074" i="1"/>
  <c r="G82075" i="1"/>
  <c r="G82076" i="1"/>
  <c r="G82077" i="1"/>
  <c r="G82078" i="1"/>
  <c r="G82079" i="1"/>
  <c r="G82080" i="1"/>
  <c r="G82081" i="1"/>
  <c r="G82082" i="1"/>
  <c r="G82083" i="1"/>
  <c r="G82084" i="1"/>
  <c r="G82085" i="1"/>
  <c r="G82086" i="1"/>
  <c r="G82087" i="1"/>
  <c r="G82088" i="1"/>
  <c r="G82089" i="1"/>
  <c r="G82090" i="1"/>
  <c r="G82091" i="1"/>
  <c r="G82092" i="1"/>
  <c r="G82093" i="1"/>
  <c r="G82094" i="1"/>
  <c r="G82095" i="1"/>
  <c r="G82096" i="1"/>
  <c r="G82097" i="1"/>
  <c r="G82098" i="1"/>
  <c r="G82099" i="1"/>
  <c r="G82100" i="1"/>
  <c r="G82101" i="1"/>
  <c r="G82102" i="1"/>
  <c r="G82103" i="1"/>
  <c r="G82104" i="1"/>
  <c r="G82105" i="1"/>
  <c r="G82106" i="1"/>
  <c r="G82107" i="1"/>
  <c r="G82108" i="1"/>
  <c r="G82109" i="1"/>
  <c r="G82110" i="1"/>
  <c r="G82111" i="1"/>
  <c r="G82112" i="1"/>
  <c r="G82113" i="1"/>
  <c r="G82114" i="1"/>
  <c r="G82115" i="1"/>
  <c r="G82116" i="1"/>
  <c r="G82117" i="1"/>
  <c r="G82118" i="1"/>
  <c r="G82119" i="1"/>
  <c r="G82120" i="1"/>
  <c r="G82121" i="1"/>
  <c r="G82122" i="1"/>
  <c r="G82123" i="1"/>
  <c r="G82124" i="1"/>
  <c r="G82125" i="1"/>
  <c r="G82126" i="1"/>
  <c r="G82127" i="1"/>
  <c r="G82128" i="1"/>
  <c r="G82129" i="1"/>
  <c r="G82130" i="1"/>
  <c r="G82131" i="1"/>
  <c r="G82132" i="1"/>
  <c r="G82133" i="1"/>
  <c r="G82134" i="1"/>
  <c r="G82135" i="1"/>
  <c r="G82136" i="1"/>
  <c r="G82137" i="1"/>
  <c r="G82138" i="1"/>
  <c r="G82139" i="1"/>
  <c r="G82140" i="1"/>
  <c r="G82141" i="1"/>
  <c r="G82142" i="1"/>
  <c r="G82143" i="1"/>
  <c r="G82144" i="1"/>
  <c r="G82145" i="1"/>
  <c r="G82146" i="1"/>
  <c r="G82147" i="1"/>
  <c r="G82148" i="1"/>
  <c r="G82149" i="1"/>
  <c r="G82150" i="1"/>
  <c r="G82151" i="1"/>
  <c r="G82152" i="1"/>
  <c r="G82153" i="1"/>
  <c r="G82154" i="1"/>
  <c r="G82155" i="1"/>
  <c r="G82156" i="1"/>
  <c r="G82157" i="1"/>
  <c r="G82158" i="1"/>
  <c r="G82159" i="1"/>
  <c r="G82160" i="1"/>
  <c r="G82161" i="1"/>
  <c r="G82162" i="1"/>
  <c r="G82163" i="1"/>
  <c r="G82164" i="1"/>
  <c r="G82165" i="1"/>
  <c r="G82166" i="1"/>
  <c r="G82167" i="1"/>
  <c r="G82168" i="1"/>
  <c r="G82169" i="1"/>
  <c r="G82170" i="1"/>
  <c r="G82171" i="1"/>
  <c r="G82172" i="1"/>
  <c r="G82173" i="1"/>
  <c r="G82174" i="1"/>
  <c r="G82175" i="1"/>
  <c r="G82176" i="1"/>
  <c r="G82177" i="1"/>
  <c r="G82178" i="1"/>
  <c r="G82179" i="1"/>
  <c r="G82180" i="1"/>
  <c r="G82181" i="1"/>
  <c r="G82182" i="1"/>
  <c r="G82183" i="1"/>
  <c r="G82184" i="1"/>
  <c r="G82185" i="1"/>
  <c r="G82186" i="1"/>
  <c r="G82187" i="1"/>
  <c r="G82188" i="1"/>
  <c r="G82189" i="1"/>
  <c r="G82190" i="1"/>
  <c r="G82191" i="1"/>
  <c r="G82192" i="1"/>
  <c r="G82193" i="1"/>
  <c r="G82194" i="1"/>
  <c r="G82195" i="1"/>
  <c r="G82196" i="1"/>
  <c r="G82197" i="1"/>
  <c r="G82198" i="1"/>
  <c r="G82199" i="1"/>
  <c r="G82200" i="1"/>
  <c r="G82201" i="1"/>
  <c r="G82202" i="1"/>
  <c r="G82203" i="1"/>
  <c r="G82204" i="1"/>
  <c r="G82205" i="1"/>
  <c r="G82206" i="1"/>
  <c r="G82207" i="1"/>
  <c r="G82208" i="1"/>
  <c r="G82209" i="1"/>
  <c r="G82210" i="1"/>
  <c r="G82211" i="1"/>
  <c r="G82212" i="1"/>
  <c r="G82213" i="1"/>
  <c r="G82214" i="1"/>
  <c r="G82215" i="1"/>
  <c r="G82216" i="1"/>
  <c r="G82217" i="1"/>
  <c r="G82218" i="1"/>
  <c r="G82219" i="1"/>
  <c r="G82220" i="1"/>
  <c r="G82221" i="1"/>
  <c r="G82222" i="1"/>
  <c r="G82223" i="1"/>
  <c r="G82224" i="1"/>
  <c r="G82225" i="1"/>
  <c r="G82226" i="1"/>
  <c r="G82227" i="1"/>
  <c r="G82228" i="1"/>
  <c r="G82229" i="1"/>
  <c r="G82230" i="1"/>
  <c r="G82231" i="1"/>
  <c r="G82232" i="1"/>
  <c r="G82233" i="1"/>
  <c r="G82234" i="1"/>
  <c r="G82235" i="1"/>
  <c r="G82236" i="1"/>
  <c r="G82237" i="1"/>
  <c r="G82238" i="1"/>
  <c r="G82239" i="1"/>
  <c r="G82240" i="1"/>
  <c r="G82241" i="1"/>
  <c r="G82242" i="1"/>
  <c r="G82243" i="1"/>
  <c r="G82244" i="1"/>
  <c r="G82245" i="1"/>
  <c r="G82246" i="1"/>
  <c r="G82247" i="1"/>
  <c r="G82248" i="1"/>
  <c r="G82249" i="1"/>
  <c r="G82250" i="1"/>
  <c r="G82251" i="1"/>
  <c r="G82252" i="1"/>
  <c r="G82253" i="1"/>
  <c r="G82254" i="1"/>
  <c r="G82255" i="1"/>
  <c r="G82256" i="1"/>
  <c r="G82257" i="1"/>
  <c r="G82258" i="1"/>
  <c r="G82259" i="1"/>
  <c r="G82260" i="1"/>
  <c r="G82261" i="1"/>
  <c r="G82262" i="1"/>
  <c r="G82263" i="1"/>
  <c r="G82264" i="1"/>
  <c r="G82265" i="1"/>
  <c r="G82266" i="1"/>
  <c r="G82267" i="1"/>
  <c r="G82268" i="1"/>
  <c r="G82269" i="1"/>
  <c r="G82270" i="1"/>
  <c r="G82271" i="1"/>
  <c r="G82272" i="1"/>
  <c r="G82273" i="1"/>
  <c r="G82274" i="1"/>
  <c r="G82275" i="1"/>
  <c r="G82276" i="1"/>
  <c r="G82277" i="1"/>
  <c r="G82278" i="1"/>
  <c r="G82279" i="1"/>
  <c r="G82280" i="1"/>
  <c r="G82281" i="1"/>
  <c r="G82282" i="1"/>
  <c r="G82283" i="1"/>
  <c r="G82284" i="1"/>
  <c r="G82285" i="1"/>
  <c r="G82286" i="1"/>
  <c r="G82287" i="1"/>
  <c r="G82288" i="1"/>
  <c r="G82289" i="1"/>
  <c r="G82290" i="1"/>
  <c r="G82291" i="1"/>
  <c r="G82292" i="1"/>
  <c r="G82293" i="1"/>
  <c r="G82294" i="1"/>
  <c r="G82295" i="1"/>
  <c r="G82296" i="1"/>
  <c r="G82297" i="1"/>
  <c r="G82298" i="1"/>
  <c r="G82299" i="1"/>
  <c r="G82300" i="1"/>
  <c r="G82301" i="1"/>
  <c r="G82302" i="1"/>
  <c r="G82303" i="1"/>
  <c r="G82304" i="1"/>
  <c r="G82305" i="1"/>
  <c r="G82306" i="1"/>
  <c r="G82307" i="1"/>
  <c r="G82308" i="1"/>
  <c r="G82309" i="1"/>
  <c r="G82310" i="1"/>
  <c r="G82311" i="1"/>
  <c r="G82312" i="1"/>
  <c r="G82313" i="1"/>
  <c r="G82314" i="1"/>
  <c r="G82315" i="1"/>
  <c r="G82316" i="1"/>
  <c r="G82317" i="1"/>
  <c r="G82318" i="1"/>
  <c r="G82319" i="1"/>
  <c r="G82320" i="1"/>
  <c r="G82321" i="1"/>
  <c r="G82322" i="1"/>
  <c r="G82323" i="1"/>
  <c r="G82324" i="1"/>
  <c r="G82325" i="1"/>
  <c r="G82326" i="1"/>
  <c r="G82327" i="1"/>
  <c r="G82328" i="1"/>
  <c r="G82329" i="1"/>
  <c r="G82330" i="1"/>
  <c r="G82331" i="1"/>
  <c r="G82332" i="1"/>
  <c r="G82333" i="1"/>
  <c r="G82334" i="1"/>
  <c r="G82335" i="1"/>
  <c r="G82336" i="1"/>
  <c r="G82337" i="1"/>
  <c r="G82338" i="1"/>
  <c r="G82339" i="1"/>
  <c r="G82340" i="1"/>
  <c r="G82341" i="1"/>
  <c r="G82342" i="1"/>
  <c r="G82343" i="1"/>
  <c r="G82344" i="1"/>
  <c r="G82345" i="1"/>
  <c r="G82346" i="1"/>
  <c r="G82347" i="1"/>
  <c r="G82348" i="1"/>
  <c r="G82349" i="1"/>
  <c r="G82350" i="1"/>
  <c r="G82351" i="1"/>
  <c r="G82352" i="1"/>
  <c r="G82353" i="1"/>
  <c r="G82354" i="1"/>
  <c r="G82355" i="1"/>
  <c r="G82356" i="1"/>
  <c r="G82357" i="1"/>
  <c r="G82358" i="1"/>
  <c r="G82359" i="1"/>
  <c r="G82360" i="1"/>
  <c r="G82361" i="1"/>
  <c r="G82362" i="1"/>
  <c r="G82363" i="1"/>
  <c r="G82364" i="1"/>
  <c r="G82365" i="1"/>
  <c r="G82366" i="1"/>
  <c r="G82367" i="1"/>
  <c r="G82368" i="1"/>
  <c r="G82369" i="1"/>
  <c r="G82370" i="1"/>
  <c r="G82371" i="1"/>
  <c r="G82372" i="1"/>
  <c r="G82373" i="1"/>
  <c r="G82374" i="1"/>
  <c r="G82375" i="1"/>
  <c r="G82376" i="1"/>
  <c r="G82377" i="1"/>
  <c r="G82378" i="1"/>
  <c r="G82379" i="1"/>
  <c r="G82380" i="1"/>
  <c r="G82381" i="1"/>
  <c r="G82382" i="1"/>
  <c r="G82383" i="1"/>
  <c r="G82384" i="1"/>
  <c r="G82385" i="1"/>
  <c r="G82386" i="1"/>
  <c r="G82387" i="1"/>
  <c r="G82388" i="1"/>
  <c r="G82389" i="1"/>
  <c r="G82390" i="1"/>
  <c r="G82391" i="1"/>
  <c r="G82392" i="1"/>
  <c r="G82393" i="1"/>
  <c r="G82394" i="1"/>
  <c r="G82395" i="1"/>
  <c r="G82396" i="1"/>
  <c r="G82397" i="1"/>
  <c r="G82398" i="1"/>
  <c r="G82399" i="1"/>
  <c r="G82400" i="1"/>
  <c r="G82401" i="1"/>
  <c r="G82402" i="1"/>
  <c r="G82403" i="1"/>
  <c r="G82404" i="1"/>
  <c r="G82405" i="1"/>
  <c r="G82406" i="1"/>
  <c r="G82407" i="1"/>
  <c r="G82408" i="1"/>
  <c r="G82409" i="1"/>
  <c r="G82410" i="1"/>
  <c r="G82411" i="1"/>
  <c r="G82412" i="1"/>
  <c r="G82413" i="1"/>
  <c r="G82414" i="1"/>
  <c r="G82415" i="1"/>
  <c r="G82416" i="1"/>
  <c r="G82417" i="1"/>
  <c r="G82418" i="1"/>
  <c r="G82419" i="1"/>
  <c r="G82420" i="1"/>
  <c r="G82421" i="1"/>
  <c r="G82422" i="1"/>
  <c r="G82423" i="1"/>
  <c r="G82424" i="1"/>
  <c r="G82425" i="1"/>
  <c r="G82426" i="1"/>
  <c r="G82427" i="1"/>
  <c r="G82428" i="1"/>
  <c r="G82429" i="1"/>
  <c r="G82430" i="1"/>
  <c r="G82431" i="1"/>
  <c r="G82432" i="1"/>
  <c r="G82433" i="1"/>
  <c r="G82434" i="1"/>
  <c r="G82435" i="1"/>
  <c r="G82436" i="1"/>
  <c r="G82437" i="1"/>
  <c r="G82438" i="1"/>
  <c r="G82439" i="1"/>
  <c r="G82440" i="1"/>
  <c r="G82441" i="1"/>
  <c r="G82442" i="1"/>
  <c r="G82443" i="1"/>
  <c r="G82444" i="1"/>
  <c r="G82445" i="1"/>
  <c r="G82446" i="1"/>
  <c r="G82447" i="1"/>
  <c r="G82448" i="1"/>
  <c r="G82449" i="1"/>
  <c r="G82450" i="1"/>
  <c r="G82451" i="1"/>
  <c r="G82452" i="1"/>
  <c r="G82453" i="1"/>
  <c r="G82454" i="1"/>
  <c r="G82455" i="1"/>
  <c r="G82456" i="1"/>
  <c r="G82457" i="1"/>
  <c r="G82458" i="1"/>
  <c r="G82459" i="1"/>
  <c r="G82460" i="1"/>
  <c r="G82461" i="1"/>
  <c r="G82462" i="1"/>
  <c r="G82463" i="1"/>
  <c r="G82464" i="1"/>
  <c r="G82465" i="1"/>
  <c r="G82466" i="1"/>
  <c r="G82467" i="1"/>
  <c r="G82468" i="1"/>
  <c r="G82469" i="1"/>
  <c r="G82470" i="1"/>
  <c r="G82471" i="1"/>
  <c r="G82472" i="1"/>
  <c r="G82473" i="1"/>
  <c r="G82474" i="1"/>
  <c r="G82475" i="1"/>
  <c r="G82476" i="1"/>
  <c r="G82477" i="1"/>
  <c r="G82478" i="1"/>
  <c r="G82479" i="1"/>
  <c r="G82480" i="1"/>
  <c r="G82481" i="1"/>
  <c r="G82482" i="1"/>
  <c r="G82483" i="1"/>
  <c r="G82484" i="1"/>
  <c r="G82485" i="1"/>
  <c r="G82486" i="1"/>
  <c r="G82487" i="1"/>
  <c r="G82488" i="1"/>
  <c r="G82489" i="1"/>
  <c r="G82490" i="1"/>
  <c r="G82491" i="1"/>
  <c r="G82492" i="1"/>
  <c r="G82493" i="1"/>
  <c r="G82494" i="1"/>
  <c r="G82495" i="1"/>
  <c r="G82496" i="1"/>
  <c r="G82497" i="1"/>
  <c r="G82498" i="1"/>
  <c r="G82499" i="1"/>
  <c r="G82500" i="1"/>
  <c r="G82501" i="1"/>
  <c r="G82502" i="1"/>
  <c r="G82503" i="1"/>
  <c r="G82504" i="1"/>
  <c r="G82505" i="1"/>
  <c r="G82506" i="1"/>
  <c r="G82507" i="1"/>
  <c r="G82508" i="1"/>
  <c r="G82509" i="1"/>
  <c r="G82510" i="1"/>
  <c r="G82511" i="1"/>
  <c r="G82512" i="1"/>
  <c r="G82513" i="1"/>
  <c r="G82514" i="1"/>
  <c r="G82515" i="1"/>
  <c r="G82516" i="1"/>
  <c r="G82517" i="1"/>
  <c r="G82518" i="1"/>
  <c r="G82519" i="1"/>
  <c r="G82520" i="1"/>
  <c r="G82521" i="1"/>
  <c r="G82522" i="1"/>
  <c r="G82523" i="1"/>
  <c r="G82524" i="1"/>
  <c r="G82525" i="1"/>
  <c r="G82526" i="1"/>
  <c r="G82527" i="1"/>
  <c r="G82528" i="1"/>
  <c r="G82529" i="1"/>
  <c r="G82530" i="1"/>
  <c r="G82531" i="1"/>
  <c r="G82532" i="1"/>
  <c r="G82533" i="1"/>
  <c r="G82534" i="1"/>
  <c r="G82535" i="1"/>
  <c r="G82536" i="1"/>
  <c r="G82537" i="1"/>
  <c r="G82538" i="1"/>
  <c r="G82539" i="1"/>
  <c r="G82540" i="1"/>
  <c r="G82541" i="1"/>
  <c r="G82542" i="1"/>
  <c r="G82543" i="1"/>
  <c r="G82544" i="1"/>
  <c r="G82545" i="1"/>
  <c r="G82546" i="1"/>
  <c r="G82547" i="1"/>
  <c r="G82548" i="1"/>
  <c r="G82549" i="1"/>
  <c r="G82550" i="1"/>
  <c r="G82551" i="1"/>
  <c r="G82552" i="1"/>
  <c r="G82553" i="1"/>
  <c r="G82554" i="1"/>
  <c r="G82555" i="1"/>
  <c r="G82556" i="1"/>
  <c r="G82557" i="1"/>
  <c r="G82558" i="1"/>
  <c r="G82559" i="1"/>
  <c r="G82560" i="1"/>
  <c r="G82561" i="1"/>
  <c r="G82562" i="1"/>
  <c r="G82563" i="1"/>
  <c r="G82564" i="1"/>
  <c r="G82565" i="1"/>
  <c r="G82566" i="1"/>
  <c r="G82567" i="1"/>
  <c r="G82568" i="1"/>
  <c r="G82569" i="1"/>
  <c r="G82570" i="1"/>
  <c r="G82571" i="1"/>
  <c r="G82572" i="1"/>
  <c r="G82573" i="1"/>
  <c r="G82574" i="1"/>
  <c r="G82575" i="1"/>
  <c r="G82576" i="1"/>
  <c r="G82577" i="1"/>
  <c r="G82578" i="1"/>
  <c r="G82579" i="1"/>
  <c r="G82580" i="1"/>
  <c r="G82581" i="1"/>
  <c r="G82582" i="1"/>
  <c r="G82583" i="1"/>
  <c r="G82584" i="1"/>
  <c r="G82585" i="1"/>
  <c r="G82586" i="1"/>
  <c r="G82587" i="1"/>
  <c r="G82588" i="1"/>
  <c r="G82589" i="1"/>
  <c r="G82590" i="1"/>
  <c r="G82591" i="1"/>
  <c r="G82592" i="1"/>
  <c r="G82593" i="1"/>
  <c r="G82594" i="1"/>
  <c r="G82595" i="1"/>
  <c r="G82596" i="1"/>
  <c r="G82597" i="1"/>
  <c r="G82598" i="1"/>
  <c r="G82599" i="1"/>
  <c r="G82600" i="1"/>
  <c r="G82601" i="1"/>
  <c r="G82602" i="1"/>
  <c r="G82603" i="1"/>
  <c r="G82604" i="1"/>
  <c r="G82605" i="1"/>
  <c r="G82606" i="1"/>
  <c r="G82607" i="1"/>
  <c r="G82608" i="1"/>
  <c r="G82609" i="1"/>
  <c r="G82610" i="1"/>
  <c r="G82611" i="1"/>
  <c r="G82612" i="1"/>
  <c r="G82613" i="1"/>
  <c r="G82614" i="1"/>
  <c r="G82615" i="1"/>
  <c r="G82616" i="1"/>
  <c r="G82617" i="1"/>
  <c r="G82618" i="1"/>
  <c r="G82619" i="1"/>
  <c r="G82620" i="1"/>
  <c r="G82621" i="1"/>
  <c r="G82622" i="1"/>
  <c r="G82623" i="1"/>
  <c r="G82624" i="1"/>
  <c r="G82625" i="1"/>
  <c r="G82626" i="1"/>
  <c r="G82627" i="1"/>
  <c r="G82628" i="1"/>
  <c r="G82629" i="1"/>
  <c r="G82630" i="1"/>
  <c r="G82631" i="1"/>
  <c r="G82632" i="1"/>
  <c r="G82633" i="1"/>
  <c r="G82634" i="1"/>
  <c r="G82635" i="1"/>
  <c r="G82636" i="1"/>
  <c r="G82637" i="1"/>
  <c r="G82638" i="1"/>
  <c r="G82639" i="1"/>
  <c r="G82640" i="1"/>
  <c r="G82641" i="1"/>
  <c r="G82642" i="1"/>
  <c r="G82643" i="1"/>
  <c r="G82644" i="1"/>
  <c r="G82645" i="1"/>
  <c r="G82646" i="1"/>
  <c r="G82647" i="1"/>
  <c r="G82648" i="1"/>
  <c r="G82649" i="1"/>
  <c r="G82650" i="1"/>
  <c r="G82651" i="1"/>
  <c r="G82652" i="1"/>
  <c r="G82653" i="1"/>
  <c r="G82654" i="1"/>
  <c r="G82655" i="1"/>
  <c r="G82656" i="1"/>
  <c r="G82657" i="1"/>
  <c r="G82658" i="1"/>
  <c r="G82659" i="1"/>
  <c r="G82660" i="1"/>
  <c r="G82661" i="1"/>
  <c r="G82662" i="1"/>
  <c r="G82663" i="1"/>
  <c r="G82664" i="1"/>
  <c r="G82665" i="1"/>
  <c r="G82666" i="1"/>
  <c r="G82667" i="1"/>
  <c r="G82668" i="1"/>
  <c r="G82669" i="1"/>
  <c r="G82670" i="1"/>
  <c r="G82671" i="1"/>
  <c r="G82672" i="1"/>
  <c r="G82673" i="1"/>
  <c r="G82674" i="1"/>
  <c r="G82675" i="1"/>
  <c r="G82676" i="1"/>
  <c r="G82677" i="1"/>
  <c r="G82678" i="1"/>
  <c r="G82679" i="1"/>
  <c r="G82680" i="1"/>
  <c r="G82681" i="1"/>
  <c r="G82682" i="1"/>
  <c r="G82683" i="1"/>
  <c r="G82684" i="1"/>
  <c r="G82685" i="1"/>
  <c r="G82686" i="1"/>
  <c r="G82687" i="1"/>
  <c r="G82688" i="1"/>
  <c r="G82689" i="1"/>
  <c r="G82690" i="1"/>
  <c r="G82691" i="1"/>
  <c r="G82692" i="1"/>
  <c r="G82693" i="1"/>
  <c r="G82694" i="1"/>
  <c r="G82695" i="1"/>
  <c r="G82696" i="1"/>
  <c r="G82697" i="1"/>
  <c r="G82698" i="1"/>
  <c r="G82699" i="1"/>
  <c r="G82700" i="1"/>
  <c r="G82701" i="1"/>
  <c r="G82702" i="1"/>
  <c r="G82703" i="1"/>
  <c r="G82704" i="1"/>
  <c r="G82705" i="1"/>
  <c r="G82706" i="1"/>
  <c r="G82707" i="1"/>
  <c r="G82708" i="1"/>
  <c r="G82709" i="1"/>
  <c r="G82710" i="1"/>
  <c r="G82711" i="1"/>
  <c r="G82712" i="1"/>
  <c r="G82713" i="1"/>
  <c r="G82714" i="1"/>
  <c r="G82715" i="1"/>
  <c r="G82716" i="1"/>
  <c r="G82717" i="1"/>
  <c r="G82718" i="1"/>
  <c r="G82719" i="1"/>
  <c r="G82720" i="1"/>
  <c r="G82721" i="1"/>
  <c r="G82722" i="1"/>
  <c r="G82723" i="1"/>
  <c r="G82724" i="1"/>
  <c r="G82725" i="1"/>
  <c r="G82726" i="1"/>
  <c r="G82727" i="1"/>
  <c r="G82728" i="1"/>
  <c r="G82729" i="1"/>
  <c r="G82730" i="1"/>
  <c r="G82731" i="1"/>
  <c r="G82732" i="1"/>
  <c r="G82733" i="1"/>
  <c r="G82734" i="1"/>
  <c r="G82735" i="1"/>
  <c r="G82736" i="1"/>
  <c r="G82737" i="1"/>
  <c r="G82738" i="1"/>
  <c r="G82739" i="1"/>
  <c r="G82740" i="1"/>
  <c r="G82741" i="1"/>
  <c r="G82742" i="1"/>
  <c r="G82743" i="1"/>
  <c r="G82744" i="1"/>
  <c r="G82745" i="1"/>
  <c r="G82746" i="1"/>
  <c r="G82747" i="1"/>
  <c r="G82748" i="1"/>
  <c r="G82749" i="1"/>
  <c r="G82750" i="1"/>
  <c r="G82751" i="1"/>
  <c r="G82752" i="1"/>
  <c r="G82753" i="1"/>
  <c r="G82754" i="1"/>
  <c r="G82755" i="1"/>
  <c r="G82756" i="1"/>
  <c r="G82757" i="1"/>
  <c r="G82758" i="1"/>
  <c r="G82759" i="1"/>
  <c r="G82760" i="1"/>
  <c r="G82761" i="1"/>
  <c r="G82762" i="1"/>
  <c r="G82763" i="1"/>
  <c r="G82764" i="1"/>
  <c r="G82765" i="1"/>
  <c r="G82766" i="1"/>
  <c r="G82767" i="1"/>
  <c r="G82768" i="1"/>
  <c r="G82769" i="1"/>
  <c r="G82770" i="1"/>
  <c r="G82771" i="1"/>
  <c r="G82772" i="1"/>
  <c r="G82773" i="1"/>
  <c r="G82774" i="1"/>
  <c r="G82775" i="1"/>
  <c r="G82776" i="1"/>
  <c r="G82777" i="1"/>
  <c r="G82778" i="1"/>
  <c r="G82779" i="1"/>
  <c r="G82780" i="1"/>
  <c r="G82781" i="1"/>
  <c r="G82782" i="1"/>
  <c r="G82783" i="1"/>
  <c r="G82784" i="1"/>
  <c r="G82785" i="1"/>
  <c r="G82786" i="1"/>
  <c r="G82787" i="1"/>
  <c r="G82788" i="1"/>
  <c r="G82789" i="1"/>
  <c r="G82790" i="1"/>
  <c r="G82791" i="1"/>
  <c r="G82792" i="1"/>
  <c r="G82793" i="1"/>
  <c r="G82794" i="1"/>
  <c r="G82795" i="1"/>
  <c r="G82796" i="1"/>
  <c r="G82797" i="1"/>
  <c r="G82798" i="1"/>
  <c r="G82799" i="1"/>
  <c r="G82800" i="1"/>
  <c r="G82801" i="1"/>
  <c r="G82802" i="1"/>
  <c r="G82803" i="1"/>
  <c r="G82804" i="1"/>
  <c r="G82805" i="1"/>
  <c r="G82806" i="1"/>
  <c r="G82807" i="1"/>
  <c r="G82808" i="1"/>
  <c r="G82809" i="1"/>
  <c r="G82810" i="1"/>
  <c r="G82811" i="1"/>
  <c r="G82812" i="1"/>
  <c r="G82813" i="1"/>
  <c r="G82814" i="1"/>
  <c r="G82815" i="1"/>
  <c r="G82816" i="1"/>
  <c r="G82817" i="1"/>
  <c r="G82818" i="1"/>
  <c r="G82819" i="1"/>
  <c r="G82820" i="1"/>
  <c r="G82821" i="1"/>
  <c r="G82822" i="1"/>
  <c r="G82823" i="1"/>
  <c r="G82824" i="1"/>
  <c r="G82825" i="1"/>
  <c r="G82826" i="1"/>
  <c r="G82827" i="1"/>
  <c r="G82828" i="1"/>
  <c r="G82829" i="1"/>
  <c r="G82830" i="1"/>
  <c r="G82831" i="1"/>
  <c r="G82832" i="1"/>
  <c r="G82833" i="1"/>
  <c r="G82834" i="1"/>
  <c r="G82835" i="1"/>
  <c r="G82836" i="1"/>
  <c r="G82837" i="1"/>
  <c r="G82838" i="1"/>
  <c r="G82839" i="1"/>
  <c r="G82840" i="1"/>
  <c r="G82841" i="1"/>
  <c r="G82842" i="1"/>
  <c r="G82843" i="1"/>
  <c r="G82844" i="1"/>
  <c r="G82845" i="1"/>
  <c r="G82846" i="1"/>
  <c r="G82847" i="1"/>
  <c r="G82848" i="1"/>
  <c r="G82849" i="1"/>
  <c r="G82850" i="1"/>
  <c r="G82851" i="1"/>
  <c r="G82852" i="1"/>
  <c r="G82853" i="1"/>
  <c r="G82854" i="1"/>
  <c r="G82855" i="1"/>
  <c r="G82856" i="1"/>
  <c r="G82857" i="1"/>
  <c r="G82858" i="1"/>
  <c r="G82859" i="1"/>
  <c r="G82860" i="1"/>
  <c r="G82861" i="1"/>
  <c r="G82862" i="1"/>
  <c r="G82863" i="1"/>
  <c r="G82864" i="1"/>
  <c r="G82865" i="1"/>
  <c r="G82866" i="1"/>
  <c r="G82867" i="1"/>
  <c r="G82868" i="1"/>
  <c r="G82869" i="1"/>
  <c r="G82870" i="1"/>
  <c r="G82871" i="1"/>
  <c r="G82872" i="1"/>
  <c r="G82873" i="1"/>
  <c r="G82874" i="1"/>
  <c r="G82875" i="1"/>
  <c r="G82876" i="1"/>
  <c r="G82877" i="1"/>
  <c r="G82878" i="1"/>
  <c r="G82879" i="1"/>
  <c r="G82880" i="1"/>
  <c r="G82881" i="1"/>
  <c r="G82882" i="1"/>
  <c r="G82883" i="1"/>
  <c r="G82884" i="1"/>
  <c r="G82885" i="1"/>
  <c r="G82886" i="1"/>
  <c r="G82887" i="1"/>
  <c r="G82888" i="1"/>
  <c r="G82889" i="1"/>
  <c r="G82890" i="1"/>
  <c r="G82891" i="1"/>
  <c r="G82892" i="1"/>
  <c r="G82893" i="1"/>
  <c r="G82894" i="1"/>
  <c r="G82895" i="1"/>
  <c r="G82896" i="1"/>
  <c r="G82897" i="1"/>
  <c r="G82898" i="1"/>
  <c r="G82899" i="1"/>
  <c r="G82900" i="1"/>
  <c r="G82901" i="1"/>
  <c r="G82902" i="1"/>
  <c r="G82903" i="1"/>
  <c r="G82904" i="1"/>
  <c r="G82905" i="1"/>
  <c r="G82906" i="1"/>
  <c r="G82907" i="1"/>
  <c r="G82908" i="1"/>
  <c r="G82909" i="1"/>
  <c r="G82910" i="1"/>
  <c r="G82911" i="1"/>
  <c r="G82912" i="1"/>
  <c r="G82913" i="1"/>
  <c r="G82914" i="1"/>
  <c r="G82915" i="1"/>
  <c r="G82916" i="1"/>
  <c r="G82917" i="1"/>
  <c r="G82918" i="1"/>
  <c r="G82919" i="1"/>
  <c r="G82920" i="1"/>
  <c r="G82921" i="1"/>
  <c r="G82922" i="1"/>
  <c r="G82923" i="1"/>
  <c r="G82924" i="1"/>
  <c r="G82925" i="1"/>
  <c r="G82926" i="1"/>
  <c r="G82927" i="1"/>
  <c r="G82928" i="1"/>
  <c r="G82929" i="1"/>
  <c r="G82930" i="1"/>
  <c r="G82931" i="1"/>
  <c r="G82932" i="1"/>
  <c r="G82933" i="1"/>
  <c r="G82934" i="1"/>
  <c r="G82935" i="1"/>
  <c r="G82936" i="1"/>
  <c r="G82937" i="1"/>
  <c r="G82938" i="1"/>
  <c r="G82939" i="1"/>
  <c r="G82940" i="1"/>
  <c r="G82941" i="1"/>
  <c r="G82942" i="1"/>
  <c r="G82943" i="1"/>
  <c r="G82944" i="1"/>
  <c r="G82945" i="1"/>
  <c r="G82946" i="1"/>
  <c r="G82947" i="1"/>
  <c r="G82948" i="1"/>
  <c r="G82949" i="1"/>
  <c r="G82950" i="1"/>
  <c r="G82951" i="1"/>
  <c r="G82952" i="1"/>
  <c r="G82953" i="1"/>
  <c r="G82954" i="1"/>
  <c r="G82955" i="1"/>
  <c r="G82956" i="1"/>
  <c r="G82957" i="1"/>
  <c r="G82958" i="1"/>
  <c r="G82959" i="1"/>
  <c r="G82960" i="1"/>
  <c r="G82961" i="1"/>
  <c r="G82962" i="1"/>
  <c r="G82963" i="1"/>
  <c r="G82964" i="1"/>
  <c r="G82965" i="1"/>
  <c r="G82966" i="1"/>
  <c r="G82967" i="1"/>
  <c r="G82968" i="1"/>
  <c r="G82969" i="1"/>
  <c r="G82970" i="1"/>
  <c r="G82971" i="1"/>
  <c r="G82972" i="1"/>
  <c r="G82973" i="1"/>
  <c r="G82974" i="1"/>
  <c r="G82975" i="1"/>
  <c r="G82976" i="1"/>
  <c r="G82977" i="1"/>
  <c r="G82978" i="1"/>
  <c r="G82979" i="1"/>
  <c r="G82980" i="1"/>
  <c r="G82981" i="1"/>
  <c r="G82982" i="1"/>
  <c r="G82983" i="1"/>
  <c r="G82984" i="1"/>
  <c r="G82985" i="1"/>
  <c r="G82986" i="1"/>
  <c r="G82987" i="1"/>
  <c r="G82988" i="1"/>
  <c r="G82989" i="1"/>
  <c r="G82990" i="1"/>
  <c r="G82991" i="1"/>
  <c r="G82992" i="1"/>
  <c r="G82993" i="1"/>
  <c r="G82994" i="1"/>
  <c r="G82995" i="1"/>
  <c r="G82996" i="1"/>
  <c r="G82997" i="1"/>
  <c r="G82998" i="1"/>
  <c r="G82999" i="1"/>
  <c r="G83000" i="1"/>
  <c r="G83001" i="1"/>
  <c r="G83002" i="1"/>
  <c r="G83003" i="1"/>
  <c r="G83004" i="1"/>
  <c r="G83005" i="1"/>
  <c r="G83006" i="1"/>
  <c r="G83007" i="1"/>
  <c r="G83008" i="1"/>
  <c r="G83009" i="1"/>
  <c r="G83010" i="1"/>
  <c r="G83011" i="1"/>
  <c r="G83012" i="1"/>
  <c r="G83013" i="1"/>
  <c r="G83014" i="1"/>
  <c r="G83015" i="1"/>
  <c r="G83016" i="1"/>
  <c r="G83017" i="1"/>
  <c r="G83018" i="1"/>
  <c r="G83019" i="1"/>
  <c r="G83020" i="1"/>
  <c r="G83021" i="1"/>
  <c r="G83022" i="1"/>
  <c r="G83023" i="1"/>
  <c r="G83024" i="1"/>
  <c r="G83025" i="1"/>
  <c r="G83026" i="1"/>
  <c r="G83027" i="1"/>
  <c r="G83028" i="1"/>
  <c r="G83029" i="1"/>
  <c r="G83030" i="1"/>
  <c r="G83031" i="1"/>
  <c r="G83032" i="1"/>
  <c r="G83033" i="1"/>
  <c r="G83034" i="1"/>
  <c r="G83035" i="1"/>
  <c r="G83036" i="1"/>
  <c r="G83037" i="1"/>
  <c r="G83038" i="1"/>
  <c r="G83039" i="1"/>
  <c r="G83040" i="1"/>
  <c r="G83041" i="1"/>
  <c r="G83042" i="1"/>
  <c r="G83043" i="1"/>
  <c r="G83044" i="1"/>
  <c r="G83045" i="1"/>
  <c r="G83046" i="1"/>
  <c r="G83047" i="1"/>
  <c r="G83048" i="1"/>
  <c r="G83049" i="1"/>
  <c r="G83050" i="1"/>
  <c r="G83051" i="1"/>
  <c r="G83052" i="1"/>
  <c r="G83053" i="1"/>
  <c r="G83054" i="1"/>
  <c r="G83055" i="1"/>
  <c r="G83056" i="1"/>
  <c r="G83057" i="1"/>
  <c r="G83058" i="1"/>
  <c r="G83059" i="1"/>
  <c r="G83060" i="1"/>
  <c r="G83061" i="1"/>
  <c r="G83062" i="1"/>
  <c r="G83063" i="1"/>
  <c r="G83064" i="1"/>
  <c r="G83065" i="1"/>
  <c r="G83066" i="1"/>
  <c r="G83067" i="1"/>
  <c r="G83068" i="1"/>
  <c r="G83069" i="1"/>
  <c r="G83070" i="1"/>
  <c r="G83071" i="1"/>
  <c r="G83072" i="1"/>
  <c r="G83073" i="1"/>
  <c r="G83074" i="1"/>
  <c r="G83075" i="1"/>
  <c r="G83076" i="1"/>
  <c r="G83077" i="1"/>
  <c r="G83078" i="1"/>
  <c r="G83079" i="1"/>
  <c r="G83080" i="1"/>
  <c r="G83081" i="1"/>
  <c r="G83082" i="1"/>
  <c r="G83083" i="1"/>
  <c r="G83084" i="1"/>
  <c r="G83085" i="1"/>
  <c r="G83086" i="1"/>
  <c r="G83087" i="1"/>
  <c r="G83088" i="1"/>
  <c r="G83089" i="1"/>
  <c r="G83090" i="1"/>
  <c r="G83091" i="1"/>
  <c r="G83092" i="1"/>
  <c r="G83093" i="1"/>
  <c r="G83094" i="1"/>
  <c r="G83095" i="1"/>
  <c r="G83096" i="1"/>
  <c r="G83097" i="1"/>
  <c r="G83098" i="1"/>
  <c r="G83099" i="1"/>
  <c r="G83100" i="1"/>
  <c r="G83101" i="1"/>
  <c r="G83102" i="1"/>
  <c r="G83103" i="1"/>
  <c r="G83104" i="1"/>
  <c r="G83105" i="1"/>
  <c r="G83106" i="1"/>
  <c r="G83107" i="1"/>
  <c r="G83108" i="1"/>
  <c r="G83109" i="1"/>
  <c r="G83110" i="1"/>
  <c r="G83111" i="1"/>
  <c r="G83112" i="1"/>
  <c r="G83113" i="1"/>
  <c r="G83114" i="1"/>
  <c r="G83115" i="1"/>
  <c r="G83116" i="1"/>
  <c r="G83117" i="1"/>
  <c r="G83118" i="1"/>
  <c r="G83119" i="1"/>
  <c r="G83120" i="1"/>
  <c r="G83121" i="1"/>
  <c r="G83122" i="1"/>
  <c r="G83123" i="1"/>
  <c r="G83124" i="1"/>
  <c r="G83125" i="1"/>
  <c r="G83126" i="1"/>
  <c r="G83127" i="1"/>
  <c r="G83128" i="1"/>
  <c r="G83129" i="1"/>
  <c r="G83130" i="1"/>
  <c r="G83131" i="1"/>
  <c r="G83132" i="1"/>
  <c r="G83133" i="1"/>
  <c r="G83134" i="1"/>
  <c r="G83135" i="1"/>
  <c r="G83136" i="1"/>
  <c r="G83137" i="1"/>
  <c r="G83138" i="1"/>
  <c r="G83139" i="1"/>
  <c r="G83140" i="1"/>
  <c r="G83141" i="1"/>
  <c r="G83142" i="1"/>
  <c r="G83143" i="1"/>
  <c r="G83144" i="1"/>
  <c r="G83145" i="1"/>
  <c r="G83146" i="1"/>
  <c r="G83147" i="1"/>
  <c r="G83148" i="1"/>
  <c r="G83149" i="1"/>
  <c r="G83150" i="1"/>
  <c r="G83151" i="1"/>
  <c r="G83152" i="1"/>
  <c r="G83153" i="1"/>
  <c r="G83154" i="1"/>
  <c r="G83155" i="1"/>
  <c r="G83156" i="1"/>
  <c r="G83157" i="1"/>
  <c r="G83158" i="1"/>
  <c r="G83159" i="1"/>
  <c r="G83160" i="1"/>
  <c r="G83161" i="1"/>
  <c r="G83162" i="1"/>
  <c r="G83163" i="1"/>
  <c r="G83164" i="1"/>
  <c r="G83165" i="1"/>
  <c r="G83166" i="1"/>
  <c r="G83167" i="1"/>
  <c r="G83168" i="1"/>
  <c r="G83169" i="1"/>
  <c r="G83170" i="1"/>
  <c r="G83171" i="1"/>
  <c r="G83172" i="1"/>
  <c r="G83173" i="1"/>
  <c r="G83174" i="1"/>
  <c r="G83175" i="1"/>
  <c r="G83176" i="1"/>
  <c r="G83177" i="1"/>
  <c r="G83178" i="1"/>
  <c r="G83179" i="1"/>
  <c r="G83180" i="1"/>
  <c r="G83181" i="1"/>
  <c r="G83182" i="1"/>
  <c r="G83183" i="1"/>
  <c r="G83184" i="1"/>
  <c r="G83185" i="1"/>
  <c r="G83186" i="1"/>
  <c r="G83187" i="1"/>
  <c r="G83188" i="1"/>
  <c r="G83189" i="1"/>
  <c r="G83190" i="1"/>
  <c r="G83191" i="1"/>
  <c r="G83192" i="1"/>
  <c r="G83193" i="1"/>
  <c r="G83194" i="1"/>
  <c r="G83195" i="1"/>
  <c r="G83196" i="1"/>
  <c r="G83197" i="1"/>
  <c r="G83198" i="1"/>
  <c r="G83199" i="1"/>
  <c r="G83200" i="1"/>
  <c r="G83201" i="1"/>
  <c r="G83202" i="1"/>
  <c r="G83203" i="1"/>
  <c r="G83204" i="1"/>
  <c r="G83205" i="1"/>
  <c r="G83206" i="1"/>
  <c r="G83207" i="1"/>
  <c r="G83208" i="1"/>
  <c r="G83209" i="1"/>
  <c r="G83210" i="1"/>
  <c r="G83211" i="1"/>
  <c r="G83212" i="1"/>
  <c r="G83213" i="1"/>
  <c r="G83214" i="1"/>
  <c r="G83215" i="1"/>
  <c r="G83216" i="1"/>
  <c r="G83217" i="1"/>
  <c r="G83218" i="1"/>
  <c r="G83219" i="1"/>
  <c r="G83220" i="1"/>
  <c r="G83221" i="1"/>
  <c r="G83222" i="1"/>
  <c r="G83223" i="1"/>
  <c r="G83224" i="1"/>
  <c r="G83225" i="1"/>
  <c r="G83226" i="1"/>
  <c r="G83227" i="1"/>
  <c r="G83228" i="1"/>
  <c r="G83229" i="1"/>
  <c r="G83230" i="1"/>
  <c r="G83231" i="1"/>
  <c r="G83232" i="1"/>
  <c r="G83233" i="1"/>
  <c r="G83234" i="1"/>
  <c r="G83235" i="1"/>
  <c r="G83236" i="1"/>
  <c r="G83237" i="1"/>
  <c r="G83238" i="1"/>
  <c r="G83239" i="1"/>
  <c r="G83240" i="1"/>
  <c r="G83241" i="1"/>
  <c r="G83242" i="1"/>
  <c r="G83243" i="1"/>
  <c r="G83244" i="1"/>
  <c r="G83245" i="1"/>
  <c r="G83246" i="1"/>
  <c r="G83247" i="1"/>
  <c r="G83248" i="1"/>
  <c r="G83249" i="1"/>
  <c r="G83250" i="1"/>
  <c r="G83251" i="1"/>
  <c r="G83252" i="1"/>
  <c r="G83253" i="1"/>
  <c r="G83254" i="1"/>
  <c r="G83255" i="1"/>
  <c r="G83256" i="1"/>
  <c r="G83257" i="1"/>
  <c r="G83258" i="1"/>
  <c r="G83259" i="1"/>
  <c r="G83260" i="1"/>
  <c r="G83261" i="1"/>
  <c r="G83262" i="1"/>
  <c r="G83263" i="1"/>
  <c r="G83264" i="1"/>
  <c r="G83265" i="1"/>
  <c r="G83266" i="1"/>
  <c r="G83267" i="1"/>
  <c r="G83268" i="1"/>
  <c r="G83269" i="1"/>
  <c r="G83270" i="1"/>
  <c r="G83271" i="1"/>
  <c r="G83272" i="1"/>
  <c r="G83273" i="1"/>
  <c r="G83274" i="1"/>
  <c r="G83275" i="1"/>
  <c r="G83276" i="1"/>
  <c r="G83277" i="1"/>
  <c r="G83278" i="1"/>
  <c r="G83279" i="1"/>
  <c r="G83280" i="1"/>
  <c r="G83281" i="1"/>
  <c r="G83282" i="1"/>
  <c r="G83283" i="1"/>
  <c r="G83284" i="1"/>
  <c r="G83285" i="1"/>
  <c r="G83286" i="1"/>
  <c r="G83287" i="1"/>
  <c r="G83288" i="1"/>
  <c r="G83289" i="1"/>
  <c r="G83290" i="1"/>
  <c r="G83291" i="1"/>
  <c r="G83292" i="1"/>
  <c r="G83293" i="1"/>
  <c r="G83294" i="1"/>
  <c r="G83295" i="1"/>
  <c r="G83296" i="1"/>
  <c r="G83297" i="1"/>
  <c r="G83298" i="1"/>
  <c r="G83299" i="1"/>
  <c r="G83300" i="1"/>
  <c r="G83301" i="1"/>
  <c r="G83302" i="1"/>
  <c r="G83303" i="1"/>
  <c r="G83304" i="1"/>
  <c r="G83305" i="1"/>
  <c r="G83306" i="1"/>
  <c r="G83307" i="1"/>
  <c r="G83308" i="1"/>
  <c r="G83309" i="1"/>
  <c r="G83310" i="1"/>
  <c r="G83311" i="1"/>
  <c r="G83312" i="1"/>
  <c r="G83313" i="1"/>
  <c r="G83314" i="1"/>
  <c r="G83315" i="1"/>
  <c r="G83316" i="1"/>
  <c r="G83317" i="1"/>
  <c r="G83318" i="1"/>
  <c r="G83319" i="1"/>
  <c r="G83320" i="1"/>
  <c r="G83321" i="1"/>
  <c r="G83322" i="1"/>
  <c r="G83323" i="1"/>
  <c r="G83324" i="1"/>
  <c r="G83325" i="1"/>
  <c r="G83326" i="1"/>
  <c r="G83327" i="1"/>
  <c r="G83328" i="1"/>
  <c r="G83329" i="1"/>
  <c r="G83330" i="1"/>
  <c r="G83331" i="1"/>
  <c r="G83332" i="1"/>
  <c r="G83333" i="1"/>
  <c r="G83334" i="1"/>
  <c r="G83335" i="1"/>
  <c r="G83336" i="1"/>
  <c r="G83337" i="1"/>
  <c r="G83338" i="1"/>
  <c r="G83339" i="1"/>
  <c r="G83340" i="1"/>
  <c r="G83341" i="1"/>
  <c r="G83342" i="1"/>
  <c r="G83343" i="1"/>
  <c r="G83344" i="1"/>
  <c r="G83345" i="1"/>
  <c r="G83346" i="1"/>
  <c r="G83347" i="1"/>
  <c r="G83348" i="1"/>
  <c r="G83349" i="1"/>
  <c r="G83350" i="1"/>
  <c r="G83351" i="1"/>
  <c r="G83352" i="1"/>
  <c r="G83353" i="1"/>
  <c r="G83354" i="1"/>
  <c r="G83355" i="1"/>
  <c r="G83356" i="1"/>
  <c r="G83357" i="1"/>
  <c r="G83358" i="1"/>
  <c r="G83359" i="1"/>
  <c r="G83360" i="1"/>
  <c r="G83361" i="1"/>
  <c r="G83362" i="1"/>
  <c r="G83363" i="1"/>
  <c r="G83364" i="1"/>
  <c r="G83365" i="1"/>
  <c r="G83366" i="1"/>
  <c r="G83367" i="1"/>
  <c r="G83368" i="1"/>
  <c r="G83369" i="1"/>
  <c r="G83370" i="1"/>
  <c r="G83371" i="1"/>
  <c r="G83372" i="1"/>
  <c r="G83373" i="1"/>
  <c r="G83374" i="1"/>
  <c r="G83375" i="1"/>
  <c r="G83376" i="1"/>
  <c r="G83377" i="1"/>
  <c r="G83378" i="1"/>
  <c r="G83379" i="1"/>
  <c r="G83380" i="1"/>
  <c r="G83381" i="1"/>
  <c r="G83382" i="1"/>
  <c r="G83383" i="1"/>
  <c r="G83384" i="1"/>
  <c r="G83385" i="1"/>
  <c r="G83386" i="1"/>
  <c r="G83387" i="1"/>
  <c r="G83388" i="1"/>
  <c r="G83389" i="1"/>
  <c r="G83390" i="1"/>
  <c r="G83391" i="1"/>
  <c r="G83392" i="1"/>
  <c r="G83393" i="1"/>
  <c r="G83394" i="1"/>
  <c r="G83395" i="1"/>
  <c r="G83396" i="1"/>
  <c r="G83397" i="1"/>
  <c r="G83398" i="1"/>
  <c r="G83399" i="1"/>
  <c r="G83400" i="1"/>
  <c r="G83401" i="1"/>
  <c r="G83402" i="1"/>
  <c r="G83403" i="1"/>
  <c r="G83404" i="1"/>
  <c r="G83405" i="1"/>
  <c r="G83406" i="1"/>
  <c r="G83407" i="1"/>
  <c r="G83408" i="1"/>
  <c r="G83409" i="1"/>
  <c r="G83410" i="1"/>
  <c r="G83411" i="1"/>
  <c r="G83412" i="1"/>
  <c r="G83413" i="1"/>
  <c r="G83414" i="1"/>
  <c r="G83415" i="1"/>
  <c r="G83416" i="1"/>
  <c r="G83417" i="1"/>
  <c r="G83418" i="1"/>
  <c r="G83419" i="1"/>
  <c r="G83420" i="1"/>
  <c r="G83421" i="1"/>
  <c r="G83422" i="1"/>
  <c r="G83423" i="1"/>
  <c r="G83424" i="1"/>
  <c r="G83425" i="1"/>
  <c r="G83426" i="1"/>
  <c r="G83427" i="1"/>
  <c r="G83428" i="1"/>
  <c r="G83429" i="1"/>
  <c r="G83430" i="1"/>
  <c r="G83431" i="1"/>
  <c r="G83432" i="1"/>
  <c r="G83433" i="1"/>
  <c r="G83434" i="1"/>
  <c r="G83435" i="1"/>
  <c r="G83436" i="1"/>
  <c r="G83437" i="1"/>
  <c r="G83438" i="1"/>
  <c r="G83439" i="1"/>
  <c r="G83440" i="1"/>
  <c r="G83441" i="1"/>
  <c r="G83442" i="1"/>
  <c r="G83443" i="1"/>
  <c r="G83444" i="1"/>
  <c r="G83445" i="1"/>
  <c r="G83446" i="1"/>
  <c r="G83447" i="1"/>
  <c r="G83448" i="1"/>
  <c r="G83449" i="1"/>
  <c r="G83450" i="1"/>
  <c r="G83451" i="1"/>
  <c r="G83452" i="1"/>
  <c r="G83453" i="1"/>
  <c r="G83454" i="1"/>
  <c r="G83455" i="1"/>
  <c r="G83456" i="1"/>
  <c r="G83457" i="1"/>
  <c r="G83458" i="1"/>
  <c r="G83459" i="1"/>
  <c r="G83460" i="1"/>
  <c r="G83461" i="1"/>
  <c r="G83462" i="1"/>
  <c r="G83463" i="1"/>
  <c r="G83464" i="1"/>
  <c r="G83465" i="1"/>
  <c r="G83466" i="1"/>
  <c r="G83467" i="1"/>
  <c r="G83468" i="1"/>
  <c r="G83469" i="1"/>
  <c r="G83470" i="1"/>
  <c r="G83471" i="1"/>
  <c r="G83472" i="1"/>
  <c r="G83473" i="1"/>
  <c r="G83474" i="1"/>
  <c r="G83475" i="1"/>
  <c r="G83476" i="1"/>
  <c r="G83477" i="1"/>
  <c r="G83478" i="1"/>
  <c r="G83479" i="1"/>
  <c r="G83480" i="1"/>
  <c r="G83481" i="1"/>
  <c r="G83482" i="1"/>
  <c r="G83483" i="1"/>
  <c r="G83484" i="1"/>
  <c r="G83485" i="1"/>
  <c r="G83486" i="1"/>
  <c r="G83487" i="1"/>
  <c r="G83488" i="1"/>
  <c r="G83489" i="1"/>
  <c r="G83490" i="1"/>
  <c r="G83491" i="1"/>
  <c r="G83492" i="1"/>
  <c r="G83493" i="1"/>
  <c r="G83494" i="1"/>
  <c r="G83495" i="1"/>
  <c r="G83496" i="1"/>
  <c r="G83497" i="1"/>
  <c r="G83498" i="1"/>
  <c r="G83499" i="1"/>
  <c r="G83500" i="1"/>
  <c r="G83501" i="1"/>
  <c r="G83502" i="1"/>
  <c r="G83503" i="1"/>
  <c r="G83504" i="1"/>
  <c r="G83505" i="1"/>
  <c r="G83506" i="1"/>
  <c r="G83507" i="1"/>
  <c r="G83508" i="1"/>
  <c r="G83509" i="1"/>
  <c r="G83510" i="1"/>
  <c r="G83511" i="1"/>
  <c r="G83512" i="1"/>
  <c r="G83513" i="1"/>
  <c r="G83514" i="1"/>
  <c r="G83515" i="1"/>
  <c r="G83516" i="1"/>
  <c r="G83517" i="1"/>
  <c r="G83518" i="1"/>
  <c r="G83519" i="1"/>
  <c r="G83520" i="1"/>
  <c r="G83521" i="1"/>
  <c r="G83522" i="1"/>
  <c r="G83523" i="1"/>
  <c r="G83524" i="1"/>
  <c r="G83525" i="1"/>
  <c r="G83526" i="1"/>
  <c r="G83527" i="1"/>
  <c r="G83528" i="1"/>
  <c r="G83529" i="1"/>
  <c r="G83530" i="1"/>
  <c r="G83531" i="1"/>
  <c r="G83532" i="1"/>
  <c r="G83533" i="1"/>
  <c r="G83534" i="1"/>
  <c r="G83535" i="1"/>
  <c r="G83536" i="1"/>
  <c r="G83537" i="1"/>
  <c r="G83538" i="1"/>
  <c r="G83539" i="1"/>
  <c r="G83540" i="1"/>
  <c r="G83541" i="1"/>
  <c r="G83542" i="1"/>
  <c r="G83543" i="1"/>
  <c r="G83544" i="1"/>
  <c r="G83545" i="1"/>
  <c r="G83546" i="1"/>
  <c r="G83547" i="1"/>
  <c r="G83548" i="1"/>
  <c r="G83549" i="1"/>
  <c r="G83550" i="1"/>
  <c r="G83551" i="1"/>
  <c r="G83552" i="1"/>
  <c r="G83553" i="1"/>
  <c r="G83554" i="1"/>
  <c r="G83555" i="1"/>
  <c r="G83556" i="1"/>
  <c r="G83557" i="1"/>
  <c r="G83558" i="1"/>
  <c r="G83559" i="1"/>
  <c r="G83560" i="1"/>
  <c r="G83561" i="1"/>
  <c r="G83562" i="1"/>
  <c r="G83563" i="1"/>
  <c r="G83564" i="1"/>
  <c r="G83565" i="1"/>
  <c r="G83566" i="1"/>
  <c r="G83567" i="1"/>
  <c r="G83568" i="1"/>
  <c r="G83569" i="1"/>
  <c r="G83570" i="1"/>
  <c r="G83571" i="1"/>
  <c r="G83572" i="1"/>
  <c r="G83573" i="1"/>
  <c r="G83574" i="1"/>
  <c r="G83575" i="1"/>
  <c r="G83576" i="1"/>
  <c r="G83577" i="1"/>
  <c r="G83578" i="1"/>
  <c r="G83579" i="1"/>
  <c r="G83580" i="1"/>
  <c r="G83581" i="1"/>
  <c r="G83582" i="1"/>
  <c r="G83583" i="1"/>
  <c r="G83584" i="1"/>
  <c r="G83585" i="1"/>
  <c r="G83586" i="1"/>
  <c r="G83587" i="1"/>
  <c r="G83588" i="1"/>
  <c r="G83589" i="1"/>
  <c r="G83590" i="1"/>
  <c r="G83591" i="1"/>
  <c r="G83592" i="1"/>
  <c r="G83593" i="1"/>
  <c r="G83594" i="1"/>
  <c r="G83595" i="1"/>
  <c r="G83596" i="1"/>
  <c r="G83597" i="1"/>
  <c r="G83598" i="1"/>
  <c r="G83599" i="1"/>
  <c r="G83600" i="1"/>
  <c r="G83601" i="1"/>
  <c r="G83602" i="1"/>
  <c r="G83603" i="1"/>
  <c r="G83604" i="1"/>
  <c r="G83605" i="1"/>
  <c r="G83606" i="1"/>
  <c r="G83607" i="1"/>
  <c r="G83608" i="1"/>
  <c r="G83609" i="1"/>
  <c r="G83610" i="1"/>
  <c r="G83611" i="1"/>
  <c r="G83612" i="1"/>
  <c r="G83613" i="1"/>
  <c r="G83614" i="1"/>
  <c r="G83615" i="1"/>
  <c r="G83616" i="1"/>
  <c r="G83617" i="1"/>
  <c r="G83618" i="1"/>
  <c r="G83619" i="1"/>
  <c r="G83620" i="1"/>
  <c r="G83621" i="1"/>
  <c r="G83622" i="1"/>
  <c r="G83623" i="1"/>
  <c r="G83624" i="1"/>
  <c r="G83625" i="1"/>
  <c r="G83626" i="1"/>
  <c r="G83627" i="1"/>
  <c r="G83628" i="1"/>
  <c r="G83629" i="1"/>
  <c r="G83630" i="1"/>
  <c r="G83631" i="1"/>
  <c r="G83632" i="1"/>
  <c r="G83633" i="1"/>
  <c r="G83634" i="1"/>
  <c r="G83635" i="1"/>
  <c r="G83636" i="1"/>
  <c r="G83637" i="1"/>
  <c r="G83638" i="1"/>
  <c r="G83639" i="1"/>
  <c r="G83640" i="1"/>
  <c r="G83641" i="1"/>
  <c r="G83642" i="1"/>
  <c r="G83643" i="1"/>
  <c r="G83644" i="1"/>
  <c r="G83645" i="1"/>
  <c r="G83646" i="1"/>
  <c r="G83647" i="1"/>
  <c r="G83648" i="1"/>
  <c r="G83649" i="1"/>
  <c r="G83650" i="1"/>
  <c r="G83651" i="1"/>
  <c r="G83652" i="1"/>
  <c r="G83653" i="1"/>
  <c r="G83654" i="1"/>
  <c r="G83655" i="1"/>
  <c r="G83656" i="1"/>
  <c r="G83657" i="1"/>
  <c r="G83658" i="1"/>
  <c r="G83659" i="1"/>
  <c r="G83660" i="1"/>
  <c r="G83661" i="1"/>
  <c r="G83662" i="1"/>
  <c r="G83663" i="1"/>
  <c r="G83664" i="1"/>
  <c r="G83665" i="1"/>
  <c r="G83666" i="1"/>
  <c r="G83667" i="1"/>
  <c r="G83668" i="1"/>
  <c r="G83669" i="1"/>
  <c r="G83670" i="1"/>
  <c r="G83671" i="1"/>
  <c r="G83672" i="1"/>
  <c r="G83673" i="1"/>
  <c r="G83674" i="1"/>
  <c r="G83675" i="1"/>
  <c r="G83676" i="1"/>
  <c r="G83677" i="1"/>
  <c r="G83678" i="1"/>
  <c r="G83679" i="1"/>
  <c r="G83680" i="1"/>
  <c r="G83681" i="1"/>
  <c r="G83682" i="1"/>
  <c r="G83683" i="1"/>
  <c r="G83684" i="1"/>
  <c r="G83685" i="1"/>
  <c r="G83686" i="1"/>
  <c r="G83687" i="1"/>
  <c r="G83688" i="1"/>
  <c r="G83689" i="1"/>
  <c r="G83690" i="1"/>
  <c r="G83691" i="1"/>
  <c r="G83692" i="1"/>
  <c r="G83693" i="1"/>
  <c r="G83694" i="1"/>
  <c r="G83695" i="1"/>
  <c r="G83696" i="1"/>
  <c r="G83697" i="1"/>
  <c r="G83698" i="1"/>
  <c r="G83699" i="1"/>
  <c r="G83700" i="1"/>
  <c r="G83701" i="1"/>
  <c r="G83702" i="1"/>
  <c r="G83703" i="1"/>
  <c r="G83704" i="1"/>
  <c r="G83705" i="1"/>
  <c r="G83706" i="1"/>
  <c r="G83707" i="1"/>
  <c r="G83708" i="1"/>
  <c r="G83709" i="1"/>
  <c r="G83710" i="1"/>
  <c r="G83711" i="1"/>
  <c r="G83712" i="1"/>
  <c r="G83713" i="1"/>
  <c r="G83714" i="1"/>
  <c r="G83715" i="1"/>
  <c r="G83716" i="1"/>
  <c r="G83717" i="1"/>
  <c r="G83718" i="1"/>
  <c r="G83719" i="1"/>
  <c r="G83720" i="1"/>
  <c r="G83721" i="1"/>
  <c r="G83722" i="1"/>
  <c r="G83723" i="1"/>
  <c r="G83724" i="1"/>
  <c r="G83725" i="1"/>
  <c r="G83726" i="1"/>
  <c r="G83727" i="1"/>
  <c r="G83728" i="1"/>
  <c r="G83729" i="1"/>
  <c r="G83730" i="1"/>
  <c r="G83731" i="1"/>
  <c r="G83732" i="1"/>
  <c r="G83733" i="1"/>
  <c r="G83734" i="1"/>
  <c r="G83735" i="1"/>
  <c r="G83736" i="1"/>
  <c r="G83737" i="1"/>
  <c r="G83738" i="1"/>
  <c r="G83739" i="1"/>
  <c r="G83740" i="1"/>
  <c r="G83741" i="1"/>
  <c r="G83742" i="1"/>
  <c r="G83743" i="1"/>
  <c r="G83744" i="1"/>
  <c r="G83745" i="1"/>
  <c r="G83746" i="1"/>
  <c r="G83747" i="1"/>
  <c r="G83748" i="1"/>
  <c r="G83749" i="1"/>
  <c r="G83750" i="1"/>
  <c r="G83751" i="1"/>
  <c r="G83752" i="1"/>
  <c r="G83753" i="1"/>
  <c r="G83754" i="1"/>
  <c r="G83755" i="1"/>
  <c r="G83756" i="1"/>
  <c r="G83757" i="1"/>
  <c r="G83758" i="1"/>
  <c r="G83759" i="1"/>
  <c r="G83760" i="1"/>
  <c r="G83761" i="1"/>
  <c r="G83762" i="1"/>
  <c r="G83763" i="1"/>
  <c r="G83764" i="1"/>
  <c r="G83765" i="1"/>
  <c r="G83766" i="1"/>
  <c r="G83767" i="1"/>
  <c r="G83768" i="1"/>
  <c r="G83769" i="1"/>
  <c r="G83770" i="1"/>
  <c r="G83771" i="1"/>
  <c r="G83772" i="1"/>
  <c r="G83773" i="1"/>
  <c r="G83774" i="1"/>
  <c r="G83775" i="1"/>
  <c r="G83776" i="1"/>
  <c r="G83777" i="1"/>
  <c r="G83778" i="1"/>
  <c r="G83779" i="1"/>
  <c r="G83780" i="1"/>
  <c r="G83781" i="1"/>
  <c r="G83782" i="1"/>
  <c r="G83783" i="1"/>
  <c r="G83784" i="1"/>
  <c r="G83785" i="1"/>
  <c r="G83786" i="1"/>
  <c r="G83787" i="1"/>
  <c r="G83788" i="1"/>
  <c r="G83789" i="1"/>
  <c r="G83790" i="1"/>
  <c r="G83791" i="1"/>
  <c r="G83792" i="1"/>
  <c r="G83793" i="1"/>
  <c r="G83794" i="1"/>
  <c r="G83795" i="1"/>
  <c r="G83796" i="1"/>
  <c r="G83797" i="1"/>
  <c r="G83798" i="1"/>
  <c r="G83799" i="1"/>
  <c r="G83800" i="1"/>
  <c r="G83801" i="1"/>
  <c r="G83802" i="1"/>
  <c r="G83803" i="1"/>
  <c r="G83804" i="1"/>
  <c r="G83805" i="1"/>
  <c r="G83806" i="1"/>
  <c r="G83807" i="1"/>
  <c r="G83808" i="1"/>
  <c r="G83809" i="1"/>
  <c r="G83810" i="1"/>
  <c r="G83811" i="1"/>
  <c r="G83812" i="1"/>
  <c r="G83813" i="1"/>
  <c r="G83814" i="1"/>
  <c r="G83815" i="1"/>
  <c r="G83816" i="1"/>
  <c r="G83817" i="1"/>
  <c r="G83818" i="1"/>
  <c r="G83819" i="1"/>
  <c r="G83820" i="1"/>
  <c r="G83821" i="1"/>
  <c r="G83822" i="1"/>
  <c r="G83823" i="1"/>
  <c r="G83824" i="1"/>
  <c r="G83825" i="1"/>
  <c r="G83826" i="1"/>
  <c r="G83827" i="1"/>
  <c r="G83828" i="1"/>
  <c r="G83829" i="1"/>
  <c r="G83830" i="1"/>
  <c r="G83831" i="1"/>
  <c r="G83832" i="1"/>
  <c r="G83833" i="1"/>
  <c r="G83834" i="1"/>
  <c r="G83835" i="1"/>
  <c r="G83836" i="1"/>
  <c r="G83837" i="1"/>
  <c r="G83838" i="1"/>
  <c r="G83839" i="1"/>
  <c r="G83840" i="1"/>
  <c r="G83841" i="1"/>
  <c r="G83842" i="1"/>
  <c r="G83843" i="1"/>
  <c r="G83844" i="1"/>
  <c r="G83845" i="1"/>
  <c r="G83846" i="1"/>
  <c r="G83847" i="1"/>
  <c r="G83848" i="1"/>
  <c r="G83849" i="1"/>
  <c r="G83850" i="1"/>
  <c r="G83851" i="1"/>
  <c r="G83852" i="1"/>
  <c r="G83853" i="1"/>
  <c r="G83854" i="1"/>
  <c r="G83855" i="1"/>
  <c r="G83856" i="1"/>
  <c r="G83857" i="1"/>
  <c r="G83858" i="1"/>
  <c r="G83859" i="1"/>
  <c r="G83860" i="1"/>
  <c r="G83861" i="1"/>
  <c r="G83862" i="1"/>
  <c r="G83863" i="1"/>
  <c r="G83864" i="1"/>
  <c r="G83865" i="1"/>
  <c r="G83866" i="1"/>
  <c r="G83867" i="1"/>
  <c r="G83868" i="1"/>
  <c r="G83869" i="1"/>
  <c r="G83870" i="1"/>
  <c r="G83871" i="1"/>
  <c r="G83872" i="1"/>
  <c r="G83873" i="1"/>
  <c r="G83874" i="1"/>
  <c r="G83875" i="1"/>
  <c r="G83876" i="1"/>
  <c r="G83877" i="1"/>
  <c r="G83878" i="1"/>
  <c r="G83879" i="1"/>
  <c r="G83880" i="1"/>
  <c r="G83881" i="1"/>
  <c r="G83882" i="1"/>
  <c r="G83883" i="1"/>
  <c r="G83884" i="1"/>
  <c r="G83885" i="1"/>
  <c r="G83886" i="1"/>
  <c r="G83887" i="1"/>
  <c r="G83888" i="1"/>
  <c r="G83889" i="1"/>
  <c r="G83890" i="1"/>
  <c r="G83891" i="1"/>
  <c r="G83892" i="1"/>
  <c r="G83893" i="1"/>
  <c r="G83894" i="1"/>
  <c r="G83895" i="1"/>
  <c r="G83896" i="1"/>
  <c r="G83897" i="1"/>
  <c r="G83898" i="1"/>
  <c r="G83899" i="1"/>
  <c r="G83900" i="1"/>
  <c r="G83901" i="1"/>
  <c r="G83902" i="1"/>
  <c r="G83903" i="1"/>
  <c r="G83904" i="1"/>
  <c r="G83905" i="1"/>
  <c r="G83906" i="1"/>
  <c r="G83907" i="1"/>
  <c r="G83908" i="1"/>
  <c r="G83909" i="1"/>
  <c r="G83910" i="1"/>
  <c r="G83911" i="1"/>
  <c r="G83912" i="1"/>
  <c r="G83913" i="1"/>
  <c r="G83914" i="1"/>
  <c r="G83915" i="1"/>
  <c r="G83916" i="1"/>
  <c r="G83917" i="1"/>
  <c r="G83918" i="1"/>
  <c r="G83919" i="1"/>
  <c r="G83920" i="1"/>
  <c r="G83921" i="1"/>
  <c r="G83922" i="1"/>
  <c r="G83923" i="1"/>
  <c r="G83924" i="1"/>
  <c r="G83925" i="1"/>
  <c r="G83926" i="1"/>
  <c r="G83927" i="1"/>
  <c r="G83928" i="1"/>
  <c r="G83929" i="1"/>
  <c r="G83930" i="1"/>
  <c r="G83931" i="1"/>
  <c r="G83932" i="1"/>
  <c r="G83933" i="1"/>
  <c r="G83934" i="1"/>
  <c r="G83935" i="1"/>
  <c r="G83936" i="1"/>
  <c r="G83937" i="1"/>
  <c r="G83938" i="1"/>
  <c r="G83939" i="1"/>
  <c r="G83940" i="1"/>
  <c r="G83941" i="1"/>
  <c r="G83942" i="1"/>
  <c r="G83943" i="1"/>
  <c r="G83944" i="1"/>
  <c r="G83945" i="1"/>
  <c r="G83946" i="1"/>
  <c r="G83947" i="1"/>
  <c r="G83948" i="1"/>
  <c r="G83949" i="1"/>
  <c r="G83950" i="1"/>
  <c r="G83951" i="1"/>
  <c r="G83952" i="1"/>
  <c r="G83953" i="1"/>
  <c r="G83954" i="1"/>
  <c r="G83955" i="1"/>
  <c r="G83956" i="1"/>
  <c r="G83957" i="1"/>
  <c r="G83958" i="1"/>
  <c r="G83959" i="1"/>
  <c r="G83960" i="1"/>
  <c r="G83961" i="1"/>
  <c r="G83962" i="1"/>
  <c r="G83963" i="1"/>
  <c r="G83964" i="1"/>
  <c r="G83965" i="1"/>
  <c r="G83966" i="1"/>
  <c r="G83967" i="1"/>
  <c r="G83968" i="1"/>
  <c r="G83969" i="1"/>
  <c r="G83970" i="1"/>
  <c r="G83971" i="1"/>
  <c r="G83972" i="1"/>
  <c r="G83973" i="1"/>
  <c r="G83974" i="1"/>
  <c r="G83975" i="1"/>
  <c r="G83976" i="1"/>
  <c r="G83977" i="1"/>
  <c r="G83978" i="1"/>
  <c r="G83979" i="1"/>
  <c r="G83980" i="1"/>
  <c r="G83981" i="1"/>
  <c r="G83982" i="1"/>
  <c r="G83983" i="1"/>
  <c r="G83984" i="1"/>
  <c r="G83985" i="1"/>
  <c r="G83986" i="1"/>
  <c r="G83987" i="1"/>
  <c r="G83988" i="1"/>
  <c r="G83989" i="1"/>
  <c r="G83990" i="1"/>
  <c r="G83991" i="1"/>
  <c r="G83992" i="1"/>
  <c r="G83993" i="1"/>
  <c r="G83994" i="1"/>
  <c r="G83995" i="1"/>
  <c r="G83996" i="1"/>
  <c r="G83997" i="1"/>
  <c r="G83998" i="1"/>
  <c r="G83999" i="1"/>
  <c r="G84000" i="1"/>
  <c r="G84001" i="1"/>
  <c r="G84002" i="1"/>
  <c r="G84003" i="1"/>
  <c r="G84004" i="1"/>
  <c r="G84005" i="1"/>
  <c r="G84006" i="1"/>
  <c r="G84007" i="1"/>
  <c r="G84008" i="1"/>
  <c r="G84009" i="1"/>
  <c r="G84010" i="1"/>
  <c r="G84011" i="1"/>
  <c r="G84012" i="1"/>
  <c r="G84013" i="1"/>
  <c r="G84014" i="1"/>
  <c r="G84015" i="1"/>
  <c r="G84016" i="1"/>
  <c r="G84017" i="1"/>
  <c r="G84018" i="1"/>
  <c r="G84019" i="1"/>
  <c r="G84020" i="1"/>
  <c r="G84021" i="1"/>
  <c r="G84022" i="1"/>
  <c r="G84023" i="1"/>
  <c r="G84024" i="1"/>
  <c r="G84025" i="1"/>
  <c r="G84026" i="1"/>
  <c r="G84027" i="1"/>
  <c r="G84028" i="1"/>
  <c r="G84029" i="1"/>
  <c r="G84030" i="1"/>
  <c r="G84031" i="1"/>
  <c r="G84032" i="1"/>
  <c r="G84033" i="1"/>
  <c r="G84034" i="1"/>
  <c r="G84035" i="1"/>
  <c r="G84036" i="1"/>
  <c r="G84037" i="1"/>
  <c r="G84038" i="1"/>
  <c r="G84039" i="1"/>
  <c r="G84040" i="1"/>
  <c r="G84041" i="1"/>
  <c r="G84042" i="1"/>
  <c r="G84043" i="1"/>
  <c r="G84044" i="1"/>
  <c r="G84045" i="1"/>
  <c r="G84046" i="1"/>
  <c r="G84047" i="1"/>
  <c r="G84048" i="1"/>
  <c r="G84049" i="1"/>
  <c r="G84050" i="1"/>
  <c r="G84051" i="1"/>
  <c r="G84052" i="1"/>
  <c r="G84053" i="1"/>
  <c r="G84054" i="1"/>
  <c r="G84055" i="1"/>
  <c r="G84056" i="1"/>
  <c r="G84057" i="1"/>
  <c r="G84058" i="1"/>
  <c r="G84059" i="1"/>
  <c r="G84060" i="1"/>
  <c r="G84061" i="1"/>
  <c r="G84062" i="1"/>
  <c r="G84063" i="1"/>
  <c r="G84064" i="1"/>
  <c r="G84065" i="1"/>
  <c r="G84066" i="1"/>
  <c r="G84067" i="1"/>
  <c r="G84068" i="1"/>
  <c r="G84069" i="1"/>
  <c r="G84070" i="1"/>
  <c r="G84071" i="1"/>
  <c r="G84072" i="1"/>
  <c r="G84073" i="1"/>
  <c r="G84074" i="1"/>
  <c r="G84075" i="1"/>
  <c r="G84076" i="1"/>
  <c r="G84077" i="1"/>
  <c r="G84078" i="1"/>
  <c r="G84079" i="1"/>
  <c r="G84080" i="1"/>
  <c r="G84081" i="1"/>
  <c r="G84082" i="1"/>
  <c r="G84083" i="1"/>
  <c r="G84084" i="1"/>
  <c r="G84085" i="1"/>
  <c r="G84086" i="1"/>
  <c r="G84087" i="1"/>
  <c r="G84088" i="1"/>
  <c r="G84089" i="1"/>
  <c r="G84090" i="1"/>
  <c r="G84091" i="1"/>
  <c r="G84092" i="1"/>
  <c r="G84093" i="1"/>
  <c r="G84094" i="1"/>
  <c r="G84095" i="1"/>
  <c r="G84096" i="1"/>
  <c r="G84097" i="1"/>
  <c r="G84098" i="1"/>
  <c r="G84099" i="1"/>
  <c r="G84100" i="1"/>
  <c r="G84101" i="1"/>
  <c r="G84102" i="1"/>
  <c r="G84103" i="1"/>
  <c r="G84104" i="1"/>
  <c r="G84105" i="1"/>
  <c r="G84106" i="1"/>
  <c r="G84107" i="1"/>
  <c r="G84108" i="1"/>
  <c r="G84109" i="1"/>
  <c r="G84110" i="1"/>
  <c r="G84111" i="1"/>
  <c r="G84112" i="1"/>
  <c r="G84113" i="1"/>
  <c r="G84114" i="1"/>
  <c r="G84115" i="1"/>
  <c r="G84116" i="1"/>
  <c r="G84117" i="1"/>
  <c r="G84118" i="1"/>
  <c r="G84119" i="1"/>
  <c r="G84120" i="1"/>
  <c r="G84121" i="1"/>
  <c r="G84122" i="1"/>
  <c r="G84123" i="1"/>
  <c r="G84124" i="1"/>
  <c r="G84125" i="1"/>
  <c r="G84126" i="1"/>
  <c r="G84127" i="1"/>
  <c r="G84128" i="1"/>
  <c r="G84129" i="1"/>
  <c r="G84130" i="1"/>
  <c r="G84131" i="1"/>
  <c r="G84132" i="1"/>
  <c r="G84133" i="1"/>
  <c r="G84134" i="1"/>
  <c r="G84135" i="1"/>
  <c r="G84136" i="1"/>
  <c r="G84137" i="1"/>
  <c r="G84138" i="1"/>
  <c r="G84139" i="1"/>
  <c r="G84140" i="1"/>
  <c r="G84141" i="1"/>
  <c r="G84142" i="1"/>
  <c r="G84143" i="1"/>
  <c r="G84144" i="1"/>
  <c r="G84145" i="1"/>
  <c r="G84146" i="1"/>
  <c r="G84147" i="1"/>
  <c r="G84148" i="1"/>
  <c r="G84149" i="1"/>
  <c r="G84150" i="1"/>
  <c r="G84151" i="1"/>
  <c r="G84152" i="1"/>
  <c r="G84153" i="1"/>
  <c r="G84154" i="1"/>
  <c r="G84155" i="1"/>
  <c r="G84156" i="1"/>
  <c r="G84157" i="1"/>
  <c r="G84158" i="1"/>
  <c r="G84159" i="1"/>
  <c r="G84160" i="1"/>
  <c r="G84161" i="1"/>
  <c r="G84162" i="1"/>
  <c r="G84163" i="1"/>
  <c r="G84164" i="1"/>
  <c r="G84165" i="1"/>
  <c r="G84166" i="1"/>
  <c r="G84167" i="1"/>
  <c r="G84168" i="1"/>
  <c r="G84169" i="1"/>
  <c r="G84170" i="1"/>
  <c r="G84171" i="1"/>
  <c r="G84172" i="1"/>
  <c r="G84173" i="1"/>
  <c r="G84174" i="1"/>
  <c r="G84175" i="1"/>
  <c r="G84176" i="1"/>
  <c r="G84177" i="1"/>
  <c r="G84178" i="1"/>
  <c r="G84179" i="1"/>
  <c r="G84180" i="1"/>
  <c r="G84181" i="1"/>
  <c r="G84182" i="1"/>
  <c r="G84183" i="1"/>
  <c r="G84184" i="1"/>
  <c r="G84185" i="1"/>
  <c r="G84186" i="1"/>
  <c r="G84187" i="1"/>
  <c r="G84188" i="1"/>
  <c r="G84189" i="1"/>
  <c r="G84190" i="1"/>
  <c r="G84191" i="1"/>
  <c r="G84192" i="1"/>
  <c r="G84193" i="1"/>
  <c r="G84194" i="1"/>
  <c r="G84195" i="1"/>
  <c r="G84196" i="1"/>
  <c r="G84197" i="1"/>
  <c r="G84198" i="1"/>
  <c r="G84199" i="1"/>
  <c r="G84200" i="1"/>
  <c r="G84201" i="1"/>
  <c r="G84202" i="1"/>
  <c r="G84203" i="1"/>
  <c r="G84204" i="1"/>
  <c r="G84205" i="1"/>
  <c r="G84206" i="1"/>
  <c r="G84207" i="1"/>
  <c r="G84208" i="1"/>
  <c r="G84209" i="1"/>
  <c r="G84210" i="1"/>
  <c r="G84211" i="1"/>
  <c r="G84212" i="1"/>
  <c r="G84213" i="1"/>
  <c r="G84214" i="1"/>
  <c r="G84215" i="1"/>
  <c r="G84216" i="1"/>
  <c r="G84217" i="1"/>
  <c r="G84218" i="1"/>
  <c r="G84219" i="1"/>
  <c r="G84220" i="1"/>
  <c r="G84221" i="1"/>
  <c r="G84222" i="1"/>
  <c r="G84223" i="1"/>
  <c r="G84224" i="1"/>
  <c r="G84225" i="1"/>
  <c r="G84226" i="1"/>
  <c r="G84227" i="1"/>
  <c r="G84228" i="1"/>
  <c r="G84229" i="1"/>
  <c r="G84230" i="1"/>
  <c r="G84231" i="1"/>
  <c r="G84232" i="1"/>
  <c r="G84233" i="1"/>
  <c r="G84234" i="1"/>
  <c r="G84235" i="1"/>
  <c r="G84236" i="1"/>
  <c r="G84237" i="1"/>
  <c r="G84238" i="1"/>
  <c r="G84239" i="1"/>
  <c r="G84240" i="1"/>
  <c r="G84241" i="1"/>
  <c r="G84242" i="1"/>
  <c r="G84243" i="1"/>
  <c r="G84244" i="1"/>
  <c r="G84245" i="1"/>
  <c r="G84246" i="1"/>
  <c r="G84247" i="1"/>
  <c r="G84248" i="1"/>
  <c r="G84249" i="1"/>
  <c r="G84250" i="1"/>
  <c r="G84251" i="1"/>
  <c r="G84252" i="1"/>
  <c r="G84253" i="1"/>
  <c r="G84254" i="1"/>
  <c r="G84255" i="1"/>
  <c r="G84256" i="1"/>
  <c r="G84257" i="1"/>
  <c r="G84258" i="1"/>
  <c r="G84259" i="1"/>
  <c r="G84260" i="1"/>
  <c r="G84261" i="1"/>
  <c r="G84262" i="1"/>
  <c r="G84263" i="1"/>
  <c r="G84264" i="1"/>
  <c r="G84265" i="1"/>
  <c r="G84266" i="1"/>
  <c r="G84267" i="1"/>
  <c r="G84268" i="1"/>
  <c r="G84269" i="1"/>
  <c r="G84270" i="1"/>
  <c r="G84271" i="1"/>
  <c r="G84272" i="1"/>
  <c r="G84273" i="1"/>
  <c r="G84274" i="1"/>
  <c r="G84275" i="1"/>
  <c r="G84276" i="1"/>
  <c r="G84277" i="1"/>
  <c r="G84278" i="1"/>
  <c r="G84279" i="1"/>
  <c r="G84280" i="1"/>
  <c r="G84281" i="1"/>
  <c r="G84282" i="1"/>
  <c r="G84283" i="1"/>
  <c r="G84284" i="1"/>
  <c r="G84285" i="1"/>
  <c r="G84286" i="1"/>
  <c r="G84287" i="1"/>
  <c r="G84288" i="1"/>
  <c r="G84289" i="1"/>
  <c r="G84290" i="1"/>
  <c r="G84291" i="1"/>
  <c r="G84292" i="1"/>
  <c r="G84293" i="1"/>
  <c r="G84294" i="1"/>
  <c r="G84295" i="1"/>
  <c r="G84296" i="1"/>
  <c r="G84297" i="1"/>
  <c r="G84298" i="1"/>
  <c r="G84299" i="1"/>
  <c r="G84300" i="1"/>
  <c r="G84301" i="1"/>
  <c r="G84302" i="1"/>
  <c r="G84303" i="1"/>
  <c r="G84304" i="1"/>
  <c r="G84305" i="1"/>
  <c r="G84306" i="1"/>
  <c r="G84307" i="1"/>
  <c r="G84308" i="1"/>
  <c r="G84309" i="1"/>
  <c r="G84310" i="1"/>
  <c r="G84311" i="1"/>
  <c r="G84312" i="1"/>
  <c r="G84313" i="1"/>
  <c r="G84314" i="1"/>
  <c r="G84315" i="1"/>
  <c r="G84316" i="1"/>
  <c r="G84317" i="1"/>
  <c r="G84318" i="1"/>
  <c r="G84319" i="1"/>
  <c r="G84320" i="1"/>
  <c r="G84321" i="1"/>
  <c r="G84322" i="1"/>
  <c r="G84323" i="1"/>
  <c r="G84324" i="1"/>
  <c r="G84325" i="1"/>
  <c r="G84326" i="1"/>
  <c r="G84327" i="1"/>
  <c r="G84328" i="1"/>
  <c r="G84329" i="1"/>
  <c r="G84330" i="1"/>
  <c r="G84331" i="1"/>
  <c r="G84332" i="1"/>
  <c r="G84333" i="1"/>
  <c r="G84334" i="1"/>
  <c r="G84335" i="1"/>
  <c r="G84336" i="1"/>
  <c r="G84337" i="1"/>
  <c r="G84338" i="1"/>
  <c r="G84339" i="1"/>
  <c r="G84340" i="1"/>
  <c r="G84341" i="1"/>
  <c r="G84342" i="1"/>
  <c r="G84343" i="1"/>
  <c r="G84344" i="1"/>
  <c r="G84345" i="1"/>
  <c r="G84346" i="1"/>
  <c r="G84347" i="1"/>
  <c r="G84348" i="1"/>
  <c r="G84349" i="1"/>
  <c r="G84350" i="1"/>
  <c r="G84351" i="1"/>
  <c r="G84352" i="1"/>
  <c r="G84353" i="1"/>
  <c r="G84354" i="1"/>
  <c r="G84355" i="1"/>
  <c r="G84356" i="1"/>
  <c r="G84357" i="1"/>
  <c r="G84358" i="1"/>
  <c r="G84359" i="1"/>
  <c r="G84360" i="1"/>
  <c r="G84361" i="1"/>
  <c r="G84362" i="1"/>
  <c r="G84363" i="1"/>
  <c r="G84364" i="1"/>
  <c r="G84365" i="1"/>
  <c r="G84366" i="1"/>
  <c r="G84367" i="1"/>
  <c r="G84368" i="1"/>
  <c r="G84369" i="1"/>
  <c r="G84370" i="1"/>
  <c r="G84371" i="1"/>
  <c r="G84372" i="1"/>
  <c r="G84373" i="1"/>
  <c r="G84374" i="1"/>
  <c r="G84375" i="1"/>
  <c r="G84376" i="1"/>
  <c r="G84377" i="1"/>
  <c r="G84378" i="1"/>
  <c r="G84379" i="1"/>
  <c r="G84380" i="1"/>
  <c r="G84381" i="1"/>
  <c r="G84382" i="1"/>
  <c r="G84383" i="1"/>
  <c r="G84384" i="1"/>
  <c r="G84385" i="1"/>
  <c r="G84386" i="1"/>
  <c r="G84387" i="1"/>
  <c r="G84388" i="1"/>
  <c r="G84389" i="1"/>
  <c r="G84390" i="1"/>
  <c r="G84391" i="1"/>
  <c r="G84392" i="1"/>
  <c r="G84393" i="1"/>
  <c r="G84394" i="1"/>
  <c r="G84395" i="1"/>
  <c r="G84396" i="1"/>
  <c r="G84397" i="1"/>
  <c r="G84398" i="1"/>
  <c r="G84399" i="1"/>
  <c r="G84400" i="1"/>
  <c r="G84401" i="1"/>
  <c r="G84402" i="1"/>
  <c r="G84403" i="1"/>
  <c r="G84404" i="1"/>
  <c r="G84405" i="1"/>
  <c r="G84406" i="1"/>
  <c r="G84407" i="1"/>
  <c r="G84408" i="1"/>
  <c r="G84409" i="1"/>
  <c r="G84410" i="1"/>
  <c r="G84411" i="1"/>
  <c r="G84412" i="1"/>
  <c r="G84413" i="1"/>
  <c r="G84414" i="1"/>
  <c r="G84415" i="1"/>
  <c r="G84416" i="1"/>
  <c r="G84417" i="1"/>
  <c r="G84418" i="1"/>
  <c r="G84419" i="1"/>
  <c r="G84420" i="1"/>
  <c r="G84421" i="1"/>
  <c r="G84422" i="1"/>
  <c r="G84423" i="1"/>
  <c r="G84424" i="1"/>
  <c r="G84425" i="1"/>
  <c r="G84426" i="1"/>
  <c r="G84427" i="1"/>
  <c r="G84428" i="1"/>
  <c r="G84429" i="1"/>
  <c r="G84430" i="1"/>
  <c r="G84431" i="1"/>
  <c r="G84432" i="1"/>
  <c r="G84433" i="1"/>
  <c r="G84434" i="1"/>
  <c r="G84435" i="1"/>
  <c r="G84436" i="1"/>
  <c r="G84437" i="1"/>
  <c r="G84438" i="1"/>
  <c r="G84439" i="1"/>
  <c r="G84440" i="1"/>
  <c r="G84441" i="1"/>
  <c r="G84442" i="1"/>
  <c r="G84443" i="1"/>
  <c r="G84444" i="1"/>
  <c r="G84445" i="1"/>
  <c r="G84446" i="1"/>
  <c r="G84447" i="1"/>
  <c r="G84448" i="1"/>
  <c r="G84449" i="1"/>
  <c r="G84450" i="1"/>
  <c r="G84451" i="1"/>
  <c r="G84452" i="1"/>
  <c r="G84453" i="1"/>
  <c r="G84454" i="1"/>
  <c r="G84455" i="1"/>
  <c r="G84456" i="1"/>
  <c r="G84457" i="1"/>
  <c r="G84458" i="1"/>
  <c r="G84459" i="1"/>
  <c r="G84460" i="1"/>
  <c r="G84461" i="1"/>
  <c r="G84462" i="1"/>
  <c r="G84463" i="1"/>
  <c r="G84464" i="1"/>
  <c r="G84465" i="1"/>
  <c r="G84466" i="1"/>
  <c r="G84467" i="1"/>
  <c r="G84468" i="1"/>
  <c r="G84469" i="1"/>
  <c r="G84470" i="1"/>
  <c r="G84471" i="1"/>
  <c r="G84472" i="1"/>
  <c r="G84473" i="1"/>
  <c r="G84474" i="1"/>
  <c r="G84475" i="1"/>
  <c r="G84476" i="1"/>
  <c r="G84477" i="1"/>
  <c r="G84478" i="1"/>
  <c r="G84479" i="1"/>
  <c r="G84480" i="1"/>
  <c r="G84481" i="1"/>
  <c r="G84482" i="1"/>
  <c r="G84483" i="1"/>
  <c r="G84484" i="1"/>
  <c r="G84485" i="1"/>
  <c r="G84486" i="1"/>
  <c r="G84487" i="1"/>
  <c r="G84488" i="1"/>
  <c r="G84489" i="1"/>
  <c r="G84490" i="1"/>
  <c r="G84491" i="1"/>
  <c r="G84492" i="1"/>
  <c r="G84493" i="1"/>
  <c r="G84494" i="1"/>
  <c r="G84495" i="1"/>
  <c r="G84496" i="1"/>
  <c r="G84497" i="1"/>
  <c r="G84498" i="1"/>
  <c r="G84499" i="1"/>
  <c r="G84500" i="1"/>
  <c r="G84501" i="1"/>
  <c r="G84502" i="1"/>
  <c r="G84503" i="1"/>
  <c r="G84504" i="1"/>
  <c r="G84505" i="1"/>
  <c r="G84506" i="1"/>
  <c r="G84507" i="1"/>
  <c r="G84508" i="1"/>
  <c r="G84509" i="1"/>
  <c r="G84510" i="1"/>
  <c r="G84511" i="1"/>
  <c r="G84512" i="1"/>
  <c r="G84513" i="1"/>
  <c r="G84514" i="1"/>
  <c r="G84515" i="1"/>
  <c r="G84516" i="1"/>
  <c r="G84517" i="1"/>
  <c r="G84518" i="1"/>
  <c r="G84519" i="1"/>
  <c r="G84520" i="1"/>
  <c r="G84521" i="1"/>
  <c r="G84522" i="1"/>
  <c r="G84523" i="1"/>
  <c r="G84524" i="1"/>
  <c r="G84525" i="1"/>
  <c r="G84526" i="1"/>
  <c r="G84527" i="1"/>
  <c r="G84528" i="1"/>
  <c r="G84529" i="1"/>
  <c r="G84530" i="1"/>
  <c r="G84531" i="1"/>
  <c r="G84532" i="1"/>
  <c r="G84533" i="1"/>
  <c r="G84534" i="1"/>
  <c r="G84535" i="1"/>
  <c r="G84536" i="1"/>
  <c r="G84537" i="1"/>
  <c r="G84538" i="1"/>
  <c r="G84539" i="1"/>
  <c r="G84540" i="1"/>
  <c r="G84541" i="1"/>
  <c r="G84542" i="1"/>
  <c r="G84543" i="1"/>
  <c r="G84544" i="1"/>
  <c r="G84545" i="1"/>
  <c r="G84546" i="1"/>
  <c r="G84547" i="1"/>
  <c r="G84548" i="1"/>
  <c r="G84549" i="1"/>
  <c r="G84550" i="1"/>
  <c r="G84551" i="1"/>
  <c r="G84552" i="1"/>
  <c r="G84553" i="1"/>
  <c r="G84554" i="1"/>
  <c r="G84555" i="1"/>
  <c r="G84556" i="1"/>
  <c r="G84557" i="1"/>
  <c r="G84558" i="1"/>
  <c r="G84559" i="1"/>
  <c r="G84560" i="1"/>
  <c r="G84561" i="1"/>
  <c r="G84562" i="1"/>
  <c r="G84563" i="1"/>
  <c r="G84564" i="1"/>
  <c r="G84565" i="1"/>
  <c r="G84566" i="1"/>
  <c r="G84567" i="1"/>
  <c r="G84568" i="1"/>
  <c r="G84569" i="1"/>
  <c r="G84570" i="1"/>
  <c r="G84571" i="1"/>
  <c r="G84572" i="1"/>
  <c r="G84573" i="1"/>
  <c r="G84574" i="1"/>
  <c r="G84575" i="1"/>
  <c r="G84576" i="1"/>
  <c r="G84577" i="1"/>
  <c r="G84578" i="1"/>
  <c r="G84579" i="1"/>
  <c r="G84580" i="1"/>
  <c r="G84581" i="1"/>
  <c r="G84582" i="1"/>
  <c r="G84583" i="1"/>
  <c r="G84584" i="1"/>
  <c r="G84585" i="1"/>
  <c r="G84586" i="1"/>
  <c r="G84587" i="1"/>
  <c r="G84588" i="1"/>
  <c r="G84589" i="1"/>
  <c r="G84590" i="1"/>
  <c r="G84591" i="1"/>
  <c r="G84592" i="1"/>
  <c r="G84593" i="1"/>
  <c r="G84594" i="1"/>
  <c r="G84595" i="1"/>
  <c r="G84596" i="1"/>
  <c r="G84597" i="1"/>
  <c r="G84598" i="1"/>
  <c r="G84599" i="1"/>
  <c r="G84600" i="1"/>
  <c r="G84601" i="1"/>
  <c r="G84602" i="1"/>
  <c r="G84603" i="1"/>
  <c r="G84604" i="1"/>
  <c r="G84605" i="1"/>
  <c r="G84606" i="1"/>
  <c r="G84607" i="1"/>
  <c r="G84608" i="1"/>
  <c r="G84609" i="1"/>
  <c r="G84610" i="1"/>
  <c r="G84611" i="1"/>
  <c r="G84612" i="1"/>
  <c r="G84613" i="1"/>
  <c r="G84614" i="1"/>
  <c r="G84615" i="1"/>
  <c r="G84616" i="1"/>
  <c r="G84617" i="1"/>
  <c r="G84618" i="1"/>
  <c r="G84619" i="1"/>
  <c r="G84620" i="1"/>
  <c r="G84621" i="1"/>
  <c r="G84622" i="1"/>
  <c r="G84623" i="1"/>
  <c r="G84624" i="1"/>
  <c r="G84625" i="1"/>
  <c r="G84626" i="1"/>
  <c r="G84627" i="1"/>
  <c r="G84628" i="1"/>
  <c r="G84629" i="1"/>
  <c r="G84630" i="1"/>
  <c r="G84631" i="1"/>
  <c r="G84632" i="1"/>
  <c r="G84633" i="1"/>
  <c r="G84634" i="1"/>
  <c r="G84635" i="1"/>
  <c r="G84636" i="1"/>
  <c r="G84637" i="1"/>
  <c r="G84638" i="1"/>
  <c r="G84639" i="1"/>
  <c r="G84640" i="1"/>
  <c r="G84641" i="1"/>
  <c r="G84642" i="1"/>
  <c r="G84643" i="1"/>
  <c r="G84644" i="1"/>
  <c r="G84645" i="1"/>
  <c r="G84646" i="1"/>
  <c r="G84647" i="1"/>
  <c r="G84648" i="1"/>
  <c r="G84649" i="1"/>
  <c r="G84650" i="1"/>
  <c r="G84651" i="1"/>
  <c r="G84652" i="1"/>
  <c r="G84653" i="1"/>
  <c r="G84654" i="1"/>
  <c r="G84655" i="1"/>
  <c r="G84656" i="1"/>
  <c r="G84657" i="1"/>
  <c r="G84658" i="1"/>
  <c r="G84659" i="1"/>
  <c r="G84660" i="1"/>
  <c r="G84661" i="1"/>
  <c r="G84662" i="1"/>
  <c r="G84663" i="1"/>
  <c r="G84664" i="1"/>
  <c r="G84665" i="1"/>
  <c r="G84666" i="1"/>
  <c r="G84667" i="1"/>
  <c r="G84668" i="1"/>
  <c r="G84669" i="1"/>
  <c r="G84670" i="1"/>
  <c r="G84671" i="1"/>
  <c r="G84672" i="1"/>
  <c r="G84673" i="1"/>
  <c r="G84674" i="1"/>
  <c r="G84675" i="1"/>
  <c r="G84676" i="1"/>
  <c r="G84677" i="1"/>
  <c r="G84678" i="1"/>
  <c r="G84679" i="1"/>
  <c r="G84680" i="1"/>
  <c r="G84681" i="1"/>
  <c r="G84682" i="1"/>
  <c r="G84683" i="1"/>
  <c r="G84684" i="1"/>
  <c r="G84685" i="1"/>
  <c r="G84686" i="1"/>
  <c r="G84687" i="1"/>
  <c r="G84688" i="1"/>
  <c r="G84689" i="1"/>
  <c r="G84690" i="1"/>
  <c r="G84691" i="1"/>
  <c r="G84692" i="1"/>
  <c r="G84693" i="1"/>
  <c r="G84694" i="1"/>
  <c r="G84695" i="1"/>
  <c r="G84696" i="1"/>
  <c r="G84697" i="1"/>
  <c r="G84698" i="1"/>
  <c r="G84699" i="1"/>
  <c r="G84700" i="1"/>
  <c r="G84701" i="1"/>
  <c r="G84702" i="1"/>
  <c r="G84703" i="1"/>
  <c r="G84704" i="1"/>
  <c r="G84705" i="1"/>
  <c r="G84706" i="1"/>
  <c r="G84707" i="1"/>
  <c r="G84708" i="1"/>
  <c r="G84709" i="1"/>
  <c r="G84710" i="1"/>
  <c r="G84711" i="1"/>
  <c r="G84712" i="1"/>
  <c r="G84713" i="1"/>
  <c r="G84714" i="1"/>
  <c r="G84715" i="1"/>
  <c r="G84716" i="1"/>
  <c r="G84717" i="1"/>
  <c r="G84718" i="1"/>
  <c r="G84719" i="1"/>
  <c r="G84720" i="1"/>
  <c r="G84721" i="1"/>
  <c r="G84722" i="1"/>
  <c r="G84723" i="1"/>
  <c r="G84724" i="1"/>
  <c r="G84725" i="1"/>
  <c r="G84726" i="1"/>
  <c r="G84727" i="1"/>
  <c r="G84728" i="1"/>
  <c r="G84729" i="1"/>
  <c r="G84730" i="1"/>
  <c r="G84731" i="1"/>
  <c r="G84732" i="1"/>
  <c r="G84733" i="1"/>
  <c r="G84734" i="1"/>
  <c r="G84735" i="1"/>
  <c r="G84736" i="1"/>
  <c r="G84737" i="1"/>
  <c r="G84738" i="1"/>
  <c r="G84739" i="1"/>
  <c r="G84740" i="1"/>
  <c r="G84741" i="1"/>
  <c r="G84742" i="1"/>
  <c r="G84743" i="1"/>
  <c r="G84744" i="1"/>
  <c r="G84745" i="1"/>
  <c r="G84746" i="1"/>
  <c r="G84747" i="1"/>
  <c r="G84748" i="1"/>
  <c r="G84749" i="1"/>
  <c r="G84750" i="1"/>
  <c r="G84751" i="1"/>
  <c r="G84752" i="1"/>
  <c r="G84753" i="1"/>
  <c r="G84754" i="1"/>
  <c r="G84755" i="1"/>
  <c r="G84756" i="1"/>
  <c r="G84757" i="1"/>
  <c r="G84758" i="1"/>
  <c r="G84759" i="1"/>
  <c r="G84760" i="1"/>
  <c r="G84761" i="1"/>
  <c r="G84762" i="1"/>
  <c r="G84763" i="1"/>
  <c r="G84764" i="1"/>
  <c r="G84765" i="1"/>
  <c r="G84766" i="1"/>
  <c r="G84767" i="1"/>
  <c r="G84768" i="1"/>
  <c r="G84769" i="1"/>
  <c r="G84770" i="1"/>
  <c r="G84771" i="1"/>
  <c r="G84772" i="1"/>
  <c r="G84773" i="1"/>
  <c r="G84774" i="1"/>
  <c r="G84775" i="1"/>
  <c r="G84776" i="1"/>
  <c r="G84777" i="1"/>
  <c r="G84778" i="1"/>
  <c r="G84779" i="1"/>
  <c r="G84780" i="1"/>
  <c r="G84781" i="1"/>
  <c r="G84782" i="1"/>
  <c r="G84783" i="1"/>
  <c r="G84784" i="1"/>
  <c r="G84785" i="1"/>
  <c r="G84786" i="1"/>
  <c r="G84787" i="1"/>
  <c r="G84788" i="1"/>
  <c r="G84789" i="1"/>
  <c r="G84790" i="1"/>
  <c r="G84791" i="1"/>
  <c r="G84792" i="1"/>
  <c r="G84793" i="1"/>
  <c r="G84794" i="1"/>
  <c r="G84795" i="1"/>
  <c r="G84796" i="1"/>
  <c r="G84797" i="1"/>
  <c r="G84798" i="1"/>
  <c r="G84799" i="1"/>
  <c r="G84800" i="1"/>
  <c r="G84801" i="1"/>
  <c r="G84802" i="1"/>
  <c r="G84803" i="1"/>
  <c r="G84804" i="1"/>
  <c r="G84805" i="1"/>
  <c r="G84806" i="1"/>
  <c r="G84807" i="1"/>
  <c r="G84808" i="1"/>
  <c r="G84809" i="1"/>
  <c r="G84810" i="1"/>
  <c r="G84811" i="1"/>
  <c r="G84812" i="1"/>
  <c r="G84813" i="1"/>
  <c r="G84814" i="1"/>
  <c r="G84815" i="1"/>
  <c r="G84816" i="1"/>
  <c r="G84817" i="1"/>
  <c r="G84818" i="1"/>
  <c r="G84819" i="1"/>
  <c r="G84820" i="1"/>
  <c r="G84821" i="1"/>
  <c r="G84822" i="1"/>
  <c r="G84823" i="1"/>
  <c r="G84824" i="1"/>
  <c r="G84825" i="1"/>
  <c r="G84826" i="1"/>
  <c r="G84827" i="1"/>
  <c r="G84828" i="1"/>
  <c r="G84829" i="1"/>
  <c r="G84830" i="1"/>
  <c r="G84831" i="1"/>
  <c r="G84832" i="1"/>
  <c r="G84833" i="1"/>
  <c r="G84834" i="1"/>
  <c r="G84835" i="1"/>
  <c r="G84836" i="1"/>
  <c r="G84837" i="1"/>
  <c r="G84838" i="1"/>
  <c r="G84839" i="1"/>
  <c r="G84840" i="1"/>
  <c r="G84841" i="1"/>
  <c r="G84842" i="1"/>
  <c r="G84843" i="1"/>
  <c r="G84844" i="1"/>
  <c r="G84845" i="1"/>
  <c r="G84846" i="1"/>
  <c r="G84847" i="1"/>
  <c r="G84848" i="1"/>
  <c r="G84849" i="1"/>
  <c r="G84850" i="1"/>
  <c r="G84851" i="1"/>
  <c r="G84852" i="1"/>
  <c r="G84853" i="1"/>
  <c r="G84854" i="1"/>
  <c r="G84855" i="1"/>
  <c r="G84856" i="1"/>
  <c r="G84857" i="1"/>
  <c r="G84858" i="1"/>
  <c r="G84859" i="1"/>
  <c r="G84860" i="1"/>
  <c r="G84861" i="1"/>
  <c r="G84862" i="1"/>
  <c r="G84863" i="1"/>
  <c r="G84864" i="1"/>
  <c r="G84865" i="1"/>
  <c r="G84866" i="1"/>
  <c r="G84867" i="1"/>
  <c r="G84868" i="1"/>
  <c r="G84869" i="1"/>
  <c r="G84870" i="1"/>
  <c r="G84871" i="1"/>
  <c r="G84872" i="1"/>
  <c r="G84873" i="1"/>
  <c r="G84874" i="1"/>
  <c r="G84875" i="1"/>
  <c r="G84876" i="1"/>
  <c r="G84877" i="1"/>
  <c r="G84878" i="1"/>
  <c r="G84879" i="1"/>
  <c r="G84880" i="1"/>
  <c r="G84881" i="1"/>
  <c r="G84882" i="1"/>
  <c r="G84883" i="1"/>
  <c r="G84884" i="1"/>
  <c r="G84885" i="1"/>
  <c r="G84886" i="1"/>
  <c r="G84887" i="1"/>
  <c r="G84888" i="1"/>
  <c r="G84889" i="1"/>
  <c r="G84890" i="1"/>
  <c r="G84891" i="1"/>
  <c r="G84892" i="1"/>
  <c r="G84893" i="1"/>
  <c r="G84894" i="1"/>
  <c r="G84895" i="1"/>
  <c r="G84896" i="1"/>
  <c r="G84897" i="1"/>
  <c r="G84898" i="1"/>
  <c r="G84899" i="1"/>
  <c r="G84900" i="1"/>
  <c r="G84901" i="1"/>
  <c r="G84902" i="1"/>
  <c r="G84903" i="1"/>
  <c r="G84904" i="1"/>
  <c r="G84905" i="1"/>
  <c r="G84906" i="1"/>
  <c r="G84907" i="1"/>
  <c r="G84908" i="1"/>
  <c r="G84909" i="1"/>
  <c r="G84910" i="1"/>
  <c r="G84911" i="1"/>
  <c r="G84912" i="1"/>
  <c r="G84913" i="1"/>
  <c r="G84914" i="1"/>
  <c r="G84915" i="1"/>
  <c r="G84916" i="1"/>
  <c r="G84917" i="1"/>
  <c r="G84918" i="1"/>
  <c r="G84919" i="1"/>
  <c r="G84920" i="1"/>
  <c r="G84921" i="1"/>
  <c r="G84922" i="1"/>
  <c r="G84923" i="1"/>
  <c r="G84924" i="1"/>
  <c r="G84925" i="1"/>
  <c r="G84926" i="1"/>
  <c r="G84927" i="1"/>
  <c r="G84928" i="1"/>
  <c r="G84929" i="1"/>
  <c r="G84930" i="1"/>
  <c r="G84931" i="1"/>
  <c r="G84932" i="1"/>
  <c r="G84933" i="1"/>
  <c r="G84934" i="1"/>
  <c r="G84935" i="1"/>
  <c r="G84936" i="1"/>
  <c r="G84937" i="1"/>
  <c r="G84938" i="1"/>
  <c r="G84939" i="1"/>
  <c r="G84940" i="1"/>
  <c r="G84941" i="1"/>
  <c r="G84942" i="1"/>
  <c r="G84943" i="1"/>
  <c r="G84944" i="1"/>
  <c r="G84945" i="1"/>
  <c r="G84946" i="1"/>
  <c r="G84947" i="1"/>
  <c r="G84948" i="1"/>
  <c r="G84949" i="1"/>
  <c r="G84950" i="1"/>
  <c r="G84951" i="1"/>
  <c r="G84952" i="1"/>
  <c r="G84953" i="1"/>
  <c r="G84954" i="1"/>
  <c r="G84955" i="1"/>
  <c r="G84956" i="1"/>
  <c r="G84957" i="1"/>
  <c r="G84958" i="1"/>
  <c r="G84959" i="1"/>
  <c r="G84960" i="1"/>
  <c r="G84961" i="1"/>
  <c r="G84962" i="1"/>
  <c r="G84963" i="1"/>
  <c r="G84964" i="1"/>
  <c r="G84965" i="1"/>
  <c r="G84966" i="1"/>
  <c r="G84967" i="1"/>
  <c r="G84968" i="1"/>
  <c r="G84969" i="1"/>
  <c r="G84970" i="1"/>
  <c r="G84971" i="1"/>
  <c r="G84972" i="1"/>
  <c r="G84973" i="1"/>
  <c r="G84974" i="1"/>
  <c r="G84975" i="1"/>
  <c r="G84976" i="1"/>
  <c r="G84977" i="1"/>
  <c r="G84978" i="1"/>
  <c r="G84979" i="1"/>
  <c r="G84980" i="1"/>
  <c r="G84981" i="1"/>
  <c r="G84982" i="1"/>
  <c r="G84983" i="1"/>
  <c r="G84984" i="1"/>
  <c r="G84985" i="1"/>
  <c r="G84986" i="1"/>
  <c r="G84987" i="1"/>
  <c r="G84988" i="1"/>
  <c r="G84989" i="1"/>
  <c r="G84990" i="1"/>
  <c r="G84991" i="1"/>
  <c r="G84992" i="1"/>
  <c r="G84993" i="1"/>
  <c r="G84994" i="1"/>
  <c r="G84995" i="1"/>
  <c r="G84996" i="1"/>
  <c r="G84997" i="1"/>
  <c r="G84998" i="1"/>
  <c r="G84999" i="1"/>
  <c r="G85000" i="1"/>
  <c r="G85001" i="1"/>
  <c r="G85002" i="1"/>
  <c r="G85003" i="1"/>
  <c r="G85004" i="1"/>
  <c r="G85005" i="1"/>
  <c r="G85006" i="1"/>
  <c r="G85007" i="1"/>
  <c r="G85008" i="1"/>
  <c r="G85009" i="1"/>
  <c r="G85010" i="1"/>
  <c r="G85011" i="1"/>
  <c r="G85012" i="1"/>
  <c r="G85013" i="1"/>
  <c r="G85014" i="1"/>
  <c r="G85015" i="1"/>
  <c r="G85016" i="1"/>
  <c r="G85017" i="1"/>
  <c r="G85018" i="1"/>
  <c r="G85019" i="1"/>
  <c r="G85020" i="1"/>
  <c r="G85021" i="1"/>
  <c r="G85022" i="1"/>
  <c r="G85023" i="1"/>
  <c r="G85024" i="1"/>
  <c r="G85025" i="1"/>
  <c r="G85026" i="1"/>
  <c r="G85027" i="1"/>
  <c r="G85028" i="1"/>
  <c r="G85029" i="1"/>
  <c r="G85030" i="1"/>
  <c r="G85031" i="1"/>
  <c r="G85032" i="1"/>
  <c r="G85033" i="1"/>
  <c r="G85034" i="1"/>
  <c r="G85035" i="1"/>
  <c r="G85036" i="1"/>
  <c r="G85037" i="1"/>
  <c r="G85038" i="1"/>
  <c r="G85039" i="1"/>
  <c r="G85040" i="1"/>
  <c r="G85041" i="1"/>
  <c r="G85042" i="1"/>
  <c r="G85043" i="1"/>
  <c r="G85044" i="1"/>
  <c r="G85045" i="1"/>
  <c r="G85046" i="1"/>
  <c r="G85047" i="1"/>
  <c r="G85048" i="1"/>
  <c r="G85049" i="1"/>
  <c r="G85050" i="1"/>
  <c r="G85051" i="1"/>
  <c r="G85052" i="1"/>
  <c r="G85053" i="1"/>
  <c r="G85054" i="1"/>
  <c r="G85055" i="1"/>
  <c r="G85056" i="1"/>
  <c r="G85057" i="1"/>
  <c r="G85058" i="1"/>
  <c r="G85059" i="1"/>
  <c r="G85060" i="1"/>
  <c r="G85061" i="1"/>
  <c r="G85062" i="1"/>
  <c r="G85063" i="1"/>
  <c r="G85064" i="1"/>
  <c r="G85065" i="1"/>
  <c r="G85066" i="1"/>
  <c r="G85067" i="1"/>
  <c r="G85068" i="1"/>
  <c r="G85069" i="1"/>
  <c r="G85070" i="1"/>
  <c r="G85071" i="1"/>
  <c r="G85072" i="1"/>
  <c r="G85073" i="1"/>
  <c r="G85074" i="1"/>
  <c r="G85075" i="1"/>
  <c r="G85076" i="1"/>
  <c r="G85077" i="1"/>
  <c r="G85078" i="1"/>
  <c r="G85079" i="1"/>
  <c r="G85080" i="1"/>
  <c r="G85081" i="1"/>
  <c r="G85082" i="1"/>
  <c r="G85083" i="1"/>
  <c r="G85084" i="1"/>
  <c r="G85085" i="1"/>
  <c r="G85086" i="1"/>
  <c r="G85087" i="1"/>
  <c r="G85088" i="1"/>
  <c r="G85089" i="1"/>
  <c r="G85090" i="1"/>
  <c r="G85091" i="1"/>
  <c r="G85092" i="1"/>
  <c r="G85093" i="1"/>
  <c r="G85094" i="1"/>
  <c r="G85095" i="1"/>
  <c r="G85096" i="1"/>
  <c r="G85097" i="1"/>
  <c r="G85098" i="1"/>
  <c r="G85099" i="1"/>
  <c r="G85100" i="1"/>
  <c r="G85101" i="1"/>
  <c r="G85102" i="1"/>
  <c r="G85103" i="1"/>
  <c r="G85104" i="1"/>
  <c r="G85105" i="1"/>
  <c r="G85106" i="1"/>
  <c r="G85107" i="1"/>
  <c r="G85108" i="1"/>
  <c r="G85109" i="1"/>
  <c r="G85110" i="1"/>
  <c r="G85111" i="1"/>
  <c r="G85112" i="1"/>
  <c r="G85113" i="1"/>
  <c r="G85114" i="1"/>
  <c r="G85115" i="1"/>
  <c r="G85116" i="1"/>
  <c r="G85117" i="1"/>
  <c r="G85118" i="1"/>
  <c r="G85119" i="1"/>
  <c r="G85120" i="1"/>
  <c r="G85121" i="1"/>
  <c r="G85122" i="1"/>
  <c r="G85123" i="1"/>
  <c r="G85124" i="1"/>
  <c r="G85125" i="1"/>
  <c r="G85126" i="1"/>
  <c r="G85127" i="1"/>
  <c r="G85128" i="1"/>
  <c r="G85129" i="1"/>
  <c r="G85130" i="1"/>
  <c r="G85131" i="1"/>
  <c r="G85132" i="1"/>
  <c r="G85133" i="1"/>
  <c r="G85134" i="1"/>
  <c r="G85135" i="1"/>
  <c r="G85136" i="1"/>
  <c r="G85137" i="1"/>
  <c r="G85138" i="1"/>
  <c r="G85139" i="1"/>
  <c r="G85140" i="1"/>
  <c r="G85141" i="1"/>
  <c r="G85142" i="1"/>
  <c r="G85143" i="1"/>
  <c r="G85144" i="1"/>
  <c r="G85145" i="1"/>
  <c r="G85146" i="1"/>
  <c r="G85147" i="1"/>
  <c r="G85148" i="1"/>
  <c r="G85149" i="1"/>
  <c r="G85150" i="1"/>
  <c r="G85151" i="1"/>
  <c r="G85152" i="1"/>
  <c r="G85153" i="1"/>
  <c r="G85154" i="1"/>
  <c r="G85155" i="1"/>
  <c r="G85156" i="1"/>
  <c r="G85157" i="1"/>
  <c r="G85158" i="1"/>
  <c r="G85159" i="1"/>
  <c r="G85160" i="1"/>
  <c r="G85161" i="1"/>
  <c r="G85162" i="1"/>
  <c r="G85163" i="1"/>
  <c r="G85164" i="1"/>
  <c r="G85165" i="1"/>
  <c r="G85166" i="1"/>
  <c r="G85167" i="1"/>
  <c r="G85168" i="1"/>
  <c r="G85169" i="1"/>
  <c r="G85170" i="1"/>
  <c r="G85171" i="1"/>
  <c r="G85172" i="1"/>
  <c r="G85173" i="1"/>
  <c r="G85174" i="1"/>
  <c r="G85175" i="1"/>
  <c r="G85176" i="1"/>
  <c r="G85177" i="1"/>
  <c r="G85178" i="1"/>
  <c r="G85179" i="1"/>
  <c r="G85180" i="1"/>
  <c r="G85181" i="1"/>
  <c r="G85182" i="1"/>
  <c r="G85183" i="1"/>
  <c r="G85184" i="1"/>
  <c r="G85185" i="1"/>
  <c r="G85186" i="1"/>
  <c r="G85187" i="1"/>
  <c r="G85188" i="1"/>
  <c r="G85189" i="1"/>
  <c r="G85190" i="1"/>
  <c r="G85191" i="1"/>
  <c r="G85192" i="1"/>
  <c r="G85193" i="1"/>
  <c r="G85194" i="1"/>
  <c r="G85195" i="1"/>
  <c r="G85196" i="1"/>
  <c r="G85197" i="1"/>
  <c r="G85198" i="1"/>
  <c r="G85199" i="1"/>
  <c r="G85200" i="1"/>
  <c r="G85201" i="1"/>
  <c r="G85202" i="1"/>
  <c r="G85203" i="1"/>
  <c r="G85204" i="1"/>
  <c r="G85205" i="1"/>
  <c r="G85206" i="1"/>
  <c r="G85207" i="1"/>
  <c r="G85208" i="1"/>
  <c r="G85209" i="1"/>
  <c r="G85210" i="1"/>
  <c r="G85211" i="1"/>
  <c r="G85212" i="1"/>
  <c r="G85213" i="1"/>
  <c r="G85214" i="1"/>
  <c r="G85215" i="1"/>
  <c r="G85216" i="1"/>
  <c r="G85217" i="1"/>
  <c r="G85218" i="1"/>
  <c r="G85219" i="1"/>
  <c r="G85220" i="1"/>
  <c r="G85221" i="1"/>
  <c r="G85222" i="1"/>
  <c r="G85223" i="1"/>
  <c r="G85224" i="1"/>
  <c r="G85225" i="1"/>
  <c r="G85226" i="1"/>
  <c r="G85227" i="1"/>
  <c r="G85228" i="1"/>
  <c r="G85229" i="1"/>
  <c r="G85230" i="1"/>
  <c r="G85231" i="1"/>
  <c r="G85232" i="1"/>
  <c r="G85233" i="1"/>
  <c r="G85234" i="1"/>
  <c r="G85235" i="1"/>
  <c r="G85236" i="1"/>
  <c r="G85237" i="1"/>
  <c r="G85238" i="1"/>
  <c r="G85239" i="1"/>
  <c r="G85240" i="1"/>
  <c r="G85241" i="1"/>
  <c r="G85242" i="1"/>
  <c r="G85243" i="1"/>
  <c r="G85244" i="1"/>
  <c r="G85245" i="1"/>
  <c r="G85246" i="1"/>
  <c r="G85247" i="1"/>
  <c r="G85248" i="1"/>
  <c r="G85249" i="1"/>
  <c r="G85250" i="1"/>
  <c r="G85251" i="1"/>
  <c r="G85252" i="1"/>
  <c r="G85253" i="1"/>
  <c r="G85254" i="1"/>
  <c r="G85255" i="1"/>
  <c r="G85256" i="1"/>
  <c r="G85257" i="1"/>
  <c r="G85258" i="1"/>
  <c r="G85259" i="1"/>
  <c r="G85260" i="1"/>
  <c r="G85261" i="1"/>
  <c r="G85262" i="1"/>
  <c r="G85263" i="1"/>
  <c r="G85264" i="1"/>
  <c r="G85265" i="1"/>
  <c r="G85266" i="1"/>
  <c r="G85267" i="1"/>
  <c r="G85268" i="1"/>
  <c r="G85269" i="1"/>
  <c r="G85270" i="1"/>
  <c r="G85271" i="1"/>
  <c r="G85272" i="1"/>
  <c r="G85273" i="1"/>
  <c r="G85274" i="1"/>
  <c r="G85275" i="1"/>
  <c r="G85276" i="1"/>
  <c r="G85277" i="1"/>
  <c r="G85278" i="1"/>
  <c r="G85279" i="1"/>
  <c r="G85280" i="1"/>
  <c r="G85281" i="1"/>
  <c r="G85282" i="1"/>
  <c r="G85283" i="1"/>
  <c r="G85284" i="1"/>
  <c r="G85285" i="1"/>
  <c r="G85286" i="1"/>
  <c r="G85287" i="1"/>
  <c r="G85288" i="1"/>
  <c r="G85289" i="1"/>
  <c r="G85290" i="1"/>
  <c r="G85291" i="1"/>
  <c r="G85292" i="1"/>
  <c r="G85293" i="1"/>
  <c r="G85294" i="1"/>
  <c r="G85295" i="1"/>
  <c r="G85296" i="1"/>
  <c r="G85297" i="1"/>
  <c r="G85298" i="1"/>
  <c r="G85299" i="1"/>
  <c r="G85300" i="1"/>
  <c r="G85301" i="1"/>
  <c r="G85302" i="1"/>
  <c r="G85303" i="1"/>
  <c r="G85304" i="1"/>
  <c r="G85305" i="1"/>
  <c r="G85306" i="1"/>
  <c r="G85307" i="1"/>
  <c r="G85308" i="1"/>
  <c r="G85309" i="1"/>
  <c r="G85310" i="1"/>
  <c r="G85311" i="1"/>
  <c r="G85312" i="1"/>
  <c r="G85313" i="1"/>
  <c r="G85314" i="1"/>
  <c r="G85315" i="1"/>
  <c r="G85316" i="1"/>
  <c r="G85317" i="1"/>
  <c r="G85318" i="1"/>
  <c r="G85319" i="1"/>
  <c r="G85320" i="1"/>
  <c r="G85321" i="1"/>
  <c r="G85322" i="1"/>
  <c r="G85323" i="1"/>
  <c r="G85324" i="1"/>
  <c r="G85325" i="1"/>
  <c r="G85326" i="1"/>
  <c r="G85327" i="1"/>
  <c r="G85328" i="1"/>
  <c r="G85329" i="1"/>
  <c r="G85330" i="1"/>
  <c r="G85331" i="1"/>
  <c r="G85332" i="1"/>
  <c r="G85333" i="1"/>
  <c r="G85334" i="1"/>
  <c r="G85335" i="1"/>
  <c r="G85336" i="1"/>
  <c r="G85337" i="1"/>
  <c r="G85338" i="1"/>
  <c r="G85339" i="1"/>
  <c r="G85340" i="1"/>
  <c r="G85341" i="1"/>
  <c r="G85342" i="1"/>
  <c r="G85343" i="1"/>
  <c r="G85344" i="1"/>
  <c r="G85345" i="1"/>
  <c r="G85346" i="1"/>
  <c r="G85347" i="1"/>
  <c r="G85348" i="1"/>
  <c r="G85349" i="1"/>
  <c r="G85350" i="1"/>
  <c r="G85351" i="1"/>
  <c r="G85352" i="1"/>
  <c r="G85353" i="1"/>
  <c r="G85354" i="1"/>
  <c r="G85355" i="1"/>
  <c r="G85356" i="1"/>
  <c r="G85357" i="1"/>
  <c r="G85358" i="1"/>
  <c r="G85359" i="1"/>
  <c r="G85360" i="1"/>
  <c r="G85361" i="1"/>
  <c r="G85362" i="1"/>
  <c r="G85363" i="1"/>
  <c r="G85364" i="1"/>
  <c r="G85365" i="1"/>
  <c r="G85366" i="1"/>
  <c r="G85367" i="1"/>
  <c r="G85368" i="1"/>
  <c r="G85369" i="1"/>
  <c r="G85370" i="1"/>
  <c r="G85371" i="1"/>
  <c r="G85372" i="1"/>
  <c r="G85373" i="1"/>
  <c r="G85374" i="1"/>
  <c r="G85375" i="1"/>
  <c r="G85376" i="1"/>
  <c r="G85377" i="1"/>
  <c r="G85378" i="1"/>
  <c r="G85379" i="1"/>
  <c r="G85380" i="1"/>
  <c r="G85381" i="1"/>
  <c r="G85382" i="1"/>
  <c r="G85383" i="1"/>
  <c r="G85384" i="1"/>
  <c r="G85385" i="1"/>
  <c r="G85386" i="1"/>
  <c r="G85387" i="1"/>
  <c r="G85388" i="1"/>
  <c r="G85389" i="1"/>
  <c r="G85390" i="1"/>
  <c r="G85391" i="1"/>
  <c r="G85392" i="1"/>
  <c r="G85393" i="1"/>
  <c r="G85394" i="1"/>
  <c r="G85395" i="1"/>
  <c r="G85396" i="1"/>
  <c r="G85397" i="1"/>
  <c r="G85398" i="1"/>
  <c r="G85399" i="1"/>
  <c r="G85400" i="1"/>
  <c r="G85401" i="1"/>
  <c r="G85402" i="1"/>
  <c r="G85403" i="1"/>
  <c r="G85404" i="1"/>
  <c r="G85405" i="1"/>
  <c r="G85406" i="1"/>
  <c r="G85407" i="1"/>
  <c r="G85408" i="1"/>
  <c r="G85409" i="1"/>
  <c r="G85410" i="1"/>
  <c r="G85411" i="1"/>
  <c r="G85412" i="1"/>
  <c r="G85413" i="1"/>
  <c r="G85414" i="1"/>
  <c r="G85415" i="1"/>
  <c r="G85416" i="1"/>
  <c r="G85417" i="1"/>
  <c r="G85418" i="1"/>
  <c r="G85419" i="1"/>
  <c r="G85420" i="1"/>
  <c r="G85421" i="1"/>
  <c r="G85422" i="1"/>
  <c r="G85423" i="1"/>
  <c r="G85424" i="1"/>
  <c r="G85425" i="1"/>
  <c r="G85426" i="1"/>
  <c r="G85427" i="1"/>
  <c r="G85428" i="1"/>
  <c r="G85429" i="1"/>
  <c r="G85430" i="1"/>
  <c r="G85431" i="1"/>
  <c r="G85432" i="1"/>
  <c r="G85433" i="1"/>
  <c r="G85434" i="1"/>
  <c r="G85435" i="1"/>
  <c r="G85436" i="1"/>
  <c r="G85437" i="1"/>
  <c r="G85438" i="1"/>
  <c r="G85439" i="1"/>
  <c r="G85440" i="1"/>
  <c r="G85441" i="1"/>
  <c r="G85442" i="1"/>
  <c r="G85443" i="1"/>
  <c r="G85444" i="1"/>
  <c r="G85445" i="1"/>
  <c r="G85446" i="1"/>
  <c r="G85447" i="1"/>
  <c r="G85448" i="1"/>
  <c r="G85449" i="1"/>
  <c r="G85450" i="1"/>
  <c r="G85451" i="1"/>
  <c r="G85452" i="1"/>
  <c r="G85453" i="1"/>
  <c r="G85454" i="1"/>
  <c r="G85455" i="1"/>
  <c r="G85456" i="1"/>
  <c r="G85457" i="1"/>
  <c r="G85458" i="1"/>
  <c r="G85459" i="1"/>
  <c r="G85460" i="1"/>
  <c r="G85461" i="1"/>
  <c r="G85462" i="1"/>
  <c r="G85463" i="1"/>
  <c r="G85464" i="1"/>
  <c r="G85465" i="1"/>
  <c r="G85466" i="1"/>
  <c r="G85467" i="1"/>
  <c r="G85468" i="1"/>
  <c r="G85469" i="1"/>
  <c r="G85470" i="1"/>
  <c r="G85471" i="1"/>
  <c r="G85472" i="1"/>
  <c r="G85473" i="1"/>
  <c r="G85474" i="1"/>
  <c r="G85475" i="1"/>
  <c r="G85476" i="1"/>
  <c r="G85477" i="1"/>
  <c r="G85478" i="1"/>
  <c r="G85479" i="1"/>
  <c r="G85480" i="1"/>
  <c r="G85481" i="1"/>
  <c r="G85482" i="1"/>
  <c r="G85483" i="1"/>
  <c r="G85484" i="1"/>
  <c r="G85485" i="1"/>
  <c r="G85486" i="1"/>
  <c r="G85487" i="1"/>
  <c r="G85488" i="1"/>
  <c r="G85489" i="1"/>
  <c r="G85490" i="1"/>
  <c r="G85491" i="1"/>
  <c r="G85492" i="1"/>
  <c r="G85493" i="1"/>
  <c r="G85494" i="1"/>
  <c r="G85495" i="1"/>
  <c r="G85496" i="1"/>
  <c r="G85497" i="1"/>
  <c r="G85498" i="1"/>
  <c r="G85499" i="1"/>
  <c r="G85500" i="1"/>
  <c r="G85501" i="1"/>
  <c r="G85502" i="1"/>
  <c r="G85503" i="1"/>
  <c r="G85504" i="1"/>
  <c r="G85505" i="1"/>
  <c r="G85506" i="1"/>
  <c r="G85507" i="1"/>
  <c r="G85508" i="1"/>
  <c r="G85509" i="1"/>
  <c r="G85510" i="1"/>
  <c r="G85511" i="1"/>
  <c r="G85512" i="1"/>
  <c r="G85513" i="1"/>
  <c r="G85514" i="1"/>
  <c r="G85515" i="1"/>
  <c r="G85516" i="1"/>
  <c r="G85517" i="1"/>
  <c r="G85518" i="1"/>
  <c r="G85519" i="1"/>
  <c r="G85520" i="1"/>
  <c r="G85521" i="1"/>
  <c r="G85522" i="1"/>
  <c r="G85523" i="1"/>
  <c r="G85524" i="1"/>
  <c r="G85525" i="1"/>
  <c r="G85526" i="1"/>
  <c r="G85527" i="1"/>
  <c r="G85528" i="1"/>
  <c r="G85529" i="1"/>
  <c r="G85530" i="1"/>
  <c r="G85531" i="1"/>
  <c r="G85532" i="1"/>
  <c r="G85533" i="1"/>
  <c r="G85534" i="1"/>
  <c r="G85535" i="1"/>
  <c r="G85536" i="1"/>
  <c r="G85537" i="1"/>
  <c r="G85538" i="1"/>
  <c r="G85539" i="1"/>
  <c r="G85540" i="1"/>
  <c r="G85541" i="1"/>
  <c r="G85542" i="1"/>
  <c r="G85543" i="1"/>
  <c r="G85544" i="1"/>
  <c r="G85545" i="1"/>
  <c r="G85546" i="1"/>
  <c r="G85547" i="1"/>
  <c r="G85548" i="1"/>
  <c r="G85549" i="1"/>
  <c r="G85550" i="1"/>
  <c r="G85551" i="1"/>
  <c r="G85552" i="1"/>
  <c r="G85553" i="1"/>
  <c r="G85554" i="1"/>
  <c r="G85555" i="1"/>
  <c r="G85556" i="1"/>
  <c r="G85557" i="1"/>
  <c r="G85558" i="1"/>
  <c r="G85559" i="1"/>
  <c r="G85560" i="1"/>
  <c r="G85561" i="1"/>
  <c r="G85562" i="1"/>
  <c r="G85563" i="1"/>
  <c r="G85564" i="1"/>
  <c r="G85565" i="1"/>
  <c r="G85566" i="1"/>
  <c r="G85567" i="1"/>
  <c r="G85568" i="1"/>
  <c r="G85569" i="1"/>
  <c r="G85570" i="1"/>
  <c r="G85571" i="1"/>
  <c r="G85572" i="1"/>
  <c r="G85573" i="1"/>
  <c r="G85574" i="1"/>
  <c r="G85575" i="1"/>
  <c r="G85576" i="1"/>
  <c r="G85577" i="1"/>
  <c r="G85578" i="1"/>
  <c r="G85579" i="1"/>
  <c r="G85580" i="1"/>
  <c r="G85581" i="1"/>
  <c r="G85582" i="1"/>
  <c r="G85583" i="1"/>
  <c r="G85584" i="1"/>
  <c r="G85585" i="1"/>
  <c r="G85586" i="1"/>
  <c r="G85587" i="1"/>
  <c r="G85588" i="1"/>
  <c r="G85589" i="1"/>
  <c r="G85590" i="1"/>
  <c r="G85591" i="1"/>
  <c r="G85592" i="1"/>
  <c r="G85593" i="1"/>
  <c r="G85594" i="1"/>
  <c r="G85595" i="1"/>
  <c r="G85596" i="1"/>
  <c r="G85597" i="1"/>
  <c r="G85598" i="1"/>
  <c r="G85599" i="1"/>
  <c r="G85600" i="1"/>
  <c r="G85601" i="1"/>
  <c r="G85602" i="1"/>
  <c r="G85603" i="1"/>
  <c r="G85604" i="1"/>
  <c r="G85605" i="1"/>
  <c r="G85606" i="1"/>
  <c r="G85607" i="1"/>
  <c r="G85608" i="1"/>
  <c r="G85609" i="1"/>
  <c r="G85610" i="1"/>
  <c r="G85611" i="1"/>
  <c r="G85612" i="1"/>
  <c r="G85613" i="1"/>
  <c r="G85614" i="1"/>
  <c r="G85615" i="1"/>
  <c r="G85616" i="1"/>
  <c r="G85617" i="1"/>
  <c r="G85618" i="1"/>
  <c r="G85619" i="1"/>
  <c r="G85620" i="1"/>
  <c r="G85621" i="1"/>
  <c r="G85622" i="1"/>
  <c r="G85623" i="1"/>
  <c r="G85624" i="1"/>
  <c r="G85625" i="1"/>
  <c r="G85626" i="1"/>
  <c r="G85627" i="1"/>
  <c r="G85628" i="1"/>
  <c r="G85629" i="1"/>
  <c r="G85630" i="1"/>
  <c r="G85631" i="1"/>
  <c r="G85632" i="1"/>
  <c r="G85633" i="1"/>
  <c r="G85634" i="1"/>
  <c r="G85635" i="1"/>
  <c r="G85636" i="1"/>
  <c r="G85637" i="1"/>
  <c r="G85638" i="1"/>
  <c r="G85639" i="1"/>
  <c r="G85640" i="1"/>
  <c r="G85641" i="1"/>
  <c r="G85642" i="1"/>
  <c r="G85643" i="1"/>
  <c r="G85644" i="1"/>
  <c r="G85645" i="1"/>
  <c r="G85646" i="1"/>
  <c r="G85647" i="1"/>
  <c r="G85648" i="1"/>
  <c r="G85649" i="1"/>
  <c r="G85650" i="1"/>
  <c r="G85651" i="1"/>
  <c r="G85652" i="1"/>
  <c r="G85653" i="1"/>
  <c r="G85654" i="1"/>
  <c r="G85655" i="1"/>
  <c r="G85656" i="1"/>
  <c r="G85657" i="1"/>
  <c r="G85658" i="1"/>
  <c r="G85659" i="1"/>
  <c r="G85660" i="1"/>
  <c r="G85661" i="1"/>
  <c r="G85662" i="1"/>
  <c r="G85663" i="1"/>
  <c r="G85664" i="1"/>
  <c r="G85665" i="1"/>
  <c r="G85666" i="1"/>
  <c r="G85667" i="1"/>
  <c r="G85668" i="1"/>
  <c r="G85669" i="1"/>
  <c r="G85670" i="1"/>
  <c r="G85671" i="1"/>
  <c r="G85672" i="1"/>
  <c r="G85673" i="1"/>
  <c r="G85674" i="1"/>
  <c r="G85675" i="1"/>
  <c r="G85676" i="1"/>
  <c r="G85677" i="1"/>
  <c r="G85678" i="1"/>
  <c r="G85679" i="1"/>
  <c r="G85680" i="1"/>
  <c r="G85681" i="1"/>
  <c r="G85682" i="1"/>
  <c r="G85683" i="1"/>
  <c r="G85684" i="1"/>
  <c r="G85685" i="1"/>
  <c r="G85686" i="1"/>
  <c r="G85687" i="1"/>
  <c r="G85688" i="1"/>
  <c r="G85689" i="1"/>
  <c r="G85690" i="1"/>
  <c r="G85691" i="1"/>
  <c r="G85692" i="1"/>
  <c r="G85693" i="1"/>
  <c r="G85694" i="1"/>
  <c r="G85695" i="1"/>
  <c r="G85696" i="1"/>
  <c r="G85697" i="1"/>
  <c r="G85698" i="1"/>
  <c r="G85699" i="1"/>
  <c r="G85700" i="1"/>
  <c r="G85701" i="1"/>
  <c r="G85702" i="1"/>
  <c r="G85703" i="1"/>
  <c r="G85704" i="1"/>
  <c r="G85705" i="1"/>
  <c r="G85706" i="1"/>
  <c r="G85707" i="1"/>
  <c r="G85708" i="1"/>
  <c r="G85709" i="1"/>
  <c r="G85710" i="1"/>
  <c r="G85711" i="1"/>
  <c r="G85712" i="1"/>
  <c r="G85713" i="1"/>
  <c r="G85714" i="1"/>
  <c r="G85715" i="1"/>
  <c r="G85716" i="1"/>
  <c r="G85717" i="1"/>
  <c r="G85718" i="1"/>
  <c r="G85719" i="1"/>
  <c r="G85720" i="1"/>
  <c r="G85721" i="1"/>
  <c r="G85722" i="1"/>
  <c r="G85723" i="1"/>
  <c r="G85724" i="1"/>
  <c r="G85725" i="1"/>
  <c r="G85726" i="1"/>
  <c r="G85727" i="1"/>
  <c r="G85728" i="1"/>
  <c r="G85729" i="1"/>
  <c r="G85730" i="1"/>
  <c r="G85731" i="1"/>
  <c r="G85732" i="1"/>
  <c r="G85733" i="1"/>
  <c r="G85734" i="1"/>
  <c r="G85735" i="1"/>
  <c r="G85736" i="1"/>
  <c r="G85737" i="1"/>
  <c r="G85738" i="1"/>
  <c r="G85739" i="1"/>
  <c r="G85740" i="1"/>
  <c r="G85741" i="1"/>
  <c r="G85742" i="1"/>
  <c r="G85743" i="1"/>
  <c r="G85744" i="1"/>
  <c r="G85745" i="1"/>
  <c r="G85746" i="1"/>
  <c r="G85747" i="1"/>
  <c r="G85748" i="1"/>
  <c r="G85749" i="1"/>
  <c r="G85750" i="1"/>
  <c r="G85751" i="1"/>
  <c r="G85752" i="1"/>
  <c r="G85753" i="1"/>
  <c r="G85754" i="1"/>
  <c r="G85755" i="1"/>
  <c r="G85756" i="1"/>
  <c r="G85757" i="1"/>
  <c r="G85758" i="1"/>
  <c r="G85759" i="1"/>
  <c r="G85760" i="1"/>
  <c r="G85761" i="1"/>
  <c r="G85762" i="1"/>
  <c r="G85763" i="1"/>
  <c r="G85764" i="1"/>
  <c r="G85765" i="1"/>
  <c r="G85766" i="1"/>
  <c r="G85767" i="1"/>
  <c r="G85768" i="1"/>
  <c r="G85769" i="1"/>
  <c r="G85770" i="1"/>
  <c r="G85771" i="1"/>
  <c r="G85772" i="1"/>
  <c r="G85773" i="1"/>
  <c r="G85774" i="1"/>
  <c r="G85775" i="1"/>
  <c r="G85776" i="1"/>
  <c r="G85777" i="1"/>
  <c r="G85778" i="1"/>
  <c r="G85779" i="1"/>
  <c r="G85780" i="1"/>
  <c r="G85781" i="1"/>
  <c r="G85782" i="1"/>
  <c r="G85783" i="1"/>
  <c r="G85784" i="1"/>
  <c r="G85785" i="1"/>
  <c r="G85786" i="1"/>
  <c r="G85787" i="1"/>
  <c r="G85788" i="1"/>
  <c r="G85789" i="1"/>
  <c r="G85790" i="1"/>
  <c r="G85791" i="1"/>
  <c r="G85792" i="1"/>
  <c r="G85793" i="1"/>
  <c r="G85794" i="1"/>
  <c r="G85795" i="1"/>
  <c r="G85796" i="1"/>
  <c r="G85797" i="1"/>
  <c r="G85798" i="1"/>
  <c r="G85799" i="1"/>
  <c r="G85800" i="1"/>
  <c r="G85801" i="1"/>
  <c r="G85802" i="1"/>
  <c r="G85803" i="1"/>
  <c r="G85804" i="1"/>
  <c r="G85805" i="1"/>
  <c r="G85806" i="1"/>
  <c r="G85807" i="1"/>
  <c r="G85808" i="1"/>
  <c r="G85809" i="1"/>
  <c r="G85810" i="1"/>
  <c r="G85811" i="1"/>
  <c r="G85812" i="1"/>
  <c r="G85813" i="1"/>
  <c r="G85814" i="1"/>
  <c r="G85815" i="1"/>
  <c r="G85816" i="1"/>
  <c r="G85817" i="1"/>
  <c r="G85818" i="1"/>
  <c r="G85819" i="1"/>
  <c r="G85820" i="1"/>
  <c r="G85821" i="1"/>
  <c r="G85822" i="1"/>
  <c r="G85823" i="1"/>
  <c r="G85824" i="1"/>
  <c r="G85825" i="1"/>
  <c r="G85826" i="1"/>
  <c r="G85827" i="1"/>
  <c r="G85828" i="1"/>
  <c r="G85829" i="1"/>
  <c r="G85830" i="1"/>
  <c r="G85831" i="1"/>
  <c r="G85832" i="1"/>
  <c r="G85833" i="1"/>
  <c r="G85834" i="1"/>
  <c r="G85835" i="1"/>
  <c r="G85836" i="1"/>
  <c r="G85837" i="1"/>
  <c r="G85838" i="1"/>
  <c r="G85839" i="1"/>
  <c r="G85840" i="1"/>
  <c r="G85841" i="1"/>
  <c r="G85842" i="1"/>
  <c r="G85843" i="1"/>
  <c r="G85844" i="1"/>
  <c r="G85845" i="1"/>
  <c r="G85846" i="1"/>
  <c r="G85847" i="1"/>
  <c r="G85848" i="1"/>
  <c r="G85849" i="1"/>
  <c r="G85850" i="1"/>
  <c r="G85851" i="1"/>
  <c r="G85852" i="1"/>
  <c r="G85853" i="1"/>
  <c r="G85854" i="1"/>
  <c r="G85855" i="1"/>
  <c r="G85856" i="1"/>
  <c r="G85857" i="1"/>
  <c r="G85858" i="1"/>
  <c r="G85859" i="1"/>
  <c r="G85860" i="1"/>
  <c r="G85861" i="1"/>
  <c r="G85862" i="1"/>
  <c r="G85863" i="1"/>
  <c r="G85864" i="1"/>
  <c r="G85865" i="1"/>
  <c r="G85866" i="1"/>
  <c r="G85867" i="1"/>
  <c r="G85868" i="1"/>
  <c r="G85869" i="1"/>
  <c r="G85870" i="1"/>
  <c r="G85871" i="1"/>
  <c r="G85872" i="1"/>
  <c r="G85873" i="1"/>
  <c r="G85874" i="1"/>
  <c r="G85875" i="1"/>
  <c r="G85876" i="1"/>
  <c r="G85877" i="1"/>
  <c r="G85878" i="1"/>
  <c r="G85879" i="1"/>
  <c r="G85880" i="1"/>
  <c r="G85881" i="1"/>
  <c r="G85882" i="1"/>
  <c r="G85883" i="1"/>
  <c r="G85884" i="1"/>
  <c r="G85885" i="1"/>
  <c r="G85886" i="1"/>
  <c r="G85887" i="1"/>
  <c r="G85888" i="1"/>
  <c r="G85889" i="1"/>
  <c r="G85890" i="1"/>
  <c r="G85891" i="1"/>
  <c r="G85892" i="1"/>
  <c r="G85893" i="1"/>
  <c r="G85894" i="1"/>
  <c r="G85895" i="1"/>
  <c r="G85896" i="1"/>
  <c r="G85897" i="1"/>
  <c r="G85898" i="1"/>
  <c r="G85899" i="1"/>
  <c r="G85900" i="1"/>
  <c r="G85901" i="1"/>
  <c r="G85902" i="1"/>
  <c r="G85903" i="1"/>
  <c r="G85904" i="1"/>
  <c r="G85905" i="1"/>
  <c r="G85906" i="1"/>
  <c r="G85907" i="1"/>
  <c r="G85908" i="1"/>
  <c r="G85909" i="1"/>
  <c r="G85910" i="1"/>
  <c r="G85911" i="1"/>
  <c r="G85912" i="1"/>
  <c r="G85913" i="1"/>
  <c r="G85914" i="1"/>
  <c r="G85915" i="1"/>
  <c r="G85916" i="1"/>
  <c r="G85917" i="1"/>
  <c r="G85918" i="1"/>
  <c r="G85919" i="1"/>
  <c r="G85920" i="1"/>
  <c r="G85921" i="1"/>
  <c r="G85922" i="1"/>
  <c r="G85923" i="1"/>
  <c r="G85924" i="1"/>
  <c r="G85925" i="1"/>
  <c r="G85926" i="1"/>
  <c r="G85927" i="1"/>
  <c r="G85928" i="1"/>
  <c r="G85929" i="1"/>
  <c r="G85930" i="1"/>
  <c r="G85931" i="1"/>
  <c r="G85932" i="1"/>
  <c r="G85933" i="1"/>
  <c r="G85934" i="1"/>
  <c r="G85935" i="1"/>
  <c r="G85936" i="1"/>
  <c r="G85937" i="1"/>
  <c r="G85938" i="1"/>
  <c r="G85939" i="1"/>
  <c r="G85940" i="1"/>
  <c r="G85941" i="1"/>
  <c r="G85942" i="1"/>
  <c r="G85943" i="1"/>
  <c r="G85944" i="1"/>
  <c r="G85945" i="1"/>
  <c r="G85946" i="1"/>
  <c r="G85947" i="1"/>
  <c r="G85948" i="1"/>
  <c r="G85949" i="1"/>
  <c r="G85950" i="1"/>
  <c r="G85951" i="1"/>
  <c r="G85952" i="1"/>
  <c r="G85953" i="1"/>
  <c r="G85954" i="1"/>
  <c r="G85955" i="1"/>
  <c r="G85956" i="1"/>
  <c r="G85957" i="1"/>
  <c r="G85958" i="1"/>
  <c r="G85959" i="1"/>
  <c r="G85960" i="1"/>
  <c r="G85961" i="1"/>
  <c r="G85962" i="1"/>
  <c r="G85963" i="1"/>
  <c r="G85964" i="1"/>
  <c r="G85965" i="1"/>
  <c r="G85966" i="1"/>
  <c r="G85967" i="1"/>
  <c r="G85968" i="1"/>
  <c r="G85969" i="1"/>
  <c r="G85970" i="1"/>
  <c r="G85971" i="1"/>
  <c r="G85972" i="1"/>
  <c r="G85973" i="1"/>
  <c r="G85974" i="1"/>
  <c r="G85975" i="1"/>
  <c r="G85976" i="1"/>
  <c r="G85977" i="1"/>
  <c r="G85978" i="1"/>
  <c r="G85979" i="1"/>
  <c r="G85980" i="1"/>
  <c r="G85981" i="1"/>
  <c r="G85982" i="1"/>
  <c r="G85983" i="1"/>
  <c r="G85984" i="1"/>
  <c r="G85985" i="1"/>
  <c r="G85986" i="1"/>
  <c r="G85987" i="1"/>
  <c r="G85988" i="1"/>
  <c r="G85989" i="1"/>
  <c r="G85990" i="1"/>
  <c r="G85991" i="1"/>
  <c r="G85992" i="1"/>
  <c r="G85993" i="1"/>
  <c r="G85994" i="1"/>
  <c r="G85995" i="1"/>
  <c r="G85996" i="1"/>
  <c r="G85997" i="1"/>
  <c r="G85998" i="1"/>
  <c r="G85999" i="1"/>
  <c r="G86000" i="1"/>
  <c r="G86001" i="1"/>
  <c r="G86002" i="1"/>
  <c r="G86003" i="1"/>
  <c r="G86004" i="1"/>
  <c r="G86005" i="1"/>
  <c r="G86006" i="1"/>
  <c r="G86007" i="1"/>
  <c r="G86008" i="1"/>
  <c r="G86009" i="1"/>
  <c r="G86010" i="1"/>
  <c r="G86011" i="1"/>
  <c r="G86012" i="1"/>
  <c r="G86013" i="1"/>
  <c r="G86014" i="1"/>
  <c r="G86015" i="1"/>
  <c r="G86016" i="1"/>
  <c r="G86017" i="1"/>
  <c r="G86018" i="1"/>
  <c r="G86019" i="1"/>
  <c r="G86020" i="1"/>
  <c r="G86021" i="1"/>
  <c r="G86022" i="1"/>
  <c r="G86023" i="1"/>
  <c r="G86024" i="1"/>
  <c r="G86025" i="1"/>
  <c r="G86026" i="1"/>
  <c r="G86027" i="1"/>
  <c r="G86028" i="1"/>
  <c r="G86029" i="1"/>
  <c r="G86030" i="1"/>
  <c r="G86031" i="1"/>
  <c r="G86032" i="1"/>
  <c r="G86033" i="1"/>
  <c r="G86034" i="1"/>
  <c r="G86035" i="1"/>
  <c r="G86036" i="1"/>
  <c r="G86037" i="1"/>
  <c r="G86038" i="1"/>
  <c r="G86039" i="1"/>
  <c r="G86040" i="1"/>
  <c r="G86041" i="1"/>
  <c r="G86042" i="1"/>
  <c r="G86043" i="1"/>
  <c r="G86044" i="1"/>
  <c r="G86045" i="1"/>
  <c r="G86046" i="1"/>
  <c r="G86047" i="1"/>
  <c r="G86048" i="1"/>
  <c r="G86049" i="1"/>
  <c r="G86050" i="1"/>
  <c r="G86051" i="1"/>
  <c r="G86052" i="1"/>
  <c r="G86053" i="1"/>
  <c r="G86054" i="1"/>
  <c r="G86055" i="1"/>
  <c r="G86056" i="1"/>
  <c r="G86057" i="1"/>
  <c r="G86058" i="1"/>
  <c r="G86059" i="1"/>
  <c r="G86060" i="1"/>
  <c r="G86061" i="1"/>
  <c r="G86062" i="1"/>
  <c r="G86063" i="1"/>
  <c r="G86064" i="1"/>
  <c r="G86065" i="1"/>
  <c r="G86066" i="1"/>
  <c r="G86067" i="1"/>
  <c r="G86068" i="1"/>
  <c r="G86069" i="1"/>
  <c r="G86070" i="1"/>
  <c r="G86071" i="1"/>
  <c r="G86072" i="1"/>
  <c r="G86073" i="1"/>
  <c r="G86074" i="1"/>
  <c r="G86075" i="1"/>
  <c r="G86076" i="1"/>
  <c r="G86077" i="1"/>
  <c r="G86078" i="1"/>
  <c r="G86079" i="1"/>
  <c r="G86080" i="1"/>
  <c r="G86081" i="1"/>
  <c r="G86082" i="1"/>
  <c r="G86083" i="1"/>
  <c r="G86084" i="1"/>
  <c r="G86085" i="1"/>
  <c r="G86086" i="1"/>
  <c r="G86087" i="1"/>
  <c r="G86088" i="1"/>
  <c r="G86089" i="1"/>
  <c r="G86090" i="1"/>
  <c r="G86091" i="1"/>
  <c r="G86092" i="1"/>
  <c r="G86093" i="1"/>
  <c r="G86094" i="1"/>
  <c r="G86095" i="1"/>
  <c r="G86096" i="1"/>
  <c r="G86097" i="1"/>
  <c r="G86098" i="1"/>
  <c r="G86099" i="1"/>
  <c r="G86100" i="1"/>
  <c r="G86101" i="1"/>
  <c r="G86102" i="1"/>
  <c r="G86103" i="1"/>
  <c r="G86104" i="1"/>
  <c r="G86105" i="1"/>
  <c r="G86106" i="1"/>
  <c r="G86107" i="1"/>
  <c r="G86108" i="1"/>
  <c r="G86109" i="1"/>
  <c r="G86110" i="1"/>
  <c r="G86111" i="1"/>
  <c r="G86112" i="1"/>
  <c r="G86113" i="1"/>
  <c r="G86114" i="1"/>
  <c r="G86115" i="1"/>
  <c r="G86116" i="1"/>
  <c r="G86117" i="1"/>
  <c r="G86118" i="1"/>
  <c r="G86119" i="1"/>
  <c r="G86120" i="1"/>
  <c r="G86121" i="1"/>
  <c r="G86122" i="1"/>
  <c r="G86123" i="1"/>
  <c r="G86124" i="1"/>
  <c r="G86125" i="1"/>
  <c r="G86126" i="1"/>
  <c r="G86127" i="1"/>
  <c r="G86128" i="1"/>
  <c r="G86129" i="1"/>
  <c r="G86130" i="1"/>
  <c r="G86131" i="1"/>
  <c r="G86132" i="1"/>
  <c r="G86133" i="1"/>
  <c r="G86134" i="1"/>
  <c r="G86135" i="1"/>
  <c r="G86136" i="1"/>
  <c r="G86137" i="1"/>
  <c r="G86138" i="1"/>
  <c r="G86139" i="1"/>
  <c r="G86140" i="1"/>
  <c r="G86141" i="1"/>
  <c r="G86142" i="1"/>
  <c r="G86143" i="1"/>
  <c r="G86144" i="1"/>
  <c r="G86145" i="1"/>
  <c r="G86146" i="1"/>
  <c r="G86147" i="1"/>
  <c r="G86148" i="1"/>
  <c r="G86149" i="1"/>
  <c r="G86150" i="1"/>
  <c r="G86151" i="1"/>
  <c r="G86152" i="1"/>
  <c r="G86153" i="1"/>
  <c r="G86154" i="1"/>
  <c r="G86155" i="1"/>
  <c r="G86156" i="1"/>
  <c r="G86157" i="1"/>
  <c r="G86158" i="1"/>
  <c r="G86159" i="1"/>
  <c r="G86160" i="1"/>
  <c r="G86161" i="1"/>
  <c r="G86162" i="1"/>
  <c r="G86163" i="1"/>
  <c r="G86164" i="1"/>
  <c r="G86165" i="1"/>
  <c r="G86166" i="1"/>
  <c r="G86167" i="1"/>
  <c r="G86168" i="1"/>
  <c r="G86169" i="1"/>
  <c r="G86170" i="1"/>
  <c r="G86171" i="1"/>
  <c r="G86172" i="1"/>
  <c r="G86173" i="1"/>
  <c r="G86174" i="1"/>
  <c r="G86175" i="1"/>
  <c r="G86176" i="1"/>
  <c r="G86177" i="1"/>
  <c r="G86178" i="1"/>
  <c r="G86179" i="1"/>
  <c r="G86180" i="1"/>
  <c r="G86181" i="1"/>
  <c r="G86182" i="1"/>
  <c r="G86183" i="1"/>
  <c r="G86184" i="1"/>
  <c r="G86185" i="1"/>
  <c r="G86186" i="1"/>
  <c r="G86187" i="1"/>
  <c r="G86188" i="1"/>
  <c r="G86189" i="1"/>
  <c r="G86190" i="1"/>
  <c r="G86191" i="1"/>
  <c r="G86192" i="1"/>
  <c r="G86193" i="1"/>
  <c r="G86194" i="1"/>
  <c r="G86195" i="1"/>
  <c r="G86196" i="1"/>
  <c r="G86197" i="1"/>
  <c r="G86198" i="1"/>
  <c r="G86199" i="1"/>
  <c r="G86200" i="1"/>
  <c r="G86201" i="1"/>
  <c r="G86202" i="1"/>
  <c r="G86203" i="1"/>
  <c r="G86204" i="1"/>
  <c r="G86205" i="1"/>
  <c r="G86206" i="1"/>
  <c r="G86207" i="1"/>
  <c r="G86208" i="1"/>
  <c r="G86209" i="1"/>
  <c r="G86210" i="1"/>
  <c r="G86211" i="1"/>
  <c r="G86212" i="1"/>
  <c r="G86213" i="1"/>
  <c r="G86214" i="1"/>
  <c r="G86215" i="1"/>
  <c r="G86216" i="1"/>
  <c r="G86217" i="1"/>
  <c r="G86218" i="1"/>
  <c r="G86219" i="1"/>
  <c r="G86220" i="1"/>
  <c r="G86221" i="1"/>
  <c r="G86222" i="1"/>
  <c r="G86223" i="1"/>
  <c r="G86224" i="1"/>
  <c r="G86225" i="1"/>
  <c r="G86226" i="1"/>
  <c r="G86227" i="1"/>
  <c r="G86228" i="1"/>
  <c r="G86229" i="1"/>
  <c r="G86230" i="1"/>
  <c r="G86231" i="1"/>
  <c r="G86232" i="1"/>
  <c r="G86233" i="1"/>
  <c r="G86234" i="1"/>
  <c r="G86235" i="1"/>
  <c r="G86236" i="1"/>
  <c r="G86237" i="1"/>
  <c r="G86238" i="1"/>
  <c r="G86239" i="1"/>
  <c r="G86240" i="1"/>
  <c r="G86241" i="1"/>
  <c r="G86242" i="1"/>
  <c r="G86243" i="1"/>
  <c r="G86244" i="1"/>
  <c r="G86245" i="1"/>
  <c r="G86246" i="1"/>
  <c r="G86247" i="1"/>
  <c r="G86248" i="1"/>
  <c r="G86249" i="1"/>
  <c r="G86250" i="1"/>
  <c r="G86251" i="1"/>
  <c r="G86252" i="1"/>
  <c r="G86253" i="1"/>
  <c r="G86254" i="1"/>
  <c r="G86255" i="1"/>
  <c r="G86256" i="1"/>
  <c r="G86257" i="1"/>
  <c r="G86258" i="1"/>
  <c r="G86259" i="1"/>
  <c r="G86260" i="1"/>
  <c r="G86261" i="1"/>
  <c r="G86262" i="1"/>
  <c r="G86263" i="1"/>
  <c r="G86264" i="1"/>
  <c r="G86265" i="1"/>
  <c r="G86266" i="1"/>
  <c r="G86267" i="1"/>
  <c r="G86268" i="1"/>
  <c r="G86269" i="1"/>
  <c r="G86270" i="1"/>
  <c r="G86271" i="1"/>
  <c r="G86272" i="1"/>
  <c r="G86273" i="1"/>
  <c r="G86274" i="1"/>
  <c r="G86275" i="1"/>
  <c r="G86276" i="1"/>
  <c r="G86277" i="1"/>
  <c r="G86278" i="1"/>
  <c r="G86279" i="1"/>
  <c r="G86280" i="1"/>
  <c r="G86281" i="1"/>
  <c r="G86282" i="1"/>
  <c r="G86283" i="1"/>
  <c r="G86284" i="1"/>
  <c r="G86285" i="1"/>
  <c r="G86286" i="1"/>
  <c r="G86287" i="1"/>
  <c r="G86288" i="1"/>
  <c r="G86289" i="1"/>
  <c r="G86290" i="1"/>
  <c r="G86291" i="1"/>
  <c r="G86292" i="1"/>
  <c r="G86293" i="1"/>
  <c r="G86294" i="1"/>
  <c r="G86295" i="1"/>
  <c r="G86296" i="1"/>
  <c r="G86297" i="1"/>
  <c r="G86298" i="1"/>
  <c r="G86299" i="1"/>
  <c r="G86300" i="1"/>
  <c r="G86301" i="1"/>
  <c r="G86302" i="1"/>
  <c r="G86303" i="1"/>
  <c r="G86304" i="1"/>
  <c r="G86305" i="1"/>
  <c r="G86306" i="1"/>
  <c r="G86307" i="1"/>
  <c r="G86308" i="1"/>
  <c r="G86309" i="1"/>
  <c r="G86310" i="1"/>
  <c r="G86311" i="1"/>
  <c r="G86312" i="1"/>
  <c r="G86313" i="1"/>
  <c r="G86314" i="1"/>
  <c r="G86315" i="1"/>
  <c r="G86316" i="1"/>
  <c r="G86317" i="1"/>
  <c r="G86318" i="1"/>
  <c r="G86319" i="1"/>
  <c r="G86320" i="1"/>
  <c r="G86321" i="1"/>
  <c r="G86322" i="1"/>
  <c r="G86323" i="1"/>
  <c r="G86324" i="1"/>
  <c r="G86325" i="1"/>
  <c r="G86326" i="1"/>
  <c r="G86327" i="1"/>
  <c r="G86328" i="1"/>
  <c r="G86329" i="1"/>
  <c r="G86330" i="1"/>
  <c r="G86331" i="1"/>
  <c r="G86332" i="1"/>
  <c r="G86333" i="1"/>
  <c r="G86334" i="1"/>
  <c r="G86335" i="1"/>
  <c r="G86336" i="1"/>
  <c r="G86337" i="1"/>
  <c r="G86338" i="1"/>
  <c r="G86339" i="1"/>
  <c r="G86340" i="1"/>
  <c r="G86341" i="1"/>
  <c r="G86342" i="1"/>
  <c r="G86343" i="1"/>
  <c r="G86344" i="1"/>
  <c r="G86345" i="1"/>
  <c r="G86346" i="1"/>
  <c r="G86347" i="1"/>
  <c r="G86348" i="1"/>
  <c r="G86349" i="1"/>
  <c r="G86350" i="1"/>
  <c r="G86351" i="1"/>
  <c r="G86352" i="1"/>
  <c r="G86353" i="1"/>
  <c r="G86354" i="1"/>
  <c r="G86355" i="1"/>
  <c r="G86356" i="1"/>
  <c r="G86357" i="1"/>
  <c r="G86358" i="1"/>
  <c r="G86359" i="1"/>
  <c r="G86360" i="1"/>
  <c r="G86361" i="1"/>
  <c r="G86362" i="1"/>
  <c r="G86363" i="1"/>
  <c r="G86364" i="1"/>
  <c r="G86365" i="1"/>
  <c r="G86366" i="1"/>
  <c r="G86367" i="1"/>
  <c r="G86368" i="1"/>
  <c r="G86369" i="1"/>
  <c r="G86370" i="1"/>
  <c r="G86371" i="1"/>
  <c r="G86372" i="1"/>
  <c r="G86373" i="1"/>
  <c r="G86374" i="1"/>
  <c r="G86375" i="1"/>
  <c r="G86376" i="1"/>
  <c r="G86377" i="1"/>
  <c r="G86378" i="1"/>
  <c r="G86379" i="1"/>
  <c r="G86380" i="1"/>
  <c r="G86381" i="1"/>
  <c r="G86382" i="1"/>
  <c r="G86383" i="1"/>
  <c r="G86384" i="1"/>
  <c r="G86385" i="1"/>
  <c r="G86386" i="1"/>
  <c r="G86387" i="1"/>
  <c r="G86388" i="1"/>
  <c r="G86389" i="1"/>
  <c r="G86390" i="1"/>
  <c r="G86391" i="1"/>
  <c r="G86392" i="1"/>
  <c r="G86393" i="1"/>
  <c r="G86394" i="1"/>
  <c r="G86395" i="1"/>
  <c r="G86396" i="1"/>
  <c r="G86397" i="1"/>
  <c r="G86398" i="1"/>
  <c r="G86399" i="1"/>
  <c r="G86400" i="1"/>
  <c r="G86401" i="1"/>
  <c r="G86402" i="1"/>
  <c r="G86403" i="1"/>
  <c r="G86404" i="1"/>
  <c r="G86405" i="1"/>
  <c r="G86406" i="1"/>
  <c r="G86407" i="1"/>
  <c r="G86408" i="1"/>
  <c r="G86409" i="1"/>
  <c r="G86410" i="1"/>
  <c r="G86411" i="1"/>
  <c r="G86412" i="1"/>
  <c r="G86413" i="1"/>
  <c r="G86414" i="1"/>
  <c r="G86415" i="1"/>
  <c r="G86416" i="1"/>
  <c r="G86417" i="1"/>
  <c r="G86418" i="1"/>
  <c r="G86419" i="1"/>
  <c r="G86420" i="1"/>
  <c r="G86421" i="1"/>
  <c r="G86422" i="1"/>
  <c r="G86423" i="1"/>
  <c r="G86424" i="1"/>
  <c r="G86425" i="1"/>
  <c r="G86426" i="1"/>
  <c r="G86427" i="1"/>
  <c r="G86428" i="1"/>
  <c r="G86429" i="1"/>
  <c r="G86430" i="1"/>
  <c r="G86431" i="1"/>
  <c r="G86432" i="1"/>
  <c r="G86433" i="1"/>
  <c r="G86434" i="1"/>
  <c r="G86435" i="1"/>
  <c r="G86436" i="1"/>
  <c r="G86437" i="1"/>
  <c r="G86438" i="1"/>
  <c r="G86439" i="1"/>
  <c r="G86440" i="1"/>
  <c r="G86441" i="1"/>
  <c r="G86442" i="1"/>
  <c r="G86443" i="1"/>
  <c r="G86444" i="1"/>
  <c r="G86445" i="1"/>
  <c r="G86446" i="1"/>
  <c r="G86447" i="1"/>
  <c r="G86448" i="1"/>
  <c r="G86449" i="1"/>
  <c r="G86450" i="1"/>
  <c r="G86451" i="1"/>
  <c r="G86452" i="1"/>
  <c r="G86453" i="1"/>
  <c r="G86454" i="1"/>
  <c r="G86455" i="1"/>
  <c r="G86456" i="1"/>
  <c r="G86457" i="1"/>
  <c r="G86458" i="1"/>
  <c r="G86459" i="1"/>
  <c r="G86460" i="1"/>
  <c r="G86461" i="1"/>
  <c r="G86462" i="1"/>
  <c r="G86463" i="1"/>
  <c r="G86464" i="1"/>
  <c r="G86465" i="1"/>
  <c r="G86466" i="1"/>
  <c r="G86467" i="1"/>
  <c r="G86468" i="1"/>
  <c r="G86469" i="1"/>
  <c r="G86470" i="1"/>
  <c r="G86471" i="1"/>
  <c r="G86472" i="1"/>
  <c r="G86473" i="1"/>
  <c r="G86474" i="1"/>
  <c r="G86475" i="1"/>
  <c r="G86476" i="1"/>
  <c r="G86477" i="1"/>
  <c r="G86478" i="1"/>
  <c r="G86479" i="1"/>
  <c r="G86480" i="1"/>
  <c r="G86481" i="1"/>
  <c r="G86482" i="1"/>
  <c r="G86483" i="1"/>
  <c r="G86484" i="1"/>
  <c r="G86485" i="1"/>
  <c r="G86486" i="1"/>
  <c r="G86487" i="1"/>
  <c r="G86488" i="1"/>
  <c r="G86489" i="1"/>
  <c r="G86490" i="1"/>
  <c r="G86491" i="1"/>
  <c r="G86492" i="1"/>
  <c r="G86493" i="1"/>
  <c r="G86494" i="1"/>
  <c r="G86495" i="1"/>
  <c r="G86496" i="1"/>
  <c r="G86497" i="1"/>
  <c r="G86498" i="1"/>
  <c r="G86499" i="1"/>
  <c r="G86500" i="1"/>
  <c r="G86501" i="1"/>
  <c r="G86502" i="1"/>
  <c r="G86503" i="1"/>
  <c r="G86504" i="1"/>
  <c r="G86505" i="1"/>
  <c r="G86506" i="1"/>
  <c r="G86507" i="1"/>
  <c r="G86508" i="1"/>
  <c r="G86509" i="1"/>
  <c r="G86510" i="1"/>
  <c r="G86511" i="1"/>
  <c r="G86512" i="1"/>
  <c r="G86513" i="1"/>
  <c r="G86514" i="1"/>
  <c r="G86515" i="1"/>
  <c r="G86516" i="1"/>
  <c r="G86517" i="1"/>
  <c r="G86518" i="1"/>
  <c r="G86519" i="1"/>
  <c r="G86520" i="1"/>
  <c r="G86521" i="1"/>
  <c r="G86522" i="1"/>
  <c r="G86523" i="1"/>
  <c r="G86524" i="1"/>
  <c r="G86525" i="1"/>
  <c r="G86526" i="1"/>
  <c r="G86527" i="1"/>
  <c r="G86528" i="1"/>
  <c r="G86529" i="1"/>
  <c r="G86530" i="1"/>
  <c r="G86531" i="1"/>
  <c r="G86532" i="1"/>
  <c r="G86533" i="1"/>
  <c r="G86534" i="1"/>
  <c r="G86535" i="1"/>
  <c r="G86536" i="1"/>
  <c r="G86537" i="1"/>
  <c r="G86538" i="1"/>
  <c r="G86539" i="1"/>
  <c r="G86540" i="1"/>
  <c r="G86541" i="1"/>
  <c r="G86542" i="1"/>
  <c r="G86543" i="1"/>
  <c r="G86544" i="1"/>
  <c r="G86545" i="1"/>
  <c r="G86546" i="1"/>
  <c r="G86547" i="1"/>
  <c r="G86548" i="1"/>
  <c r="G86549" i="1"/>
  <c r="G86550" i="1"/>
  <c r="G86551" i="1"/>
  <c r="G86552" i="1"/>
  <c r="G86553" i="1"/>
  <c r="G86554" i="1"/>
  <c r="G86555" i="1"/>
  <c r="G86556" i="1"/>
  <c r="G86557" i="1"/>
  <c r="G86558" i="1"/>
  <c r="G86559" i="1"/>
  <c r="G86560" i="1"/>
  <c r="G86561" i="1"/>
  <c r="G86562" i="1"/>
  <c r="G86563" i="1"/>
  <c r="G86564" i="1"/>
  <c r="G86565" i="1"/>
  <c r="G86566" i="1"/>
  <c r="G86567" i="1"/>
  <c r="G86568" i="1"/>
  <c r="G86569" i="1"/>
  <c r="G86570" i="1"/>
  <c r="G86571" i="1"/>
  <c r="G86572" i="1"/>
  <c r="G86573" i="1"/>
  <c r="G86574" i="1"/>
  <c r="G86575" i="1"/>
  <c r="G86576" i="1"/>
  <c r="G86577" i="1"/>
  <c r="G86578" i="1"/>
  <c r="G86579" i="1"/>
  <c r="G86580" i="1"/>
  <c r="G86581" i="1"/>
  <c r="G86582" i="1"/>
  <c r="G86583" i="1"/>
  <c r="G86584" i="1"/>
  <c r="G86585" i="1"/>
  <c r="G86586" i="1"/>
  <c r="G86587" i="1"/>
  <c r="G86588" i="1"/>
  <c r="G86589" i="1"/>
  <c r="G86590" i="1"/>
  <c r="G86591" i="1"/>
  <c r="G86592" i="1"/>
  <c r="G86593" i="1"/>
  <c r="G86594" i="1"/>
  <c r="G86595" i="1"/>
  <c r="G86596" i="1"/>
  <c r="G86597" i="1"/>
  <c r="G86598" i="1"/>
  <c r="G86599" i="1"/>
  <c r="G86600" i="1"/>
  <c r="G86601" i="1"/>
  <c r="G86602" i="1"/>
  <c r="G86603" i="1"/>
  <c r="G86604" i="1"/>
  <c r="G86605" i="1"/>
  <c r="G86606" i="1"/>
  <c r="G86607" i="1"/>
  <c r="G86608" i="1"/>
  <c r="G86609" i="1"/>
  <c r="G86610" i="1"/>
  <c r="G86611" i="1"/>
  <c r="G86612" i="1"/>
  <c r="G86613" i="1"/>
  <c r="G86614" i="1"/>
  <c r="G86615" i="1"/>
  <c r="G86616" i="1"/>
  <c r="G86617" i="1"/>
  <c r="G86618" i="1"/>
  <c r="G86619" i="1"/>
  <c r="G86620" i="1"/>
  <c r="G86621" i="1"/>
  <c r="G86622" i="1"/>
  <c r="G86623" i="1"/>
  <c r="G86624" i="1"/>
  <c r="G86625" i="1"/>
  <c r="G86626" i="1"/>
  <c r="G86627" i="1"/>
  <c r="G86628" i="1"/>
  <c r="G86629" i="1"/>
  <c r="G86630" i="1"/>
  <c r="G86631" i="1"/>
  <c r="G86632" i="1"/>
  <c r="G86633" i="1"/>
  <c r="G86634" i="1"/>
  <c r="G86635" i="1"/>
  <c r="G86636" i="1"/>
  <c r="G86637" i="1"/>
  <c r="G86638" i="1"/>
  <c r="G86639" i="1"/>
  <c r="G86640" i="1"/>
  <c r="G86641" i="1"/>
  <c r="G86642" i="1"/>
  <c r="G86643" i="1"/>
  <c r="G86644" i="1"/>
  <c r="G86645" i="1"/>
  <c r="G86646" i="1"/>
  <c r="G86647" i="1"/>
  <c r="G86648" i="1"/>
  <c r="G86649" i="1"/>
  <c r="G86650" i="1"/>
  <c r="G86651" i="1"/>
  <c r="G86652" i="1"/>
  <c r="G86653" i="1"/>
  <c r="G86654" i="1"/>
  <c r="G86655" i="1"/>
  <c r="G86656" i="1"/>
  <c r="G86657" i="1"/>
  <c r="G86658" i="1"/>
  <c r="G86659" i="1"/>
  <c r="G86660" i="1"/>
  <c r="G86661" i="1"/>
  <c r="G86662" i="1"/>
  <c r="G86663" i="1"/>
  <c r="G86664" i="1"/>
  <c r="G86665" i="1"/>
  <c r="G86666" i="1"/>
  <c r="G86667" i="1"/>
  <c r="G86668" i="1"/>
  <c r="G86669" i="1"/>
  <c r="G86670" i="1"/>
  <c r="G86671" i="1"/>
  <c r="G86672" i="1"/>
  <c r="G86673" i="1"/>
  <c r="G86674" i="1"/>
  <c r="G86675" i="1"/>
  <c r="G86676" i="1"/>
  <c r="G86677" i="1"/>
  <c r="G86678" i="1"/>
  <c r="G86679" i="1"/>
  <c r="G86680" i="1"/>
  <c r="G86681" i="1"/>
  <c r="G86682" i="1"/>
  <c r="G86683" i="1"/>
  <c r="G86684" i="1"/>
  <c r="G86685" i="1"/>
  <c r="G86686" i="1"/>
  <c r="G86687" i="1"/>
  <c r="G86688" i="1"/>
  <c r="G86689" i="1"/>
  <c r="G86690" i="1"/>
  <c r="G86691" i="1"/>
  <c r="G86692" i="1"/>
  <c r="G86693" i="1"/>
  <c r="G86694" i="1"/>
  <c r="G86695" i="1"/>
  <c r="G86696" i="1"/>
  <c r="G86697" i="1"/>
  <c r="G86698" i="1"/>
  <c r="G86699" i="1"/>
  <c r="G86700" i="1"/>
  <c r="G86701" i="1"/>
  <c r="G86702" i="1"/>
  <c r="G86703" i="1"/>
  <c r="G86704" i="1"/>
  <c r="G86705" i="1"/>
  <c r="G86706" i="1"/>
  <c r="G86707" i="1"/>
  <c r="G86708" i="1"/>
  <c r="G86709" i="1"/>
  <c r="G86710" i="1"/>
  <c r="G86711" i="1"/>
  <c r="G86712" i="1"/>
  <c r="G86713" i="1"/>
  <c r="G86714" i="1"/>
  <c r="G86715" i="1"/>
  <c r="G86716" i="1"/>
  <c r="G86717" i="1"/>
  <c r="G86718" i="1"/>
  <c r="G86719" i="1"/>
  <c r="G86720" i="1"/>
  <c r="G86721" i="1"/>
  <c r="G86722" i="1"/>
  <c r="G86723" i="1"/>
  <c r="G86724" i="1"/>
  <c r="G86725" i="1"/>
  <c r="G86726" i="1"/>
  <c r="G86727" i="1"/>
  <c r="G86728" i="1"/>
  <c r="G86729" i="1"/>
  <c r="G86730" i="1"/>
  <c r="G86731" i="1"/>
  <c r="G86732" i="1"/>
  <c r="G86733" i="1"/>
  <c r="G86734" i="1"/>
  <c r="G86735" i="1"/>
  <c r="G86736" i="1"/>
  <c r="G86737" i="1"/>
  <c r="G86738" i="1"/>
  <c r="G86739" i="1"/>
  <c r="G86740" i="1"/>
  <c r="G86741" i="1"/>
  <c r="G86742" i="1"/>
  <c r="G86743" i="1"/>
  <c r="G86744" i="1"/>
  <c r="G86745" i="1"/>
  <c r="G86746" i="1"/>
  <c r="G86747" i="1"/>
  <c r="G86748" i="1"/>
  <c r="G86749" i="1"/>
  <c r="G86750" i="1"/>
  <c r="G86751" i="1"/>
  <c r="G86752" i="1"/>
  <c r="G86753" i="1"/>
  <c r="G86754" i="1"/>
  <c r="G86755" i="1"/>
  <c r="G86756" i="1"/>
  <c r="G86757" i="1"/>
  <c r="G86758" i="1"/>
  <c r="G86759" i="1"/>
  <c r="G86760" i="1"/>
  <c r="G86761" i="1"/>
  <c r="G86762" i="1"/>
  <c r="G86763" i="1"/>
  <c r="G86764" i="1"/>
  <c r="G86765" i="1"/>
  <c r="G86766" i="1"/>
  <c r="G86767" i="1"/>
  <c r="G86768" i="1"/>
  <c r="G86769" i="1"/>
  <c r="G86770" i="1"/>
  <c r="G86771" i="1"/>
  <c r="G86772" i="1"/>
  <c r="G86773" i="1"/>
  <c r="G86774" i="1"/>
  <c r="G86775" i="1"/>
  <c r="G86776" i="1"/>
  <c r="G86777" i="1"/>
  <c r="G86778" i="1"/>
  <c r="G86779" i="1"/>
  <c r="G86780" i="1"/>
  <c r="G86781" i="1"/>
  <c r="G86782" i="1"/>
  <c r="G86783" i="1"/>
  <c r="G86784" i="1"/>
  <c r="G86785" i="1"/>
  <c r="G86786" i="1"/>
  <c r="G86787" i="1"/>
  <c r="G86788" i="1"/>
  <c r="G86789" i="1"/>
  <c r="G86790" i="1"/>
  <c r="G86791" i="1"/>
  <c r="G86792" i="1"/>
  <c r="G86793" i="1"/>
  <c r="G86794" i="1"/>
  <c r="G86795" i="1"/>
  <c r="G86796" i="1"/>
  <c r="G86797" i="1"/>
  <c r="G86798" i="1"/>
  <c r="G86799" i="1"/>
  <c r="G86800" i="1"/>
  <c r="G86801" i="1"/>
  <c r="G86802" i="1"/>
  <c r="G86803" i="1"/>
  <c r="G86804" i="1"/>
  <c r="G86805" i="1"/>
  <c r="G86806" i="1"/>
  <c r="G86807" i="1"/>
  <c r="G86808" i="1"/>
  <c r="G86809" i="1"/>
  <c r="G86810" i="1"/>
  <c r="G86811" i="1"/>
  <c r="G86812" i="1"/>
  <c r="G86813" i="1"/>
  <c r="G86814" i="1"/>
  <c r="G86815" i="1"/>
  <c r="G86816" i="1"/>
  <c r="G86817" i="1"/>
  <c r="G86818" i="1"/>
  <c r="G86819" i="1"/>
  <c r="G86820" i="1"/>
  <c r="G86821" i="1"/>
  <c r="G86822" i="1"/>
  <c r="G86823" i="1"/>
  <c r="G86824" i="1"/>
  <c r="G86825" i="1"/>
  <c r="G86826" i="1"/>
  <c r="G86827" i="1"/>
  <c r="G86828" i="1"/>
  <c r="G86829" i="1"/>
  <c r="G86830" i="1"/>
  <c r="G86831" i="1"/>
  <c r="G86832" i="1"/>
  <c r="G86833" i="1"/>
  <c r="G86834" i="1"/>
  <c r="G86835" i="1"/>
  <c r="G86836" i="1"/>
  <c r="G86837" i="1"/>
  <c r="G86838" i="1"/>
  <c r="G86839" i="1"/>
  <c r="G86840" i="1"/>
  <c r="G86841" i="1"/>
  <c r="G86842" i="1"/>
  <c r="G86843" i="1"/>
  <c r="G86844" i="1"/>
  <c r="G86845" i="1"/>
  <c r="G86846" i="1"/>
  <c r="G86847" i="1"/>
  <c r="G86848" i="1"/>
  <c r="G86849" i="1"/>
  <c r="G86850" i="1"/>
  <c r="G86851" i="1"/>
  <c r="G86852" i="1"/>
  <c r="G86853" i="1"/>
  <c r="G86854" i="1"/>
  <c r="G86855" i="1"/>
  <c r="G86856" i="1"/>
  <c r="G86857" i="1"/>
  <c r="G86858" i="1"/>
  <c r="G86859" i="1"/>
  <c r="G86860" i="1"/>
  <c r="G86861" i="1"/>
  <c r="G86862" i="1"/>
  <c r="G86863" i="1"/>
  <c r="G86864" i="1"/>
  <c r="G86865" i="1"/>
  <c r="G86866" i="1"/>
  <c r="G86867" i="1"/>
  <c r="G86868" i="1"/>
  <c r="G86869" i="1"/>
  <c r="G86870" i="1"/>
  <c r="G86871" i="1"/>
  <c r="G86872" i="1"/>
  <c r="G86873" i="1"/>
  <c r="G86874" i="1"/>
  <c r="G86875" i="1"/>
  <c r="G86876" i="1"/>
  <c r="G86877" i="1"/>
  <c r="G86878" i="1"/>
  <c r="G86879" i="1"/>
  <c r="G86880" i="1"/>
  <c r="G86881" i="1"/>
  <c r="G86882" i="1"/>
  <c r="G86883" i="1"/>
  <c r="G86884" i="1"/>
  <c r="G86885" i="1"/>
  <c r="G86886" i="1"/>
  <c r="G86887" i="1"/>
  <c r="G86888" i="1"/>
  <c r="G86889" i="1"/>
  <c r="G86890" i="1"/>
  <c r="G86891" i="1"/>
  <c r="G86892" i="1"/>
  <c r="G86893" i="1"/>
  <c r="G86894" i="1"/>
  <c r="G86895" i="1"/>
  <c r="G86896" i="1"/>
  <c r="G86897" i="1"/>
  <c r="G86898" i="1"/>
  <c r="G86899" i="1"/>
  <c r="G86900" i="1"/>
  <c r="G86901" i="1"/>
  <c r="G86902" i="1"/>
  <c r="G86903" i="1"/>
  <c r="G86904" i="1"/>
  <c r="G86905" i="1"/>
  <c r="G86906" i="1"/>
  <c r="G86907" i="1"/>
  <c r="G86908" i="1"/>
  <c r="G86909" i="1"/>
  <c r="G86910" i="1"/>
  <c r="G86911" i="1"/>
  <c r="G86912" i="1"/>
  <c r="G86913" i="1"/>
  <c r="G86914" i="1"/>
  <c r="G86915" i="1"/>
  <c r="G86916" i="1"/>
  <c r="G86917" i="1"/>
  <c r="G86918" i="1"/>
  <c r="G86919" i="1"/>
  <c r="G86920" i="1"/>
  <c r="G86921" i="1"/>
  <c r="G86922" i="1"/>
  <c r="G86923" i="1"/>
  <c r="G86924" i="1"/>
  <c r="G86925" i="1"/>
  <c r="G86926" i="1"/>
  <c r="G86927" i="1"/>
  <c r="G86928" i="1"/>
  <c r="G86929" i="1"/>
  <c r="G86930" i="1"/>
  <c r="G86931" i="1"/>
  <c r="G86932" i="1"/>
  <c r="G86933" i="1"/>
  <c r="G86934" i="1"/>
  <c r="G86935" i="1"/>
  <c r="G86936" i="1"/>
  <c r="G86937" i="1"/>
  <c r="G86938" i="1"/>
  <c r="G86939" i="1"/>
  <c r="G86940" i="1"/>
  <c r="G86941" i="1"/>
  <c r="G86942" i="1"/>
  <c r="G86943" i="1"/>
  <c r="G86944" i="1"/>
  <c r="G86945" i="1"/>
  <c r="G86946" i="1"/>
  <c r="G86947" i="1"/>
  <c r="G86948" i="1"/>
  <c r="G86949" i="1"/>
  <c r="G86950" i="1"/>
  <c r="G86951" i="1"/>
  <c r="G86952" i="1"/>
  <c r="G86953" i="1"/>
  <c r="G86954" i="1"/>
  <c r="G86955" i="1"/>
  <c r="G86956" i="1"/>
  <c r="G86957" i="1"/>
  <c r="G86958" i="1"/>
  <c r="G86959" i="1"/>
  <c r="G86960" i="1"/>
  <c r="G86961" i="1"/>
  <c r="G86962" i="1"/>
  <c r="G86963" i="1"/>
  <c r="G86964" i="1"/>
  <c r="G86965" i="1"/>
  <c r="G86966" i="1"/>
  <c r="G86967" i="1"/>
  <c r="G86968" i="1"/>
  <c r="G86969" i="1"/>
  <c r="G86970" i="1"/>
  <c r="G86971" i="1"/>
  <c r="G86972" i="1"/>
  <c r="G86973" i="1"/>
  <c r="G86974" i="1"/>
  <c r="G86975" i="1"/>
  <c r="G86976" i="1"/>
  <c r="G86977" i="1"/>
  <c r="G86978" i="1"/>
  <c r="G86979" i="1"/>
  <c r="G86980" i="1"/>
  <c r="G86981" i="1"/>
  <c r="G86982" i="1"/>
  <c r="G86983" i="1"/>
  <c r="G86984" i="1"/>
  <c r="G86985" i="1"/>
  <c r="G86986" i="1"/>
  <c r="G86987" i="1"/>
  <c r="G86988" i="1"/>
  <c r="G86989" i="1"/>
  <c r="G86990" i="1"/>
  <c r="G86991" i="1"/>
  <c r="G86992" i="1"/>
  <c r="G86993" i="1"/>
  <c r="G86994" i="1"/>
  <c r="G86995" i="1"/>
  <c r="G86996" i="1"/>
  <c r="G86997" i="1"/>
  <c r="G86998" i="1"/>
  <c r="G86999" i="1"/>
  <c r="G87000" i="1"/>
  <c r="G87001" i="1"/>
  <c r="G87002" i="1"/>
  <c r="G87003" i="1"/>
  <c r="G87004" i="1"/>
  <c r="G87005" i="1"/>
  <c r="G87006" i="1"/>
  <c r="G87007" i="1"/>
  <c r="G87008" i="1"/>
  <c r="G87009" i="1"/>
  <c r="G87010" i="1"/>
  <c r="G87011" i="1"/>
  <c r="G87012" i="1"/>
  <c r="G87013" i="1"/>
  <c r="G87014" i="1"/>
  <c r="G87015" i="1"/>
  <c r="G87016" i="1"/>
  <c r="G87017" i="1"/>
  <c r="G87018" i="1"/>
  <c r="G87019" i="1"/>
  <c r="G87020" i="1"/>
  <c r="G87021" i="1"/>
  <c r="G87022" i="1"/>
  <c r="G87023" i="1"/>
  <c r="G87024" i="1"/>
  <c r="G87025" i="1"/>
  <c r="G87026" i="1"/>
  <c r="G87027" i="1"/>
  <c r="G87028" i="1"/>
  <c r="G87029" i="1"/>
  <c r="G87030" i="1"/>
  <c r="G87031" i="1"/>
  <c r="G87032" i="1"/>
  <c r="G87033" i="1"/>
  <c r="G87034" i="1"/>
  <c r="G87035" i="1"/>
  <c r="G87036" i="1"/>
  <c r="G87037" i="1"/>
  <c r="G87038" i="1"/>
  <c r="G87039" i="1"/>
  <c r="G87040" i="1"/>
  <c r="G87041" i="1"/>
  <c r="G87042" i="1"/>
  <c r="G87043" i="1"/>
  <c r="G87044" i="1"/>
  <c r="G87045" i="1"/>
  <c r="G87046" i="1"/>
  <c r="G87047" i="1"/>
  <c r="G87048" i="1"/>
  <c r="G87049" i="1"/>
  <c r="G87050" i="1"/>
  <c r="G87051" i="1"/>
  <c r="G87052" i="1"/>
  <c r="G87053" i="1"/>
  <c r="G87054" i="1"/>
  <c r="G87055" i="1"/>
  <c r="G87056" i="1"/>
  <c r="G87057" i="1"/>
  <c r="G87058" i="1"/>
  <c r="G87059" i="1"/>
  <c r="G87060" i="1"/>
  <c r="G87061" i="1"/>
  <c r="G87062" i="1"/>
  <c r="G87063" i="1"/>
  <c r="G87064" i="1"/>
  <c r="G87065" i="1"/>
  <c r="G87066" i="1"/>
  <c r="G87067" i="1"/>
  <c r="G87068" i="1"/>
  <c r="G87069" i="1"/>
  <c r="G87070" i="1"/>
  <c r="G87071" i="1"/>
  <c r="G87072" i="1"/>
  <c r="G87073" i="1"/>
  <c r="G87074" i="1"/>
  <c r="G87075" i="1"/>
  <c r="G87076" i="1"/>
  <c r="G87077" i="1"/>
  <c r="G87078" i="1"/>
  <c r="G87079" i="1"/>
  <c r="G87080" i="1"/>
  <c r="G87081" i="1"/>
  <c r="G87082" i="1"/>
  <c r="G87083" i="1"/>
  <c r="G87084" i="1"/>
  <c r="G87085" i="1"/>
  <c r="G87086" i="1"/>
  <c r="G87087" i="1"/>
  <c r="G87088" i="1"/>
  <c r="G87089" i="1"/>
  <c r="G87090" i="1"/>
  <c r="G87091" i="1"/>
  <c r="G87092" i="1"/>
  <c r="G87093" i="1"/>
  <c r="G87094" i="1"/>
  <c r="G87095" i="1"/>
  <c r="G87096" i="1"/>
  <c r="G87097" i="1"/>
  <c r="G87098" i="1"/>
  <c r="G87099" i="1"/>
  <c r="G87100" i="1"/>
  <c r="G87101" i="1"/>
  <c r="G87102" i="1"/>
  <c r="G87103" i="1"/>
  <c r="G87104" i="1"/>
  <c r="G87105" i="1"/>
  <c r="G87106" i="1"/>
  <c r="G87107" i="1"/>
  <c r="G87108" i="1"/>
  <c r="G87109" i="1"/>
  <c r="G87110" i="1"/>
  <c r="G87111" i="1"/>
  <c r="G87112" i="1"/>
  <c r="G87113" i="1"/>
  <c r="G87114" i="1"/>
  <c r="G87115" i="1"/>
  <c r="G87116" i="1"/>
  <c r="G87117" i="1"/>
  <c r="G87118" i="1"/>
  <c r="G87119" i="1"/>
  <c r="G87120" i="1"/>
  <c r="G87121" i="1"/>
  <c r="G87122" i="1"/>
  <c r="G87123" i="1"/>
  <c r="G87124" i="1"/>
  <c r="G87125" i="1"/>
  <c r="G87126" i="1"/>
  <c r="G87127" i="1"/>
  <c r="G87128" i="1"/>
  <c r="G87129" i="1"/>
  <c r="G87130" i="1"/>
  <c r="G87131" i="1"/>
  <c r="G87132" i="1"/>
  <c r="G87133" i="1"/>
  <c r="G87134" i="1"/>
  <c r="G87135" i="1"/>
  <c r="G87136" i="1"/>
  <c r="G87137" i="1"/>
  <c r="G87138" i="1"/>
  <c r="G87139" i="1"/>
  <c r="G87140" i="1"/>
  <c r="G87141" i="1"/>
  <c r="G87142" i="1"/>
  <c r="G87143" i="1"/>
  <c r="G87144" i="1"/>
  <c r="G87145" i="1"/>
  <c r="G87146" i="1"/>
  <c r="G87147" i="1"/>
  <c r="G87148" i="1"/>
  <c r="G87149" i="1"/>
  <c r="G87150" i="1"/>
  <c r="G87151" i="1"/>
  <c r="G87152" i="1"/>
  <c r="G87153" i="1"/>
  <c r="G87154" i="1"/>
  <c r="G87155" i="1"/>
  <c r="G87156" i="1"/>
  <c r="G87157" i="1"/>
  <c r="G87158" i="1"/>
  <c r="G87159" i="1"/>
  <c r="G87160" i="1"/>
  <c r="G87161" i="1"/>
  <c r="G87162" i="1"/>
  <c r="G87163" i="1"/>
  <c r="G87164" i="1"/>
  <c r="G87165" i="1"/>
  <c r="G87166" i="1"/>
  <c r="G87167" i="1"/>
  <c r="G87168" i="1"/>
  <c r="G87169" i="1"/>
  <c r="G87170" i="1"/>
  <c r="G87171" i="1"/>
  <c r="G87172" i="1"/>
  <c r="G87173" i="1"/>
  <c r="G87174" i="1"/>
  <c r="G87175" i="1"/>
  <c r="G87176" i="1"/>
  <c r="G87177" i="1"/>
  <c r="G87178" i="1"/>
  <c r="G87179" i="1"/>
  <c r="G87180" i="1"/>
  <c r="G87181" i="1"/>
  <c r="G87182" i="1"/>
  <c r="G87183" i="1"/>
  <c r="G87184" i="1"/>
  <c r="G87185" i="1"/>
  <c r="G87186" i="1"/>
  <c r="G87187" i="1"/>
  <c r="G87188" i="1"/>
  <c r="G87189" i="1"/>
  <c r="G87190" i="1"/>
  <c r="G87191" i="1"/>
  <c r="G87192" i="1"/>
  <c r="G87193" i="1"/>
  <c r="G87194" i="1"/>
  <c r="G87195" i="1"/>
  <c r="G87196" i="1"/>
  <c r="G87197" i="1"/>
  <c r="G87198" i="1"/>
  <c r="G87199" i="1"/>
  <c r="G87200" i="1"/>
  <c r="G87201" i="1"/>
  <c r="G87202" i="1"/>
  <c r="G87203" i="1"/>
  <c r="G87204" i="1"/>
  <c r="G87205" i="1"/>
  <c r="G87206" i="1"/>
  <c r="G87207" i="1"/>
  <c r="G87208" i="1"/>
  <c r="G87209" i="1"/>
  <c r="G87210" i="1"/>
  <c r="G87211" i="1"/>
  <c r="G87212" i="1"/>
  <c r="G87213" i="1"/>
  <c r="G87214" i="1"/>
  <c r="G87215" i="1"/>
  <c r="G87216" i="1"/>
  <c r="G87217" i="1"/>
  <c r="G87218" i="1"/>
  <c r="G87219" i="1"/>
  <c r="G87220" i="1"/>
  <c r="G87221" i="1"/>
  <c r="G87222" i="1"/>
  <c r="G87223" i="1"/>
  <c r="G87224" i="1"/>
  <c r="G87225" i="1"/>
  <c r="G87226" i="1"/>
  <c r="G87227" i="1"/>
  <c r="G87228" i="1"/>
  <c r="G87229" i="1"/>
  <c r="G87230" i="1"/>
  <c r="G87231" i="1"/>
  <c r="G87232" i="1"/>
  <c r="G87233" i="1"/>
  <c r="G87234" i="1"/>
  <c r="G87235" i="1"/>
  <c r="G87236" i="1"/>
  <c r="G87237" i="1"/>
  <c r="G87238" i="1"/>
  <c r="G87239" i="1"/>
  <c r="G87240" i="1"/>
  <c r="G87241" i="1"/>
  <c r="G87242" i="1"/>
  <c r="G87243" i="1"/>
  <c r="G87244" i="1"/>
  <c r="G87245" i="1"/>
  <c r="G87246" i="1"/>
  <c r="G87247" i="1"/>
  <c r="G87248" i="1"/>
  <c r="G87249" i="1"/>
  <c r="G87250" i="1"/>
  <c r="G87251" i="1"/>
  <c r="G87252" i="1"/>
  <c r="G87253" i="1"/>
  <c r="G87254" i="1"/>
  <c r="G87255" i="1"/>
  <c r="G87256" i="1"/>
  <c r="G87257" i="1"/>
  <c r="G87258" i="1"/>
  <c r="G87259" i="1"/>
  <c r="G87260" i="1"/>
  <c r="G87261" i="1"/>
  <c r="G87262" i="1"/>
  <c r="G87263" i="1"/>
  <c r="G87264" i="1"/>
  <c r="G87265" i="1"/>
  <c r="G87266" i="1"/>
  <c r="G87267" i="1"/>
  <c r="G87268" i="1"/>
  <c r="G87269" i="1"/>
  <c r="G87270" i="1"/>
  <c r="G87271" i="1"/>
  <c r="G87272" i="1"/>
  <c r="G87273" i="1"/>
  <c r="G87274" i="1"/>
  <c r="G87275" i="1"/>
  <c r="G87276" i="1"/>
  <c r="G87277" i="1"/>
  <c r="G87278" i="1"/>
  <c r="G87279" i="1"/>
  <c r="G87280" i="1"/>
  <c r="G87281" i="1"/>
  <c r="G87282" i="1"/>
  <c r="G87283" i="1"/>
  <c r="G87284" i="1"/>
  <c r="G87285" i="1"/>
  <c r="G87286" i="1"/>
  <c r="G87287" i="1"/>
  <c r="G87288" i="1"/>
  <c r="G87289" i="1"/>
  <c r="G87290" i="1"/>
  <c r="G87291" i="1"/>
  <c r="G87292" i="1"/>
  <c r="G87293" i="1"/>
  <c r="G87294" i="1"/>
  <c r="G87295" i="1"/>
  <c r="G87296" i="1"/>
  <c r="G87297" i="1"/>
  <c r="G87298" i="1"/>
  <c r="G87299" i="1"/>
  <c r="G87300" i="1"/>
  <c r="G87301" i="1"/>
  <c r="G87302" i="1"/>
  <c r="G87303" i="1"/>
  <c r="G87304" i="1"/>
  <c r="G87305" i="1"/>
  <c r="G87306" i="1"/>
  <c r="G87307" i="1"/>
  <c r="G87308" i="1"/>
  <c r="G87309" i="1"/>
  <c r="G87310" i="1"/>
  <c r="G87311" i="1"/>
  <c r="G87312" i="1"/>
  <c r="G87313" i="1"/>
  <c r="G87314" i="1"/>
  <c r="G87315" i="1"/>
  <c r="G87316" i="1"/>
  <c r="G87317" i="1"/>
  <c r="G87318" i="1"/>
  <c r="G87319" i="1"/>
  <c r="G87320" i="1"/>
  <c r="G87321" i="1"/>
  <c r="G87322" i="1"/>
  <c r="G87323" i="1"/>
  <c r="G87324" i="1"/>
  <c r="G87325" i="1"/>
  <c r="G87326" i="1"/>
  <c r="G87327" i="1"/>
  <c r="G87328" i="1"/>
  <c r="G87329" i="1"/>
  <c r="G87330" i="1"/>
  <c r="G87331" i="1"/>
  <c r="G87332" i="1"/>
  <c r="G87333" i="1"/>
  <c r="G87334" i="1"/>
  <c r="G87335" i="1"/>
  <c r="G87336" i="1"/>
  <c r="G87337" i="1"/>
  <c r="G87338" i="1"/>
  <c r="G87339" i="1"/>
  <c r="G87340" i="1"/>
  <c r="G87341" i="1"/>
  <c r="G87342" i="1"/>
  <c r="G87343" i="1"/>
  <c r="G87344" i="1"/>
  <c r="G87345" i="1"/>
  <c r="G87346" i="1"/>
  <c r="G87347" i="1"/>
  <c r="G87348" i="1"/>
  <c r="G87349" i="1"/>
  <c r="G87350" i="1"/>
  <c r="G87351" i="1"/>
  <c r="G87352" i="1"/>
  <c r="G87353" i="1"/>
  <c r="G87354" i="1"/>
  <c r="G87355" i="1"/>
  <c r="G87356" i="1"/>
  <c r="G87357" i="1"/>
  <c r="G87358" i="1"/>
  <c r="G87359" i="1"/>
  <c r="G87360" i="1"/>
  <c r="G87361" i="1"/>
  <c r="G87362" i="1"/>
  <c r="G87363" i="1"/>
  <c r="G87364" i="1"/>
  <c r="G87365" i="1"/>
  <c r="G87366" i="1"/>
  <c r="G87367" i="1"/>
  <c r="G87368" i="1"/>
  <c r="G87369" i="1"/>
  <c r="G87370" i="1"/>
  <c r="G87371" i="1"/>
  <c r="G87372" i="1"/>
  <c r="G87373" i="1"/>
  <c r="G87374" i="1"/>
  <c r="G87375" i="1"/>
  <c r="G87376" i="1"/>
  <c r="G87377" i="1"/>
  <c r="G87378" i="1"/>
  <c r="G87379" i="1"/>
  <c r="G87380" i="1"/>
  <c r="G87381" i="1"/>
  <c r="G87382" i="1"/>
  <c r="G87383" i="1"/>
  <c r="G87384" i="1"/>
  <c r="G87385" i="1"/>
  <c r="G87386" i="1"/>
  <c r="G87387" i="1"/>
  <c r="G87388" i="1"/>
  <c r="G87389" i="1"/>
  <c r="G87390" i="1"/>
  <c r="G87391" i="1"/>
  <c r="G87392" i="1"/>
  <c r="G87393" i="1"/>
  <c r="G87394" i="1"/>
  <c r="G87395" i="1"/>
  <c r="G87396" i="1"/>
  <c r="G87397" i="1"/>
  <c r="G87398" i="1"/>
  <c r="G87399" i="1"/>
  <c r="G87400" i="1"/>
  <c r="G87401" i="1"/>
  <c r="G87402" i="1"/>
  <c r="G87403" i="1"/>
  <c r="G87404" i="1"/>
  <c r="G87405" i="1"/>
  <c r="G87406" i="1"/>
  <c r="G87407" i="1"/>
  <c r="G87408" i="1"/>
  <c r="G87409" i="1"/>
  <c r="G87410" i="1"/>
  <c r="G87411" i="1"/>
  <c r="G87412" i="1"/>
  <c r="G87413" i="1"/>
  <c r="G87414" i="1"/>
  <c r="G87415" i="1"/>
  <c r="G87416" i="1"/>
  <c r="G87417" i="1"/>
  <c r="G87418" i="1"/>
  <c r="G87419" i="1"/>
  <c r="G87420" i="1"/>
  <c r="G87421" i="1"/>
  <c r="G87422" i="1"/>
  <c r="G87423" i="1"/>
  <c r="G87424" i="1"/>
  <c r="G87425" i="1"/>
  <c r="G87426" i="1"/>
  <c r="G87427" i="1"/>
  <c r="G87428" i="1"/>
  <c r="G87429" i="1"/>
  <c r="G87430" i="1"/>
  <c r="G87431" i="1"/>
  <c r="G87432" i="1"/>
  <c r="G87433" i="1"/>
  <c r="G87434" i="1"/>
  <c r="G87435" i="1"/>
  <c r="G87436" i="1"/>
  <c r="G87437" i="1"/>
  <c r="G87438" i="1"/>
  <c r="G87439" i="1"/>
  <c r="G87440" i="1"/>
  <c r="G87441" i="1"/>
  <c r="G87442" i="1"/>
  <c r="G87443" i="1"/>
  <c r="G87444" i="1"/>
  <c r="G87445" i="1"/>
  <c r="G87446" i="1"/>
  <c r="G87447" i="1"/>
  <c r="G87448" i="1"/>
  <c r="G87449" i="1"/>
  <c r="G87450" i="1"/>
  <c r="G87451" i="1"/>
  <c r="G87452" i="1"/>
  <c r="G87453" i="1"/>
  <c r="G87454" i="1"/>
  <c r="G87455" i="1"/>
  <c r="G87456" i="1"/>
  <c r="G87457" i="1"/>
  <c r="G87458" i="1"/>
  <c r="G87459" i="1"/>
  <c r="G87460" i="1"/>
  <c r="G87461" i="1"/>
  <c r="G87462" i="1"/>
  <c r="G87463" i="1"/>
  <c r="G87464" i="1"/>
  <c r="G87465" i="1"/>
  <c r="G87466" i="1"/>
  <c r="G87467" i="1"/>
  <c r="G87468" i="1"/>
  <c r="G87469" i="1"/>
  <c r="G87470" i="1"/>
  <c r="G87471" i="1"/>
  <c r="G87472" i="1"/>
  <c r="G87473" i="1"/>
  <c r="G87474" i="1"/>
  <c r="G87475" i="1"/>
  <c r="G87476" i="1"/>
  <c r="G87477" i="1"/>
  <c r="G87478" i="1"/>
  <c r="G87479" i="1"/>
  <c r="G87480" i="1"/>
  <c r="G87481" i="1"/>
  <c r="G87482" i="1"/>
  <c r="G87483" i="1"/>
  <c r="G87484" i="1"/>
  <c r="G87485" i="1"/>
  <c r="G87486" i="1"/>
  <c r="G87487" i="1"/>
  <c r="G87488" i="1"/>
  <c r="G87489" i="1"/>
  <c r="G87490" i="1"/>
  <c r="G87491" i="1"/>
  <c r="G87492" i="1"/>
  <c r="G87493" i="1"/>
  <c r="G87494" i="1"/>
  <c r="G87495" i="1"/>
  <c r="G87496" i="1"/>
  <c r="G87497" i="1"/>
  <c r="G87498" i="1"/>
  <c r="G87499" i="1"/>
  <c r="G87500" i="1"/>
  <c r="G87501" i="1"/>
  <c r="G87502" i="1"/>
  <c r="G87503" i="1"/>
  <c r="G87504" i="1"/>
  <c r="G87505" i="1"/>
  <c r="G87506" i="1"/>
  <c r="G87507" i="1"/>
  <c r="G87508" i="1"/>
  <c r="G87509" i="1"/>
  <c r="G87510" i="1"/>
  <c r="G87511" i="1"/>
  <c r="G87512" i="1"/>
  <c r="G87513" i="1"/>
  <c r="G87514" i="1"/>
  <c r="G87515" i="1"/>
  <c r="G87516" i="1"/>
  <c r="G87517" i="1"/>
  <c r="G87518" i="1"/>
  <c r="G87519" i="1"/>
  <c r="G87520" i="1"/>
  <c r="G87521" i="1"/>
  <c r="G87522" i="1"/>
  <c r="G87523" i="1"/>
  <c r="G87524" i="1"/>
  <c r="G87525" i="1"/>
  <c r="G87526" i="1"/>
  <c r="G87527" i="1"/>
  <c r="G87528" i="1"/>
  <c r="G87529" i="1"/>
  <c r="G87530" i="1"/>
  <c r="G87531" i="1"/>
  <c r="G87532" i="1"/>
  <c r="G87533" i="1"/>
  <c r="G87534" i="1"/>
  <c r="G87535" i="1"/>
  <c r="G87536" i="1"/>
  <c r="G87537" i="1"/>
  <c r="G87538" i="1"/>
  <c r="G87539" i="1"/>
  <c r="G87540" i="1"/>
  <c r="G87541" i="1"/>
  <c r="G87542" i="1"/>
  <c r="G87543" i="1"/>
  <c r="G87544" i="1"/>
  <c r="G87545" i="1"/>
  <c r="G87546" i="1"/>
  <c r="G87547" i="1"/>
  <c r="G87548" i="1"/>
  <c r="G87549" i="1"/>
  <c r="G87550" i="1"/>
  <c r="G87551" i="1"/>
  <c r="G87552" i="1"/>
  <c r="G87553" i="1"/>
  <c r="G87554" i="1"/>
  <c r="G87555" i="1"/>
  <c r="G87556" i="1"/>
  <c r="G87557" i="1"/>
  <c r="G87558" i="1"/>
  <c r="G87559" i="1"/>
  <c r="G87560" i="1"/>
  <c r="G87561" i="1"/>
  <c r="G87562" i="1"/>
  <c r="G87563" i="1"/>
  <c r="G87564" i="1"/>
  <c r="G87565" i="1"/>
  <c r="G87566" i="1"/>
  <c r="G87567" i="1"/>
  <c r="G87568" i="1"/>
  <c r="G87569" i="1"/>
  <c r="G87570" i="1"/>
  <c r="G87571" i="1"/>
  <c r="G87572" i="1"/>
  <c r="G87573" i="1"/>
  <c r="G87574" i="1"/>
  <c r="G87575" i="1"/>
  <c r="G87576" i="1"/>
  <c r="G87577" i="1"/>
  <c r="G87578" i="1"/>
  <c r="G87579" i="1"/>
  <c r="G87580" i="1"/>
  <c r="G87581" i="1"/>
  <c r="G87582" i="1"/>
  <c r="G87583" i="1"/>
  <c r="G87584" i="1"/>
  <c r="G87585" i="1"/>
  <c r="G87586" i="1"/>
  <c r="G87587" i="1"/>
  <c r="G87588" i="1"/>
  <c r="G87589" i="1"/>
  <c r="G87590" i="1"/>
  <c r="G87591" i="1"/>
  <c r="G87592" i="1"/>
  <c r="G87593" i="1"/>
  <c r="G87594" i="1"/>
  <c r="G87595" i="1"/>
  <c r="G87596" i="1"/>
  <c r="G87597" i="1"/>
  <c r="G87598" i="1"/>
  <c r="G87599" i="1"/>
  <c r="G87600" i="1"/>
  <c r="G87601" i="1"/>
  <c r="G87602" i="1"/>
  <c r="G87603" i="1"/>
  <c r="G87604" i="1"/>
  <c r="G87605" i="1"/>
  <c r="G87606" i="1"/>
  <c r="G87607" i="1"/>
  <c r="G87608" i="1"/>
  <c r="G87609" i="1"/>
  <c r="G87610" i="1"/>
  <c r="G87611" i="1"/>
  <c r="G87612" i="1"/>
  <c r="G87613" i="1"/>
  <c r="G87614" i="1"/>
  <c r="G87615" i="1"/>
  <c r="G87616" i="1"/>
  <c r="G87617" i="1"/>
  <c r="G87618" i="1"/>
  <c r="G87619" i="1"/>
  <c r="G87620" i="1"/>
  <c r="G87621" i="1"/>
  <c r="G87622" i="1"/>
  <c r="G87623" i="1"/>
  <c r="G87624" i="1"/>
  <c r="G87625" i="1"/>
  <c r="G87626" i="1"/>
  <c r="G87627" i="1"/>
  <c r="G87628" i="1"/>
  <c r="G87629" i="1"/>
  <c r="G87630" i="1"/>
  <c r="G87631" i="1"/>
  <c r="G87632" i="1"/>
  <c r="G87633" i="1"/>
  <c r="G87634" i="1"/>
  <c r="G87635" i="1"/>
  <c r="G87636" i="1"/>
  <c r="G87637" i="1"/>
  <c r="G87638" i="1"/>
  <c r="G87639" i="1"/>
  <c r="G87640" i="1"/>
  <c r="G87641" i="1"/>
  <c r="G87642" i="1"/>
  <c r="G87643" i="1"/>
  <c r="G87644" i="1"/>
  <c r="G87645" i="1"/>
  <c r="G87646" i="1"/>
  <c r="G87647" i="1"/>
  <c r="G87648" i="1"/>
  <c r="G87649" i="1"/>
  <c r="G87650" i="1"/>
  <c r="G87651" i="1"/>
  <c r="G87652" i="1"/>
  <c r="G87653" i="1"/>
  <c r="G87654" i="1"/>
  <c r="G87655" i="1"/>
  <c r="G87656" i="1"/>
  <c r="G87657" i="1"/>
  <c r="G87658" i="1"/>
  <c r="G87659" i="1"/>
  <c r="G87660" i="1"/>
  <c r="G87661" i="1"/>
  <c r="G87662" i="1"/>
  <c r="G87663" i="1"/>
  <c r="G87664" i="1"/>
  <c r="G87665" i="1"/>
  <c r="G87666" i="1"/>
  <c r="G87667" i="1"/>
  <c r="G87668" i="1"/>
  <c r="G87669" i="1"/>
  <c r="G87670" i="1"/>
  <c r="G87671" i="1"/>
  <c r="G87672" i="1"/>
  <c r="G87673" i="1"/>
  <c r="G87674" i="1"/>
  <c r="G87675" i="1"/>
  <c r="G87676" i="1"/>
  <c r="G87677" i="1"/>
  <c r="G87678" i="1"/>
  <c r="G87679" i="1"/>
  <c r="G87680" i="1"/>
  <c r="G87681" i="1"/>
  <c r="G87682" i="1"/>
  <c r="G87683" i="1"/>
  <c r="G87684" i="1"/>
  <c r="G87685" i="1"/>
  <c r="G87686" i="1"/>
  <c r="G87687" i="1"/>
  <c r="G87688" i="1"/>
  <c r="G87689" i="1"/>
  <c r="G87690" i="1"/>
  <c r="G87691" i="1"/>
  <c r="G87692" i="1"/>
  <c r="G87693" i="1"/>
  <c r="G87694" i="1"/>
  <c r="G87695" i="1"/>
  <c r="G87696" i="1"/>
  <c r="G87697" i="1"/>
  <c r="G87698" i="1"/>
  <c r="G87699" i="1"/>
  <c r="G87700" i="1"/>
  <c r="G87701" i="1"/>
  <c r="G87702" i="1"/>
  <c r="G87703" i="1"/>
  <c r="G87704" i="1"/>
  <c r="G87705" i="1"/>
  <c r="G87706" i="1"/>
  <c r="G87707" i="1"/>
  <c r="G87708" i="1"/>
  <c r="G87709" i="1"/>
  <c r="G87710" i="1"/>
  <c r="G87711" i="1"/>
  <c r="G87712" i="1"/>
  <c r="G87713" i="1"/>
  <c r="G87714" i="1"/>
  <c r="G87715" i="1"/>
  <c r="G87716" i="1"/>
  <c r="G87717" i="1"/>
  <c r="G87718" i="1"/>
  <c r="G87719" i="1"/>
  <c r="G87720" i="1"/>
  <c r="G87721" i="1"/>
  <c r="G87722" i="1"/>
  <c r="G87723" i="1"/>
  <c r="G87724" i="1"/>
  <c r="G87725" i="1"/>
  <c r="G87726" i="1"/>
  <c r="G87727" i="1"/>
  <c r="G87728" i="1"/>
  <c r="G87729" i="1"/>
  <c r="G87730" i="1"/>
  <c r="G87731" i="1"/>
  <c r="G87732" i="1"/>
  <c r="G87733" i="1"/>
  <c r="G87734" i="1"/>
  <c r="G87735" i="1"/>
  <c r="G87736" i="1"/>
  <c r="G87737" i="1"/>
  <c r="G87738" i="1"/>
  <c r="G87739" i="1"/>
  <c r="G87740" i="1"/>
  <c r="G87741" i="1"/>
  <c r="G87742" i="1"/>
  <c r="G87743" i="1"/>
  <c r="G87744" i="1"/>
  <c r="G87745" i="1"/>
  <c r="G87746" i="1"/>
  <c r="G87747" i="1"/>
  <c r="G87748" i="1"/>
  <c r="G87749" i="1"/>
  <c r="G87750" i="1"/>
  <c r="G87751" i="1"/>
  <c r="G87752" i="1"/>
  <c r="G87753" i="1"/>
  <c r="G87754" i="1"/>
  <c r="G87755" i="1"/>
  <c r="G87756" i="1"/>
  <c r="G87757" i="1"/>
  <c r="G87758" i="1"/>
  <c r="G87759" i="1"/>
  <c r="G87760" i="1"/>
  <c r="G87761" i="1"/>
  <c r="G87762" i="1"/>
  <c r="G87763" i="1"/>
  <c r="G87764" i="1"/>
  <c r="G87765" i="1"/>
  <c r="G87766" i="1"/>
  <c r="G87767" i="1"/>
  <c r="G87768" i="1"/>
  <c r="G87769" i="1"/>
  <c r="G87770" i="1"/>
  <c r="G87771" i="1"/>
  <c r="G87772" i="1"/>
  <c r="G87773" i="1"/>
  <c r="G87774" i="1"/>
  <c r="G87775" i="1"/>
  <c r="G87776" i="1"/>
  <c r="G87777" i="1"/>
  <c r="G87778" i="1"/>
  <c r="G87779" i="1"/>
  <c r="G87780" i="1"/>
  <c r="G87781" i="1"/>
  <c r="G87782" i="1"/>
  <c r="G87783" i="1"/>
  <c r="G87784" i="1"/>
  <c r="G87785" i="1"/>
  <c r="G87786" i="1"/>
  <c r="G87787" i="1"/>
  <c r="G87788" i="1"/>
  <c r="G87789" i="1"/>
  <c r="G87790" i="1"/>
  <c r="G87791" i="1"/>
  <c r="G87792" i="1"/>
  <c r="G87793" i="1"/>
  <c r="G87794" i="1"/>
  <c r="G87795" i="1"/>
  <c r="G87796" i="1"/>
  <c r="G87797" i="1"/>
  <c r="G87798" i="1"/>
  <c r="G87799" i="1"/>
  <c r="G87800" i="1"/>
  <c r="G87801" i="1"/>
  <c r="G87802" i="1"/>
  <c r="G87803" i="1"/>
  <c r="G87804" i="1"/>
  <c r="G87805" i="1"/>
  <c r="G87806" i="1"/>
  <c r="G87807" i="1"/>
  <c r="G87808" i="1"/>
  <c r="G87809" i="1"/>
  <c r="G87810" i="1"/>
  <c r="G87811" i="1"/>
  <c r="G87812" i="1"/>
  <c r="G87813" i="1"/>
  <c r="G87814" i="1"/>
  <c r="G87815" i="1"/>
  <c r="G87816" i="1"/>
  <c r="G87817" i="1"/>
  <c r="G87818" i="1"/>
  <c r="G87819" i="1"/>
  <c r="G87820" i="1"/>
  <c r="G87821" i="1"/>
  <c r="G87822" i="1"/>
  <c r="G87823" i="1"/>
  <c r="G87824" i="1"/>
  <c r="G87825" i="1"/>
  <c r="G87826" i="1"/>
  <c r="G87827" i="1"/>
  <c r="G87828" i="1"/>
  <c r="G87829" i="1"/>
  <c r="G87830" i="1"/>
  <c r="G87831" i="1"/>
  <c r="G87832" i="1"/>
  <c r="G87833" i="1"/>
  <c r="G87834" i="1"/>
  <c r="G87835" i="1"/>
  <c r="G87836" i="1"/>
  <c r="G87837" i="1"/>
  <c r="G87838" i="1"/>
  <c r="G87839" i="1"/>
  <c r="G87840" i="1"/>
  <c r="G87841" i="1"/>
  <c r="G87842" i="1"/>
  <c r="G87843" i="1"/>
  <c r="G87844" i="1"/>
  <c r="G87845" i="1"/>
  <c r="G87846" i="1"/>
  <c r="G87847" i="1"/>
  <c r="G87848" i="1"/>
  <c r="G87849" i="1"/>
  <c r="G87850" i="1"/>
  <c r="G87851" i="1"/>
  <c r="G87852" i="1"/>
  <c r="G87853" i="1"/>
  <c r="G87854" i="1"/>
  <c r="G87855" i="1"/>
  <c r="G87856" i="1"/>
  <c r="G87857" i="1"/>
  <c r="G87858" i="1"/>
  <c r="G87859" i="1"/>
  <c r="G87860" i="1"/>
  <c r="G87861" i="1"/>
  <c r="G87862" i="1"/>
  <c r="G87863" i="1"/>
  <c r="G87864" i="1"/>
  <c r="G87865" i="1"/>
  <c r="G87866" i="1"/>
  <c r="G87867" i="1"/>
  <c r="G87868" i="1"/>
  <c r="G87869" i="1"/>
  <c r="G87870" i="1"/>
  <c r="G87871" i="1"/>
  <c r="G87872" i="1"/>
  <c r="G87873" i="1"/>
  <c r="G87874" i="1"/>
  <c r="G87875" i="1"/>
  <c r="G87876" i="1"/>
  <c r="G87877" i="1"/>
  <c r="G87878" i="1"/>
  <c r="G87879" i="1"/>
  <c r="G87880" i="1"/>
  <c r="G87881" i="1"/>
  <c r="G87882" i="1"/>
  <c r="G87883" i="1"/>
  <c r="G87884" i="1"/>
  <c r="G87885" i="1"/>
  <c r="G87886" i="1"/>
  <c r="G87887" i="1"/>
  <c r="G87888" i="1"/>
  <c r="G87889" i="1"/>
  <c r="G87890" i="1"/>
  <c r="G87891" i="1"/>
  <c r="G87892" i="1"/>
  <c r="G87893" i="1"/>
  <c r="G87894" i="1"/>
  <c r="G87895" i="1"/>
  <c r="G87896" i="1"/>
  <c r="G87897" i="1"/>
  <c r="G87898" i="1"/>
  <c r="G87899" i="1"/>
  <c r="G87900" i="1"/>
  <c r="G87901" i="1"/>
  <c r="G87902" i="1"/>
  <c r="G87903" i="1"/>
  <c r="G87904" i="1"/>
  <c r="G87905" i="1"/>
  <c r="G87906" i="1"/>
  <c r="G87907" i="1"/>
  <c r="G87908" i="1"/>
  <c r="G87909" i="1"/>
  <c r="G87910" i="1"/>
  <c r="G87911" i="1"/>
  <c r="G87912" i="1"/>
  <c r="G87913" i="1"/>
  <c r="G87914" i="1"/>
  <c r="G87915" i="1"/>
  <c r="G87916" i="1"/>
  <c r="G87917" i="1"/>
  <c r="G87918" i="1"/>
  <c r="G87919" i="1"/>
  <c r="G87920" i="1"/>
  <c r="G87921" i="1"/>
  <c r="G87922" i="1"/>
  <c r="G87923" i="1"/>
  <c r="G87924" i="1"/>
  <c r="G87925" i="1"/>
  <c r="G87926" i="1"/>
  <c r="G87927" i="1"/>
  <c r="G87928" i="1"/>
  <c r="G87929" i="1"/>
  <c r="G87930" i="1"/>
  <c r="G87931" i="1"/>
  <c r="G87932" i="1"/>
  <c r="G87933" i="1"/>
  <c r="G87934" i="1"/>
  <c r="G87935" i="1"/>
  <c r="G87936" i="1"/>
  <c r="G87937" i="1"/>
  <c r="G87938" i="1"/>
  <c r="G87939" i="1"/>
  <c r="G87940" i="1"/>
  <c r="G87941" i="1"/>
  <c r="G87942" i="1"/>
  <c r="G87943" i="1"/>
  <c r="G87944" i="1"/>
  <c r="G87945" i="1"/>
  <c r="G87946" i="1"/>
  <c r="G87947" i="1"/>
  <c r="G87948" i="1"/>
  <c r="G87949" i="1"/>
  <c r="G87950" i="1"/>
  <c r="G87951" i="1"/>
  <c r="G87952" i="1"/>
  <c r="G87953" i="1"/>
  <c r="G87954" i="1"/>
  <c r="G87955" i="1"/>
  <c r="G87956" i="1"/>
  <c r="G87957" i="1"/>
  <c r="G87958" i="1"/>
  <c r="G87959" i="1"/>
  <c r="G87960" i="1"/>
  <c r="G87961" i="1"/>
  <c r="G87962" i="1"/>
  <c r="G87963" i="1"/>
  <c r="G87964" i="1"/>
  <c r="G87965" i="1"/>
  <c r="G87966" i="1"/>
  <c r="G87967" i="1"/>
  <c r="G87968" i="1"/>
  <c r="G87969" i="1"/>
  <c r="G87970" i="1"/>
  <c r="G87971" i="1"/>
  <c r="G87972" i="1"/>
  <c r="G87973" i="1"/>
  <c r="G87974" i="1"/>
  <c r="G87975" i="1"/>
  <c r="G87976" i="1"/>
  <c r="G87977" i="1"/>
  <c r="G87978" i="1"/>
  <c r="G87979" i="1"/>
  <c r="G87980" i="1"/>
  <c r="G87981" i="1"/>
  <c r="G87982" i="1"/>
  <c r="G87983" i="1"/>
  <c r="G87984" i="1"/>
  <c r="G87985" i="1"/>
  <c r="G87986" i="1"/>
  <c r="G87987" i="1"/>
  <c r="G87988" i="1"/>
  <c r="G87989" i="1"/>
  <c r="G87990" i="1"/>
  <c r="G87991" i="1"/>
  <c r="G87992" i="1"/>
  <c r="G87993" i="1"/>
  <c r="G87994" i="1"/>
  <c r="G87995" i="1"/>
  <c r="G87996" i="1"/>
  <c r="G87997" i="1"/>
  <c r="G87998" i="1"/>
  <c r="G87999" i="1"/>
  <c r="G88000" i="1"/>
  <c r="G88001" i="1"/>
  <c r="G88002" i="1"/>
  <c r="G88003" i="1"/>
  <c r="G88004" i="1"/>
  <c r="G88005" i="1"/>
  <c r="G88006" i="1"/>
  <c r="G88007" i="1"/>
  <c r="G88008" i="1"/>
  <c r="G88009" i="1"/>
  <c r="G88010" i="1"/>
  <c r="G88011" i="1"/>
  <c r="G88012" i="1"/>
  <c r="G88013" i="1"/>
  <c r="G88014" i="1"/>
  <c r="G88015" i="1"/>
  <c r="G88016" i="1"/>
  <c r="G88017" i="1"/>
  <c r="G88018" i="1"/>
  <c r="G88019" i="1"/>
  <c r="G88020" i="1"/>
  <c r="G88021" i="1"/>
  <c r="G88022" i="1"/>
  <c r="G88023" i="1"/>
  <c r="G88024" i="1"/>
  <c r="G88025" i="1"/>
  <c r="G88026" i="1"/>
  <c r="G88027" i="1"/>
  <c r="G88028" i="1"/>
  <c r="G88029" i="1"/>
  <c r="G88030" i="1"/>
  <c r="G88031" i="1"/>
  <c r="G88032" i="1"/>
  <c r="G88033" i="1"/>
  <c r="G88034" i="1"/>
  <c r="G88035" i="1"/>
  <c r="G88036" i="1"/>
  <c r="G88037" i="1"/>
  <c r="G88038" i="1"/>
  <c r="G88039" i="1"/>
  <c r="G88040" i="1"/>
  <c r="G88041" i="1"/>
  <c r="G88042" i="1"/>
  <c r="G88043" i="1"/>
  <c r="G88044" i="1"/>
  <c r="G88045" i="1"/>
  <c r="G88046" i="1"/>
  <c r="G88047" i="1"/>
  <c r="G88048" i="1"/>
  <c r="G88049" i="1"/>
  <c r="G88050" i="1"/>
  <c r="G88051" i="1"/>
  <c r="G88052" i="1"/>
  <c r="G88053" i="1"/>
  <c r="G88054" i="1"/>
  <c r="G88055" i="1"/>
  <c r="G88056" i="1"/>
  <c r="G88057" i="1"/>
  <c r="G88058" i="1"/>
  <c r="G88059" i="1"/>
  <c r="G88060" i="1"/>
  <c r="G88061" i="1"/>
  <c r="G88062" i="1"/>
  <c r="G88063" i="1"/>
  <c r="G88064" i="1"/>
  <c r="G88065" i="1"/>
  <c r="G88066" i="1"/>
  <c r="G88067" i="1"/>
  <c r="G88068" i="1"/>
  <c r="G88069" i="1"/>
  <c r="G88070" i="1"/>
  <c r="G88071" i="1"/>
  <c r="G88072" i="1"/>
  <c r="G88073" i="1"/>
  <c r="G88074" i="1"/>
  <c r="G88075" i="1"/>
  <c r="G88076" i="1"/>
  <c r="G88077" i="1"/>
  <c r="G88078" i="1"/>
  <c r="G88079" i="1"/>
  <c r="G88080" i="1"/>
  <c r="G88081" i="1"/>
  <c r="G88082" i="1"/>
  <c r="G88083" i="1"/>
  <c r="G88084" i="1"/>
  <c r="G88085" i="1"/>
  <c r="G88086" i="1"/>
  <c r="G88087" i="1"/>
  <c r="G88088" i="1"/>
  <c r="G88089" i="1"/>
  <c r="G88090" i="1"/>
  <c r="G88091" i="1"/>
  <c r="G88092" i="1"/>
  <c r="G88093" i="1"/>
  <c r="G88094" i="1"/>
  <c r="G88095" i="1"/>
  <c r="G88096" i="1"/>
  <c r="G88097" i="1"/>
  <c r="G88098" i="1"/>
  <c r="G88099" i="1"/>
  <c r="G88100" i="1"/>
  <c r="G88101" i="1"/>
  <c r="G88102" i="1"/>
  <c r="G88103" i="1"/>
  <c r="G88104" i="1"/>
  <c r="G88105" i="1"/>
  <c r="G88106" i="1"/>
  <c r="G88107" i="1"/>
  <c r="G88108" i="1"/>
  <c r="G88109" i="1"/>
  <c r="G88110" i="1"/>
  <c r="G88111" i="1"/>
  <c r="G88112" i="1"/>
  <c r="G88113" i="1"/>
  <c r="G88114" i="1"/>
  <c r="G88115" i="1"/>
  <c r="G88116" i="1"/>
  <c r="G88117" i="1"/>
  <c r="G88118" i="1"/>
  <c r="G88119" i="1"/>
  <c r="G88120" i="1"/>
  <c r="G88121" i="1"/>
  <c r="G88122" i="1"/>
  <c r="G88123" i="1"/>
  <c r="G88124" i="1"/>
  <c r="G88125" i="1"/>
  <c r="G88126" i="1"/>
  <c r="G88127" i="1"/>
  <c r="G88128" i="1"/>
  <c r="G88129" i="1"/>
  <c r="G88130" i="1"/>
  <c r="G88131" i="1"/>
  <c r="G88132" i="1"/>
  <c r="G88133" i="1"/>
  <c r="G88134" i="1"/>
  <c r="G88135" i="1"/>
  <c r="G88136" i="1"/>
  <c r="G88137" i="1"/>
  <c r="G88138" i="1"/>
  <c r="G88139" i="1"/>
  <c r="G88140" i="1"/>
  <c r="G88141" i="1"/>
  <c r="G88142" i="1"/>
  <c r="G88143" i="1"/>
  <c r="G88144" i="1"/>
  <c r="G88145" i="1"/>
  <c r="G88146" i="1"/>
  <c r="G88147" i="1"/>
  <c r="G88148" i="1"/>
  <c r="G88149" i="1"/>
  <c r="G88150" i="1"/>
  <c r="G88151" i="1"/>
  <c r="G88152" i="1"/>
  <c r="G88153" i="1"/>
  <c r="G88154" i="1"/>
  <c r="G88155" i="1"/>
  <c r="G88156" i="1"/>
  <c r="G88157" i="1"/>
  <c r="G88158" i="1"/>
  <c r="G88159" i="1"/>
  <c r="G88160" i="1"/>
  <c r="G88161" i="1"/>
  <c r="G88162" i="1"/>
  <c r="G88163" i="1"/>
  <c r="G88164" i="1"/>
  <c r="G88165" i="1"/>
  <c r="G88166" i="1"/>
  <c r="G88167" i="1"/>
  <c r="G88168" i="1"/>
  <c r="G88169" i="1"/>
  <c r="G88170" i="1"/>
  <c r="G88171" i="1"/>
  <c r="G88172" i="1"/>
  <c r="G88173" i="1"/>
  <c r="G88174" i="1"/>
  <c r="G88175" i="1"/>
  <c r="G88176" i="1"/>
  <c r="G88177" i="1"/>
  <c r="G88178" i="1"/>
  <c r="G88179" i="1"/>
  <c r="G88180" i="1"/>
  <c r="G88181" i="1"/>
  <c r="G88182" i="1"/>
  <c r="G88183" i="1"/>
  <c r="G88184" i="1"/>
  <c r="G88185" i="1"/>
  <c r="G88186" i="1"/>
  <c r="G88187" i="1"/>
  <c r="G88188" i="1"/>
  <c r="G88189" i="1"/>
  <c r="G88190" i="1"/>
  <c r="G88191" i="1"/>
  <c r="G88192" i="1"/>
  <c r="G88193" i="1"/>
  <c r="G88194" i="1"/>
  <c r="G88195" i="1"/>
  <c r="G88196" i="1"/>
  <c r="G88197" i="1"/>
  <c r="G88198" i="1"/>
  <c r="G88199" i="1"/>
  <c r="G88200" i="1"/>
  <c r="G88201" i="1"/>
  <c r="G88202" i="1"/>
  <c r="G88203" i="1"/>
  <c r="G88204" i="1"/>
  <c r="G88205" i="1"/>
  <c r="G88206" i="1"/>
  <c r="G88207" i="1"/>
  <c r="G88208" i="1"/>
  <c r="G88209" i="1"/>
  <c r="G88210" i="1"/>
  <c r="G88211" i="1"/>
  <c r="G88212" i="1"/>
  <c r="G88213" i="1"/>
  <c r="G88214" i="1"/>
  <c r="G88215" i="1"/>
  <c r="G88216" i="1"/>
  <c r="G88217" i="1"/>
  <c r="G88218" i="1"/>
  <c r="G88219" i="1"/>
  <c r="G88220" i="1"/>
  <c r="G88221" i="1"/>
  <c r="G88222" i="1"/>
  <c r="G88223" i="1"/>
  <c r="G88224" i="1"/>
  <c r="G88225" i="1"/>
  <c r="G88226" i="1"/>
  <c r="G88227" i="1"/>
  <c r="G88228" i="1"/>
  <c r="G88229" i="1"/>
  <c r="G88230" i="1"/>
  <c r="G88231" i="1"/>
  <c r="G88232" i="1"/>
  <c r="G88233" i="1"/>
  <c r="G88234" i="1"/>
  <c r="G88235" i="1"/>
  <c r="G88236" i="1"/>
  <c r="G88237" i="1"/>
  <c r="G88238" i="1"/>
  <c r="G88239" i="1"/>
  <c r="G88240" i="1"/>
  <c r="G88241" i="1"/>
  <c r="G88242" i="1"/>
  <c r="G88243" i="1"/>
  <c r="G88244" i="1"/>
  <c r="G88245" i="1"/>
  <c r="G88246" i="1"/>
  <c r="G88247" i="1"/>
  <c r="G88248" i="1"/>
  <c r="G88249" i="1"/>
  <c r="G88250" i="1"/>
  <c r="G88251" i="1"/>
  <c r="G88252" i="1"/>
  <c r="G88253" i="1"/>
  <c r="G88254" i="1"/>
  <c r="G88255" i="1"/>
  <c r="G88256" i="1"/>
  <c r="G88257" i="1"/>
  <c r="G88258" i="1"/>
  <c r="G88259" i="1"/>
  <c r="G88260" i="1"/>
  <c r="G88261" i="1"/>
  <c r="G88262" i="1"/>
  <c r="G88263" i="1"/>
  <c r="G88264" i="1"/>
  <c r="G88265" i="1"/>
  <c r="G88266" i="1"/>
  <c r="G88267" i="1"/>
  <c r="G88268" i="1"/>
  <c r="G88269" i="1"/>
  <c r="G88270" i="1"/>
  <c r="G88271" i="1"/>
  <c r="G88272" i="1"/>
  <c r="G88273" i="1"/>
  <c r="G88274" i="1"/>
  <c r="G88275" i="1"/>
  <c r="G88276" i="1"/>
  <c r="G88277" i="1"/>
  <c r="G88278" i="1"/>
  <c r="G88279" i="1"/>
  <c r="G88280" i="1"/>
  <c r="G88281" i="1"/>
  <c r="G88282" i="1"/>
  <c r="G88283" i="1"/>
  <c r="G88284" i="1"/>
  <c r="G88285" i="1"/>
  <c r="G88286" i="1"/>
  <c r="G88287" i="1"/>
  <c r="G88288" i="1"/>
  <c r="G88289" i="1"/>
  <c r="G88290" i="1"/>
  <c r="G88291" i="1"/>
  <c r="G88292" i="1"/>
  <c r="G88293" i="1"/>
  <c r="G88294" i="1"/>
  <c r="G88295" i="1"/>
  <c r="G88296" i="1"/>
  <c r="G88297" i="1"/>
  <c r="G88298" i="1"/>
  <c r="G88299" i="1"/>
  <c r="G88300" i="1"/>
  <c r="G88301" i="1"/>
  <c r="G88302" i="1"/>
  <c r="G88303" i="1"/>
  <c r="G88304" i="1"/>
  <c r="G88305" i="1"/>
  <c r="G88306" i="1"/>
  <c r="G88307" i="1"/>
  <c r="G88308" i="1"/>
  <c r="G88309" i="1"/>
  <c r="G88310" i="1"/>
  <c r="G88311" i="1"/>
  <c r="G88312" i="1"/>
  <c r="G88313" i="1"/>
  <c r="G88314" i="1"/>
  <c r="G88315" i="1"/>
  <c r="G88316" i="1"/>
  <c r="G88317" i="1"/>
  <c r="G88318" i="1"/>
  <c r="G88319" i="1"/>
  <c r="G88320" i="1"/>
  <c r="G88321" i="1"/>
  <c r="G88322" i="1"/>
  <c r="G88323" i="1"/>
  <c r="G88324" i="1"/>
  <c r="G88325" i="1"/>
  <c r="G88326" i="1"/>
  <c r="G88327" i="1"/>
  <c r="G88328" i="1"/>
  <c r="G88329" i="1"/>
  <c r="G88330" i="1"/>
  <c r="G88331" i="1"/>
  <c r="G88332" i="1"/>
  <c r="G88333" i="1"/>
  <c r="G88334" i="1"/>
  <c r="G88335" i="1"/>
  <c r="G88336" i="1"/>
  <c r="G88337" i="1"/>
  <c r="G88338" i="1"/>
  <c r="G88339" i="1"/>
  <c r="G88340" i="1"/>
  <c r="G88341" i="1"/>
  <c r="G88342" i="1"/>
  <c r="G88343" i="1"/>
  <c r="G88344" i="1"/>
  <c r="G88345" i="1"/>
  <c r="G88346" i="1"/>
  <c r="G88347" i="1"/>
  <c r="G88348" i="1"/>
  <c r="G88349" i="1"/>
  <c r="G88350" i="1"/>
  <c r="G88351" i="1"/>
  <c r="G88352" i="1"/>
  <c r="G88353" i="1"/>
  <c r="G88354" i="1"/>
  <c r="G88355" i="1"/>
  <c r="G88356" i="1"/>
  <c r="G88357" i="1"/>
  <c r="G88358" i="1"/>
  <c r="G88359" i="1"/>
  <c r="G88360" i="1"/>
  <c r="G88361" i="1"/>
  <c r="G88362" i="1"/>
  <c r="G88363" i="1"/>
  <c r="G88364" i="1"/>
  <c r="G88365" i="1"/>
  <c r="G88366" i="1"/>
  <c r="G88367" i="1"/>
  <c r="G88368" i="1"/>
  <c r="G88369" i="1"/>
  <c r="G88370" i="1"/>
  <c r="G88371" i="1"/>
  <c r="G88372" i="1"/>
  <c r="G88373" i="1"/>
  <c r="G88374" i="1"/>
  <c r="G88375" i="1"/>
  <c r="G88376" i="1"/>
  <c r="G88377" i="1"/>
  <c r="G88378" i="1"/>
  <c r="G88379" i="1"/>
  <c r="G88380" i="1"/>
  <c r="G88381" i="1"/>
  <c r="G88382" i="1"/>
  <c r="G88383" i="1"/>
  <c r="G88384" i="1"/>
  <c r="G88385" i="1"/>
  <c r="G88386" i="1"/>
  <c r="G88387" i="1"/>
  <c r="G88388" i="1"/>
  <c r="G88389" i="1"/>
  <c r="G88390" i="1"/>
  <c r="G88391" i="1"/>
  <c r="G88392" i="1"/>
  <c r="G88393" i="1"/>
  <c r="G88394" i="1"/>
  <c r="G88395" i="1"/>
  <c r="G88396" i="1"/>
  <c r="G88397" i="1"/>
  <c r="G88398" i="1"/>
  <c r="G88399" i="1"/>
  <c r="G88400" i="1"/>
  <c r="G88401" i="1"/>
  <c r="G88402" i="1"/>
  <c r="G88403" i="1"/>
  <c r="G88404" i="1"/>
  <c r="G88405" i="1"/>
  <c r="G88406" i="1"/>
  <c r="G88407" i="1"/>
  <c r="G88408" i="1"/>
  <c r="G88409" i="1"/>
  <c r="G88410" i="1"/>
  <c r="G88411" i="1"/>
  <c r="G88412" i="1"/>
  <c r="G88413" i="1"/>
  <c r="G88414" i="1"/>
  <c r="G88415" i="1"/>
  <c r="G88416" i="1"/>
  <c r="G88417" i="1"/>
  <c r="G88418" i="1"/>
  <c r="G88419" i="1"/>
  <c r="G88420" i="1"/>
  <c r="G88421" i="1"/>
  <c r="G88422" i="1"/>
  <c r="G88423" i="1"/>
  <c r="G88424" i="1"/>
  <c r="G88425" i="1"/>
  <c r="G88426" i="1"/>
  <c r="G88427" i="1"/>
  <c r="G88428" i="1"/>
  <c r="G88429" i="1"/>
  <c r="G88430" i="1"/>
  <c r="G88431" i="1"/>
  <c r="G88432" i="1"/>
  <c r="G88433" i="1"/>
  <c r="G88434" i="1"/>
  <c r="G88435" i="1"/>
  <c r="G88436" i="1"/>
  <c r="G88437" i="1"/>
  <c r="G88438" i="1"/>
  <c r="G88439" i="1"/>
  <c r="G88440" i="1"/>
  <c r="G88441" i="1"/>
  <c r="G88442" i="1"/>
  <c r="G88443" i="1"/>
  <c r="G88444" i="1"/>
  <c r="G88445" i="1"/>
  <c r="G88446" i="1"/>
  <c r="G88447" i="1"/>
  <c r="G88448" i="1"/>
  <c r="G88449" i="1"/>
  <c r="G88450" i="1"/>
  <c r="G88451" i="1"/>
  <c r="G88452" i="1"/>
  <c r="G88453" i="1"/>
  <c r="G88454" i="1"/>
  <c r="G88455" i="1"/>
  <c r="G88456" i="1"/>
  <c r="G88457" i="1"/>
  <c r="G88458" i="1"/>
  <c r="G88459" i="1"/>
  <c r="G88460" i="1"/>
  <c r="G88461" i="1"/>
  <c r="G88462" i="1"/>
  <c r="G88463" i="1"/>
  <c r="G88464" i="1"/>
  <c r="G88465" i="1"/>
  <c r="G88466" i="1"/>
  <c r="G88467" i="1"/>
  <c r="G88468" i="1"/>
  <c r="G88469" i="1"/>
  <c r="G88470" i="1"/>
  <c r="G88471" i="1"/>
  <c r="G88472" i="1"/>
  <c r="G88473" i="1"/>
  <c r="G88474" i="1"/>
  <c r="G88475" i="1"/>
  <c r="G88476" i="1"/>
  <c r="G88477" i="1"/>
  <c r="G88478" i="1"/>
  <c r="G88479" i="1"/>
  <c r="G88480" i="1"/>
  <c r="G88481" i="1"/>
  <c r="G88482" i="1"/>
  <c r="G88483" i="1"/>
  <c r="G88484" i="1"/>
  <c r="G88485" i="1"/>
  <c r="G88486" i="1"/>
  <c r="G88487" i="1"/>
  <c r="G88488" i="1"/>
  <c r="G88489" i="1"/>
  <c r="G88490" i="1"/>
  <c r="G88491" i="1"/>
  <c r="G88492" i="1"/>
  <c r="G88493" i="1"/>
  <c r="G88494" i="1"/>
  <c r="G88495" i="1"/>
  <c r="G88496" i="1"/>
  <c r="G88497" i="1"/>
  <c r="G88498" i="1"/>
  <c r="G88499" i="1"/>
  <c r="G88500" i="1"/>
  <c r="G88501" i="1"/>
  <c r="G88502" i="1"/>
  <c r="G88503" i="1"/>
  <c r="G88504" i="1"/>
  <c r="G88505" i="1"/>
  <c r="G88506" i="1"/>
  <c r="G88507" i="1"/>
  <c r="G88508" i="1"/>
  <c r="G88509" i="1"/>
  <c r="G88510" i="1"/>
  <c r="G88511" i="1"/>
  <c r="G88512" i="1"/>
  <c r="G88513" i="1"/>
  <c r="G88514" i="1"/>
  <c r="G88515" i="1"/>
  <c r="G88516" i="1"/>
  <c r="G88517" i="1"/>
  <c r="G88518" i="1"/>
  <c r="G88519" i="1"/>
  <c r="G88520" i="1"/>
  <c r="G88521" i="1"/>
  <c r="G88522" i="1"/>
  <c r="G88523" i="1"/>
  <c r="G88524" i="1"/>
  <c r="G88525" i="1"/>
  <c r="G88526" i="1"/>
  <c r="G88527" i="1"/>
  <c r="G88528" i="1"/>
  <c r="G88529" i="1"/>
  <c r="G88530" i="1"/>
  <c r="G88531" i="1"/>
  <c r="G88532" i="1"/>
  <c r="G88533" i="1"/>
  <c r="G88534" i="1"/>
  <c r="G88535" i="1"/>
  <c r="G88536" i="1"/>
  <c r="G88537" i="1"/>
  <c r="G88538" i="1"/>
  <c r="G88539" i="1"/>
  <c r="G88540" i="1"/>
  <c r="G88541" i="1"/>
  <c r="G88542" i="1"/>
  <c r="G88543" i="1"/>
  <c r="G88544" i="1"/>
  <c r="G88545" i="1"/>
  <c r="G88546" i="1"/>
  <c r="G88547" i="1"/>
  <c r="G88548" i="1"/>
  <c r="G88549" i="1"/>
  <c r="G88550" i="1"/>
  <c r="G88551" i="1"/>
  <c r="G88552" i="1"/>
  <c r="G88553" i="1"/>
  <c r="G88554" i="1"/>
  <c r="G88555" i="1"/>
  <c r="G88556" i="1"/>
  <c r="G88557" i="1"/>
  <c r="G88558" i="1"/>
  <c r="G88559" i="1"/>
  <c r="G88560" i="1"/>
  <c r="G88561" i="1"/>
  <c r="G88562" i="1"/>
  <c r="G88563" i="1"/>
  <c r="G88564" i="1"/>
  <c r="G88565" i="1"/>
  <c r="G88566" i="1"/>
  <c r="G88567" i="1"/>
  <c r="G88568" i="1"/>
  <c r="G88569" i="1"/>
  <c r="G88570" i="1"/>
  <c r="G88571" i="1"/>
  <c r="G88572" i="1"/>
  <c r="G88573" i="1"/>
  <c r="G88574" i="1"/>
  <c r="G88575" i="1"/>
  <c r="G88576" i="1"/>
  <c r="G88577" i="1"/>
  <c r="G88578" i="1"/>
  <c r="G88579" i="1"/>
  <c r="G88580" i="1"/>
  <c r="G88581" i="1"/>
  <c r="G88582" i="1"/>
  <c r="G88583" i="1"/>
  <c r="G88584" i="1"/>
  <c r="G88585" i="1"/>
  <c r="G88586" i="1"/>
  <c r="G88587" i="1"/>
  <c r="G88588" i="1"/>
  <c r="G88589" i="1"/>
  <c r="G88590" i="1"/>
  <c r="G88591" i="1"/>
  <c r="G88592" i="1"/>
  <c r="G88593" i="1"/>
  <c r="G88594" i="1"/>
  <c r="G88595" i="1"/>
  <c r="G88596" i="1"/>
  <c r="G88597" i="1"/>
  <c r="G88598" i="1"/>
  <c r="G88599" i="1"/>
  <c r="G88600" i="1"/>
  <c r="G88601" i="1"/>
  <c r="G88602" i="1"/>
  <c r="G88603" i="1"/>
  <c r="G88604" i="1"/>
  <c r="G88605" i="1"/>
  <c r="G88606" i="1"/>
  <c r="G88607" i="1"/>
  <c r="G88608" i="1"/>
  <c r="G88609" i="1"/>
  <c r="G88610" i="1"/>
  <c r="G88611" i="1"/>
  <c r="G88612" i="1"/>
  <c r="G88613" i="1"/>
  <c r="G88614" i="1"/>
  <c r="G88615" i="1"/>
  <c r="G88616" i="1"/>
  <c r="G88617" i="1"/>
  <c r="G88618" i="1"/>
  <c r="G88619" i="1"/>
  <c r="G88620" i="1"/>
  <c r="G88621" i="1"/>
  <c r="G88622" i="1"/>
  <c r="G88623" i="1"/>
  <c r="G88624" i="1"/>
  <c r="G88625" i="1"/>
  <c r="G88626" i="1"/>
  <c r="G88627" i="1"/>
  <c r="G88628" i="1"/>
  <c r="G88629" i="1"/>
  <c r="G88630" i="1"/>
  <c r="G88631" i="1"/>
  <c r="G88632" i="1"/>
  <c r="G88633" i="1"/>
  <c r="G88634" i="1"/>
  <c r="G88635" i="1"/>
  <c r="G88636" i="1"/>
  <c r="G88637" i="1"/>
  <c r="G88638" i="1"/>
  <c r="G88639" i="1"/>
  <c r="G88640" i="1"/>
  <c r="G88641" i="1"/>
  <c r="G88642" i="1"/>
  <c r="G88643" i="1"/>
  <c r="G88644" i="1"/>
  <c r="G88645" i="1"/>
  <c r="G88646" i="1"/>
  <c r="G88647" i="1"/>
  <c r="G88648" i="1"/>
  <c r="G88649" i="1"/>
  <c r="G88650" i="1"/>
  <c r="G88651" i="1"/>
  <c r="G88652" i="1"/>
  <c r="G88653" i="1"/>
  <c r="G88654" i="1"/>
  <c r="G88655" i="1"/>
  <c r="G88656" i="1"/>
  <c r="G88657" i="1"/>
  <c r="G88658" i="1"/>
  <c r="G88659" i="1"/>
  <c r="G88660" i="1"/>
  <c r="G88661" i="1"/>
  <c r="G88662" i="1"/>
  <c r="G88663" i="1"/>
  <c r="G88664" i="1"/>
  <c r="G88665" i="1"/>
  <c r="G88666" i="1"/>
  <c r="G88667" i="1"/>
  <c r="G88668" i="1"/>
  <c r="G88669" i="1"/>
  <c r="G88670" i="1"/>
  <c r="G88671" i="1"/>
  <c r="G88672" i="1"/>
  <c r="G88673" i="1"/>
  <c r="G88674" i="1"/>
  <c r="G88675" i="1"/>
  <c r="G88676" i="1"/>
  <c r="G88677" i="1"/>
  <c r="G88678" i="1"/>
  <c r="G88679" i="1"/>
  <c r="G88680" i="1"/>
  <c r="G88681" i="1"/>
  <c r="G88682" i="1"/>
  <c r="G88683" i="1"/>
  <c r="G88684" i="1"/>
  <c r="G88685" i="1"/>
  <c r="G88686" i="1"/>
  <c r="G88687" i="1"/>
  <c r="G88688" i="1"/>
  <c r="G88689" i="1"/>
  <c r="G88690" i="1"/>
  <c r="G88691" i="1"/>
  <c r="G88692" i="1"/>
  <c r="G88693" i="1"/>
  <c r="G88694" i="1"/>
  <c r="G88695" i="1"/>
  <c r="G88696" i="1"/>
  <c r="G88697" i="1"/>
  <c r="G88698" i="1"/>
  <c r="G88699" i="1"/>
  <c r="G88700" i="1"/>
  <c r="G88701" i="1"/>
  <c r="G88702" i="1"/>
  <c r="G88703" i="1"/>
  <c r="G88704" i="1"/>
  <c r="G88705" i="1"/>
  <c r="G88706" i="1"/>
  <c r="G88707" i="1"/>
  <c r="G88708" i="1"/>
  <c r="G88709" i="1"/>
  <c r="G88710" i="1"/>
  <c r="G88711" i="1"/>
  <c r="G88712" i="1"/>
  <c r="G88713" i="1"/>
  <c r="G88714" i="1"/>
  <c r="G88715" i="1"/>
  <c r="G88716" i="1"/>
  <c r="G88717" i="1"/>
  <c r="G88718" i="1"/>
  <c r="G88719" i="1"/>
  <c r="G88720" i="1"/>
  <c r="G88721" i="1"/>
  <c r="G88722" i="1"/>
  <c r="G88723" i="1"/>
  <c r="G88724" i="1"/>
  <c r="G88725" i="1"/>
  <c r="G88726" i="1"/>
  <c r="G88727" i="1"/>
  <c r="G88728" i="1"/>
  <c r="G88729" i="1"/>
  <c r="G88730" i="1"/>
  <c r="G88731" i="1"/>
  <c r="G88732" i="1"/>
  <c r="G88733" i="1"/>
  <c r="G88734" i="1"/>
  <c r="G88735" i="1"/>
  <c r="G88736" i="1"/>
  <c r="G88737" i="1"/>
  <c r="G88738" i="1"/>
  <c r="G88739" i="1"/>
  <c r="G88740" i="1"/>
  <c r="G88741" i="1"/>
  <c r="G88742" i="1"/>
  <c r="G88743" i="1"/>
  <c r="G88744" i="1"/>
  <c r="G88745" i="1"/>
  <c r="G88746" i="1"/>
  <c r="G88747" i="1"/>
  <c r="G88748" i="1"/>
  <c r="G88749" i="1"/>
  <c r="G88750" i="1"/>
  <c r="G88751" i="1"/>
  <c r="G88752" i="1"/>
  <c r="G88753" i="1"/>
  <c r="G88754" i="1"/>
  <c r="G88755" i="1"/>
  <c r="G88756" i="1"/>
  <c r="G88757" i="1"/>
  <c r="G88758" i="1"/>
  <c r="G88759" i="1"/>
  <c r="G88760" i="1"/>
  <c r="G88761" i="1"/>
  <c r="G88762" i="1"/>
  <c r="G88763" i="1"/>
  <c r="G88764" i="1"/>
  <c r="G88765" i="1"/>
  <c r="G88766" i="1"/>
  <c r="G88767" i="1"/>
  <c r="G88768" i="1"/>
  <c r="G88769" i="1"/>
  <c r="G88770" i="1"/>
  <c r="G88771" i="1"/>
  <c r="G88772" i="1"/>
  <c r="G88773" i="1"/>
  <c r="G88774" i="1"/>
  <c r="G88775" i="1"/>
  <c r="G88776" i="1"/>
  <c r="G88777" i="1"/>
  <c r="G88778" i="1"/>
  <c r="G88779" i="1"/>
  <c r="G88780" i="1"/>
  <c r="G88781" i="1"/>
  <c r="G88782" i="1"/>
  <c r="G88783" i="1"/>
  <c r="G88784" i="1"/>
  <c r="G88785" i="1"/>
  <c r="G88786" i="1"/>
  <c r="G88787" i="1"/>
  <c r="G88788" i="1"/>
  <c r="G88789" i="1"/>
  <c r="G88790" i="1"/>
  <c r="G88791" i="1"/>
  <c r="G88792" i="1"/>
  <c r="G88793" i="1"/>
  <c r="G88794" i="1"/>
  <c r="G88795" i="1"/>
  <c r="G88796" i="1"/>
  <c r="G88797" i="1"/>
  <c r="G88798" i="1"/>
  <c r="G88799" i="1"/>
  <c r="G88800" i="1"/>
  <c r="G88801" i="1"/>
  <c r="G88802" i="1"/>
  <c r="G88803" i="1"/>
  <c r="G88804" i="1"/>
  <c r="G88805" i="1"/>
  <c r="G88806" i="1"/>
  <c r="G88807" i="1"/>
  <c r="G88808" i="1"/>
  <c r="G88809" i="1"/>
  <c r="G88810" i="1"/>
  <c r="G88811" i="1"/>
  <c r="G88812" i="1"/>
  <c r="G88813" i="1"/>
  <c r="G88814" i="1"/>
  <c r="G88815" i="1"/>
  <c r="G88816" i="1"/>
  <c r="G88817" i="1"/>
  <c r="G88818" i="1"/>
  <c r="G88819" i="1"/>
  <c r="G88820" i="1"/>
  <c r="G88821" i="1"/>
  <c r="G88822" i="1"/>
  <c r="G88823" i="1"/>
  <c r="G88824" i="1"/>
  <c r="G88825" i="1"/>
  <c r="G88826" i="1"/>
  <c r="G88827" i="1"/>
  <c r="G88828" i="1"/>
  <c r="G88829" i="1"/>
  <c r="G88830" i="1"/>
  <c r="G88831" i="1"/>
  <c r="G88832" i="1"/>
  <c r="G88833" i="1"/>
  <c r="G88834" i="1"/>
  <c r="G88835" i="1"/>
  <c r="G88836" i="1"/>
  <c r="G88837" i="1"/>
  <c r="G88838" i="1"/>
  <c r="G88839" i="1"/>
  <c r="G88840" i="1"/>
  <c r="G88841" i="1"/>
  <c r="G88842" i="1"/>
  <c r="G88843" i="1"/>
  <c r="G88844" i="1"/>
  <c r="G88845" i="1"/>
  <c r="G88846" i="1"/>
  <c r="G88847" i="1"/>
  <c r="G88848" i="1"/>
  <c r="G88849" i="1"/>
  <c r="G88850" i="1"/>
  <c r="G88851" i="1"/>
  <c r="G88852" i="1"/>
  <c r="G88853" i="1"/>
  <c r="G88854" i="1"/>
  <c r="G88855" i="1"/>
  <c r="G88856" i="1"/>
  <c r="G88857" i="1"/>
  <c r="G88858" i="1"/>
  <c r="G88859" i="1"/>
  <c r="G88860" i="1"/>
  <c r="G88861" i="1"/>
  <c r="G88862" i="1"/>
  <c r="G88863" i="1"/>
  <c r="G88864" i="1"/>
  <c r="G88865" i="1"/>
  <c r="G88866" i="1"/>
  <c r="G88867" i="1"/>
  <c r="G88868" i="1"/>
  <c r="G88869" i="1"/>
  <c r="G88870" i="1"/>
  <c r="G88871" i="1"/>
  <c r="G88872" i="1"/>
  <c r="G88873" i="1"/>
  <c r="G88874" i="1"/>
  <c r="G88875" i="1"/>
  <c r="G88876" i="1"/>
  <c r="G88877" i="1"/>
  <c r="G88878" i="1"/>
  <c r="G88879" i="1"/>
  <c r="G88880" i="1"/>
  <c r="G88881" i="1"/>
  <c r="G88882" i="1"/>
  <c r="G88883" i="1"/>
  <c r="G88884" i="1"/>
  <c r="G88885" i="1"/>
  <c r="G88886" i="1"/>
  <c r="G88887" i="1"/>
  <c r="G88888" i="1"/>
  <c r="G88889" i="1"/>
  <c r="G88890" i="1"/>
  <c r="G88891" i="1"/>
  <c r="G88892" i="1"/>
  <c r="G88893" i="1"/>
  <c r="G88894" i="1"/>
  <c r="G88895" i="1"/>
  <c r="G88896" i="1"/>
  <c r="G88897" i="1"/>
  <c r="G88898" i="1"/>
  <c r="G88899" i="1"/>
  <c r="G88900" i="1"/>
  <c r="G88901" i="1"/>
  <c r="G88902" i="1"/>
  <c r="G88903" i="1"/>
  <c r="G88904" i="1"/>
  <c r="G88905" i="1"/>
  <c r="G88906" i="1"/>
  <c r="G88907" i="1"/>
  <c r="G88908" i="1"/>
  <c r="G88909" i="1"/>
  <c r="G88910" i="1"/>
  <c r="G88911" i="1"/>
  <c r="G88912" i="1"/>
  <c r="G88913" i="1"/>
  <c r="G88914" i="1"/>
  <c r="G88915" i="1"/>
  <c r="G88916" i="1"/>
  <c r="G88917" i="1"/>
  <c r="G88918" i="1"/>
  <c r="G88919" i="1"/>
  <c r="G88920" i="1"/>
  <c r="G88921" i="1"/>
  <c r="G88922" i="1"/>
  <c r="G88923" i="1"/>
  <c r="G88924" i="1"/>
  <c r="G88925" i="1"/>
  <c r="G88926" i="1"/>
  <c r="G88927" i="1"/>
  <c r="G88928" i="1"/>
  <c r="G88929" i="1"/>
  <c r="G88930" i="1"/>
  <c r="G88931" i="1"/>
  <c r="G88932" i="1"/>
  <c r="G88933" i="1"/>
  <c r="G88934" i="1"/>
  <c r="G88935" i="1"/>
  <c r="G88936" i="1"/>
  <c r="G88937" i="1"/>
  <c r="G88938" i="1"/>
  <c r="G88939" i="1"/>
  <c r="G88940" i="1"/>
  <c r="G88941" i="1"/>
  <c r="G88942" i="1"/>
  <c r="G88943" i="1"/>
  <c r="G88944" i="1"/>
  <c r="G88945" i="1"/>
  <c r="G88946" i="1"/>
  <c r="G88947" i="1"/>
  <c r="G88948" i="1"/>
  <c r="G88949" i="1"/>
  <c r="G88950" i="1"/>
  <c r="G88951" i="1"/>
  <c r="G88952" i="1"/>
  <c r="G88953" i="1"/>
  <c r="G88954" i="1"/>
  <c r="G88955" i="1"/>
  <c r="G88956" i="1"/>
  <c r="G88957" i="1"/>
  <c r="G88958" i="1"/>
  <c r="G88959" i="1"/>
  <c r="G88960" i="1"/>
  <c r="G88961" i="1"/>
  <c r="G88962" i="1"/>
  <c r="G88963" i="1"/>
  <c r="G88964" i="1"/>
  <c r="G88965" i="1"/>
  <c r="G88966" i="1"/>
  <c r="G88967" i="1"/>
  <c r="G88968" i="1"/>
  <c r="G88969" i="1"/>
  <c r="G88970" i="1"/>
  <c r="G88971" i="1"/>
  <c r="G88972" i="1"/>
  <c r="G88973" i="1"/>
  <c r="G88974" i="1"/>
  <c r="G88975" i="1"/>
  <c r="G88976" i="1"/>
  <c r="G88977" i="1"/>
  <c r="G88978" i="1"/>
  <c r="G88979" i="1"/>
  <c r="G88980" i="1"/>
  <c r="G88981" i="1"/>
  <c r="G88982" i="1"/>
  <c r="G88983" i="1"/>
  <c r="G88984" i="1"/>
  <c r="G88985" i="1"/>
  <c r="G88986" i="1"/>
  <c r="G88987" i="1"/>
  <c r="G88988" i="1"/>
  <c r="G88989" i="1"/>
  <c r="G88990" i="1"/>
  <c r="G88991" i="1"/>
  <c r="G88992" i="1"/>
  <c r="G88993" i="1"/>
  <c r="G88994" i="1"/>
  <c r="G88995" i="1"/>
  <c r="G88996" i="1"/>
  <c r="G88997" i="1"/>
  <c r="G88998" i="1"/>
  <c r="G88999" i="1"/>
  <c r="G89000" i="1"/>
  <c r="G89001" i="1"/>
  <c r="G89002" i="1"/>
  <c r="G89003" i="1"/>
  <c r="G89004" i="1"/>
  <c r="G89005" i="1"/>
  <c r="G89006" i="1"/>
  <c r="G89007" i="1"/>
  <c r="G89008" i="1"/>
  <c r="G89009" i="1"/>
  <c r="G89010" i="1"/>
  <c r="G89011" i="1"/>
  <c r="G89012" i="1"/>
  <c r="G89013" i="1"/>
  <c r="G89014" i="1"/>
  <c r="G89015" i="1"/>
  <c r="G89016" i="1"/>
  <c r="G89017" i="1"/>
  <c r="G89018" i="1"/>
  <c r="G89019" i="1"/>
  <c r="G89020" i="1"/>
  <c r="G89021" i="1"/>
  <c r="G89022" i="1"/>
  <c r="G89023" i="1"/>
  <c r="G89024" i="1"/>
  <c r="G89025" i="1"/>
  <c r="G89026" i="1"/>
  <c r="G89027" i="1"/>
  <c r="G89028" i="1"/>
  <c r="G89029" i="1"/>
  <c r="G89030" i="1"/>
  <c r="G89031" i="1"/>
  <c r="G89032" i="1"/>
  <c r="G89033" i="1"/>
  <c r="G89034" i="1"/>
  <c r="G89035" i="1"/>
  <c r="G89036" i="1"/>
  <c r="G89037" i="1"/>
  <c r="G89038" i="1"/>
  <c r="G89039" i="1"/>
  <c r="G89040" i="1"/>
  <c r="G89041" i="1"/>
  <c r="G89042" i="1"/>
  <c r="G89043" i="1"/>
  <c r="G89044" i="1"/>
  <c r="G89045" i="1"/>
  <c r="G89046" i="1"/>
  <c r="G89047" i="1"/>
  <c r="G89048" i="1"/>
  <c r="G89049" i="1"/>
  <c r="G89050" i="1"/>
  <c r="G89051" i="1"/>
  <c r="G89052" i="1"/>
  <c r="G89053" i="1"/>
  <c r="G89054" i="1"/>
  <c r="G89055" i="1"/>
  <c r="G89056" i="1"/>
  <c r="G89057" i="1"/>
  <c r="G89058" i="1"/>
  <c r="G89059" i="1"/>
  <c r="G89060" i="1"/>
  <c r="G89061" i="1"/>
  <c r="G89062" i="1"/>
  <c r="G89063" i="1"/>
  <c r="G89064" i="1"/>
  <c r="G89065" i="1"/>
  <c r="G89066" i="1"/>
  <c r="G89067" i="1"/>
  <c r="G89068" i="1"/>
  <c r="G89069" i="1"/>
  <c r="G89070" i="1"/>
  <c r="G89071" i="1"/>
  <c r="G89072" i="1"/>
  <c r="G89073" i="1"/>
  <c r="G89074" i="1"/>
  <c r="G89075" i="1"/>
  <c r="G89076" i="1"/>
  <c r="G89077" i="1"/>
  <c r="G89078" i="1"/>
  <c r="G89079" i="1"/>
  <c r="G89080" i="1"/>
  <c r="G89081" i="1"/>
  <c r="G89082" i="1"/>
  <c r="G89083" i="1"/>
  <c r="G89084" i="1"/>
  <c r="G89085" i="1"/>
  <c r="G89086" i="1"/>
  <c r="G89087" i="1"/>
  <c r="G89088" i="1"/>
  <c r="G89089" i="1"/>
  <c r="G89090" i="1"/>
  <c r="G89091" i="1"/>
  <c r="G89092" i="1"/>
  <c r="G89093" i="1"/>
  <c r="G89094" i="1"/>
  <c r="G89095" i="1"/>
  <c r="G89096" i="1"/>
  <c r="G89097" i="1"/>
  <c r="G89098" i="1"/>
  <c r="G89099" i="1"/>
  <c r="G89100" i="1"/>
  <c r="G89101" i="1"/>
  <c r="G89102" i="1"/>
  <c r="G89103" i="1"/>
  <c r="G89104" i="1"/>
  <c r="G89105" i="1"/>
  <c r="G89106" i="1"/>
  <c r="G89107" i="1"/>
  <c r="G89108" i="1"/>
  <c r="G89109" i="1"/>
  <c r="G89110" i="1"/>
  <c r="G89111" i="1"/>
  <c r="G89112" i="1"/>
  <c r="G89113" i="1"/>
  <c r="G89114" i="1"/>
  <c r="G89115" i="1"/>
  <c r="G89116" i="1"/>
  <c r="G89117" i="1"/>
  <c r="G89118" i="1"/>
  <c r="G89119" i="1"/>
  <c r="G89120" i="1"/>
  <c r="G89121" i="1"/>
  <c r="G89122" i="1"/>
  <c r="G89123" i="1"/>
  <c r="G89124" i="1"/>
  <c r="G89125" i="1"/>
  <c r="G89126" i="1"/>
  <c r="G89127" i="1"/>
  <c r="G89128" i="1"/>
  <c r="G89129" i="1"/>
  <c r="G89130" i="1"/>
  <c r="G89131" i="1"/>
  <c r="G89132" i="1"/>
  <c r="G89133" i="1"/>
  <c r="G89134" i="1"/>
  <c r="G89135" i="1"/>
  <c r="G89136" i="1"/>
  <c r="G89137" i="1"/>
  <c r="G89138" i="1"/>
  <c r="G89139" i="1"/>
  <c r="G89140" i="1"/>
  <c r="G89141" i="1"/>
  <c r="G89142" i="1"/>
  <c r="G89143" i="1"/>
  <c r="G89144" i="1"/>
  <c r="G89145" i="1"/>
  <c r="G89146" i="1"/>
  <c r="G89147" i="1"/>
  <c r="G89148" i="1"/>
  <c r="G89149" i="1"/>
  <c r="G89150" i="1"/>
  <c r="G89151" i="1"/>
  <c r="G89152" i="1"/>
  <c r="G89153" i="1"/>
  <c r="G89154" i="1"/>
  <c r="G89155" i="1"/>
  <c r="G89156" i="1"/>
  <c r="G89157" i="1"/>
  <c r="G89158" i="1"/>
  <c r="G89159" i="1"/>
  <c r="G89160" i="1"/>
  <c r="G89161" i="1"/>
  <c r="G89162" i="1"/>
  <c r="G89163" i="1"/>
  <c r="G89164" i="1"/>
  <c r="G89165" i="1"/>
  <c r="G89166" i="1"/>
  <c r="G89167" i="1"/>
  <c r="G89168" i="1"/>
  <c r="G89169" i="1"/>
  <c r="G89170" i="1"/>
  <c r="G89171" i="1"/>
  <c r="G89172" i="1"/>
  <c r="G89173" i="1"/>
  <c r="G89174" i="1"/>
  <c r="G89175" i="1"/>
  <c r="G89176" i="1"/>
  <c r="G89177" i="1"/>
  <c r="G89178" i="1"/>
  <c r="G89179" i="1"/>
  <c r="G89180" i="1"/>
  <c r="G89181" i="1"/>
  <c r="G89182" i="1"/>
  <c r="G89183" i="1"/>
  <c r="G89184" i="1"/>
  <c r="G89185" i="1"/>
  <c r="G89186" i="1"/>
  <c r="G89187" i="1"/>
  <c r="G89188" i="1"/>
  <c r="G89189" i="1"/>
  <c r="G89190" i="1"/>
  <c r="G89191" i="1"/>
  <c r="G89192" i="1"/>
  <c r="G89193" i="1"/>
  <c r="G89194" i="1"/>
  <c r="G89195" i="1"/>
  <c r="G89196" i="1"/>
  <c r="G89197" i="1"/>
  <c r="G89198" i="1"/>
  <c r="G89199" i="1"/>
  <c r="G89200" i="1"/>
  <c r="G89201" i="1"/>
  <c r="G89202" i="1"/>
  <c r="G89203" i="1"/>
  <c r="G89204" i="1"/>
  <c r="G89205" i="1"/>
  <c r="G89206" i="1"/>
  <c r="G89207" i="1"/>
  <c r="G89208" i="1"/>
  <c r="G89209" i="1"/>
  <c r="G89210" i="1"/>
  <c r="G89211" i="1"/>
  <c r="G89212" i="1"/>
  <c r="G89213" i="1"/>
  <c r="G89214" i="1"/>
  <c r="G89215" i="1"/>
  <c r="G89216" i="1"/>
  <c r="G89217" i="1"/>
  <c r="G89218" i="1"/>
  <c r="G89219" i="1"/>
  <c r="G89220" i="1"/>
  <c r="G89221" i="1"/>
  <c r="G89222" i="1"/>
  <c r="G89223" i="1"/>
  <c r="G89224" i="1"/>
  <c r="G89225" i="1"/>
  <c r="G89226" i="1"/>
  <c r="G89227" i="1"/>
  <c r="G89228" i="1"/>
  <c r="G89229" i="1"/>
  <c r="G89230" i="1"/>
  <c r="G89231" i="1"/>
  <c r="G89232" i="1"/>
  <c r="G89233" i="1"/>
  <c r="G89234" i="1"/>
  <c r="G89235" i="1"/>
  <c r="G89236" i="1"/>
  <c r="G89237" i="1"/>
  <c r="G89238" i="1"/>
  <c r="G89239" i="1"/>
  <c r="G89240" i="1"/>
  <c r="G89241" i="1"/>
  <c r="G89242" i="1"/>
  <c r="G89243" i="1"/>
  <c r="G89244" i="1"/>
  <c r="G89245" i="1"/>
  <c r="G89246" i="1"/>
  <c r="G89247" i="1"/>
  <c r="G89248" i="1"/>
  <c r="G89249" i="1"/>
  <c r="G89250" i="1"/>
  <c r="G89251" i="1"/>
  <c r="G89252" i="1"/>
  <c r="G89253" i="1"/>
  <c r="G89254" i="1"/>
  <c r="G89255" i="1"/>
  <c r="G89256" i="1"/>
  <c r="G89257" i="1"/>
  <c r="G89258" i="1"/>
  <c r="G89259" i="1"/>
  <c r="G89260" i="1"/>
  <c r="G89261" i="1"/>
  <c r="G89262" i="1"/>
  <c r="G89263" i="1"/>
  <c r="G89264" i="1"/>
  <c r="G89265" i="1"/>
  <c r="G89266" i="1"/>
  <c r="G89267" i="1"/>
  <c r="G89268" i="1"/>
  <c r="G89269" i="1"/>
  <c r="G89270" i="1"/>
  <c r="G89271" i="1"/>
  <c r="G89272" i="1"/>
  <c r="G89273" i="1"/>
  <c r="G89274" i="1"/>
  <c r="G89275" i="1"/>
  <c r="G89276" i="1"/>
  <c r="G89277" i="1"/>
  <c r="G89278" i="1"/>
  <c r="G89279" i="1"/>
  <c r="G89280" i="1"/>
  <c r="G89281" i="1"/>
  <c r="G89282" i="1"/>
  <c r="G89283" i="1"/>
  <c r="G89284" i="1"/>
  <c r="G89285" i="1"/>
  <c r="G89286" i="1"/>
  <c r="G89287" i="1"/>
  <c r="G89288" i="1"/>
  <c r="G89289" i="1"/>
  <c r="G89290" i="1"/>
  <c r="G89291" i="1"/>
  <c r="G89292" i="1"/>
  <c r="G89293" i="1"/>
  <c r="G89294" i="1"/>
  <c r="G89295" i="1"/>
  <c r="G89296" i="1"/>
  <c r="G89297" i="1"/>
  <c r="G89298" i="1"/>
  <c r="G89299" i="1"/>
  <c r="G89300" i="1"/>
  <c r="G89301" i="1"/>
  <c r="G89302" i="1"/>
  <c r="G89303" i="1"/>
  <c r="G89304" i="1"/>
  <c r="G89305" i="1"/>
  <c r="G89306" i="1"/>
  <c r="G89307" i="1"/>
  <c r="G89308" i="1"/>
  <c r="G89309" i="1"/>
  <c r="G89310" i="1"/>
  <c r="G89311" i="1"/>
  <c r="G89312" i="1"/>
  <c r="G89313" i="1"/>
  <c r="G89314" i="1"/>
  <c r="G89315" i="1"/>
  <c r="G89316" i="1"/>
  <c r="G89317" i="1"/>
  <c r="G89318" i="1"/>
  <c r="G89319" i="1"/>
  <c r="G89320" i="1"/>
  <c r="G89321" i="1"/>
  <c r="G89322" i="1"/>
  <c r="G89323" i="1"/>
  <c r="G89324" i="1"/>
  <c r="G89325" i="1"/>
  <c r="G89326" i="1"/>
  <c r="G89327" i="1"/>
  <c r="G89328" i="1"/>
  <c r="G89329" i="1"/>
  <c r="G89330" i="1"/>
  <c r="G89331" i="1"/>
  <c r="G89332" i="1"/>
  <c r="G89333" i="1"/>
  <c r="G89334" i="1"/>
  <c r="G89335" i="1"/>
  <c r="G89336" i="1"/>
  <c r="G89337" i="1"/>
  <c r="G89338" i="1"/>
  <c r="G89339" i="1"/>
  <c r="G89340" i="1"/>
  <c r="G89341" i="1"/>
  <c r="G89342" i="1"/>
  <c r="G89343" i="1"/>
  <c r="G89344" i="1"/>
  <c r="G89345" i="1"/>
  <c r="G89346" i="1"/>
  <c r="G89347" i="1"/>
  <c r="G89348" i="1"/>
  <c r="G89349" i="1"/>
  <c r="G89350" i="1"/>
  <c r="G89351" i="1"/>
  <c r="G89352" i="1"/>
  <c r="G89353" i="1"/>
  <c r="G89354" i="1"/>
  <c r="G89355" i="1"/>
  <c r="G89356" i="1"/>
  <c r="G89357" i="1"/>
  <c r="G89358" i="1"/>
  <c r="G89359" i="1"/>
  <c r="G89360" i="1"/>
  <c r="G89361" i="1"/>
  <c r="G89362" i="1"/>
  <c r="G89363" i="1"/>
  <c r="G89364" i="1"/>
  <c r="G89365" i="1"/>
  <c r="G89366" i="1"/>
  <c r="G89367" i="1"/>
  <c r="G89368" i="1"/>
  <c r="G89369" i="1"/>
  <c r="G89370" i="1"/>
  <c r="G89371" i="1"/>
  <c r="G89372" i="1"/>
  <c r="G89373" i="1"/>
  <c r="G89374" i="1"/>
  <c r="G89375" i="1"/>
  <c r="G89376" i="1"/>
  <c r="G89377" i="1"/>
  <c r="G89378" i="1"/>
  <c r="G89379" i="1"/>
  <c r="G89380" i="1"/>
  <c r="G89381" i="1"/>
  <c r="G89382" i="1"/>
  <c r="G89383" i="1"/>
  <c r="G89384" i="1"/>
  <c r="G89385" i="1"/>
  <c r="G89386" i="1"/>
  <c r="G89387" i="1"/>
  <c r="G89388" i="1"/>
  <c r="G89389" i="1"/>
  <c r="G89390" i="1"/>
  <c r="G89391" i="1"/>
  <c r="G89392" i="1"/>
  <c r="G89393" i="1"/>
  <c r="G89394" i="1"/>
  <c r="G89395" i="1"/>
  <c r="G89396" i="1"/>
  <c r="G89397" i="1"/>
  <c r="G89398" i="1"/>
  <c r="G89399" i="1"/>
  <c r="G89400" i="1"/>
  <c r="G89401" i="1"/>
  <c r="G89402" i="1"/>
  <c r="G89403" i="1"/>
  <c r="G89404" i="1"/>
  <c r="G89405" i="1"/>
  <c r="G89406" i="1"/>
  <c r="G89407" i="1"/>
  <c r="G89408" i="1"/>
  <c r="G89409" i="1"/>
  <c r="G89410" i="1"/>
  <c r="G89411" i="1"/>
  <c r="G89412" i="1"/>
  <c r="G89413" i="1"/>
  <c r="G89414" i="1"/>
  <c r="G89415" i="1"/>
  <c r="G89416" i="1"/>
  <c r="G89417" i="1"/>
  <c r="G89418" i="1"/>
  <c r="G89419" i="1"/>
  <c r="G89420" i="1"/>
  <c r="G89421" i="1"/>
  <c r="G89422" i="1"/>
  <c r="G89423" i="1"/>
  <c r="G89424" i="1"/>
  <c r="G89425" i="1"/>
  <c r="G89426" i="1"/>
  <c r="G89427" i="1"/>
  <c r="G89428" i="1"/>
  <c r="G89429" i="1"/>
  <c r="G89430" i="1"/>
  <c r="G89431" i="1"/>
  <c r="G89432" i="1"/>
  <c r="G89433" i="1"/>
  <c r="G89434" i="1"/>
  <c r="G89435" i="1"/>
  <c r="G89436" i="1"/>
  <c r="G89437" i="1"/>
  <c r="G89438" i="1"/>
  <c r="G89439" i="1"/>
  <c r="G89440" i="1"/>
  <c r="G89441" i="1"/>
  <c r="G89442" i="1"/>
  <c r="G89443" i="1"/>
  <c r="G89444" i="1"/>
  <c r="G89445" i="1"/>
  <c r="G89446" i="1"/>
  <c r="G89447" i="1"/>
  <c r="G89448" i="1"/>
  <c r="G89449" i="1"/>
  <c r="G89450" i="1"/>
  <c r="G89451" i="1"/>
  <c r="G89452" i="1"/>
  <c r="G89453" i="1"/>
  <c r="G89454" i="1"/>
  <c r="G89455" i="1"/>
  <c r="G89456" i="1"/>
  <c r="G89457" i="1"/>
  <c r="G89458" i="1"/>
  <c r="G89459" i="1"/>
  <c r="G89460" i="1"/>
  <c r="G89461" i="1"/>
  <c r="G89462" i="1"/>
  <c r="G89463" i="1"/>
  <c r="G89464" i="1"/>
  <c r="G89465" i="1"/>
  <c r="G89466" i="1"/>
  <c r="G89467" i="1"/>
  <c r="G89468" i="1"/>
  <c r="G89469" i="1"/>
  <c r="G89470" i="1"/>
  <c r="G89471" i="1"/>
  <c r="G89472" i="1"/>
  <c r="G89473" i="1"/>
  <c r="G89474" i="1"/>
  <c r="G89475" i="1"/>
  <c r="G89476" i="1"/>
  <c r="G89477" i="1"/>
  <c r="G89478" i="1"/>
  <c r="G89479" i="1"/>
  <c r="G89480" i="1"/>
  <c r="G89481" i="1"/>
  <c r="G89482" i="1"/>
  <c r="G89483" i="1"/>
  <c r="G89484" i="1"/>
  <c r="G89485" i="1"/>
  <c r="G89486" i="1"/>
  <c r="G89487" i="1"/>
  <c r="G89488" i="1"/>
  <c r="G89489" i="1"/>
  <c r="G89490" i="1"/>
  <c r="G89491" i="1"/>
  <c r="G89492" i="1"/>
  <c r="G89493" i="1"/>
  <c r="G89494" i="1"/>
  <c r="G89495" i="1"/>
  <c r="G89496" i="1"/>
  <c r="G89497" i="1"/>
  <c r="G89498" i="1"/>
  <c r="G89499" i="1"/>
  <c r="G89500" i="1"/>
  <c r="G89501" i="1"/>
  <c r="G89502" i="1"/>
  <c r="G89503" i="1"/>
  <c r="G89504" i="1"/>
  <c r="G89505" i="1"/>
  <c r="G89506" i="1"/>
  <c r="G89507" i="1"/>
  <c r="G89508" i="1"/>
  <c r="G89509" i="1"/>
  <c r="G89510" i="1"/>
  <c r="G89511" i="1"/>
  <c r="G89512" i="1"/>
  <c r="G89513" i="1"/>
  <c r="G89514" i="1"/>
  <c r="G89515" i="1"/>
  <c r="G89516" i="1"/>
  <c r="G89517" i="1"/>
  <c r="G89518" i="1"/>
  <c r="G89519" i="1"/>
  <c r="G89520" i="1"/>
  <c r="G89521" i="1"/>
  <c r="G89522" i="1"/>
  <c r="G89523" i="1"/>
  <c r="G89524" i="1"/>
  <c r="G89525" i="1"/>
  <c r="G89526" i="1"/>
  <c r="G89527" i="1"/>
  <c r="G89528" i="1"/>
  <c r="G89529" i="1"/>
  <c r="G89530" i="1"/>
  <c r="G89531" i="1"/>
  <c r="G89532" i="1"/>
  <c r="G89533" i="1"/>
  <c r="G89534" i="1"/>
  <c r="G89535" i="1"/>
  <c r="G89536" i="1"/>
  <c r="G89537" i="1"/>
  <c r="G89538" i="1"/>
  <c r="G89539" i="1"/>
  <c r="G89540" i="1"/>
  <c r="G89541" i="1"/>
  <c r="G89542" i="1"/>
  <c r="G89543" i="1"/>
  <c r="G89544" i="1"/>
  <c r="G89545" i="1"/>
  <c r="G89546" i="1"/>
  <c r="G89547" i="1"/>
  <c r="G89548" i="1"/>
  <c r="G89549" i="1"/>
  <c r="G89550" i="1"/>
  <c r="G89551" i="1"/>
  <c r="G89552" i="1"/>
  <c r="G89553" i="1"/>
  <c r="G89554" i="1"/>
  <c r="G89555" i="1"/>
  <c r="G89556" i="1"/>
  <c r="G89557" i="1"/>
  <c r="G89558" i="1"/>
  <c r="G89559" i="1"/>
  <c r="G89560" i="1"/>
  <c r="G89561" i="1"/>
  <c r="G89562" i="1"/>
  <c r="G89563" i="1"/>
  <c r="G89564" i="1"/>
  <c r="G89565" i="1"/>
  <c r="G89566" i="1"/>
  <c r="G89567" i="1"/>
  <c r="G89568" i="1"/>
  <c r="G89569" i="1"/>
  <c r="G89570" i="1"/>
  <c r="G89571" i="1"/>
  <c r="G89572" i="1"/>
  <c r="G89573" i="1"/>
  <c r="G89574" i="1"/>
  <c r="G89575" i="1"/>
  <c r="G89576" i="1"/>
  <c r="G89577" i="1"/>
  <c r="G89578" i="1"/>
  <c r="G89579" i="1"/>
  <c r="G89580" i="1"/>
  <c r="G89581" i="1"/>
  <c r="G89582" i="1"/>
  <c r="G89583" i="1"/>
  <c r="G89584" i="1"/>
  <c r="G89585" i="1"/>
  <c r="G89586" i="1"/>
  <c r="G89587" i="1"/>
  <c r="G89588" i="1"/>
  <c r="G89589" i="1"/>
  <c r="G89590" i="1"/>
  <c r="G89591" i="1"/>
  <c r="G89592" i="1"/>
  <c r="G89593" i="1"/>
  <c r="G89594" i="1"/>
  <c r="G89595" i="1"/>
  <c r="G89596" i="1"/>
  <c r="G89597" i="1"/>
  <c r="G89598" i="1"/>
  <c r="G89599" i="1"/>
  <c r="G89600" i="1"/>
  <c r="G89601" i="1"/>
  <c r="G89602" i="1"/>
  <c r="G89603" i="1"/>
  <c r="G89604" i="1"/>
  <c r="G89605" i="1"/>
  <c r="G89606" i="1"/>
  <c r="G89607" i="1"/>
  <c r="G89608" i="1"/>
  <c r="G89609" i="1"/>
  <c r="G89610" i="1"/>
  <c r="G89611" i="1"/>
  <c r="G89612" i="1"/>
  <c r="G89613" i="1"/>
  <c r="G89614" i="1"/>
  <c r="G89615" i="1"/>
  <c r="G89616" i="1"/>
  <c r="G89617" i="1"/>
  <c r="G89618" i="1"/>
  <c r="G89619" i="1"/>
  <c r="G89620" i="1"/>
  <c r="G89621" i="1"/>
  <c r="G89622" i="1"/>
  <c r="G89623" i="1"/>
  <c r="G89624" i="1"/>
  <c r="G89625" i="1"/>
  <c r="G89626" i="1"/>
  <c r="G89627" i="1"/>
  <c r="G89628" i="1"/>
  <c r="G89629" i="1"/>
  <c r="G89630" i="1"/>
  <c r="G89631" i="1"/>
  <c r="G89632" i="1"/>
  <c r="G89633" i="1"/>
  <c r="G89634" i="1"/>
  <c r="G89635" i="1"/>
  <c r="G89636" i="1"/>
  <c r="G89637" i="1"/>
  <c r="G89638" i="1"/>
  <c r="G89639" i="1"/>
  <c r="G89640" i="1"/>
  <c r="G89641" i="1"/>
  <c r="G89642" i="1"/>
  <c r="G89643" i="1"/>
  <c r="G89644" i="1"/>
  <c r="G89645" i="1"/>
  <c r="G89646" i="1"/>
  <c r="G89647" i="1"/>
  <c r="G89648" i="1"/>
  <c r="G89649" i="1"/>
  <c r="G89650" i="1"/>
  <c r="G89651" i="1"/>
  <c r="G89652" i="1"/>
  <c r="G89653" i="1"/>
  <c r="G89654" i="1"/>
  <c r="G89655" i="1"/>
  <c r="G89656" i="1"/>
  <c r="G89657" i="1"/>
  <c r="G89658" i="1"/>
  <c r="G89659" i="1"/>
  <c r="G89660" i="1"/>
  <c r="G89661" i="1"/>
  <c r="G89662" i="1"/>
  <c r="G89663" i="1"/>
  <c r="G89664" i="1"/>
  <c r="G89665" i="1"/>
  <c r="G89666" i="1"/>
  <c r="G89667" i="1"/>
  <c r="G89668" i="1"/>
  <c r="G89669" i="1"/>
  <c r="G89670" i="1"/>
  <c r="G89671" i="1"/>
  <c r="G89672" i="1"/>
  <c r="G89673" i="1"/>
  <c r="G89674" i="1"/>
  <c r="G89675" i="1"/>
  <c r="G89676" i="1"/>
  <c r="G89677" i="1"/>
  <c r="G89678" i="1"/>
  <c r="G89679" i="1"/>
  <c r="G89680" i="1"/>
  <c r="G89681" i="1"/>
  <c r="G89682" i="1"/>
  <c r="G89683" i="1"/>
  <c r="G89684" i="1"/>
  <c r="G89685" i="1"/>
  <c r="G89686" i="1"/>
  <c r="G89687" i="1"/>
  <c r="G89688" i="1"/>
  <c r="G89689" i="1"/>
  <c r="G89690" i="1"/>
  <c r="G89691" i="1"/>
  <c r="G89692" i="1"/>
  <c r="G89693" i="1"/>
  <c r="G89694" i="1"/>
  <c r="G89695" i="1"/>
  <c r="G89696" i="1"/>
  <c r="G89697" i="1"/>
  <c r="G89698" i="1"/>
  <c r="G89699" i="1"/>
  <c r="G89700" i="1"/>
  <c r="G89701" i="1"/>
  <c r="G89702" i="1"/>
  <c r="G89703" i="1"/>
  <c r="G89704" i="1"/>
  <c r="G89705" i="1"/>
  <c r="G89706" i="1"/>
  <c r="G89707" i="1"/>
  <c r="G89708" i="1"/>
  <c r="G89709" i="1"/>
  <c r="G89710" i="1"/>
  <c r="G89711" i="1"/>
  <c r="G89712" i="1"/>
  <c r="G89713" i="1"/>
  <c r="G89714" i="1"/>
  <c r="G89715" i="1"/>
  <c r="G89716" i="1"/>
  <c r="G89717" i="1"/>
  <c r="G89718" i="1"/>
  <c r="G89719" i="1"/>
  <c r="G89720" i="1"/>
  <c r="G89721" i="1"/>
  <c r="G89722" i="1"/>
  <c r="G89723" i="1"/>
  <c r="G89724" i="1"/>
  <c r="G89725" i="1"/>
  <c r="G89726" i="1"/>
  <c r="G89727" i="1"/>
  <c r="G89728" i="1"/>
  <c r="G89729" i="1"/>
  <c r="G89730" i="1"/>
  <c r="G89731" i="1"/>
  <c r="G89732" i="1"/>
  <c r="G89733" i="1"/>
  <c r="G89734" i="1"/>
  <c r="G89735" i="1"/>
  <c r="G89736" i="1"/>
  <c r="G89737" i="1"/>
  <c r="G89738" i="1"/>
  <c r="G89739" i="1"/>
  <c r="G89740" i="1"/>
  <c r="G89741" i="1"/>
  <c r="G89742" i="1"/>
  <c r="G89743" i="1"/>
  <c r="G89744" i="1"/>
  <c r="G89745" i="1"/>
  <c r="G89746" i="1"/>
  <c r="G89747" i="1"/>
  <c r="G89748" i="1"/>
  <c r="G89749" i="1"/>
  <c r="G89750" i="1"/>
  <c r="G89751" i="1"/>
  <c r="G89752" i="1"/>
  <c r="G89753" i="1"/>
  <c r="G89754" i="1"/>
  <c r="G89755" i="1"/>
  <c r="G89756" i="1"/>
  <c r="G89757" i="1"/>
  <c r="G89758" i="1"/>
  <c r="G89759" i="1"/>
  <c r="G89760" i="1"/>
  <c r="G89761" i="1"/>
  <c r="G89762" i="1"/>
  <c r="G89763" i="1"/>
  <c r="G89764" i="1"/>
  <c r="G89765" i="1"/>
  <c r="G89766" i="1"/>
  <c r="G89767" i="1"/>
  <c r="G89768" i="1"/>
  <c r="G89769" i="1"/>
  <c r="G89770" i="1"/>
  <c r="G89771" i="1"/>
  <c r="G89772" i="1"/>
  <c r="G89773" i="1"/>
  <c r="G89774" i="1"/>
  <c r="G89775" i="1"/>
  <c r="G89776" i="1"/>
  <c r="G89777" i="1"/>
  <c r="G89778" i="1"/>
  <c r="G89779" i="1"/>
  <c r="G89780" i="1"/>
  <c r="G89781" i="1"/>
  <c r="G89782" i="1"/>
  <c r="G89783" i="1"/>
  <c r="G89784" i="1"/>
  <c r="G89785" i="1"/>
  <c r="G89786" i="1"/>
  <c r="G89787" i="1"/>
  <c r="G89788" i="1"/>
  <c r="G89789" i="1"/>
  <c r="G89790" i="1"/>
  <c r="G89791" i="1"/>
  <c r="G89792" i="1"/>
  <c r="G89793" i="1"/>
  <c r="G89794" i="1"/>
  <c r="G89795" i="1"/>
  <c r="G89796" i="1"/>
  <c r="G89797" i="1"/>
  <c r="G89798" i="1"/>
  <c r="G89799" i="1"/>
  <c r="G89800" i="1"/>
  <c r="G89801" i="1"/>
  <c r="G89802" i="1"/>
  <c r="G89803" i="1"/>
  <c r="G89804" i="1"/>
  <c r="G89805" i="1"/>
  <c r="G89806" i="1"/>
  <c r="G89807" i="1"/>
  <c r="G89808" i="1"/>
  <c r="G89809" i="1"/>
  <c r="G89810" i="1"/>
  <c r="G89811" i="1"/>
  <c r="G89812" i="1"/>
  <c r="G89813" i="1"/>
  <c r="G89814" i="1"/>
  <c r="G89815" i="1"/>
  <c r="G89816" i="1"/>
  <c r="G89817" i="1"/>
  <c r="G89818" i="1"/>
  <c r="G89819" i="1"/>
  <c r="G89820" i="1"/>
  <c r="G89821" i="1"/>
  <c r="G89822" i="1"/>
  <c r="G89823" i="1"/>
  <c r="G89824" i="1"/>
  <c r="G89825" i="1"/>
  <c r="G89826" i="1"/>
  <c r="G89827" i="1"/>
  <c r="G89828" i="1"/>
  <c r="G89829" i="1"/>
  <c r="G89830" i="1"/>
  <c r="G89831" i="1"/>
  <c r="G89832" i="1"/>
  <c r="G89833" i="1"/>
  <c r="G89834" i="1"/>
  <c r="G89835" i="1"/>
  <c r="G89836" i="1"/>
  <c r="G89837" i="1"/>
  <c r="G89838" i="1"/>
  <c r="G89839" i="1"/>
  <c r="G89840" i="1"/>
  <c r="G89841" i="1"/>
  <c r="G89842" i="1"/>
  <c r="G89843" i="1"/>
  <c r="G89844" i="1"/>
  <c r="G89845" i="1"/>
  <c r="G89846" i="1"/>
  <c r="G89847" i="1"/>
  <c r="G89848" i="1"/>
  <c r="G89849" i="1"/>
  <c r="G89850" i="1"/>
  <c r="G89851" i="1"/>
  <c r="G89852" i="1"/>
  <c r="G89853" i="1"/>
  <c r="G89854" i="1"/>
  <c r="G89855" i="1"/>
  <c r="G89856" i="1"/>
  <c r="G89857" i="1"/>
  <c r="G89858" i="1"/>
  <c r="G89859" i="1"/>
  <c r="G89860" i="1"/>
  <c r="G89861" i="1"/>
  <c r="G89862" i="1"/>
  <c r="G89863" i="1"/>
  <c r="G89864" i="1"/>
  <c r="G89865" i="1"/>
  <c r="G89866" i="1"/>
  <c r="G89867" i="1"/>
  <c r="G89868" i="1"/>
  <c r="G89869" i="1"/>
  <c r="G89870" i="1"/>
  <c r="G89871" i="1"/>
  <c r="G89872" i="1"/>
  <c r="G89873" i="1"/>
  <c r="G89874" i="1"/>
  <c r="G89875" i="1"/>
  <c r="G89876" i="1"/>
  <c r="G89877" i="1"/>
  <c r="G89878" i="1"/>
  <c r="G89879" i="1"/>
  <c r="G89880" i="1"/>
  <c r="G89881" i="1"/>
  <c r="G89882" i="1"/>
  <c r="G89883" i="1"/>
  <c r="G89884" i="1"/>
  <c r="G89885" i="1"/>
  <c r="G89886" i="1"/>
  <c r="G89887" i="1"/>
  <c r="G89888" i="1"/>
  <c r="G89889" i="1"/>
  <c r="G89890" i="1"/>
  <c r="G89891" i="1"/>
  <c r="G89892" i="1"/>
  <c r="G89893" i="1"/>
  <c r="G89894" i="1"/>
  <c r="G89895" i="1"/>
  <c r="G89896" i="1"/>
  <c r="G89897" i="1"/>
  <c r="G89898" i="1"/>
  <c r="G89899" i="1"/>
  <c r="G89900" i="1"/>
  <c r="G89901" i="1"/>
  <c r="G89902" i="1"/>
  <c r="G89903" i="1"/>
  <c r="G89904" i="1"/>
  <c r="G89905" i="1"/>
  <c r="G89906" i="1"/>
  <c r="G89907" i="1"/>
  <c r="G89908" i="1"/>
  <c r="G89909" i="1"/>
  <c r="G89910" i="1"/>
  <c r="G89911" i="1"/>
  <c r="G89912" i="1"/>
  <c r="G89913" i="1"/>
  <c r="G89914" i="1"/>
  <c r="G89915" i="1"/>
  <c r="G89916" i="1"/>
  <c r="G89917" i="1"/>
  <c r="G89918" i="1"/>
  <c r="G89919" i="1"/>
  <c r="G89920" i="1"/>
  <c r="G89921" i="1"/>
  <c r="G89922" i="1"/>
  <c r="G89923" i="1"/>
  <c r="G89924" i="1"/>
  <c r="G89925" i="1"/>
  <c r="G89926" i="1"/>
  <c r="G89927" i="1"/>
  <c r="G89928" i="1"/>
  <c r="G89929" i="1"/>
  <c r="G89930" i="1"/>
  <c r="G89931" i="1"/>
  <c r="G89932" i="1"/>
  <c r="G89933" i="1"/>
  <c r="G89934" i="1"/>
  <c r="G89935" i="1"/>
  <c r="G89936" i="1"/>
  <c r="G89937" i="1"/>
  <c r="G89938" i="1"/>
  <c r="G89939" i="1"/>
  <c r="G89940" i="1"/>
  <c r="G89941" i="1"/>
  <c r="G89942" i="1"/>
  <c r="G89943" i="1"/>
  <c r="G89944" i="1"/>
  <c r="G89945" i="1"/>
  <c r="G89946" i="1"/>
  <c r="G89947" i="1"/>
  <c r="G89948" i="1"/>
  <c r="G89949" i="1"/>
  <c r="G89950" i="1"/>
  <c r="G89951" i="1"/>
  <c r="G89952" i="1"/>
  <c r="G89953" i="1"/>
  <c r="G89954" i="1"/>
  <c r="G89955" i="1"/>
  <c r="G89956" i="1"/>
  <c r="G89957" i="1"/>
  <c r="G89958" i="1"/>
  <c r="G89959" i="1"/>
  <c r="G89960" i="1"/>
  <c r="G89961" i="1"/>
  <c r="G89962" i="1"/>
  <c r="G89963" i="1"/>
  <c r="G89964" i="1"/>
  <c r="G89965" i="1"/>
  <c r="G89966" i="1"/>
  <c r="G89967" i="1"/>
  <c r="G89968" i="1"/>
  <c r="G89969" i="1"/>
  <c r="G89970" i="1"/>
  <c r="G89971" i="1"/>
  <c r="G89972" i="1"/>
  <c r="G89973" i="1"/>
  <c r="G89974" i="1"/>
  <c r="G89975" i="1"/>
  <c r="G89976" i="1"/>
  <c r="G89977" i="1"/>
  <c r="G89978" i="1"/>
  <c r="G89979" i="1"/>
  <c r="G89980" i="1"/>
  <c r="G89981" i="1"/>
  <c r="G89982" i="1"/>
  <c r="G89983" i="1"/>
  <c r="G89984" i="1"/>
  <c r="G89985" i="1"/>
  <c r="G89986" i="1"/>
  <c r="G89987" i="1"/>
  <c r="G89988" i="1"/>
  <c r="G89989" i="1"/>
  <c r="G89990" i="1"/>
  <c r="G89991" i="1"/>
  <c r="G89992" i="1"/>
  <c r="G89993" i="1"/>
  <c r="G89994" i="1"/>
  <c r="G89995" i="1"/>
  <c r="G89996" i="1"/>
  <c r="G89997" i="1"/>
  <c r="G89998" i="1"/>
  <c r="G89999" i="1"/>
  <c r="G90000" i="1"/>
  <c r="G90001" i="1"/>
  <c r="G90002" i="1"/>
  <c r="G90003" i="1"/>
  <c r="G90004" i="1"/>
  <c r="G90005" i="1"/>
  <c r="G90006" i="1"/>
  <c r="G90007" i="1"/>
  <c r="G90008" i="1"/>
  <c r="G90009" i="1"/>
  <c r="G90010" i="1"/>
  <c r="G90011" i="1"/>
  <c r="G90012" i="1"/>
  <c r="G90013" i="1"/>
  <c r="G90014" i="1"/>
  <c r="G90015" i="1"/>
  <c r="G90016" i="1"/>
  <c r="G90017" i="1"/>
  <c r="G90018" i="1"/>
  <c r="G90019" i="1"/>
  <c r="G90020" i="1"/>
  <c r="G90021" i="1"/>
  <c r="G90022" i="1"/>
  <c r="G90023" i="1"/>
  <c r="G90024" i="1"/>
  <c r="G90025" i="1"/>
  <c r="G90026" i="1"/>
  <c r="G90027" i="1"/>
  <c r="G90028" i="1"/>
  <c r="G90029" i="1"/>
  <c r="G90030" i="1"/>
  <c r="G90031" i="1"/>
  <c r="G90032" i="1"/>
  <c r="G90033" i="1"/>
  <c r="G90034" i="1"/>
  <c r="G90035" i="1"/>
  <c r="G90036" i="1"/>
  <c r="G90037" i="1"/>
  <c r="G90038" i="1"/>
  <c r="G90039" i="1"/>
  <c r="G90040" i="1"/>
  <c r="G90041" i="1"/>
  <c r="G90042" i="1"/>
  <c r="G90043" i="1"/>
  <c r="G90044" i="1"/>
  <c r="G90045" i="1"/>
  <c r="G90046" i="1"/>
  <c r="G90047" i="1"/>
  <c r="G90048" i="1"/>
  <c r="G90049" i="1"/>
  <c r="G90050" i="1"/>
  <c r="G90051" i="1"/>
  <c r="G90052" i="1"/>
  <c r="G90053" i="1"/>
  <c r="G90054" i="1"/>
  <c r="G90055" i="1"/>
  <c r="G90056" i="1"/>
  <c r="G90057" i="1"/>
  <c r="G90058" i="1"/>
  <c r="G90059" i="1"/>
  <c r="G90060" i="1"/>
  <c r="G90061" i="1"/>
  <c r="G90062" i="1"/>
  <c r="G90063" i="1"/>
  <c r="G90064" i="1"/>
  <c r="G90065" i="1"/>
  <c r="G90066" i="1"/>
  <c r="G90067" i="1"/>
  <c r="G90068" i="1"/>
  <c r="G90069" i="1"/>
  <c r="G90070" i="1"/>
  <c r="G90071" i="1"/>
  <c r="G90072" i="1"/>
  <c r="G90073" i="1"/>
  <c r="G90074" i="1"/>
  <c r="G90075" i="1"/>
  <c r="G90076" i="1"/>
  <c r="G90077" i="1"/>
  <c r="G90078" i="1"/>
  <c r="G90079" i="1"/>
  <c r="G90080" i="1"/>
  <c r="G90081" i="1"/>
  <c r="G90082" i="1"/>
  <c r="G90083" i="1"/>
  <c r="G90084" i="1"/>
  <c r="G90085" i="1"/>
  <c r="G90086" i="1"/>
  <c r="G90087" i="1"/>
  <c r="G90088" i="1"/>
  <c r="G90089" i="1"/>
  <c r="G90090" i="1"/>
  <c r="G90091" i="1"/>
  <c r="G90092" i="1"/>
  <c r="G90093" i="1"/>
  <c r="G90094" i="1"/>
  <c r="G90095" i="1"/>
  <c r="G90096" i="1"/>
  <c r="G90097" i="1"/>
  <c r="G90098" i="1"/>
  <c r="G90099" i="1"/>
  <c r="G90100" i="1"/>
  <c r="G90101" i="1"/>
  <c r="G90102" i="1"/>
  <c r="G90103" i="1"/>
  <c r="G90104" i="1"/>
  <c r="G90105" i="1"/>
  <c r="G90106" i="1"/>
  <c r="G90107" i="1"/>
  <c r="G90108" i="1"/>
  <c r="G90109" i="1"/>
  <c r="G90110" i="1"/>
  <c r="G90111" i="1"/>
  <c r="G90112" i="1"/>
  <c r="G90113" i="1"/>
  <c r="G90114" i="1"/>
  <c r="G90115" i="1"/>
  <c r="G90116" i="1"/>
  <c r="G90117" i="1"/>
  <c r="G90118" i="1"/>
  <c r="G90119" i="1"/>
  <c r="G90120" i="1"/>
  <c r="G90121" i="1"/>
  <c r="G90122" i="1"/>
  <c r="G90123" i="1"/>
  <c r="G90124" i="1"/>
  <c r="G90125" i="1"/>
  <c r="G90126" i="1"/>
  <c r="G90127" i="1"/>
  <c r="G90128" i="1"/>
  <c r="G90129" i="1"/>
  <c r="G90130" i="1"/>
  <c r="G90131" i="1"/>
  <c r="G90132" i="1"/>
  <c r="G90133" i="1"/>
  <c r="G90134" i="1"/>
  <c r="G90135" i="1"/>
  <c r="G90136" i="1"/>
  <c r="G90137" i="1"/>
  <c r="G90138" i="1"/>
  <c r="G90139" i="1"/>
  <c r="G90140" i="1"/>
  <c r="G90141" i="1"/>
  <c r="G90142" i="1"/>
  <c r="G90143" i="1"/>
  <c r="G90144" i="1"/>
  <c r="G90145" i="1"/>
  <c r="G90146" i="1"/>
  <c r="G90147" i="1"/>
  <c r="G90148" i="1"/>
  <c r="G90149" i="1"/>
  <c r="G90150" i="1"/>
  <c r="G90151" i="1"/>
  <c r="G90152" i="1"/>
  <c r="G90153" i="1"/>
  <c r="G90154" i="1"/>
  <c r="G90155" i="1"/>
  <c r="G90156" i="1"/>
  <c r="G90157" i="1"/>
  <c r="G90158" i="1"/>
  <c r="G90159" i="1"/>
  <c r="G90160" i="1"/>
  <c r="G90161" i="1"/>
  <c r="G90162" i="1"/>
  <c r="G90163" i="1"/>
  <c r="G90164" i="1"/>
  <c r="G90165" i="1"/>
  <c r="G90166" i="1"/>
  <c r="G90167" i="1"/>
  <c r="G90168" i="1"/>
  <c r="G90169" i="1"/>
  <c r="G90170" i="1"/>
  <c r="G90171" i="1"/>
  <c r="G90172" i="1"/>
  <c r="G90173" i="1"/>
  <c r="G90174" i="1"/>
  <c r="G90175" i="1"/>
  <c r="G90176" i="1"/>
  <c r="G90177" i="1"/>
  <c r="G90178" i="1"/>
  <c r="G90179" i="1"/>
  <c r="G90180" i="1"/>
  <c r="G90181" i="1"/>
  <c r="G90182" i="1"/>
  <c r="G90183" i="1"/>
  <c r="G90184" i="1"/>
  <c r="G90185" i="1"/>
  <c r="G90186" i="1"/>
  <c r="G90187" i="1"/>
  <c r="G90188" i="1"/>
  <c r="G90189" i="1"/>
  <c r="G90190" i="1"/>
  <c r="G90191" i="1"/>
  <c r="G90192" i="1"/>
  <c r="G90193" i="1"/>
  <c r="G90194" i="1"/>
  <c r="G90195" i="1"/>
  <c r="G90196" i="1"/>
  <c r="G90197" i="1"/>
  <c r="G90198" i="1"/>
  <c r="G90199" i="1"/>
  <c r="G90200" i="1"/>
  <c r="G90201" i="1"/>
  <c r="G90202" i="1"/>
  <c r="G90203" i="1"/>
  <c r="G90204" i="1"/>
  <c r="G90205" i="1"/>
  <c r="G90206" i="1"/>
  <c r="G90207" i="1"/>
  <c r="G90208" i="1"/>
  <c r="G90209" i="1"/>
  <c r="G90210" i="1"/>
  <c r="G90211" i="1"/>
  <c r="G90212" i="1"/>
  <c r="G90213" i="1"/>
  <c r="G90214" i="1"/>
  <c r="G90215" i="1"/>
  <c r="G90216" i="1"/>
  <c r="G90217" i="1"/>
  <c r="G90218" i="1"/>
  <c r="G90219" i="1"/>
  <c r="G90220" i="1"/>
  <c r="G90221" i="1"/>
  <c r="G90222" i="1"/>
  <c r="G90223" i="1"/>
  <c r="G90224" i="1"/>
  <c r="G90225" i="1"/>
  <c r="G90226" i="1"/>
  <c r="G90227" i="1"/>
  <c r="G90228" i="1"/>
  <c r="G90229" i="1"/>
  <c r="G90230" i="1"/>
  <c r="G90231" i="1"/>
  <c r="G90232" i="1"/>
  <c r="G90233" i="1"/>
  <c r="G90234" i="1"/>
  <c r="G90235" i="1"/>
  <c r="G90236" i="1"/>
  <c r="G90237" i="1"/>
  <c r="G90238" i="1"/>
  <c r="G90239" i="1"/>
  <c r="G90240" i="1"/>
  <c r="G90241" i="1"/>
  <c r="G90242" i="1"/>
  <c r="G90243" i="1"/>
  <c r="G90244" i="1"/>
  <c r="G90245" i="1"/>
  <c r="G90246" i="1"/>
  <c r="G90247" i="1"/>
  <c r="G90248" i="1"/>
  <c r="G90249" i="1"/>
  <c r="G90250" i="1"/>
  <c r="G90251" i="1"/>
  <c r="G90252" i="1"/>
  <c r="G90253" i="1"/>
  <c r="G90254" i="1"/>
  <c r="G90255" i="1"/>
  <c r="G90256" i="1"/>
  <c r="G90257" i="1"/>
  <c r="G90258" i="1"/>
  <c r="G90259" i="1"/>
  <c r="G90260" i="1"/>
  <c r="G90261" i="1"/>
  <c r="G90262" i="1"/>
  <c r="G90263" i="1"/>
  <c r="G90264" i="1"/>
  <c r="G90265" i="1"/>
  <c r="G90266" i="1"/>
  <c r="G90267" i="1"/>
  <c r="G90268" i="1"/>
  <c r="G90269" i="1"/>
  <c r="G90270" i="1"/>
  <c r="G90271" i="1"/>
  <c r="G90272" i="1"/>
  <c r="G90273" i="1"/>
  <c r="G90274" i="1"/>
  <c r="G90275" i="1"/>
  <c r="G90276" i="1"/>
  <c r="G90277" i="1"/>
  <c r="G90278" i="1"/>
  <c r="G90279" i="1"/>
  <c r="G90280" i="1"/>
  <c r="G90281" i="1"/>
  <c r="G90282" i="1"/>
  <c r="G90283" i="1"/>
  <c r="G90284" i="1"/>
  <c r="G90285" i="1"/>
  <c r="G90286" i="1"/>
  <c r="G90287" i="1"/>
  <c r="G90288" i="1"/>
  <c r="G90289" i="1"/>
  <c r="G90290" i="1"/>
  <c r="G90291" i="1"/>
  <c r="G90292" i="1"/>
  <c r="G90293" i="1"/>
  <c r="G90294" i="1"/>
  <c r="G90295" i="1"/>
  <c r="G90296" i="1"/>
  <c r="G90297" i="1"/>
  <c r="G90298" i="1"/>
  <c r="G90299" i="1"/>
  <c r="G90300" i="1"/>
  <c r="G90301" i="1"/>
  <c r="G90302" i="1"/>
  <c r="G90303" i="1"/>
  <c r="G90304" i="1"/>
  <c r="G90305" i="1"/>
  <c r="G90306" i="1"/>
  <c r="G90307" i="1"/>
  <c r="G90308" i="1"/>
  <c r="G90309" i="1"/>
  <c r="G90310" i="1"/>
  <c r="G90311" i="1"/>
  <c r="G90312" i="1"/>
  <c r="G90313" i="1"/>
  <c r="G90314" i="1"/>
  <c r="G90315" i="1"/>
  <c r="G90316" i="1"/>
  <c r="G90317" i="1"/>
  <c r="G90318" i="1"/>
  <c r="G90319" i="1"/>
  <c r="G90320" i="1"/>
  <c r="G90321" i="1"/>
  <c r="G90322" i="1"/>
  <c r="G90323" i="1"/>
  <c r="G90324" i="1"/>
  <c r="G90325" i="1"/>
  <c r="G90326" i="1"/>
  <c r="G90327" i="1"/>
  <c r="G90328" i="1"/>
  <c r="G90329" i="1"/>
  <c r="G90330" i="1"/>
  <c r="G90331" i="1"/>
  <c r="G90332" i="1"/>
  <c r="G90333" i="1"/>
  <c r="G90334" i="1"/>
  <c r="G90335" i="1"/>
  <c r="G90336" i="1"/>
  <c r="G90337" i="1"/>
  <c r="G90338" i="1"/>
  <c r="G90339" i="1"/>
  <c r="G90340" i="1"/>
  <c r="G90341" i="1"/>
  <c r="G90342" i="1"/>
  <c r="G90343" i="1"/>
  <c r="G90344" i="1"/>
  <c r="G90345" i="1"/>
  <c r="G90346" i="1"/>
  <c r="G90347" i="1"/>
  <c r="G90348" i="1"/>
  <c r="G90349" i="1"/>
  <c r="G90350" i="1"/>
  <c r="G90351" i="1"/>
  <c r="G90352" i="1"/>
  <c r="G90353" i="1"/>
  <c r="G90354" i="1"/>
  <c r="G90355" i="1"/>
  <c r="G90356" i="1"/>
  <c r="G90357" i="1"/>
  <c r="G90358" i="1"/>
  <c r="G90359" i="1"/>
  <c r="G90360" i="1"/>
  <c r="G90361" i="1"/>
  <c r="G90362" i="1"/>
  <c r="G90363" i="1"/>
  <c r="G90364" i="1"/>
  <c r="G90365" i="1"/>
  <c r="G90366" i="1"/>
  <c r="G90367" i="1"/>
  <c r="G90368" i="1"/>
  <c r="G90369" i="1"/>
  <c r="G90370" i="1"/>
  <c r="G90371" i="1"/>
  <c r="G90372" i="1"/>
  <c r="G90373" i="1"/>
  <c r="G90374" i="1"/>
  <c r="G90375" i="1"/>
  <c r="G90376" i="1"/>
  <c r="G90377" i="1"/>
  <c r="G90378" i="1"/>
  <c r="G90379" i="1"/>
  <c r="G90380" i="1"/>
  <c r="G90381" i="1"/>
  <c r="G90382" i="1"/>
  <c r="G90383" i="1"/>
  <c r="G90384" i="1"/>
  <c r="G90385" i="1"/>
  <c r="G90386" i="1"/>
  <c r="G90387" i="1"/>
  <c r="G90388" i="1"/>
  <c r="G90389" i="1"/>
  <c r="G90390" i="1"/>
  <c r="G90391" i="1"/>
  <c r="G90392" i="1"/>
  <c r="G90393" i="1"/>
  <c r="G90394" i="1"/>
  <c r="G90395" i="1"/>
  <c r="G90396" i="1"/>
  <c r="G90397" i="1"/>
  <c r="G90398" i="1"/>
  <c r="G90399" i="1"/>
  <c r="G90400" i="1"/>
  <c r="G90401" i="1"/>
  <c r="G90402" i="1"/>
  <c r="G90403" i="1"/>
  <c r="G90404" i="1"/>
  <c r="G90405" i="1"/>
  <c r="G90406" i="1"/>
  <c r="G90407" i="1"/>
  <c r="G90408" i="1"/>
  <c r="G90409" i="1"/>
  <c r="G90410" i="1"/>
  <c r="G90411" i="1"/>
  <c r="G90412" i="1"/>
  <c r="G90413" i="1"/>
  <c r="G90414" i="1"/>
  <c r="G90415" i="1"/>
  <c r="G90416" i="1"/>
  <c r="G90417" i="1"/>
  <c r="G90418" i="1"/>
  <c r="G90419" i="1"/>
  <c r="G90420" i="1"/>
  <c r="G90421" i="1"/>
  <c r="G90422" i="1"/>
  <c r="G90423" i="1"/>
  <c r="G90424" i="1"/>
  <c r="G90425" i="1"/>
  <c r="G90426" i="1"/>
  <c r="G90427" i="1"/>
  <c r="G90428" i="1"/>
  <c r="G90429" i="1"/>
  <c r="G90430" i="1"/>
  <c r="G90431" i="1"/>
  <c r="G90432" i="1"/>
  <c r="G90433" i="1"/>
  <c r="G90434" i="1"/>
  <c r="G90435" i="1"/>
  <c r="G90436" i="1"/>
  <c r="G90437" i="1"/>
  <c r="G90438" i="1"/>
  <c r="G90439" i="1"/>
  <c r="G90440" i="1"/>
  <c r="G90441" i="1"/>
  <c r="G90442" i="1"/>
  <c r="G90443" i="1"/>
  <c r="G90444" i="1"/>
  <c r="G90445" i="1"/>
  <c r="G90446" i="1"/>
  <c r="G90447" i="1"/>
  <c r="G90448" i="1"/>
  <c r="G90449" i="1"/>
  <c r="G90450" i="1"/>
  <c r="G90451" i="1"/>
  <c r="G90452" i="1"/>
  <c r="G90453" i="1"/>
  <c r="G90454" i="1"/>
  <c r="G90455" i="1"/>
  <c r="G90456" i="1"/>
  <c r="G90457" i="1"/>
  <c r="G90458" i="1"/>
  <c r="G90459" i="1"/>
  <c r="G90460" i="1"/>
  <c r="G90461" i="1"/>
  <c r="G90462" i="1"/>
  <c r="G90463" i="1"/>
  <c r="G90464" i="1"/>
  <c r="G90465" i="1"/>
  <c r="G90466" i="1"/>
  <c r="G90467" i="1"/>
  <c r="G90468" i="1"/>
  <c r="G90469" i="1"/>
  <c r="G90470" i="1"/>
  <c r="G90471" i="1"/>
  <c r="G90472" i="1"/>
  <c r="G90473" i="1"/>
  <c r="G90474" i="1"/>
  <c r="G90475" i="1"/>
  <c r="G90476" i="1"/>
  <c r="G90477" i="1"/>
  <c r="G90478" i="1"/>
  <c r="G90479" i="1"/>
  <c r="G90480" i="1"/>
  <c r="G90481" i="1"/>
  <c r="G90482" i="1"/>
  <c r="G90483" i="1"/>
  <c r="G90484" i="1"/>
  <c r="G90485" i="1"/>
  <c r="G90486" i="1"/>
  <c r="G90487" i="1"/>
  <c r="G90488" i="1"/>
  <c r="G90489" i="1"/>
  <c r="G90490" i="1"/>
  <c r="G90491" i="1"/>
  <c r="G90492" i="1"/>
  <c r="G90493" i="1"/>
  <c r="G90494" i="1"/>
  <c r="G90495" i="1"/>
  <c r="G90496" i="1"/>
  <c r="G90497" i="1"/>
  <c r="G90498" i="1"/>
  <c r="G90499" i="1"/>
  <c r="G90500" i="1"/>
  <c r="G90501" i="1"/>
  <c r="G90502" i="1"/>
  <c r="G90503" i="1"/>
  <c r="G90504" i="1"/>
  <c r="G90505" i="1"/>
  <c r="G90506" i="1"/>
  <c r="G90507" i="1"/>
  <c r="G90508" i="1"/>
  <c r="G90509" i="1"/>
  <c r="G90510" i="1"/>
  <c r="G90511" i="1"/>
  <c r="G90512" i="1"/>
  <c r="G90513" i="1"/>
  <c r="G90514" i="1"/>
  <c r="G90515" i="1"/>
  <c r="G90516" i="1"/>
  <c r="G90517" i="1"/>
  <c r="G90518" i="1"/>
  <c r="G90519" i="1"/>
  <c r="G90520" i="1"/>
  <c r="G90521" i="1"/>
  <c r="G90522" i="1"/>
  <c r="G90523" i="1"/>
  <c r="G90524" i="1"/>
  <c r="G90525" i="1"/>
  <c r="G90526" i="1"/>
  <c r="G90527" i="1"/>
  <c r="G90528" i="1"/>
  <c r="G90529" i="1"/>
  <c r="G90530" i="1"/>
  <c r="G90531" i="1"/>
  <c r="G90532" i="1"/>
  <c r="G90533" i="1"/>
  <c r="G90534" i="1"/>
  <c r="G90535" i="1"/>
  <c r="G90536" i="1"/>
  <c r="G90537" i="1"/>
  <c r="G90538" i="1"/>
  <c r="G90539" i="1"/>
  <c r="G90540" i="1"/>
  <c r="G90541" i="1"/>
  <c r="G90542" i="1"/>
  <c r="G90543" i="1"/>
  <c r="G90544" i="1"/>
  <c r="G90545" i="1"/>
  <c r="G90546" i="1"/>
  <c r="G90547" i="1"/>
  <c r="G90548" i="1"/>
  <c r="G90549" i="1"/>
  <c r="G90550" i="1"/>
  <c r="G90551" i="1"/>
  <c r="G90552" i="1"/>
  <c r="G90553" i="1"/>
  <c r="G90554" i="1"/>
  <c r="G90555" i="1"/>
  <c r="G90556" i="1"/>
  <c r="G90557" i="1"/>
  <c r="G90558" i="1"/>
  <c r="G90559" i="1"/>
  <c r="G90560" i="1"/>
  <c r="G90561" i="1"/>
  <c r="G90562" i="1"/>
  <c r="G90563" i="1"/>
  <c r="G90564" i="1"/>
  <c r="G90565" i="1"/>
  <c r="G90566" i="1"/>
  <c r="G90567" i="1"/>
  <c r="G90568" i="1"/>
  <c r="G90569" i="1"/>
  <c r="G90570" i="1"/>
  <c r="G90571" i="1"/>
  <c r="G90572" i="1"/>
  <c r="G90573" i="1"/>
  <c r="G90574" i="1"/>
  <c r="G90575" i="1"/>
  <c r="G90576" i="1"/>
  <c r="G90577" i="1"/>
  <c r="G90578" i="1"/>
  <c r="G90579" i="1"/>
  <c r="G90580" i="1"/>
  <c r="G90581" i="1"/>
  <c r="G90582" i="1"/>
  <c r="G90583" i="1"/>
  <c r="G90584" i="1"/>
  <c r="G90585" i="1"/>
  <c r="G90586" i="1"/>
  <c r="G90587" i="1"/>
  <c r="G90588" i="1"/>
  <c r="G90589" i="1"/>
  <c r="G90590" i="1"/>
  <c r="G90591" i="1"/>
  <c r="G90592" i="1"/>
  <c r="G90593" i="1"/>
  <c r="G90594" i="1"/>
  <c r="G90595" i="1"/>
  <c r="G90596" i="1"/>
  <c r="G90597" i="1"/>
  <c r="G90598" i="1"/>
  <c r="G90599" i="1"/>
  <c r="G90600" i="1"/>
  <c r="G90601" i="1"/>
  <c r="G90602" i="1"/>
  <c r="G90603" i="1"/>
  <c r="G90604" i="1"/>
  <c r="G90605" i="1"/>
  <c r="G90606" i="1"/>
  <c r="G90607" i="1"/>
  <c r="G90608" i="1"/>
  <c r="G90609" i="1"/>
  <c r="G90610" i="1"/>
  <c r="G90611" i="1"/>
  <c r="G90612" i="1"/>
  <c r="G90613" i="1"/>
  <c r="G90614" i="1"/>
  <c r="G90615" i="1"/>
  <c r="G90616" i="1"/>
  <c r="G90617" i="1"/>
  <c r="G90618" i="1"/>
  <c r="G90619" i="1"/>
  <c r="G90620" i="1"/>
  <c r="G90621" i="1"/>
  <c r="G90622" i="1"/>
  <c r="G90623" i="1"/>
  <c r="G90624" i="1"/>
  <c r="G90625" i="1"/>
  <c r="G90626" i="1"/>
  <c r="G90627" i="1"/>
  <c r="G90628" i="1"/>
  <c r="G90629" i="1"/>
  <c r="G90630" i="1"/>
  <c r="G90631" i="1"/>
  <c r="G90632" i="1"/>
  <c r="G90633" i="1"/>
  <c r="G90634" i="1"/>
  <c r="G90635" i="1"/>
  <c r="G90636" i="1"/>
  <c r="G90637" i="1"/>
  <c r="G90638" i="1"/>
  <c r="G90639" i="1"/>
  <c r="G90640" i="1"/>
  <c r="G90641" i="1"/>
  <c r="G90642" i="1"/>
  <c r="G90643" i="1"/>
  <c r="G90644" i="1"/>
  <c r="G90645" i="1"/>
  <c r="G90646" i="1"/>
  <c r="G90647" i="1"/>
  <c r="G90648" i="1"/>
  <c r="G90649" i="1"/>
  <c r="G90650" i="1"/>
  <c r="G90651" i="1"/>
  <c r="G90652" i="1"/>
  <c r="G90653" i="1"/>
  <c r="G90654" i="1"/>
  <c r="G90655" i="1"/>
  <c r="G90656" i="1"/>
  <c r="G90657" i="1"/>
  <c r="G90658" i="1"/>
  <c r="G90659" i="1"/>
  <c r="G90660" i="1"/>
  <c r="G90661" i="1"/>
  <c r="G90662" i="1"/>
  <c r="G90663" i="1"/>
  <c r="G90664" i="1"/>
  <c r="G90665" i="1"/>
  <c r="G90666" i="1"/>
  <c r="G90667" i="1"/>
  <c r="G90668" i="1"/>
  <c r="G90669" i="1"/>
  <c r="G90670" i="1"/>
  <c r="G90671" i="1"/>
  <c r="G90672" i="1"/>
  <c r="G90673" i="1"/>
  <c r="G90674" i="1"/>
  <c r="G90675" i="1"/>
  <c r="G90676" i="1"/>
  <c r="G90677" i="1"/>
  <c r="G90678" i="1"/>
  <c r="G90679" i="1"/>
  <c r="G90680" i="1"/>
  <c r="G90681" i="1"/>
  <c r="G90682" i="1"/>
  <c r="G90683" i="1"/>
  <c r="G90684" i="1"/>
  <c r="G90685" i="1"/>
  <c r="G90686" i="1"/>
  <c r="G90687" i="1"/>
  <c r="G90688" i="1"/>
  <c r="G90689" i="1"/>
  <c r="G90690" i="1"/>
  <c r="G90691" i="1"/>
  <c r="G90692" i="1"/>
  <c r="G90693" i="1"/>
  <c r="G90694" i="1"/>
  <c r="G90695" i="1"/>
  <c r="G90696" i="1"/>
  <c r="G90697" i="1"/>
  <c r="G90698" i="1"/>
  <c r="G90699" i="1"/>
  <c r="G90700" i="1"/>
  <c r="G90701" i="1"/>
  <c r="G90702" i="1"/>
  <c r="G90703" i="1"/>
  <c r="G90704" i="1"/>
  <c r="G90705" i="1"/>
  <c r="G90706" i="1"/>
  <c r="G90707" i="1"/>
  <c r="G90708" i="1"/>
  <c r="G90709" i="1"/>
  <c r="G90710" i="1"/>
  <c r="G90711" i="1"/>
  <c r="G90712" i="1"/>
  <c r="G90713" i="1"/>
  <c r="G90714" i="1"/>
  <c r="G90715" i="1"/>
  <c r="G90716" i="1"/>
  <c r="G90717" i="1"/>
  <c r="G90718" i="1"/>
  <c r="G90719" i="1"/>
  <c r="G90720" i="1"/>
  <c r="G90721" i="1"/>
  <c r="G90722" i="1"/>
  <c r="G90723" i="1"/>
  <c r="G90724" i="1"/>
  <c r="G90725" i="1"/>
  <c r="G90726" i="1"/>
  <c r="G90727" i="1"/>
  <c r="G90728" i="1"/>
  <c r="G90729" i="1"/>
  <c r="G90730" i="1"/>
  <c r="G90731" i="1"/>
  <c r="G90732" i="1"/>
  <c r="G90733" i="1"/>
  <c r="G90734" i="1"/>
  <c r="G90735" i="1"/>
  <c r="G90736" i="1"/>
  <c r="G90737" i="1"/>
  <c r="G90738" i="1"/>
  <c r="G90739" i="1"/>
  <c r="G90740" i="1"/>
  <c r="G90741" i="1"/>
  <c r="G90742" i="1"/>
  <c r="G90743" i="1"/>
  <c r="G90744" i="1"/>
  <c r="G90745" i="1"/>
  <c r="G90746" i="1"/>
  <c r="G90747" i="1"/>
  <c r="G90748" i="1"/>
  <c r="G90749" i="1"/>
  <c r="G90750" i="1"/>
  <c r="G90751" i="1"/>
  <c r="G90752" i="1"/>
  <c r="G90753" i="1"/>
  <c r="G90754" i="1"/>
  <c r="G90755" i="1"/>
  <c r="G90756" i="1"/>
  <c r="G90757" i="1"/>
  <c r="G90758" i="1"/>
  <c r="G90759" i="1"/>
  <c r="G90760" i="1"/>
  <c r="G90761" i="1"/>
  <c r="G90762" i="1"/>
  <c r="G90763" i="1"/>
  <c r="G90764" i="1"/>
  <c r="G90765" i="1"/>
  <c r="G90766" i="1"/>
  <c r="G90767" i="1"/>
  <c r="G90768" i="1"/>
  <c r="G90769" i="1"/>
  <c r="G90770" i="1"/>
  <c r="G90771" i="1"/>
  <c r="G90772" i="1"/>
  <c r="G90773" i="1"/>
  <c r="G90774" i="1"/>
  <c r="G90775" i="1"/>
  <c r="G90776" i="1"/>
  <c r="G90777" i="1"/>
  <c r="G90778" i="1"/>
  <c r="G90779" i="1"/>
  <c r="G90780" i="1"/>
  <c r="G90781" i="1"/>
  <c r="G90782" i="1"/>
  <c r="G90783" i="1"/>
  <c r="G90784" i="1"/>
  <c r="G90785" i="1"/>
  <c r="G90786" i="1"/>
  <c r="G90787" i="1"/>
  <c r="G90788" i="1"/>
  <c r="G90789" i="1"/>
  <c r="G90790" i="1"/>
  <c r="G90791" i="1"/>
  <c r="G90792" i="1"/>
  <c r="G90793" i="1"/>
  <c r="G90794" i="1"/>
  <c r="G90795" i="1"/>
  <c r="G90796" i="1"/>
  <c r="G90797" i="1"/>
  <c r="G90798" i="1"/>
  <c r="G90799" i="1"/>
  <c r="G90800" i="1"/>
  <c r="G90801" i="1"/>
  <c r="G90802" i="1"/>
  <c r="G90803" i="1"/>
  <c r="G90804" i="1"/>
  <c r="G90805" i="1"/>
  <c r="G90806" i="1"/>
  <c r="G90807" i="1"/>
  <c r="G90808" i="1"/>
  <c r="G90809" i="1"/>
  <c r="G90810" i="1"/>
  <c r="G90811" i="1"/>
  <c r="G90812" i="1"/>
  <c r="G90813" i="1"/>
  <c r="G90814" i="1"/>
  <c r="G90815" i="1"/>
  <c r="G90816" i="1"/>
  <c r="G90817" i="1"/>
  <c r="G90818" i="1"/>
  <c r="G90819" i="1"/>
  <c r="G90820" i="1"/>
  <c r="G90821" i="1"/>
  <c r="G90822" i="1"/>
  <c r="G90823" i="1"/>
  <c r="G90824" i="1"/>
  <c r="G90825" i="1"/>
  <c r="G90826" i="1"/>
  <c r="G90827" i="1"/>
  <c r="G90828" i="1"/>
  <c r="G90829" i="1"/>
  <c r="G90830" i="1"/>
  <c r="G90831" i="1"/>
  <c r="G90832" i="1"/>
  <c r="G90833" i="1"/>
  <c r="G90834" i="1"/>
  <c r="G90835" i="1"/>
  <c r="G90836" i="1"/>
  <c r="G90837" i="1"/>
  <c r="G90838" i="1"/>
  <c r="G90839" i="1"/>
  <c r="G90840" i="1"/>
  <c r="G90841" i="1"/>
  <c r="G90842" i="1"/>
  <c r="G90843" i="1"/>
  <c r="G90844" i="1"/>
  <c r="G90845" i="1"/>
  <c r="G90846" i="1"/>
  <c r="G90847" i="1"/>
  <c r="G90848" i="1"/>
  <c r="G90849" i="1"/>
  <c r="G90850" i="1"/>
  <c r="G90851" i="1"/>
  <c r="G90852" i="1"/>
  <c r="G90853" i="1"/>
  <c r="G90854" i="1"/>
  <c r="G90855" i="1"/>
  <c r="G90856" i="1"/>
  <c r="G90857" i="1"/>
  <c r="G90858" i="1"/>
  <c r="G90859" i="1"/>
  <c r="G90860" i="1"/>
  <c r="G90861" i="1"/>
  <c r="G90862" i="1"/>
  <c r="G90863" i="1"/>
  <c r="G90864" i="1"/>
  <c r="G90865" i="1"/>
  <c r="G90866" i="1"/>
  <c r="G90867" i="1"/>
  <c r="G90868" i="1"/>
  <c r="G90869" i="1"/>
  <c r="G90870" i="1"/>
  <c r="G90871" i="1"/>
  <c r="G90872" i="1"/>
  <c r="G90873" i="1"/>
  <c r="G90874" i="1"/>
  <c r="G90875" i="1"/>
  <c r="G90876" i="1"/>
  <c r="G90877" i="1"/>
  <c r="G90878" i="1"/>
  <c r="G90879" i="1"/>
  <c r="G90880" i="1"/>
  <c r="G90881" i="1"/>
  <c r="G90882" i="1"/>
  <c r="G90883" i="1"/>
  <c r="G90884" i="1"/>
  <c r="G90885" i="1"/>
  <c r="G90886" i="1"/>
  <c r="G90887" i="1"/>
  <c r="G90888" i="1"/>
  <c r="G90889" i="1"/>
  <c r="G90890" i="1"/>
  <c r="G90891" i="1"/>
  <c r="G90892" i="1"/>
  <c r="G90893" i="1"/>
  <c r="G90894" i="1"/>
  <c r="G90895" i="1"/>
  <c r="G90896" i="1"/>
  <c r="G90897" i="1"/>
  <c r="G90898" i="1"/>
  <c r="G90899" i="1"/>
  <c r="G90900" i="1"/>
  <c r="G90901" i="1"/>
  <c r="G90902" i="1"/>
  <c r="G90903" i="1"/>
  <c r="G90904" i="1"/>
  <c r="G90905" i="1"/>
  <c r="G90906" i="1"/>
  <c r="G90907" i="1"/>
  <c r="G90908" i="1"/>
  <c r="G90909" i="1"/>
  <c r="G90910" i="1"/>
  <c r="G90911" i="1"/>
  <c r="G90912" i="1"/>
  <c r="G90913" i="1"/>
  <c r="G90914" i="1"/>
  <c r="G90915" i="1"/>
  <c r="G90916" i="1"/>
  <c r="G90917" i="1"/>
  <c r="G90918" i="1"/>
  <c r="G90919" i="1"/>
  <c r="G90920" i="1"/>
  <c r="G90921" i="1"/>
  <c r="G90922" i="1"/>
  <c r="G90923" i="1"/>
  <c r="G90924" i="1"/>
  <c r="G90925" i="1"/>
  <c r="G90926" i="1"/>
  <c r="G90927" i="1"/>
  <c r="G90928" i="1"/>
  <c r="G90929" i="1"/>
  <c r="G90930" i="1"/>
  <c r="G90931" i="1"/>
  <c r="G90932" i="1"/>
  <c r="G90933" i="1"/>
  <c r="G90934" i="1"/>
  <c r="G90935" i="1"/>
  <c r="G90936" i="1"/>
  <c r="G90937" i="1"/>
  <c r="G90938" i="1"/>
  <c r="G90939" i="1"/>
  <c r="G90940" i="1"/>
  <c r="G90941" i="1"/>
  <c r="G90942" i="1"/>
  <c r="G90943" i="1"/>
  <c r="G90944" i="1"/>
  <c r="G90945" i="1"/>
  <c r="G90946" i="1"/>
  <c r="G90947" i="1"/>
  <c r="G90948" i="1"/>
  <c r="G90949" i="1"/>
  <c r="G90950" i="1"/>
  <c r="G90951" i="1"/>
  <c r="G90952" i="1"/>
  <c r="G90953" i="1"/>
  <c r="G90954" i="1"/>
  <c r="G90955" i="1"/>
  <c r="G90956" i="1"/>
  <c r="G90957" i="1"/>
  <c r="G90958" i="1"/>
  <c r="G90959" i="1"/>
  <c r="G90960" i="1"/>
  <c r="G90961" i="1"/>
  <c r="G90962" i="1"/>
  <c r="G90963" i="1"/>
  <c r="G90964" i="1"/>
  <c r="G90965" i="1"/>
  <c r="G90966" i="1"/>
  <c r="G90967" i="1"/>
  <c r="G90968" i="1"/>
  <c r="G90969" i="1"/>
  <c r="G90970" i="1"/>
  <c r="G90971" i="1"/>
  <c r="G90972" i="1"/>
  <c r="G90973" i="1"/>
  <c r="G90974" i="1"/>
  <c r="G90975" i="1"/>
  <c r="G90976" i="1"/>
  <c r="G90977" i="1"/>
  <c r="G90978" i="1"/>
  <c r="G90979" i="1"/>
  <c r="G90980" i="1"/>
  <c r="G90981" i="1"/>
  <c r="G90982" i="1"/>
  <c r="G90983" i="1"/>
  <c r="G90984" i="1"/>
  <c r="G90985" i="1"/>
  <c r="G90986" i="1"/>
  <c r="G90987" i="1"/>
  <c r="G90988" i="1"/>
  <c r="G90989" i="1"/>
  <c r="G90990" i="1"/>
  <c r="G90991" i="1"/>
  <c r="G90992" i="1"/>
  <c r="G90993" i="1"/>
  <c r="G90994" i="1"/>
  <c r="G90995" i="1"/>
  <c r="G90996" i="1"/>
  <c r="G90997" i="1"/>
  <c r="G90998" i="1"/>
  <c r="G90999" i="1"/>
  <c r="G91000" i="1"/>
  <c r="G91001" i="1"/>
  <c r="G91002" i="1"/>
  <c r="G91003" i="1"/>
  <c r="G91004" i="1"/>
  <c r="G91005" i="1"/>
  <c r="G91006" i="1"/>
  <c r="G91007" i="1"/>
  <c r="G91008" i="1"/>
  <c r="G91009" i="1"/>
  <c r="G91010" i="1"/>
  <c r="G91011" i="1"/>
  <c r="G91012" i="1"/>
  <c r="G91013" i="1"/>
  <c r="G91014" i="1"/>
  <c r="G91015" i="1"/>
  <c r="G91016" i="1"/>
  <c r="G91017" i="1"/>
  <c r="G91018" i="1"/>
  <c r="G91019" i="1"/>
  <c r="G91020" i="1"/>
  <c r="G91021" i="1"/>
  <c r="G91022" i="1"/>
  <c r="G91023" i="1"/>
  <c r="G91024" i="1"/>
  <c r="G91025" i="1"/>
  <c r="G91026" i="1"/>
  <c r="G91027" i="1"/>
  <c r="G91028" i="1"/>
  <c r="G91029" i="1"/>
  <c r="G91030" i="1"/>
  <c r="G91031" i="1"/>
  <c r="G91032" i="1"/>
  <c r="G91033" i="1"/>
  <c r="G91034" i="1"/>
  <c r="G91035" i="1"/>
  <c r="G91036" i="1"/>
  <c r="G91037" i="1"/>
  <c r="G91038" i="1"/>
  <c r="G91039" i="1"/>
  <c r="G91040" i="1"/>
  <c r="G91041" i="1"/>
  <c r="G91042" i="1"/>
  <c r="G91043" i="1"/>
  <c r="G91044" i="1"/>
  <c r="G91045" i="1"/>
  <c r="G91046" i="1"/>
  <c r="G91047" i="1"/>
  <c r="G91048" i="1"/>
  <c r="G91049" i="1"/>
  <c r="G91050" i="1"/>
  <c r="G91051" i="1"/>
  <c r="G91052" i="1"/>
  <c r="G91053" i="1"/>
  <c r="G91054" i="1"/>
  <c r="G91055" i="1"/>
  <c r="G91056" i="1"/>
  <c r="G91057" i="1"/>
  <c r="G91058" i="1"/>
  <c r="G91059" i="1"/>
  <c r="G91060" i="1"/>
  <c r="G91061" i="1"/>
  <c r="G91062" i="1"/>
  <c r="G91063" i="1"/>
  <c r="G91064" i="1"/>
  <c r="G91065" i="1"/>
  <c r="G91066" i="1"/>
  <c r="G91067" i="1"/>
  <c r="G91068" i="1"/>
  <c r="G91069" i="1"/>
  <c r="G91070" i="1"/>
  <c r="G91071" i="1"/>
  <c r="G91072" i="1"/>
  <c r="G91073" i="1"/>
  <c r="G91074" i="1"/>
  <c r="G91075" i="1"/>
  <c r="G91076" i="1"/>
  <c r="G91077" i="1"/>
  <c r="G91078" i="1"/>
  <c r="G91079" i="1"/>
  <c r="G91080" i="1"/>
  <c r="G91081" i="1"/>
  <c r="G91082" i="1"/>
  <c r="G91083" i="1"/>
  <c r="G91084" i="1"/>
  <c r="G91085" i="1"/>
  <c r="G91086" i="1"/>
  <c r="G91087" i="1"/>
  <c r="G91088" i="1"/>
  <c r="G91089" i="1"/>
  <c r="G91090" i="1"/>
  <c r="G91091" i="1"/>
  <c r="G91092" i="1"/>
  <c r="G91093" i="1"/>
  <c r="G91094" i="1"/>
  <c r="G91095" i="1"/>
  <c r="G91096" i="1"/>
  <c r="G91097" i="1"/>
  <c r="G91098" i="1"/>
  <c r="G91099" i="1"/>
  <c r="G91100" i="1"/>
  <c r="G91101" i="1"/>
  <c r="G91102" i="1"/>
  <c r="G91103" i="1"/>
  <c r="G91104" i="1"/>
  <c r="G91105" i="1"/>
  <c r="G91106" i="1"/>
  <c r="G91107" i="1"/>
  <c r="G91108" i="1"/>
  <c r="G91109" i="1"/>
  <c r="G91110" i="1"/>
  <c r="G91111" i="1"/>
  <c r="G91112" i="1"/>
  <c r="G91113" i="1"/>
  <c r="G91114" i="1"/>
  <c r="G91115" i="1"/>
  <c r="G91116" i="1"/>
  <c r="G91117" i="1"/>
  <c r="G91118" i="1"/>
  <c r="G91119" i="1"/>
  <c r="G91120" i="1"/>
  <c r="G91121" i="1"/>
  <c r="G91122" i="1"/>
  <c r="G91123" i="1"/>
  <c r="G91124" i="1"/>
  <c r="G91125" i="1"/>
  <c r="G91126" i="1"/>
  <c r="G91127" i="1"/>
  <c r="G91128" i="1"/>
  <c r="G91129" i="1"/>
  <c r="G91130" i="1"/>
  <c r="G91131" i="1"/>
  <c r="G91132" i="1"/>
  <c r="G91133" i="1"/>
  <c r="G91134" i="1"/>
  <c r="G91135" i="1"/>
  <c r="G91136" i="1"/>
  <c r="G91137" i="1"/>
  <c r="G91138" i="1"/>
  <c r="G91139" i="1"/>
  <c r="G91140" i="1"/>
  <c r="G91141" i="1"/>
  <c r="G91142" i="1"/>
  <c r="G91143" i="1"/>
  <c r="G91144" i="1"/>
  <c r="G91145" i="1"/>
  <c r="G91146" i="1"/>
  <c r="G91147" i="1"/>
  <c r="G91148" i="1"/>
  <c r="G91149" i="1"/>
  <c r="G91150" i="1"/>
  <c r="G91151" i="1"/>
  <c r="G91152" i="1"/>
  <c r="G91153" i="1"/>
  <c r="G91154" i="1"/>
  <c r="G91155" i="1"/>
  <c r="G91156" i="1"/>
  <c r="G91157" i="1"/>
  <c r="G91158" i="1"/>
  <c r="G91159" i="1"/>
  <c r="G91160" i="1"/>
  <c r="G91161" i="1"/>
  <c r="G91162" i="1"/>
  <c r="G91163" i="1"/>
  <c r="G91164" i="1"/>
  <c r="G91165" i="1"/>
  <c r="G91166" i="1"/>
  <c r="G91167" i="1"/>
  <c r="G91168" i="1"/>
  <c r="G91169" i="1"/>
  <c r="G91170" i="1"/>
  <c r="G91171" i="1"/>
  <c r="G91172" i="1"/>
  <c r="G91173" i="1"/>
  <c r="G91174" i="1"/>
  <c r="G91175" i="1"/>
  <c r="G91176" i="1"/>
  <c r="G91177" i="1"/>
  <c r="G91178" i="1"/>
  <c r="G91179" i="1"/>
  <c r="G91180" i="1"/>
  <c r="G91181" i="1"/>
  <c r="G91182" i="1"/>
  <c r="G91183" i="1"/>
  <c r="G91184" i="1"/>
  <c r="G91185" i="1"/>
  <c r="G91186" i="1"/>
  <c r="G91187" i="1"/>
  <c r="G91188" i="1"/>
  <c r="G91189" i="1"/>
  <c r="G91190" i="1"/>
  <c r="G91191" i="1"/>
  <c r="G91192" i="1"/>
  <c r="G91193" i="1"/>
  <c r="G91194" i="1"/>
  <c r="G91195" i="1"/>
  <c r="G91196" i="1"/>
  <c r="G91197" i="1"/>
  <c r="G91198" i="1"/>
  <c r="G91199" i="1"/>
  <c r="G91200" i="1"/>
  <c r="G91201" i="1"/>
  <c r="G91202" i="1"/>
  <c r="G91203" i="1"/>
  <c r="G91204" i="1"/>
  <c r="G91205" i="1"/>
  <c r="G91206" i="1"/>
  <c r="G91207" i="1"/>
  <c r="G91208" i="1"/>
  <c r="G91209" i="1"/>
  <c r="G91210" i="1"/>
  <c r="G91211" i="1"/>
  <c r="G91212" i="1"/>
  <c r="G91213" i="1"/>
  <c r="G91214" i="1"/>
  <c r="G91215" i="1"/>
  <c r="G91216" i="1"/>
  <c r="G91217" i="1"/>
  <c r="G91218" i="1"/>
  <c r="G91219" i="1"/>
  <c r="G91220" i="1"/>
  <c r="G91221" i="1"/>
  <c r="G91222" i="1"/>
  <c r="G91223" i="1"/>
  <c r="G91224" i="1"/>
  <c r="G91225" i="1"/>
  <c r="G91226" i="1"/>
  <c r="G91227" i="1"/>
  <c r="G91228" i="1"/>
  <c r="G91229" i="1"/>
  <c r="G91230" i="1"/>
  <c r="G91231" i="1"/>
  <c r="G91232" i="1"/>
  <c r="G91233" i="1"/>
  <c r="G91234" i="1"/>
  <c r="G91235" i="1"/>
  <c r="G91236" i="1"/>
  <c r="G91237" i="1"/>
  <c r="G91238" i="1"/>
  <c r="G91239" i="1"/>
  <c r="G91240" i="1"/>
  <c r="G91241" i="1"/>
  <c r="G91242" i="1"/>
  <c r="G91243" i="1"/>
  <c r="G91244" i="1"/>
  <c r="G91245" i="1"/>
  <c r="G91246" i="1"/>
  <c r="G91247" i="1"/>
  <c r="G91248" i="1"/>
  <c r="G91249" i="1"/>
  <c r="G91250" i="1"/>
  <c r="G91251" i="1"/>
  <c r="G91252" i="1"/>
  <c r="G91253" i="1"/>
  <c r="G91254" i="1"/>
  <c r="G91255" i="1"/>
  <c r="G91256" i="1"/>
  <c r="G91257" i="1"/>
  <c r="G91258" i="1"/>
  <c r="G91259" i="1"/>
  <c r="G91260" i="1"/>
  <c r="G91261" i="1"/>
  <c r="G91262" i="1"/>
  <c r="G91263" i="1"/>
  <c r="G91264" i="1"/>
  <c r="G91265" i="1"/>
  <c r="G91266" i="1"/>
  <c r="G91267" i="1"/>
  <c r="G91268" i="1"/>
  <c r="G91269" i="1"/>
  <c r="G91270" i="1"/>
  <c r="G91271" i="1"/>
  <c r="G91272" i="1"/>
  <c r="G91273" i="1"/>
  <c r="G91274" i="1"/>
  <c r="G91275" i="1"/>
  <c r="G91276" i="1"/>
  <c r="G91277" i="1"/>
  <c r="G91278" i="1"/>
  <c r="G91279" i="1"/>
  <c r="G91280" i="1"/>
  <c r="G91281" i="1"/>
  <c r="G91282" i="1"/>
  <c r="G91283" i="1"/>
  <c r="G91284" i="1"/>
  <c r="G91285" i="1"/>
  <c r="G91286" i="1"/>
  <c r="G91287" i="1"/>
  <c r="G91288" i="1"/>
  <c r="G91289" i="1"/>
  <c r="G91290" i="1"/>
  <c r="G91291" i="1"/>
  <c r="G91292" i="1"/>
  <c r="G91293" i="1"/>
  <c r="G91294" i="1"/>
  <c r="G91295" i="1"/>
  <c r="G91296" i="1"/>
  <c r="G91297" i="1"/>
  <c r="G91298" i="1"/>
  <c r="G91299" i="1"/>
  <c r="G91300" i="1"/>
  <c r="G91301" i="1"/>
  <c r="G91302" i="1"/>
  <c r="G91303" i="1"/>
  <c r="G91304" i="1"/>
  <c r="G91305" i="1"/>
  <c r="G91306" i="1"/>
  <c r="G91307" i="1"/>
  <c r="G91308" i="1"/>
  <c r="G91309" i="1"/>
  <c r="G91310" i="1"/>
  <c r="G91311" i="1"/>
  <c r="G91312" i="1"/>
  <c r="G91313" i="1"/>
  <c r="G91314" i="1"/>
  <c r="G91315" i="1"/>
  <c r="G91316" i="1"/>
  <c r="G91317" i="1"/>
  <c r="G91318" i="1"/>
  <c r="G91319" i="1"/>
  <c r="G91320" i="1"/>
  <c r="G91321" i="1"/>
  <c r="G91322" i="1"/>
  <c r="G91323" i="1"/>
  <c r="G91324" i="1"/>
  <c r="G91325" i="1"/>
  <c r="G91326" i="1"/>
  <c r="G91327" i="1"/>
  <c r="G91328" i="1"/>
  <c r="G91329" i="1"/>
  <c r="G91330" i="1"/>
  <c r="G91331" i="1"/>
  <c r="G91332" i="1"/>
  <c r="G91333" i="1"/>
  <c r="G91334" i="1"/>
  <c r="G91335" i="1"/>
  <c r="G91336" i="1"/>
  <c r="G91337" i="1"/>
  <c r="G91338" i="1"/>
  <c r="G91339" i="1"/>
  <c r="G91340" i="1"/>
  <c r="G91341" i="1"/>
  <c r="G91342" i="1"/>
  <c r="G91343" i="1"/>
  <c r="G91344" i="1"/>
  <c r="G91345" i="1"/>
  <c r="G91346" i="1"/>
  <c r="G91347" i="1"/>
  <c r="G91348" i="1"/>
  <c r="G91349" i="1"/>
  <c r="G91350" i="1"/>
  <c r="G91351" i="1"/>
  <c r="G91352" i="1"/>
  <c r="G91353" i="1"/>
  <c r="G91354" i="1"/>
  <c r="G91355" i="1"/>
  <c r="G91356" i="1"/>
  <c r="G91357" i="1"/>
  <c r="G91358" i="1"/>
  <c r="G91359" i="1"/>
  <c r="G91360" i="1"/>
  <c r="G91361" i="1"/>
  <c r="G91362" i="1"/>
  <c r="G91363" i="1"/>
  <c r="G91364" i="1"/>
  <c r="G91365" i="1"/>
  <c r="G91366" i="1"/>
  <c r="G91367" i="1"/>
  <c r="G91368" i="1"/>
  <c r="G91369" i="1"/>
  <c r="G91370" i="1"/>
  <c r="G91371" i="1"/>
  <c r="G91372" i="1"/>
  <c r="G91373" i="1"/>
  <c r="G91374" i="1"/>
  <c r="G91375" i="1"/>
  <c r="G91376" i="1"/>
  <c r="G91377" i="1"/>
  <c r="G91378" i="1"/>
  <c r="G91379" i="1"/>
  <c r="G91380" i="1"/>
  <c r="G91381" i="1"/>
  <c r="G91382" i="1"/>
  <c r="G91383" i="1"/>
  <c r="G91384" i="1"/>
  <c r="G91385" i="1"/>
  <c r="G91386" i="1"/>
  <c r="G91387" i="1"/>
  <c r="G91388" i="1"/>
  <c r="G91389" i="1"/>
  <c r="G91390" i="1"/>
  <c r="G91391" i="1"/>
  <c r="G91392" i="1"/>
  <c r="G91393" i="1"/>
  <c r="G91394" i="1"/>
  <c r="G91395" i="1"/>
  <c r="G91396" i="1"/>
  <c r="G91397" i="1"/>
  <c r="G91398" i="1"/>
  <c r="G91399" i="1"/>
  <c r="G91400" i="1"/>
  <c r="G91401" i="1"/>
  <c r="G91402" i="1"/>
  <c r="G91403" i="1"/>
  <c r="G91404" i="1"/>
  <c r="G91405" i="1"/>
  <c r="G91406" i="1"/>
  <c r="G91407" i="1"/>
  <c r="G91408" i="1"/>
  <c r="G91409" i="1"/>
  <c r="G91410" i="1"/>
  <c r="G91411" i="1"/>
  <c r="G91412" i="1"/>
  <c r="G91413" i="1"/>
  <c r="G91414" i="1"/>
  <c r="G91415" i="1"/>
  <c r="G91416" i="1"/>
  <c r="G91417" i="1"/>
  <c r="G91418" i="1"/>
  <c r="G91419" i="1"/>
  <c r="G91420" i="1"/>
  <c r="G91421" i="1"/>
  <c r="G91422" i="1"/>
  <c r="G91423" i="1"/>
  <c r="G91424" i="1"/>
  <c r="G91425" i="1"/>
  <c r="G91426" i="1"/>
  <c r="G91427" i="1"/>
  <c r="G91428" i="1"/>
  <c r="G91429" i="1"/>
  <c r="G91430" i="1"/>
  <c r="G91431" i="1"/>
  <c r="G91432" i="1"/>
  <c r="G91433" i="1"/>
  <c r="G91434" i="1"/>
  <c r="G91435" i="1"/>
  <c r="G91436" i="1"/>
  <c r="G91437" i="1"/>
  <c r="G91438" i="1"/>
  <c r="G91439" i="1"/>
  <c r="G91440" i="1"/>
  <c r="G91441" i="1"/>
  <c r="G91442" i="1"/>
  <c r="G91443" i="1"/>
  <c r="G91444" i="1"/>
  <c r="G91445" i="1"/>
  <c r="G91446" i="1"/>
  <c r="G91447" i="1"/>
  <c r="G91448" i="1"/>
  <c r="G91449" i="1"/>
  <c r="G91450" i="1"/>
  <c r="G91451" i="1"/>
  <c r="G91452" i="1"/>
  <c r="G91453" i="1"/>
  <c r="G91454" i="1"/>
  <c r="G91455" i="1"/>
  <c r="G91456" i="1"/>
  <c r="G91457" i="1"/>
  <c r="G91458" i="1"/>
  <c r="G91459" i="1"/>
  <c r="G91460" i="1"/>
  <c r="G91461" i="1"/>
  <c r="G91462" i="1"/>
  <c r="G91463" i="1"/>
  <c r="G91464" i="1"/>
  <c r="G91465" i="1"/>
  <c r="G91466" i="1"/>
  <c r="G91467" i="1"/>
  <c r="G91468" i="1"/>
  <c r="G91469" i="1"/>
  <c r="G91470" i="1"/>
  <c r="G91471" i="1"/>
  <c r="G91472" i="1"/>
  <c r="G91473" i="1"/>
  <c r="G91474" i="1"/>
  <c r="G91475" i="1"/>
  <c r="G91476" i="1"/>
  <c r="G91477" i="1"/>
  <c r="G91478" i="1"/>
  <c r="G91479" i="1"/>
  <c r="G91480" i="1"/>
  <c r="G91481" i="1"/>
  <c r="G91482" i="1"/>
  <c r="G91483" i="1"/>
  <c r="G91484" i="1"/>
  <c r="G91485" i="1"/>
  <c r="G91486" i="1"/>
  <c r="G91487" i="1"/>
  <c r="G91488" i="1"/>
  <c r="G91489" i="1"/>
  <c r="G91490" i="1"/>
  <c r="G91491" i="1"/>
  <c r="G91492" i="1"/>
  <c r="G91493" i="1"/>
  <c r="G91494" i="1"/>
  <c r="G91495" i="1"/>
  <c r="G91496" i="1"/>
  <c r="G91497" i="1"/>
  <c r="G91498" i="1"/>
  <c r="G91499" i="1"/>
  <c r="G91500" i="1"/>
  <c r="G91501" i="1"/>
  <c r="G91502" i="1"/>
  <c r="G91503" i="1"/>
  <c r="G91504" i="1"/>
  <c r="G91505" i="1"/>
  <c r="G91506" i="1"/>
  <c r="G91507" i="1"/>
  <c r="G91508" i="1"/>
  <c r="G91509" i="1"/>
  <c r="G91510" i="1"/>
  <c r="G91511" i="1"/>
  <c r="G91512" i="1"/>
  <c r="G91513" i="1"/>
  <c r="G91514" i="1"/>
  <c r="G91515" i="1"/>
  <c r="G91516" i="1"/>
  <c r="G91517" i="1"/>
  <c r="G91518" i="1"/>
  <c r="G91519" i="1"/>
  <c r="G91520" i="1"/>
  <c r="G91521" i="1"/>
  <c r="G91522" i="1"/>
  <c r="G91523" i="1"/>
  <c r="G91524" i="1"/>
  <c r="G91525" i="1"/>
  <c r="G91526" i="1"/>
  <c r="G91527" i="1"/>
  <c r="G91528" i="1"/>
  <c r="G91529" i="1"/>
  <c r="G91530" i="1"/>
  <c r="G91531" i="1"/>
  <c r="G91532" i="1"/>
  <c r="G91533" i="1"/>
  <c r="G91534" i="1"/>
  <c r="G91535" i="1"/>
  <c r="G91536" i="1"/>
  <c r="G91537" i="1"/>
  <c r="G91538" i="1"/>
  <c r="G91539" i="1"/>
  <c r="G91540" i="1"/>
  <c r="G91541" i="1"/>
  <c r="G91542" i="1"/>
  <c r="G91543" i="1"/>
  <c r="G91544" i="1"/>
  <c r="G91545" i="1"/>
  <c r="G91546" i="1"/>
  <c r="G91547" i="1"/>
  <c r="G91548" i="1"/>
  <c r="G91549" i="1"/>
  <c r="G91550" i="1"/>
  <c r="G91551" i="1"/>
  <c r="G91552" i="1"/>
  <c r="G91553" i="1"/>
  <c r="G91554" i="1"/>
  <c r="G91555" i="1"/>
  <c r="G91556" i="1"/>
  <c r="G91557" i="1"/>
  <c r="G91558" i="1"/>
  <c r="G91559" i="1"/>
  <c r="G91560" i="1"/>
  <c r="G91561" i="1"/>
  <c r="G91562" i="1"/>
  <c r="G91563" i="1"/>
  <c r="G91564" i="1"/>
  <c r="G91565" i="1"/>
  <c r="G91566" i="1"/>
  <c r="G91567" i="1"/>
  <c r="G91568" i="1"/>
  <c r="G91569" i="1"/>
  <c r="G91570" i="1"/>
  <c r="G91571" i="1"/>
  <c r="G91572" i="1"/>
  <c r="G91573" i="1"/>
  <c r="G91574" i="1"/>
  <c r="G91575" i="1"/>
  <c r="G91576" i="1"/>
  <c r="G91577" i="1"/>
  <c r="G91578" i="1"/>
  <c r="G91579" i="1"/>
  <c r="G91580" i="1"/>
  <c r="G91581" i="1"/>
  <c r="G91582" i="1"/>
  <c r="G91583" i="1"/>
  <c r="G91584" i="1"/>
  <c r="G91585" i="1"/>
  <c r="G91586" i="1"/>
  <c r="G91587" i="1"/>
  <c r="G91588" i="1"/>
  <c r="G91589" i="1"/>
  <c r="G91590" i="1"/>
  <c r="G91591" i="1"/>
  <c r="G91592" i="1"/>
  <c r="G91593" i="1"/>
  <c r="G91594" i="1"/>
  <c r="G91595" i="1"/>
  <c r="G91596" i="1"/>
  <c r="G91597" i="1"/>
  <c r="G91598" i="1"/>
  <c r="G91599" i="1"/>
  <c r="G91600" i="1"/>
  <c r="G91601" i="1"/>
  <c r="G91602" i="1"/>
  <c r="G91603" i="1"/>
  <c r="G91604" i="1"/>
  <c r="G91605" i="1"/>
  <c r="G91606" i="1"/>
  <c r="G91607" i="1"/>
  <c r="G91608" i="1"/>
  <c r="G91609" i="1"/>
  <c r="G91610" i="1"/>
  <c r="G91611" i="1"/>
  <c r="G91612" i="1"/>
  <c r="G91613" i="1"/>
  <c r="G91614" i="1"/>
  <c r="G91615" i="1"/>
  <c r="G91616" i="1"/>
  <c r="G91617" i="1"/>
  <c r="G91618" i="1"/>
  <c r="G91619" i="1"/>
  <c r="G91620" i="1"/>
  <c r="G91621" i="1"/>
  <c r="G91622" i="1"/>
  <c r="G91623" i="1"/>
  <c r="G91624" i="1"/>
  <c r="G91625" i="1"/>
  <c r="G91626" i="1"/>
  <c r="G91627" i="1"/>
  <c r="G91628" i="1"/>
  <c r="G91629" i="1"/>
  <c r="G91630" i="1"/>
  <c r="G91631" i="1"/>
  <c r="G91632" i="1"/>
  <c r="G91633" i="1"/>
  <c r="G91634" i="1"/>
  <c r="G91635" i="1"/>
  <c r="G91636" i="1"/>
  <c r="G91637" i="1"/>
  <c r="G91638" i="1"/>
  <c r="G91639" i="1"/>
  <c r="G91640" i="1"/>
  <c r="G91641" i="1"/>
  <c r="G91642" i="1"/>
  <c r="G91643" i="1"/>
  <c r="G91644" i="1"/>
  <c r="G91645" i="1"/>
  <c r="G91646" i="1"/>
  <c r="G91647" i="1"/>
  <c r="G91648" i="1"/>
  <c r="G91649" i="1"/>
  <c r="G91650" i="1"/>
  <c r="G91651" i="1"/>
  <c r="G91652" i="1"/>
  <c r="G91653" i="1"/>
  <c r="G91654" i="1"/>
  <c r="G91655" i="1"/>
  <c r="G91656" i="1"/>
  <c r="G91657" i="1"/>
  <c r="G91658" i="1"/>
  <c r="G91659" i="1"/>
  <c r="G91660" i="1"/>
  <c r="G91661" i="1"/>
  <c r="G91662" i="1"/>
  <c r="G91663" i="1"/>
  <c r="G91664" i="1"/>
  <c r="G91665" i="1"/>
  <c r="G91666" i="1"/>
  <c r="G91667" i="1"/>
  <c r="G91668" i="1"/>
  <c r="G91669" i="1"/>
  <c r="G91670" i="1"/>
  <c r="G91671" i="1"/>
  <c r="G91672" i="1"/>
  <c r="G91673" i="1"/>
  <c r="G91674" i="1"/>
  <c r="G91675" i="1"/>
  <c r="G91676" i="1"/>
  <c r="G91677" i="1"/>
  <c r="G91678" i="1"/>
  <c r="G91679" i="1"/>
  <c r="G91680" i="1"/>
  <c r="G91681" i="1"/>
  <c r="G91682" i="1"/>
  <c r="G91683" i="1"/>
  <c r="G91684" i="1"/>
  <c r="G91685" i="1"/>
  <c r="G91686" i="1"/>
  <c r="G91687" i="1"/>
  <c r="G91688" i="1"/>
  <c r="G91689" i="1"/>
  <c r="G91690" i="1"/>
  <c r="G91691" i="1"/>
  <c r="G91692" i="1"/>
  <c r="G91693" i="1"/>
  <c r="G91694" i="1"/>
  <c r="G91695" i="1"/>
  <c r="G91696" i="1"/>
  <c r="G91697" i="1"/>
  <c r="G91698" i="1"/>
  <c r="G91699" i="1"/>
  <c r="G91700" i="1"/>
  <c r="G91701" i="1"/>
  <c r="G91702" i="1"/>
  <c r="G91703" i="1"/>
  <c r="G91704" i="1"/>
  <c r="G91705" i="1"/>
  <c r="G91706" i="1"/>
  <c r="G91707" i="1"/>
  <c r="G91708" i="1"/>
  <c r="G91709" i="1"/>
  <c r="G91710" i="1"/>
  <c r="G91711" i="1"/>
  <c r="G91712" i="1"/>
  <c r="G91713" i="1"/>
  <c r="G91714" i="1"/>
  <c r="G91715" i="1"/>
  <c r="G91716" i="1"/>
  <c r="G91717" i="1"/>
  <c r="G91718" i="1"/>
  <c r="G91719" i="1"/>
  <c r="G91720" i="1"/>
  <c r="G91721" i="1"/>
  <c r="G91722" i="1"/>
  <c r="G91723" i="1"/>
  <c r="G91724" i="1"/>
  <c r="G91725" i="1"/>
  <c r="G91726" i="1"/>
  <c r="G91727" i="1"/>
  <c r="G91728" i="1"/>
  <c r="G91729" i="1"/>
  <c r="G91730" i="1"/>
  <c r="G91731" i="1"/>
  <c r="G91732" i="1"/>
  <c r="G91733" i="1"/>
  <c r="G91734" i="1"/>
  <c r="G91735" i="1"/>
  <c r="G91736" i="1"/>
  <c r="G91737" i="1"/>
  <c r="G91738" i="1"/>
  <c r="G91739" i="1"/>
  <c r="G91740" i="1"/>
  <c r="G91741" i="1"/>
  <c r="G91742" i="1"/>
  <c r="G91743" i="1"/>
  <c r="G91744" i="1"/>
  <c r="G91745" i="1"/>
  <c r="G91746" i="1"/>
  <c r="G91747" i="1"/>
  <c r="G91748" i="1"/>
  <c r="G91749" i="1"/>
  <c r="G91750" i="1"/>
  <c r="G91751" i="1"/>
  <c r="G91752" i="1"/>
  <c r="G91753" i="1"/>
  <c r="G91754" i="1"/>
  <c r="G91755" i="1"/>
  <c r="G91756" i="1"/>
  <c r="G91757" i="1"/>
  <c r="G91758" i="1"/>
  <c r="G91759" i="1"/>
  <c r="G91760" i="1"/>
  <c r="G91761" i="1"/>
  <c r="G91762" i="1"/>
  <c r="G91763" i="1"/>
  <c r="G91764" i="1"/>
  <c r="G91765" i="1"/>
  <c r="G91766" i="1"/>
  <c r="G91767" i="1"/>
  <c r="G91768" i="1"/>
  <c r="G91769" i="1"/>
  <c r="G91770" i="1"/>
  <c r="G91771" i="1"/>
  <c r="G91772" i="1"/>
  <c r="G91773" i="1"/>
  <c r="G91774" i="1"/>
  <c r="G91775" i="1"/>
  <c r="G91776" i="1"/>
  <c r="G91777" i="1"/>
  <c r="G91778" i="1"/>
  <c r="G91779" i="1"/>
  <c r="G91780" i="1"/>
  <c r="G91781" i="1"/>
  <c r="G91782" i="1"/>
  <c r="G91783" i="1"/>
  <c r="G91784" i="1"/>
  <c r="G91785" i="1"/>
  <c r="G91786" i="1"/>
  <c r="G91787" i="1"/>
  <c r="G91788" i="1"/>
  <c r="G91789" i="1"/>
  <c r="G91790" i="1"/>
  <c r="G91791" i="1"/>
  <c r="G91792" i="1"/>
  <c r="G91793" i="1"/>
  <c r="G91794" i="1"/>
  <c r="G91795" i="1"/>
  <c r="G91796" i="1"/>
  <c r="G91797" i="1"/>
  <c r="G91798" i="1"/>
  <c r="G91799" i="1"/>
  <c r="G91800" i="1"/>
  <c r="G91801" i="1"/>
  <c r="G91802" i="1"/>
  <c r="G91803" i="1"/>
  <c r="G91804" i="1"/>
  <c r="G91805" i="1"/>
  <c r="G91806" i="1"/>
  <c r="G91807" i="1"/>
  <c r="G91808" i="1"/>
  <c r="G91809" i="1"/>
  <c r="G91810" i="1"/>
  <c r="G91811" i="1"/>
  <c r="G91812" i="1"/>
  <c r="G91813" i="1"/>
  <c r="G91814" i="1"/>
  <c r="G91815" i="1"/>
  <c r="G91816" i="1"/>
  <c r="G91817" i="1"/>
  <c r="G91818" i="1"/>
  <c r="G91819" i="1"/>
  <c r="G91820" i="1"/>
  <c r="G91821" i="1"/>
  <c r="G91822" i="1"/>
  <c r="G91823" i="1"/>
  <c r="G91824" i="1"/>
  <c r="G91825" i="1"/>
  <c r="G91826" i="1"/>
  <c r="G91827" i="1"/>
  <c r="G91828" i="1"/>
  <c r="G91829" i="1"/>
  <c r="G91830" i="1"/>
  <c r="G91831" i="1"/>
  <c r="G91832" i="1"/>
  <c r="G91833" i="1"/>
  <c r="G91834" i="1"/>
  <c r="G91835" i="1"/>
  <c r="G91836" i="1"/>
  <c r="G91837" i="1"/>
  <c r="G91838" i="1"/>
  <c r="G91839" i="1"/>
  <c r="G91840" i="1"/>
  <c r="G91841" i="1"/>
  <c r="G91842" i="1"/>
  <c r="G91843" i="1"/>
  <c r="G91844" i="1"/>
  <c r="G91845" i="1"/>
  <c r="G91846" i="1"/>
  <c r="G91847" i="1"/>
  <c r="G91848" i="1"/>
  <c r="G91849" i="1"/>
  <c r="G91850" i="1"/>
  <c r="G91851" i="1"/>
  <c r="G91852" i="1"/>
  <c r="G91853" i="1"/>
  <c r="G91854" i="1"/>
  <c r="G91855" i="1"/>
  <c r="G91856" i="1"/>
  <c r="G91857" i="1"/>
  <c r="G91858" i="1"/>
  <c r="G91859" i="1"/>
  <c r="G91860" i="1"/>
  <c r="G91861" i="1"/>
  <c r="G91862" i="1"/>
  <c r="G91863" i="1"/>
  <c r="G91864" i="1"/>
  <c r="G91865" i="1"/>
  <c r="G91866" i="1"/>
  <c r="G91867" i="1"/>
  <c r="G91868" i="1"/>
  <c r="G91869" i="1"/>
  <c r="G91870" i="1"/>
  <c r="G91871" i="1"/>
  <c r="G91872" i="1"/>
  <c r="G91873" i="1"/>
  <c r="G91874" i="1"/>
  <c r="G91875" i="1"/>
  <c r="G91876" i="1"/>
  <c r="G91877" i="1"/>
  <c r="G91878" i="1"/>
  <c r="G91879" i="1"/>
  <c r="G91880" i="1"/>
  <c r="G91881" i="1"/>
  <c r="G91882" i="1"/>
  <c r="G91883" i="1"/>
  <c r="G91884" i="1"/>
  <c r="G91885" i="1"/>
  <c r="G91886" i="1"/>
  <c r="G91887" i="1"/>
  <c r="G91888" i="1"/>
  <c r="G91889" i="1"/>
  <c r="G91890" i="1"/>
  <c r="G91891" i="1"/>
  <c r="G91892" i="1"/>
  <c r="G91893" i="1"/>
  <c r="G91894" i="1"/>
  <c r="G91895" i="1"/>
  <c r="G91896" i="1"/>
  <c r="G91897" i="1"/>
  <c r="G91898" i="1"/>
  <c r="G91899" i="1"/>
  <c r="G91900" i="1"/>
  <c r="G91901" i="1"/>
  <c r="G91902" i="1"/>
  <c r="G91903" i="1"/>
  <c r="G91904" i="1"/>
  <c r="G91905" i="1"/>
  <c r="G91906" i="1"/>
  <c r="G91907" i="1"/>
  <c r="G91908" i="1"/>
  <c r="G91909" i="1"/>
  <c r="G91910" i="1"/>
  <c r="G91911" i="1"/>
  <c r="G91912" i="1"/>
  <c r="G91913" i="1"/>
  <c r="G91914" i="1"/>
  <c r="G91915" i="1"/>
  <c r="G91916" i="1"/>
  <c r="G91917" i="1"/>
  <c r="G91918" i="1"/>
  <c r="G91919" i="1"/>
  <c r="G91920" i="1"/>
  <c r="G91921" i="1"/>
  <c r="G91922" i="1"/>
  <c r="G91923" i="1"/>
  <c r="G91924" i="1"/>
  <c r="G91925" i="1"/>
  <c r="G91926" i="1"/>
  <c r="G91927" i="1"/>
  <c r="G91928" i="1"/>
  <c r="G91929" i="1"/>
  <c r="G91930" i="1"/>
  <c r="G91931" i="1"/>
  <c r="G91932" i="1"/>
  <c r="G91933" i="1"/>
  <c r="G91934" i="1"/>
  <c r="G91935" i="1"/>
  <c r="G91936" i="1"/>
  <c r="G91937" i="1"/>
  <c r="G91938" i="1"/>
  <c r="G91939" i="1"/>
  <c r="G91940" i="1"/>
  <c r="G91941" i="1"/>
  <c r="G91942" i="1"/>
  <c r="G91943" i="1"/>
  <c r="G91944" i="1"/>
  <c r="G91945" i="1"/>
  <c r="G91946" i="1"/>
  <c r="G91947" i="1"/>
  <c r="G91948" i="1"/>
  <c r="G91949" i="1"/>
  <c r="G91950" i="1"/>
  <c r="G91951" i="1"/>
  <c r="G91952" i="1"/>
  <c r="G91953" i="1"/>
  <c r="G91954" i="1"/>
  <c r="G91955" i="1"/>
  <c r="G91956" i="1"/>
  <c r="G91957" i="1"/>
  <c r="G91958" i="1"/>
  <c r="G91959" i="1"/>
  <c r="G91960" i="1"/>
  <c r="G91961" i="1"/>
  <c r="G91962" i="1"/>
  <c r="G91963" i="1"/>
  <c r="G91964" i="1"/>
  <c r="G91965" i="1"/>
  <c r="G91966" i="1"/>
  <c r="G91967" i="1"/>
  <c r="G91968" i="1"/>
  <c r="G91969" i="1"/>
  <c r="G91970" i="1"/>
  <c r="G91971" i="1"/>
  <c r="G91972" i="1"/>
  <c r="G91973" i="1"/>
  <c r="G91974" i="1"/>
  <c r="G91975" i="1"/>
  <c r="G91976" i="1"/>
  <c r="G91977" i="1"/>
  <c r="G91978" i="1"/>
  <c r="G91979" i="1"/>
  <c r="G91980" i="1"/>
  <c r="G91981" i="1"/>
  <c r="G91982" i="1"/>
  <c r="G91983" i="1"/>
  <c r="G91984" i="1"/>
  <c r="G91985" i="1"/>
  <c r="G91986" i="1"/>
  <c r="G91987" i="1"/>
  <c r="G91988" i="1"/>
  <c r="G91989" i="1"/>
  <c r="G91990" i="1"/>
  <c r="G91991" i="1"/>
  <c r="G91992" i="1"/>
  <c r="G91993" i="1"/>
  <c r="G91994" i="1"/>
  <c r="G91995" i="1"/>
  <c r="G91996" i="1"/>
  <c r="G91997" i="1"/>
  <c r="G91998" i="1"/>
  <c r="G91999" i="1"/>
  <c r="G92000" i="1"/>
  <c r="G92001" i="1"/>
  <c r="G92002" i="1"/>
  <c r="G92003" i="1"/>
  <c r="G92004" i="1"/>
  <c r="G92005" i="1"/>
  <c r="G92006" i="1"/>
  <c r="G92007" i="1"/>
  <c r="G92008" i="1"/>
  <c r="G92009" i="1"/>
  <c r="G92010" i="1"/>
  <c r="G92011" i="1"/>
  <c r="G92012" i="1"/>
  <c r="G92013" i="1"/>
  <c r="G92014" i="1"/>
  <c r="G92015" i="1"/>
  <c r="G92016" i="1"/>
  <c r="G92017" i="1"/>
  <c r="G92018" i="1"/>
  <c r="G92019" i="1"/>
  <c r="G92020" i="1"/>
  <c r="G92021" i="1"/>
  <c r="G92022" i="1"/>
  <c r="G92023" i="1"/>
  <c r="G92024" i="1"/>
  <c r="G92025" i="1"/>
  <c r="G92026" i="1"/>
  <c r="G92027" i="1"/>
  <c r="G92028" i="1"/>
  <c r="G92029" i="1"/>
  <c r="G92030" i="1"/>
  <c r="G92031" i="1"/>
  <c r="G92032" i="1"/>
  <c r="G92033" i="1"/>
  <c r="G92034" i="1"/>
  <c r="G92035" i="1"/>
  <c r="G92036" i="1"/>
  <c r="G92037" i="1"/>
  <c r="G92038" i="1"/>
  <c r="G92039" i="1"/>
  <c r="G92040" i="1"/>
  <c r="G92041" i="1"/>
  <c r="G92042" i="1"/>
  <c r="G92043" i="1"/>
  <c r="G92044" i="1"/>
  <c r="G92045" i="1"/>
  <c r="G92046" i="1"/>
  <c r="G92047" i="1"/>
  <c r="G92048" i="1"/>
  <c r="G92049" i="1"/>
  <c r="G92050" i="1"/>
  <c r="G92051" i="1"/>
  <c r="G92052" i="1"/>
  <c r="G92053" i="1"/>
  <c r="G92054" i="1"/>
  <c r="G92055" i="1"/>
  <c r="G92056" i="1"/>
  <c r="G92057" i="1"/>
  <c r="G92058" i="1"/>
  <c r="G92059" i="1"/>
  <c r="G92060" i="1"/>
  <c r="G92061" i="1"/>
  <c r="G92062" i="1"/>
  <c r="G92063" i="1"/>
  <c r="G92064" i="1"/>
  <c r="G92065" i="1"/>
  <c r="G92066" i="1"/>
  <c r="G92067" i="1"/>
  <c r="G92068" i="1"/>
  <c r="G92069" i="1"/>
  <c r="G92070" i="1"/>
  <c r="G92071" i="1"/>
  <c r="G92072" i="1"/>
  <c r="G92073" i="1"/>
  <c r="G92074" i="1"/>
  <c r="G92075" i="1"/>
  <c r="G92076" i="1"/>
  <c r="G92077" i="1"/>
  <c r="G92078" i="1"/>
  <c r="G92079" i="1"/>
  <c r="G92080" i="1"/>
  <c r="G92081" i="1"/>
  <c r="G92082" i="1"/>
  <c r="G92083" i="1"/>
  <c r="G92084" i="1"/>
  <c r="G92085" i="1"/>
  <c r="G92086" i="1"/>
  <c r="G92087" i="1"/>
  <c r="G92088" i="1"/>
  <c r="G92089" i="1"/>
  <c r="G92090" i="1"/>
  <c r="G92091" i="1"/>
  <c r="G92092" i="1"/>
  <c r="G92093" i="1"/>
  <c r="G92094" i="1"/>
  <c r="G92095" i="1"/>
  <c r="G92096" i="1"/>
  <c r="G92097" i="1"/>
  <c r="G92098" i="1"/>
  <c r="G92099" i="1"/>
  <c r="G92100" i="1"/>
  <c r="G92101" i="1"/>
  <c r="G92102" i="1"/>
  <c r="G92103" i="1"/>
  <c r="G92104" i="1"/>
  <c r="G92105" i="1"/>
  <c r="G92106" i="1"/>
  <c r="G92107" i="1"/>
  <c r="G92108" i="1"/>
  <c r="G92109" i="1"/>
  <c r="G92110" i="1"/>
  <c r="G92111" i="1"/>
  <c r="G92112" i="1"/>
  <c r="G92113" i="1"/>
  <c r="G92114" i="1"/>
  <c r="G92115" i="1"/>
  <c r="G92116" i="1"/>
  <c r="G92117" i="1"/>
  <c r="G92118" i="1"/>
  <c r="G92119" i="1"/>
  <c r="G92120" i="1"/>
  <c r="G92121" i="1"/>
  <c r="G92122" i="1"/>
  <c r="G92123" i="1"/>
  <c r="G92124" i="1"/>
  <c r="G92125" i="1"/>
  <c r="G92126" i="1"/>
  <c r="G92127" i="1"/>
  <c r="G92128" i="1"/>
  <c r="G92129" i="1"/>
  <c r="G92130" i="1"/>
  <c r="G92131" i="1"/>
  <c r="G92132" i="1"/>
  <c r="G92133" i="1"/>
  <c r="G92134" i="1"/>
  <c r="G92135" i="1"/>
  <c r="G92136" i="1"/>
  <c r="G92137" i="1"/>
  <c r="G92138" i="1"/>
  <c r="G92139" i="1"/>
  <c r="G92140" i="1"/>
  <c r="G92141" i="1"/>
  <c r="G92142" i="1"/>
  <c r="G92143" i="1"/>
  <c r="G92144" i="1"/>
  <c r="G92145" i="1"/>
  <c r="G92146" i="1"/>
  <c r="G92147" i="1"/>
  <c r="G92148" i="1"/>
  <c r="G92149" i="1"/>
  <c r="G92150" i="1"/>
  <c r="G92151" i="1"/>
  <c r="G92152" i="1"/>
  <c r="G92153" i="1"/>
  <c r="G92154" i="1"/>
  <c r="G92155" i="1"/>
  <c r="G92156" i="1"/>
  <c r="G92157" i="1"/>
  <c r="G92158" i="1"/>
  <c r="G92159" i="1"/>
  <c r="G92160" i="1"/>
  <c r="G92161" i="1"/>
  <c r="G92162" i="1"/>
  <c r="G92163" i="1"/>
  <c r="G92164" i="1"/>
  <c r="G92165" i="1"/>
  <c r="G92166" i="1"/>
  <c r="G92167" i="1"/>
  <c r="G92168" i="1"/>
  <c r="G92169" i="1"/>
  <c r="G92170" i="1"/>
  <c r="G92171" i="1"/>
  <c r="G92172" i="1"/>
  <c r="G92173" i="1"/>
  <c r="G92174" i="1"/>
  <c r="G92175" i="1"/>
  <c r="G92176" i="1"/>
  <c r="G92177" i="1"/>
  <c r="G92178" i="1"/>
  <c r="G92179" i="1"/>
  <c r="G92180" i="1"/>
  <c r="G92181" i="1"/>
  <c r="G92182" i="1"/>
  <c r="G92183" i="1"/>
  <c r="G92184" i="1"/>
  <c r="G92185" i="1"/>
  <c r="G92186" i="1"/>
  <c r="G92187" i="1"/>
  <c r="G92188" i="1"/>
  <c r="G92189" i="1"/>
  <c r="G92190" i="1"/>
  <c r="G92191" i="1"/>
  <c r="G92192" i="1"/>
  <c r="G92193" i="1"/>
  <c r="G92194" i="1"/>
  <c r="G92195" i="1"/>
  <c r="G92196" i="1"/>
  <c r="G92197" i="1"/>
  <c r="G92198" i="1"/>
  <c r="G92199" i="1"/>
  <c r="G92200" i="1"/>
  <c r="G92201" i="1"/>
  <c r="G92202" i="1"/>
  <c r="G92203" i="1"/>
  <c r="G92204" i="1"/>
  <c r="G92205" i="1"/>
  <c r="G92206" i="1"/>
  <c r="G92207" i="1"/>
  <c r="G92208" i="1"/>
  <c r="G92209" i="1"/>
  <c r="G92210" i="1"/>
  <c r="G92211" i="1"/>
  <c r="G92212" i="1"/>
  <c r="G92213" i="1"/>
  <c r="G92214" i="1"/>
  <c r="G92215" i="1"/>
  <c r="G92216" i="1"/>
  <c r="G92217" i="1"/>
  <c r="G92218" i="1"/>
  <c r="G92219" i="1"/>
  <c r="G92220" i="1"/>
  <c r="G92221" i="1"/>
  <c r="G92222" i="1"/>
  <c r="G92223" i="1"/>
  <c r="G92224" i="1"/>
  <c r="G92225" i="1"/>
  <c r="G92226" i="1"/>
  <c r="G92227" i="1"/>
  <c r="G92228" i="1"/>
  <c r="G92229" i="1"/>
  <c r="G92230" i="1"/>
  <c r="G92231" i="1"/>
  <c r="G92232" i="1"/>
  <c r="G92233" i="1"/>
  <c r="G92234" i="1"/>
  <c r="G92235" i="1"/>
  <c r="G92236" i="1"/>
  <c r="G92237" i="1"/>
  <c r="G92238" i="1"/>
  <c r="G92239" i="1"/>
  <c r="G92240" i="1"/>
  <c r="G92241" i="1"/>
  <c r="G92242" i="1"/>
  <c r="G92243" i="1"/>
  <c r="G92244" i="1"/>
  <c r="G92245" i="1"/>
  <c r="G92246" i="1"/>
  <c r="G92247" i="1"/>
  <c r="G92248" i="1"/>
  <c r="G92249" i="1"/>
  <c r="G92250" i="1"/>
  <c r="G92251" i="1"/>
  <c r="G92252" i="1"/>
  <c r="G92253" i="1"/>
  <c r="G92254" i="1"/>
  <c r="G92255" i="1"/>
  <c r="G92256" i="1"/>
  <c r="G92257" i="1"/>
  <c r="G92258" i="1"/>
  <c r="G92259" i="1"/>
  <c r="G92260" i="1"/>
  <c r="G92261" i="1"/>
  <c r="G92262" i="1"/>
  <c r="G92263" i="1"/>
  <c r="G92264" i="1"/>
  <c r="G92265" i="1"/>
  <c r="G92266" i="1"/>
  <c r="G92267" i="1"/>
  <c r="G92268" i="1"/>
  <c r="G92269" i="1"/>
  <c r="G92270" i="1"/>
  <c r="G92271" i="1"/>
  <c r="G92272" i="1"/>
  <c r="G92273" i="1"/>
  <c r="G92274" i="1"/>
  <c r="G92275" i="1"/>
  <c r="G92276" i="1"/>
  <c r="G92277" i="1"/>
  <c r="G92278" i="1"/>
  <c r="G92279" i="1"/>
  <c r="G92280" i="1"/>
  <c r="G92281" i="1"/>
  <c r="G92282" i="1"/>
  <c r="G92283" i="1"/>
  <c r="G92284" i="1"/>
  <c r="G92285" i="1"/>
  <c r="G92286" i="1"/>
  <c r="G92287" i="1"/>
  <c r="G92288" i="1"/>
  <c r="G92289" i="1"/>
  <c r="G92290" i="1"/>
  <c r="G92291" i="1"/>
  <c r="G92292" i="1"/>
  <c r="G92293" i="1"/>
  <c r="G92294" i="1"/>
  <c r="G92295" i="1"/>
  <c r="G92296" i="1"/>
  <c r="G92297" i="1"/>
  <c r="G92298" i="1"/>
  <c r="G92299" i="1"/>
  <c r="G92300" i="1"/>
  <c r="G92301" i="1"/>
  <c r="G92302" i="1"/>
  <c r="G92303" i="1"/>
  <c r="G92304" i="1"/>
  <c r="G92305" i="1"/>
  <c r="G92306" i="1"/>
  <c r="G92307" i="1"/>
  <c r="G92308" i="1"/>
  <c r="G92309" i="1"/>
  <c r="G92310" i="1"/>
  <c r="G92311" i="1"/>
  <c r="G92312" i="1"/>
  <c r="G92313" i="1"/>
  <c r="G92314" i="1"/>
  <c r="G92315" i="1"/>
  <c r="G92316" i="1"/>
  <c r="G92317" i="1"/>
  <c r="G92318" i="1"/>
  <c r="G92319" i="1"/>
  <c r="G92320" i="1"/>
  <c r="G92321" i="1"/>
  <c r="G92322" i="1"/>
  <c r="G92323" i="1"/>
  <c r="G92324" i="1"/>
  <c r="G92325" i="1"/>
  <c r="G92326" i="1"/>
  <c r="G92327" i="1"/>
  <c r="G92328" i="1"/>
  <c r="G92329" i="1"/>
  <c r="G92330" i="1"/>
  <c r="G92331" i="1"/>
  <c r="G92332" i="1"/>
  <c r="G92333" i="1"/>
  <c r="G92334" i="1"/>
  <c r="G92335" i="1"/>
  <c r="G92336" i="1"/>
  <c r="G92337" i="1"/>
  <c r="G92338" i="1"/>
  <c r="G92339" i="1"/>
  <c r="G92340" i="1"/>
  <c r="G92341" i="1"/>
  <c r="G92342" i="1"/>
  <c r="G92343" i="1"/>
  <c r="G92344" i="1"/>
  <c r="G92345" i="1"/>
  <c r="G92346" i="1"/>
  <c r="G92347" i="1"/>
  <c r="G92348" i="1"/>
  <c r="G92349" i="1"/>
  <c r="G92350" i="1"/>
  <c r="G92351" i="1"/>
  <c r="G92352" i="1"/>
  <c r="G92353" i="1"/>
  <c r="G92354" i="1"/>
  <c r="G92355" i="1"/>
  <c r="G92356" i="1"/>
  <c r="G92357" i="1"/>
  <c r="G92358" i="1"/>
  <c r="G92359" i="1"/>
  <c r="G92360" i="1"/>
  <c r="G92361" i="1"/>
  <c r="G92362" i="1"/>
  <c r="G92363" i="1"/>
  <c r="G92364" i="1"/>
  <c r="G92365" i="1"/>
  <c r="G92366" i="1"/>
  <c r="G92367" i="1"/>
  <c r="G92368" i="1"/>
  <c r="G92369" i="1"/>
  <c r="G92370" i="1"/>
  <c r="G92371" i="1"/>
  <c r="G92372" i="1"/>
  <c r="G92373" i="1"/>
  <c r="G92374" i="1"/>
  <c r="G92375" i="1"/>
  <c r="G92376" i="1"/>
  <c r="G92377" i="1"/>
  <c r="G92378" i="1"/>
  <c r="G92379" i="1"/>
  <c r="G92380" i="1"/>
  <c r="G92381" i="1"/>
  <c r="G92382" i="1"/>
  <c r="G92383" i="1"/>
  <c r="G92384" i="1"/>
  <c r="G92385" i="1"/>
  <c r="G92386" i="1"/>
  <c r="G92387" i="1"/>
  <c r="G92388" i="1"/>
  <c r="G92389" i="1"/>
  <c r="G92390" i="1"/>
  <c r="G92391" i="1"/>
  <c r="G92392" i="1"/>
  <c r="G92393" i="1"/>
  <c r="G92394" i="1"/>
  <c r="G92395" i="1"/>
  <c r="G92396" i="1"/>
  <c r="G92397" i="1"/>
  <c r="G92398" i="1"/>
  <c r="G92399" i="1"/>
  <c r="G92400" i="1"/>
  <c r="G92401" i="1"/>
  <c r="G92402" i="1"/>
  <c r="G92403" i="1"/>
  <c r="G92404" i="1"/>
  <c r="G92405" i="1"/>
  <c r="G92406" i="1"/>
  <c r="G92407" i="1"/>
  <c r="G92408" i="1"/>
  <c r="G92409" i="1"/>
  <c r="G92410" i="1"/>
  <c r="G92411" i="1"/>
  <c r="G92412" i="1"/>
  <c r="G92413" i="1"/>
  <c r="G92414" i="1"/>
  <c r="G92415" i="1"/>
  <c r="G92416" i="1"/>
  <c r="G92417" i="1"/>
  <c r="G92418" i="1"/>
  <c r="G92419" i="1"/>
  <c r="G92420" i="1"/>
  <c r="G92421" i="1"/>
  <c r="G92422" i="1"/>
  <c r="G92423" i="1"/>
  <c r="G92424" i="1"/>
  <c r="G92425" i="1"/>
  <c r="G92426" i="1"/>
  <c r="G92427" i="1"/>
  <c r="G92428" i="1"/>
  <c r="G92429" i="1"/>
  <c r="G92430" i="1"/>
  <c r="G92431" i="1"/>
  <c r="G92432" i="1"/>
  <c r="G92433" i="1"/>
  <c r="G92434" i="1"/>
  <c r="G92435" i="1"/>
  <c r="G92436" i="1"/>
  <c r="G92437" i="1"/>
  <c r="G92438" i="1"/>
  <c r="G92439" i="1"/>
  <c r="G92440" i="1"/>
  <c r="G92441" i="1"/>
  <c r="G92442" i="1"/>
  <c r="G92443" i="1"/>
  <c r="G92444" i="1"/>
  <c r="G92445" i="1"/>
  <c r="G92446" i="1"/>
  <c r="G92447" i="1"/>
  <c r="G92448" i="1"/>
  <c r="G92449" i="1"/>
  <c r="G92450" i="1"/>
  <c r="G92451" i="1"/>
  <c r="G92452" i="1"/>
  <c r="G92453" i="1"/>
  <c r="G92454" i="1"/>
  <c r="G92455" i="1"/>
  <c r="G92456" i="1"/>
  <c r="G92457" i="1"/>
  <c r="G92458" i="1"/>
  <c r="G92459" i="1"/>
  <c r="G92460" i="1"/>
  <c r="G92461" i="1"/>
  <c r="G92462" i="1"/>
  <c r="G92463" i="1"/>
  <c r="G92464" i="1"/>
  <c r="G92465" i="1"/>
  <c r="G92466" i="1"/>
  <c r="G92467" i="1"/>
  <c r="G92468" i="1"/>
  <c r="G92469" i="1"/>
  <c r="G92470" i="1"/>
  <c r="G92471" i="1"/>
  <c r="G92472" i="1"/>
  <c r="G92473" i="1"/>
  <c r="G92474" i="1"/>
  <c r="G92475" i="1"/>
  <c r="G92476" i="1"/>
  <c r="G92477" i="1"/>
  <c r="G92478" i="1"/>
  <c r="G92479" i="1"/>
  <c r="G92480" i="1"/>
  <c r="G92481" i="1"/>
  <c r="G92482" i="1"/>
  <c r="G92483" i="1"/>
  <c r="G92484" i="1"/>
  <c r="G92485" i="1"/>
  <c r="G92486" i="1"/>
  <c r="G92487" i="1"/>
  <c r="G92488" i="1"/>
  <c r="G92489" i="1"/>
  <c r="G92490" i="1"/>
  <c r="G92491" i="1"/>
  <c r="G92492" i="1"/>
  <c r="G92493" i="1"/>
  <c r="G92494" i="1"/>
  <c r="G92495" i="1"/>
  <c r="G92496" i="1"/>
  <c r="G92497" i="1"/>
  <c r="G92498" i="1"/>
  <c r="G92499" i="1"/>
  <c r="G92500" i="1"/>
  <c r="G92501" i="1"/>
  <c r="G92502" i="1"/>
  <c r="G92503" i="1"/>
  <c r="G92504" i="1"/>
  <c r="G92505" i="1"/>
  <c r="G92506" i="1"/>
  <c r="G92507" i="1"/>
  <c r="G92508" i="1"/>
  <c r="G92509" i="1"/>
  <c r="G92510" i="1"/>
  <c r="G92511" i="1"/>
  <c r="G92512" i="1"/>
  <c r="G92513" i="1"/>
  <c r="G92514" i="1"/>
  <c r="G92515" i="1"/>
  <c r="G92516" i="1"/>
  <c r="G92517" i="1"/>
  <c r="G92518" i="1"/>
  <c r="G92519" i="1"/>
  <c r="G92520" i="1"/>
  <c r="G92521" i="1"/>
  <c r="G92522" i="1"/>
  <c r="G92523" i="1"/>
  <c r="G92524" i="1"/>
  <c r="G92525" i="1"/>
  <c r="G92526" i="1"/>
  <c r="G92527" i="1"/>
  <c r="G92528" i="1"/>
  <c r="G92529" i="1"/>
  <c r="G92530" i="1"/>
  <c r="G92531" i="1"/>
  <c r="G92532" i="1"/>
  <c r="G92533" i="1"/>
  <c r="G92534" i="1"/>
  <c r="G92535" i="1"/>
  <c r="G92536" i="1"/>
  <c r="G92537" i="1"/>
  <c r="G92538" i="1"/>
  <c r="G92539" i="1"/>
  <c r="G92540" i="1"/>
  <c r="G92541" i="1"/>
  <c r="G92542" i="1"/>
  <c r="G92543" i="1"/>
  <c r="G92544" i="1"/>
  <c r="G92545" i="1"/>
  <c r="G92546" i="1"/>
  <c r="G92547" i="1"/>
  <c r="G92548" i="1"/>
  <c r="G92549" i="1"/>
  <c r="G92550" i="1"/>
  <c r="G92551" i="1"/>
  <c r="G92552" i="1"/>
  <c r="G92553" i="1"/>
  <c r="G92554" i="1"/>
  <c r="G92555" i="1"/>
  <c r="G92556" i="1"/>
  <c r="G92557" i="1"/>
  <c r="G92558" i="1"/>
  <c r="G92559" i="1"/>
  <c r="G92560" i="1"/>
  <c r="G92561" i="1"/>
  <c r="G92562" i="1"/>
  <c r="G92563" i="1"/>
  <c r="G92564" i="1"/>
  <c r="G92565" i="1"/>
  <c r="G92566" i="1"/>
  <c r="G92567" i="1"/>
  <c r="G92568" i="1"/>
  <c r="G92569" i="1"/>
  <c r="G92570" i="1"/>
  <c r="G92571" i="1"/>
  <c r="G92572" i="1"/>
  <c r="G92573" i="1"/>
  <c r="G92574" i="1"/>
  <c r="G92575" i="1"/>
  <c r="G92576" i="1"/>
  <c r="G92577" i="1"/>
  <c r="G92578" i="1"/>
  <c r="G92579" i="1"/>
  <c r="G92580" i="1"/>
  <c r="G92581" i="1"/>
  <c r="G92582" i="1"/>
  <c r="G92583" i="1"/>
  <c r="G92584" i="1"/>
  <c r="G92585" i="1"/>
  <c r="G92586" i="1"/>
  <c r="G92587" i="1"/>
  <c r="G92588" i="1"/>
  <c r="G92589" i="1"/>
  <c r="G92590" i="1"/>
  <c r="G92591" i="1"/>
  <c r="G92592" i="1"/>
  <c r="G92593" i="1"/>
  <c r="G92594" i="1"/>
  <c r="G92595" i="1"/>
  <c r="G92596" i="1"/>
  <c r="G92597" i="1"/>
  <c r="G92598" i="1"/>
  <c r="G92599" i="1"/>
  <c r="G92600" i="1"/>
  <c r="G92601" i="1"/>
  <c r="G92602" i="1"/>
  <c r="G92603" i="1"/>
  <c r="G92604" i="1"/>
  <c r="G92605" i="1"/>
  <c r="G92606" i="1"/>
  <c r="G92607" i="1"/>
  <c r="G92608" i="1"/>
  <c r="G92609" i="1"/>
  <c r="G92610" i="1"/>
  <c r="G92611" i="1"/>
  <c r="G92612" i="1"/>
  <c r="G92613" i="1"/>
  <c r="G92614" i="1"/>
  <c r="G92615" i="1"/>
  <c r="G92616" i="1"/>
  <c r="G92617" i="1"/>
  <c r="G92618" i="1"/>
  <c r="G92619" i="1"/>
  <c r="G92620" i="1"/>
  <c r="G92621" i="1"/>
  <c r="G92622" i="1"/>
  <c r="G92623" i="1"/>
  <c r="G92624" i="1"/>
  <c r="G92625" i="1"/>
  <c r="G92626" i="1"/>
  <c r="G92627" i="1"/>
  <c r="G92628" i="1"/>
  <c r="G92629" i="1"/>
  <c r="G92630" i="1"/>
  <c r="G92631" i="1"/>
  <c r="G92632" i="1"/>
  <c r="G92633" i="1"/>
  <c r="G92634" i="1"/>
  <c r="G92635" i="1"/>
  <c r="G92636" i="1"/>
  <c r="G92637" i="1"/>
  <c r="G92638" i="1"/>
  <c r="G92639" i="1"/>
  <c r="G92640" i="1"/>
  <c r="G92641" i="1"/>
  <c r="G92642" i="1"/>
  <c r="G92643" i="1"/>
  <c r="G92644" i="1"/>
  <c r="G92645" i="1"/>
  <c r="G92646" i="1"/>
  <c r="G92647" i="1"/>
  <c r="G92648" i="1"/>
  <c r="G92649" i="1"/>
  <c r="G92650" i="1"/>
  <c r="G92651" i="1"/>
  <c r="G92652" i="1"/>
  <c r="G92653" i="1"/>
  <c r="G92654" i="1"/>
  <c r="G92655" i="1"/>
  <c r="G92656" i="1"/>
  <c r="G92657" i="1"/>
  <c r="G92658" i="1"/>
  <c r="G92659" i="1"/>
  <c r="G92660" i="1"/>
  <c r="G92661" i="1"/>
  <c r="G92662" i="1"/>
  <c r="G92663" i="1"/>
  <c r="G92664" i="1"/>
  <c r="G92665" i="1"/>
  <c r="G92666" i="1"/>
  <c r="G92667" i="1"/>
  <c r="G92668" i="1"/>
  <c r="G92669" i="1"/>
  <c r="G92670" i="1"/>
  <c r="G92671" i="1"/>
  <c r="G92672" i="1"/>
  <c r="G92673" i="1"/>
  <c r="G92674" i="1"/>
  <c r="G92675" i="1"/>
  <c r="G92676" i="1"/>
  <c r="G92677" i="1"/>
  <c r="G92678" i="1"/>
  <c r="G92679" i="1"/>
  <c r="G92680" i="1"/>
  <c r="G92681" i="1"/>
  <c r="G92682" i="1"/>
  <c r="G92683" i="1"/>
  <c r="G92684" i="1"/>
  <c r="G92685" i="1"/>
  <c r="G92686" i="1"/>
  <c r="G92687" i="1"/>
  <c r="G92688" i="1"/>
  <c r="G92689" i="1"/>
  <c r="G92690" i="1"/>
  <c r="G92691" i="1"/>
  <c r="G92692" i="1"/>
  <c r="G92693" i="1"/>
  <c r="G92694" i="1"/>
  <c r="G92695" i="1"/>
  <c r="G92696" i="1"/>
  <c r="G92697" i="1"/>
  <c r="G92698" i="1"/>
  <c r="G92699" i="1"/>
  <c r="G92700" i="1"/>
  <c r="G92701" i="1"/>
  <c r="G92702" i="1"/>
  <c r="G92703" i="1"/>
  <c r="G92704" i="1"/>
  <c r="G92705" i="1"/>
  <c r="G92706" i="1"/>
  <c r="G92707" i="1"/>
  <c r="G92708" i="1"/>
  <c r="G92709" i="1"/>
  <c r="G92710" i="1"/>
  <c r="G92711" i="1"/>
  <c r="G92712" i="1"/>
  <c r="G92713" i="1"/>
  <c r="G92714" i="1"/>
  <c r="G92715" i="1"/>
  <c r="G92716" i="1"/>
  <c r="G92717" i="1"/>
  <c r="G92718" i="1"/>
  <c r="G92719" i="1"/>
  <c r="G92720" i="1"/>
  <c r="G92721" i="1"/>
  <c r="G92722" i="1"/>
  <c r="G92723" i="1"/>
  <c r="G92724" i="1"/>
  <c r="G92725" i="1"/>
  <c r="G92726" i="1"/>
  <c r="G92727" i="1"/>
  <c r="G92728" i="1"/>
  <c r="G92729" i="1"/>
  <c r="G92730" i="1"/>
  <c r="G92731" i="1"/>
  <c r="G92732" i="1"/>
  <c r="G92733" i="1"/>
  <c r="G92734" i="1"/>
  <c r="G92735" i="1"/>
  <c r="G92736" i="1"/>
  <c r="G92737" i="1"/>
  <c r="G92738" i="1"/>
  <c r="G92739" i="1"/>
  <c r="G92740" i="1"/>
  <c r="G92741" i="1"/>
  <c r="G92742" i="1"/>
  <c r="G92743" i="1"/>
  <c r="G92744" i="1"/>
  <c r="G92745" i="1"/>
  <c r="G92746" i="1"/>
  <c r="G92747" i="1"/>
  <c r="G92748" i="1"/>
  <c r="G92749" i="1"/>
  <c r="G92750" i="1"/>
  <c r="G92751" i="1"/>
  <c r="G92752" i="1"/>
  <c r="G92753" i="1"/>
  <c r="G92754" i="1"/>
  <c r="G92755" i="1"/>
  <c r="G92756" i="1"/>
  <c r="G92757" i="1"/>
  <c r="G92758" i="1"/>
  <c r="G92759" i="1"/>
  <c r="G92760" i="1"/>
  <c r="G92761" i="1"/>
  <c r="G92762" i="1"/>
  <c r="G92763" i="1"/>
  <c r="G92764" i="1"/>
  <c r="G92765" i="1"/>
  <c r="G92766" i="1"/>
  <c r="G92767" i="1"/>
  <c r="G92768" i="1"/>
  <c r="G92769" i="1"/>
  <c r="G92770" i="1"/>
  <c r="G92771" i="1"/>
  <c r="G92772" i="1"/>
  <c r="G92773" i="1"/>
  <c r="G92774" i="1"/>
  <c r="G92775" i="1"/>
  <c r="G92776" i="1"/>
  <c r="G92777" i="1"/>
  <c r="G92778" i="1"/>
  <c r="G92779" i="1"/>
  <c r="G92780" i="1"/>
  <c r="G92781" i="1"/>
  <c r="G92782" i="1"/>
  <c r="G92783" i="1"/>
  <c r="G92784" i="1"/>
  <c r="G92785" i="1"/>
  <c r="G92786" i="1"/>
  <c r="G92787" i="1"/>
  <c r="G92788" i="1"/>
  <c r="G92789" i="1"/>
  <c r="G92790" i="1"/>
  <c r="G92791" i="1"/>
  <c r="G92792" i="1"/>
  <c r="G92793" i="1"/>
  <c r="G92794" i="1"/>
  <c r="G92795" i="1"/>
  <c r="G92796" i="1"/>
  <c r="G92797" i="1"/>
  <c r="G92798" i="1"/>
  <c r="G92799" i="1"/>
  <c r="G92800" i="1"/>
  <c r="G92801" i="1"/>
  <c r="G92802" i="1"/>
  <c r="G92803" i="1"/>
  <c r="G92804" i="1"/>
  <c r="G92805" i="1"/>
  <c r="G92806" i="1"/>
  <c r="G92807" i="1"/>
  <c r="G92808" i="1"/>
  <c r="G92809" i="1"/>
  <c r="G92810" i="1"/>
  <c r="G92811" i="1"/>
  <c r="G92812" i="1"/>
  <c r="G92813" i="1"/>
  <c r="G92814" i="1"/>
  <c r="G92815" i="1"/>
  <c r="G92816" i="1"/>
  <c r="G92817" i="1"/>
  <c r="G92818" i="1"/>
  <c r="G92819" i="1"/>
  <c r="G92820" i="1"/>
  <c r="G92821" i="1"/>
  <c r="G92822" i="1"/>
  <c r="G92823" i="1"/>
  <c r="G92824" i="1"/>
  <c r="G92825" i="1"/>
  <c r="G92826" i="1"/>
  <c r="G92827" i="1"/>
  <c r="G92828" i="1"/>
  <c r="G92829" i="1"/>
  <c r="G92830" i="1"/>
  <c r="G92831" i="1"/>
  <c r="G92832" i="1"/>
  <c r="G92833" i="1"/>
  <c r="G92834" i="1"/>
  <c r="G92835" i="1"/>
  <c r="G92836" i="1"/>
  <c r="G92837" i="1"/>
  <c r="G92838" i="1"/>
  <c r="G92839" i="1"/>
  <c r="G92840" i="1"/>
  <c r="G92841" i="1"/>
  <c r="G92842" i="1"/>
  <c r="G92843" i="1"/>
  <c r="G92844" i="1"/>
  <c r="G92845" i="1"/>
  <c r="G92846" i="1"/>
  <c r="G92847" i="1"/>
  <c r="G92848" i="1"/>
  <c r="G92849" i="1"/>
  <c r="G92850" i="1"/>
  <c r="G92851" i="1"/>
  <c r="G92852" i="1"/>
  <c r="G92853" i="1"/>
  <c r="G92854" i="1"/>
  <c r="G92855" i="1"/>
  <c r="G92856" i="1"/>
  <c r="G92857" i="1"/>
  <c r="G92858" i="1"/>
  <c r="G92859" i="1"/>
  <c r="G92860" i="1"/>
  <c r="G92861" i="1"/>
  <c r="G92862" i="1"/>
  <c r="G92863" i="1"/>
  <c r="G92864" i="1"/>
  <c r="G92865" i="1"/>
  <c r="G92866" i="1"/>
  <c r="G92867" i="1"/>
  <c r="G92868" i="1"/>
  <c r="G92869" i="1"/>
  <c r="G92870" i="1"/>
  <c r="G92871" i="1"/>
  <c r="G92872" i="1"/>
  <c r="G92873" i="1"/>
  <c r="G92874" i="1"/>
  <c r="G92875" i="1"/>
  <c r="G92876" i="1"/>
  <c r="G92877" i="1"/>
  <c r="G92878" i="1"/>
  <c r="G92879" i="1"/>
  <c r="G92880" i="1"/>
  <c r="G92881" i="1"/>
  <c r="G92882" i="1"/>
  <c r="G92883" i="1"/>
  <c r="G92884" i="1"/>
  <c r="G92885" i="1"/>
  <c r="G92886" i="1"/>
  <c r="G92887" i="1"/>
  <c r="G92888" i="1"/>
  <c r="G92889" i="1"/>
  <c r="G92890" i="1"/>
  <c r="G92891" i="1"/>
  <c r="G92892" i="1"/>
  <c r="G92893" i="1"/>
  <c r="G92894" i="1"/>
  <c r="G92895" i="1"/>
  <c r="G92896" i="1"/>
  <c r="G92897" i="1"/>
  <c r="G92898" i="1"/>
  <c r="G92899" i="1"/>
  <c r="G92900" i="1"/>
  <c r="G92901" i="1"/>
  <c r="G92902" i="1"/>
  <c r="G92903" i="1"/>
  <c r="G92904" i="1"/>
  <c r="G92905" i="1"/>
  <c r="G92906" i="1"/>
  <c r="G92907" i="1"/>
  <c r="G92908" i="1"/>
  <c r="G92909" i="1"/>
  <c r="G92910" i="1"/>
  <c r="G92911" i="1"/>
  <c r="G92912" i="1"/>
  <c r="G92913" i="1"/>
  <c r="G92914" i="1"/>
  <c r="G92915" i="1"/>
  <c r="G92916" i="1"/>
  <c r="G92917" i="1"/>
  <c r="G92918" i="1"/>
  <c r="G92919" i="1"/>
  <c r="G92920" i="1"/>
  <c r="G92921" i="1"/>
  <c r="G92922" i="1"/>
  <c r="G92923" i="1"/>
  <c r="G92924" i="1"/>
  <c r="G92925" i="1"/>
  <c r="G92926" i="1"/>
  <c r="G92927" i="1"/>
  <c r="G92928" i="1"/>
  <c r="G92929" i="1"/>
  <c r="G92930" i="1"/>
  <c r="G92931" i="1"/>
  <c r="G92932" i="1"/>
  <c r="G92933" i="1"/>
  <c r="G92934" i="1"/>
  <c r="G92935" i="1"/>
  <c r="G92936" i="1"/>
  <c r="G92937" i="1"/>
  <c r="G92938" i="1"/>
  <c r="G92939" i="1"/>
  <c r="G92940" i="1"/>
  <c r="G92941" i="1"/>
  <c r="G92942" i="1"/>
  <c r="G92943" i="1"/>
  <c r="G92944" i="1"/>
  <c r="G92945" i="1"/>
  <c r="G92946" i="1"/>
  <c r="G92947" i="1"/>
  <c r="G92948" i="1"/>
  <c r="G92949" i="1"/>
  <c r="G92950" i="1"/>
  <c r="G92951" i="1"/>
  <c r="G92952" i="1"/>
  <c r="G92953" i="1"/>
  <c r="G92954" i="1"/>
  <c r="G92955" i="1"/>
  <c r="G92956" i="1"/>
  <c r="G92957" i="1"/>
  <c r="G92958" i="1"/>
  <c r="G92959" i="1"/>
  <c r="G92960" i="1"/>
  <c r="G92961" i="1"/>
  <c r="G92962" i="1"/>
  <c r="G92963" i="1"/>
  <c r="G92964" i="1"/>
  <c r="G92965" i="1"/>
  <c r="G92966" i="1"/>
  <c r="G92967" i="1"/>
  <c r="G92968" i="1"/>
  <c r="G92969" i="1"/>
  <c r="G92970" i="1"/>
  <c r="G92971" i="1"/>
  <c r="G92972" i="1"/>
  <c r="G92973" i="1"/>
  <c r="G92974" i="1"/>
  <c r="G92975" i="1"/>
  <c r="G92976" i="1"/>
  <c r="G92977" i="1"/>
  <c r="G92978" i="1"/>
  <c r="G92979" i="1"/>
  <c r="G92980" i="1"/>
  <c r="G92981" i="1"/>
  <c r="G92982" i="1"/>
  <c r="G92983" i="1"/>
  <c r="G92984" i="1"/>
  <c r="G92985" i="1"/>
  <c r="G92986" i="1"/>
  <c r="G92987" i="1"/>
  <c r="G92988" i="1"/>
  <c r="G92989" i="1"/>
  <c r="G92990" i="1"/>
  <c r="G92991" i="1"/>
  <c r="G92992" i="1"/>
  <c r="G92993" i="1"/>
  <c r="G92994" i="1"/>
  <c r="G92995" i="1"/>
  <c r="G92996" i="1"/>
  <c r="G92997" i="1"/>
  <c r="G92998" i="1"/>
  <c r="G92999" i="1"/>
  <c r="G93000" i="1"/>
  <c r="G93001" i="1"/>
  <c r="G93002" i="1"/>
  <c r="G93003" i="1"/>
  <c r="G93004" i="1"/>
  <c r="G93005" i="1"/>
  <c r="G93006" i="1"/>
  <c r="G93007" i="1"/>
  <c r="G93008" i="1"/>
  <c r="G93009" i="1"/>
  <c r="G93010" i="1"/>
  <c r="G93011" i="1"/>
  <c r="G93012" i="1"/>
  <c r="G93013" i="1"/>
  <c r="G93014" i="1"/>
  <c r="G93015" i="1"/>
  <c r="G93016" i="1"/>
  <c r="G93017" i="1"/>
  <c r="G93018" i="1"/>
  <c r="G93019" i="1"/>
  <c r="G93020" i="1"/>
  <c r="G93021" i="1"/>
  <c r="G93022" i="1"/>
  <c r="G93023" i="1"/>
  <c r="G93024" i="1"/>
  <c r="G93025" i="1"/>
  <c r="G93026" i="1"/>
  <c r="G93027" i="1"/>
  <c r="G93028" i="1"/>
  <c r="G93029" i="1"/>
  <c r="G93030" i="1"/>
  <c r="G93031" i="1"/>
  <c r="G93032" i="1"/>
  <c r="G93033" i="1"/>
  <c r="G93034" i="1"/>
  <c r="G93035" i="1"/>
  <c r="G93036" i="1"/>
  <c r="G93037" i="1"/>
  <c r="G93038" i="1"/>
  <c r="G93039" i="1"/>
  <c r="G93040" i="1"/>
  <c r="G93041" i="1"/>
  <c r="G93042" i="1"/>
  <c r="G93043" i="1"/>
  <c r="G93044" i="1"/>
  <c r="G93045" i="1"/>
  <c r="G93046" i="1"/>
  <c r="G93047" i="1"/>
  <c r="G93048" i="1"/>
  <c r="G93049" i="1"/>
  <c r="G93050" i="1"/>
  <c r="G93051" i="1"/>
  <c r="G93052" i="1"/>
  <c r="G93053" i="1"/>
  <c r="G93054" i="1"/>
  <c r="G93055" i="1"/>
  <c r="G93056" i="1"/>
  <c r="G93057" i="1"/>
  <c r="G93058" i="1"/>
  <c r="G93059" i="1"/>
  <c r="G93060" i="1"/>
  <c r="G93061" i="1"/>
  <c r="G93062" i="1"/>
  <c r="G93063" i="1"/>
  <c r="G93064" i="1"/>
  <c r="G93065" i="1"/>
  <c r="G93066" i="1"/>
  <c r="G93067" i="1"/>
  <c r="G93068" i="1"/>
  <c r="G93069" i="1"/>
  <c r="G93070" i="1"/>
  <c r="G93071" i="1"/>
  <c r="G93072" i="1"/>
  <c r="G93073" i="1"/>
  <c r="G93074" i="1"/>
  <c r="G93075" i="1"/>
  <c r="G93076" i="1"/>
  <c r="G93077" i="1"/>
  <c r="G93078" i="1"/>
  <c r="G93079" i="1"/>
  <c r="G93080" i="1"/>
  <c r="G93081" i="1"/>
  <c r="G93082" i="1"/>
  <c r="G93083" i="1"/>
  <c r="G93084" i="1"/>
  <c r="G93085" i="1"/>
  <c r="G93086" i="1"/>
  <c r="G93087" i="1"/>
  <c r="G93088" i="1"/>
  <c r="G93089" i="1"/>
  <c r="G93090" i="1"/>
  <c r="G93091" i="1"/>
  <c r="G93092" i="1"/>
  <c r="G93093" i="1"/>
  <c r="G93094" i="1"/>
  <c r="G93095" i="1"/>
  <c r="G93096" i="1"/>
  <c r="G93097" i="1"/>
  <c r="G93098" i="1"/>
  <c r="G93099" i="1"/>
  <c r="G93100" i="1"/>
  <c r="G93101" i="1"/>
  <c r="G93102" i="1"/>
  <c r="G93103" i="1"/>
  <c r="G93104" i="1"/>
  <c r="G93105" i="1"/>
  <c r="G93106" i="1"/>
  <c r="G93107" i="1"/>
  <c r="G93108" i="1"/>
  <c r="G93109" i="1"/>
  <c r="G93110" i="1"/>
  <c r="G93111" i="1"/>
  <c r="G93112" i="1"/>
  <c r="G93113" i="1"/>
  <c r="G93114" i="1"/>
  <c r="G93115" i="1"/>
  <c r="G93116" i="1"/>
  <c r="G93117" i="1"/>
  <c r="G93118" i="1"/>
  <c r="G93119" i="1"/>
  <c r="G93120" i="1"/>
  <c r="G93121" i="1"/>
  <c r="G93122" i="1"/>
  <c r="G93123" i="1"/>
  <c r="G93124" i="1"/>
  <c r="G93125" i="1"/>
  <c r="G93126" i="1"/>
  <c r="G93127" i="1"/>
  <c r="G93128" i="1"/>
  <c r="G93129" i="1"/>
  <c r="G93130" i="1"/>
  <c r="G93131" i="1"/>
  <c r="G93132" i="1"/>
  <c r="G93133" i="1"/>
  <c r="G93134" i="1"/>
  <c r="G93135" i="1"/>
  <c r="G93136" i="1"/>
  <c r="G93137" i="1"/>
  <c r="G93138" i="1"/>
  <c r="G93139" i="1"/>
  <c r="G93140" i="1"/>
  <c r="G93141" i="1"/>
  <c r="G93142" i="1"/>
  <c r="G93143" i="1"/>
  <c r="G93144" i="1"/>
  <c r="G93145" i="1"/>
  <c r="G93146" i="1"/>
  <c r="G93147" i="1"/>
  <c r="G93148" i="1"/>
  <c r="G93149" i="1"/>
  <c r="G93150" i="1"/>
  <c r="G93151" i="1"/>
  <c r="G93152" i="1"/>
  <c r="G93153" i="1"/>
  <c r="G93154" i="1"/>
  <c r="G93155" i="1"/>
  <c r="G93156" i="1"/>
  <c r="G93157" i="1"/>
  <c r="G93158" i="1"/>
  <c r="G93159" i="1"/>
  <c r="G93160" i="1"/>
  <c r="G93161" i="1"/>
  <c r="G93162" i="1"/>
  <c r="G93163" i="1"/>
  <c r="G93164" i="1"/>
  <c r="G93165" i="1"/>
  <c r="G93166" i="1"/>
  <c r="G93167" i="1"/>
  <c r="G93168" i="1"/>
  <c r="G93169" i="1"/>
  <c r="G93170" i="1"/>
  <c r="G93171" i="1"/>
  <c r="G93172" i="1"/>
  <c r="G93173" i="1"/>
  <c r="G93174" i="1"/>
  <c r="G93175" i="1"/>
  <c r="G93176" i="1"/>
  <c r="G93177" i="1"/>
  <c r="G93178" i="1"/>
  <c r="G93179" i="1"/>
  <c r="G93180" i="1"/>
  <c r="G93181" i="1"/>
  <c r="G93182" i="1"/>
  <c r="G93183" i="1"/>
  <c r="G93184" i="1"/>
  <c r="G93185" i="1"/>
  <c r="G93186" i="1"/>
  <c r="G93187" i="1"/>
  <c r="G93188" i="1"/>
  <c r="G93189" i="1"/>
  <c r="G93190" i="1"/>
  <c r="G93191" i="1"/>
  <c r="G93192" i="1"/>
  <c r="G93193" i="1"/>
  <c r="G93194" i="1"/>
  <c r="G93195" i="1"/>
  <c r="G93196" i="1"/>
  <c r="G93197" i="1"/>
  <c r="G93198" i="1"/>
  <c r="G93199" i="1"/>
  <c r="G93200" i="1"/>
  <c r="G93201" i="1"/>
  <c r="G93202" i="1"/>
  <c r="G93203" i="1"/>
  <c r="G93204" i="1"/>
  <c r="G93205" i="1"/>
  <c r="G93206" i="1"/>
  <c r="G93207" i="1"/>
  <c r="G93208" i="1"/>
  <c r="G93209" i="1"/>
  <c r="G93210" i="1"/>
  <c r="G93211" i="1"/>
  <c r="G93212" i="1"/>
  <c r="G93213" i="1"/>
  <c r="G93214" i="1"/>
  <c r="G93215" i="1"/>
  <c r="G93216" i="1"/>
  <c r="G93217" i="1"/>
  <c r="G93218" i="1"/>
  <c r="G93219" i="1"/>
  <c r="G93220" i="1"/>
  <c r="G93221" i="1"/>
  <c r="G93222" i="1"/>
  <c r="G93223" i="1"/>
  <c r="G93224" i="1"/>
  <c r="G93225" i="1"/>
  <c r="G93226" i="1"/>
  <c r="G93227" i="1"/>
  <c r="G93228" i="1"/>
  <c r="G93229" i="1"/>
  <c r="G93230" i="1"/>
  <c r="G93231" i="1"/>
  <c r="G93232" i="1"/>
  <c r="G93233" i="1"/>
  <c r="G93234" i="1"/>
  <c r="G93235" i="1"/>
  <c r="G93236" i="1"/>
  <c r="G93237" i="1"/>
  <c r="G93238" i="1"/>
  <c r="G93239" i="1"/>
  <c r="G93240" i="1"/>
  <c r="G93241" i="1"/>
  <c r="G93242" i="1"/>
  <c r="G93243" i="1"/>
  <c r="G93244" i="1"/>
  <c r="G93245" i="1"/>
  <c r="G93246" i="1"/>
  <c r="G93247" i="1"/>
  <c r="G93248" i="1"/>
  <c r="G93249" i="1"/>
  <c r="G93250" i="1"/>
  <c r="G93251" i="1"/>
  <c r="G93252" i="1"/>
  <c r="G93253" i="1"/>
  <c r="G93254" i="1"/>
  <c r="G93255" i="1"/>
  <c r="G93256" i="1"/>
  <c r="G93257" i="1"/>
  <c r="G93258" i="1"/>
  <c r="G93259" i="1"/>
  <c r="G93260" i="1"/>
  <c r="G93261" i="1"/>
  <c r="G93262" i="1"/>
  <c r="G93263" i="1"/>
  <c r="G93264" i="1"/>
  <c r="G93265" i="1"/>
  <c r="G93266" i="1"/>
  <c r="G93267" i="1"/>
  <c r="G93268" i="1"/>
  <c r="G93269" i="1"/>
  <c r="G93270" i="1"/>
  <c r="G93271" i="1"/>
  <c r="G93272" i="1"/>
  <c r="G93273" i="1"/>
  <c r="G93274" i="1"/>
  <c r="G93275" i="1"/>
  <c r="G93276" i="1"/>
  <c r="G93277" i="1"/>
  <c r="G93278" i="1"/>
  <c r="G93279" i="1"/>
  <c r="G93280" i="1"/>
  <c r="G93281" i="1"/>
  <c r="G93282" i="1"/>
  <c r="G93283" i="1"/>
  <c r="G93284" i="1"/>
  <c r="G93285" i="1"/>
  <c r="G93286" i="1"/>
  <c r="G93287" i="1"/>
  <c r="G93288" i="1"/>
  <c r="G93289" i="1"/>
  <c r="G93290" i="1"/>
  <c r="G93291" i="1"/>
  <c r="G93292" i="1"/>
  <c r="G93293" i="1"/>
  <c r="G93294" i="1"/>
  <c r="G93295" i="1"/>
  <c r="G93296" i="1"/>
  <c r="G93297" i="1"/>
  <c r="G93298" i="1"/>
  <c r="G93299" i="1"/>
  <c r="G93300" i="1"/>
  <c r="G93301" i="1"/>
  <c r="G93302" i="1"/>
  <c r="G93303" i="1"/>
  <c r="G93304" i="1"/>
  <c r="G93305" i="1"/>
  <c r="G93306" i="1"/>
  <c r="G93307" i="1"/>
  <c r="G93308" i="1"/>
  <c r="G93309" i="1"/>
  <c r="G93310" i="1"/>
  <c r="G93311" i="1"/>
  <c r="G93312" i="1"/>
  <c r="G93313" i="1"/>
  <c r="G93314" i="1"/>
  <c r="G93315" i="1"/>
  <c r="G93316" i="1"/>
  <c r="G93317" i="1"/>
  <c r="G93318" i="1"/>
  <c r="G93319" i="1"/>
  <c r="G93320" i="1"/>
  <c r="G93321" i="1"/>
  <c r="G93322" i="1"/>
  <c r="G93323" i="1"/>
  <c r="G93324" i="1"/>
  <c r="G93325" i="1"/>
  <c r="G93326" i="1"/>
  <c r="G93327" i="1"/>
  <c r="G93328" i="1"/>
  <c r="G93329" i="1"/>
  <c r="G93330" i="1"/>
  <c r="G93331" i="1"/>
  <c r="G93332" i="1"/>
  <c r="G93333" i="1"/>
  <c r="G93334" i="1"/>
  <c r="G93335" i="1"/>
  <c r="G93336" i="1"/>
  <c r="G93337" i="1"/>
  <c r="G93338" i="1"/>
  <c r="G93339" i="1"/>
  <c r="G93340" i="1"/>
  <c r="G93341" i="1"/>
  <c r="G93342" i="1"/>
  <c r="G93343" i="1"/>
  <c r="G93344" i="1"/>
  <c r="G93345" i="1"/>
  <c r="G93346" i="1"/>
  <c r="G93347" i="1"/>
  <c r="G93348" i="1"/>
  <c r="G93349" i="1"/>
  <c r="G93350" i="1"/>
  <c r="G93351" i="1"/>
  <c r="G93352" i="1"/>
  <c r="G93353" i="1"/>
  <c r="G93354" i="1"/>
  <c r="G93355" i="1"/>
  <c r="G93356" i="1"/>
  <c r="G93357" i="1"/>
  <c r="G93358" i="1"/>
  <c r="G93359" i="1"/>
  <c r="G93360" i="1"/>
  <c r="G93361" i="1"/>
  <c r="G93362" i="1"/>
  <c r="G93363" i="1"/>
  <c r="G93364" i="1"/>
  <c r="G93365" i="1"/>
  <c r="G93366" i="1"/>
  <c r="G93367" i="1"/>
  <c r="G93368" i="1"/>
  <c r="G93369" i="1"/>
  <c r="G93370" i="1"/>
  <c r="G93371" i="1"/>
  <c r="G93372" i="1"/>
  <c r="G93373" i="1"/>
  <c r="G93374" i="1"/>
  <c r="G93375" i="1"/>
  <c r="G93376" i="1"/>
  <c r="G93377" i="1"/>
  <c r="G93378" i="1"/>
  <c r="G93379" i="1"/>
  <c r="G93380" i="1"/>
  <c r="G93381" i="1"/>
  <c r="G93382" i="1"/>
  <c r="G93383" i="1"/>
  <c r="G93384" i="1"/>
  <c r="G93385" i="1"/>
  <c r="G93386" i="1"/>
  <c r="G93387" i="1"/>
  <c r="G93388" i="1"/>
  <c r="G93389" i="1"/>
  <c r="G93390" i="1"/>
  <c r="G93391" i="1"/>
  <c r="G93392" i="1"/>
  <c r="G93393" i="1"/>
  <c r="G93394" i="1"/>
  <c r="G93395" i="1"/>
  <c r="G93396" i="1"/>
  <c r="G93397" i="1"/>
  <c r="G93398" i="1"/>
  <c r="G93399" i="1"/>
  <c r="G93400" i="1"/>
  <c r="G93401" i="1"/>
  <c r="G93402" i="1"/>
  <c r="G93403" i="1"/>
  <c r="G93404" i="1"/>
  <c r="G93405" i="1"/>
  <c r="G93406" i="1"/>
  <c r="G93407" i="1"/>
  <c r="G93408" i="1"/>
  <c r="G93409" i="1"/>
  <c r="G93410" i="1"/>
  <c r="G93411" i="1"/>
  <c r="G93412" i="1"/>
  <c r="G93413" i="1"/>
  <c r="G93414" i="1"/>
  <c r="G93415" i="1"/>
  <c r="G93416" i="1"/>
  <c r="G93417" i="1"/>
  <c r="G93418" i="1"/>
  <c r="G93419" i="1"/>
  <c r="G93420" i="1"/>
  <c r="G93421" i="1"/>
  <c r="G93422" i="1"/>
  <c r="G93423" i="1"/>
  <c r="G93424" i="1"/>
  <c r="G93425" i="1"/>
  <c r="G93426" i="1"/>
  <c r="G93427" i="1"/>
  <c r="G93428" i="1"/>
  <c r="G93429" i="1"/>
  <c r="G93430" i="1"/>
  <c r="G93431" i="1"/>
  <c r="G93432" i="1"/>
  <c r="G93433" i="1"/>
  <c r="G93434" i="1"/>
  <c r="G93435" i="1"/>
  <c r="G93436" i="1"/>
  <c r="G93437" i="1"/>
  <c r="G93438" i="1"/>
  <c r="G93439" i="1"/>
  <c r="G93440" i="1"/>
  <c r="G93441" i="1"/>
  <c r="G93442" i="1"/>
  <c r="G93443" i="1"/>
  <c r="G93444" i="1"/>
  <c r="G93445" i="1"/>
  <c r="G93446" i="1"/>
  <c r="G93447" i="1"/>
  <c r="G93448" i="1"/>
  <c r="G93449" i="1"/>
  <c r="G93450" i="1"/>
  <c r="G93451" i="1"/>
  <c r="G93452" i="1"/>
  <c r="G93453" i="1"/>
  <c r="G93454" i="1"/>
  <c r="G93455" i="1"/>
  <c r="G93456" i="1"/>
  <c r="G93457" i="1"/>
  <c r="G93458" i="1"/>
  <c r="G93459" i="1"/>
  <c r="G93460" i="1"/>
  <c r="G93461" i="1"/>
  <c r="G93462" i="1"/>
  <c r="G93463" i="1"/>
  <c r="G93464" i="1"/>
  <c r="G93465" i="1"/>
  <c r="G93466" i="1"/>
  <c r="G93467" i="1"/>
  <c r="G93468" i="1"/>
  <c r="G93469" i="1"/>
  <c r="G93470" i="1"/>
  <c r="G93471" i="1"/>
  <c r="G93472" i="1"/>
  <c r="G93473" i="1"/>
  <c r="G93474" i="1"/>
  <c r="G93475" i="1"/>
  <c r="G93476" i="1"/>
  <c r="G93477" i="1"/>
  <c r="G93478" i="1"/>
  <c r="G93479" i="1"/>
  <c r="G93480" i="1"/>
  <c r="G93481" i="1"/>
  <c r="G93482" i="1"/>
  <c r="G93483" i="1"/>
  <c r="G93484" i="1"/>
  <c r="G93485" i="1"/>
  <c r="G93486" i="1"/>
  <c r="G93487" i="1"/>
  <c r="G93488" i="1"/>
  <c r="G93489" i="1"/>
  <c r="G93490" i="1"/>
  <c r="G93491" i="1"/>
  <c r="G93492" i="1"/>
  <c r="G93493" i="1"/>
  <c r="G93494" i="1"/>
  <c r="G93495" i="1"/>
  <c r="G93496" i="1"/>
  <c r="G93497" i="1"/>
  <c r="G93498" i="1"/>
  <c r="G93499" i="1"/>
  <c r="G93500" i="1"/>
  <c r="G93501" i="1"/>
  <c r="G93502" i="1"/>
  <c r="G93503" i="1"/>
  <c r="G93504" i="1"/>
  <c r="G93505" i="1"/>
  <c r="G93506" i="1"/>
  <c r="G93507" i="1"/>
  <c r="G93508" i="1"/>
  <c r="G93509" i="1"/>
  <c r="G93510" i="1"/>
  <c r="G93511" i="1"/>
  <c r="G93512" i="1"/>
  <c r="G93513" i="1"/>
  <c r="G93514" i="1"/>
  <c r="G93515" i="1"/>
  <c r="G93516" i="1"/>
  <c r="G93517" i="1"/>
  <c r="G93518" i="1"/>
  <c r="G93519" i="1"/>
  <c r="G93520" i="1"/>
  <c r="G93521" i="1"/>
  <c r="G93522" i="1"/>
  <c r="G93523" i="1"/>
  <c r="G93524" i="1"/>
  <c r="G93525" i="1"/>
  <c r="G93526" i="1"/>
  <c r="G93527" i="1"/>
  <c r="G93528" i="1"/>
  <c r="G93529" i="1"/>
  <c r="G93530" i="1"/>
  <c r="G93531" i="1"/>
  <c r="G93532" i="1"/>
  <c r="G93533" i="1"/>
  <c r="G93534" i="1"/>
  <c r="G93535" i="1"/>
  <c r="G93536" i="1"/>
  <c r="G93537" i="1"/>
  <c r="G93538" i="1"/>
  <c r="G93539" i="1"/>
  <c r="G93540" i="1"/>
  <c r="G93541" i="1"/>
  <c r="G93542" i="1"/>
  <c r="G93543" i="1"/>
  <c r="G93544" i="1"/>
  <c r="G93545" i="1"/>
  <c r="G93546" i="1"/>
  <c r="G93547" i="1"/>
  <c r="G93548" i="1"/>
  <c r="G93549" i="1"/>
  <c r="G93550" i="1"/>
  <c r="G93551" i="1"/>
  <c r="G93552" i="1"/>
  <c r="G93553" i="1"/>
  <c r="G93554" i="1"/>
  <c r="G93555" i="1"/>
  <c r="G93556" i="1"/>
  <c r="G93557" i="1"/>
  <c r="G93558" i="1"/>
  <c r="G93559" i="1"/>
  <c r="G93560" i="1"/>
  <c r="G93561" i="1"/>
  <c r="G93562" i="1"/>
  <c r="G93563" i="1"/>
  <c r="G93564" i="1"/>
  <c r="G93565" i="1"/>
  <c r="G93566" i="1"/>
  <c r="G93567" i="1"/>
  <c r="G93568" i="1"/>
  <c r="G93569" i="1"/>
  <c r="G93570" i="1"/>
  <c r="G93571" i="1"/>
  <c r="G93572" i="1"/>
  <c r="G93573" i="1"/>
  <c r="G93574" i="1"/>
  <c r="G93575" i="1"/>
  <c r="G93576" i="1"/>
  <c r="G93577" i="1"/>
  <c r="G93578" i="1"/>
  <c r="G93579" i="1"/>
  <c r="G93580" i="1"/>
  <c r="G93581" i="1"/>
  <c r="G93582" i="1"/>
  <c r="G93583" i="1"/>
  <c r="G93584" i="1"/>
  <c r="G93585" i="1"/>
  <c r="G93586" i="1"/>
  <c r="G93587" i="1"/>
  <c r="G93588" i="1"/>
  <c r="G93589" i="1"/>
  <c r="G93590" i="1"/>
  <c r="G93591" i="1"/>
  <c r="G93592" i="1"/>
  <c r="G93593" i="1"/>
  <c r="G93594" i="1"/>
  <c r="G93595" i="1"/>
  <c r="G93596" i="1"/>
  <c r="G93597" i="1"/>
  <c r="G93598" i="1"/>
  <c r="G93599" i="1"/>
  <c r="G93600" i="1"/>
  <c r="G93601" i="1"/>
  <c r="G93602" i="1"/>
  <c r="G93603" i="1"/>
  <c r="G93604" i="1"/>
  <c r="G93605" i="1"/>
  <c r="G93606" i="1"/>
  <c r="G93607" i="1"/>
  <c r="G93608" i="1"/>
  <c r="G93609" i="1"/>
  <c r="G93610" i="1"/>
  <c r="G93611" i="1"/>
  <c r="G93612" i="1"/>
  <c r="G93613" i="1"/>
  <c r="G93614" i="1"/>
  <c r="G93615" i="1"/>
  <c r="G93616" i="1"/>
  <c r="G93617" i="1"/>
  <c r="G93618" i="1"/>
  <c r="G93619" i="1"/>
  <c r="G93620" i="1"/>
  <c r="G93621" i="1"/>
  <c r="G93622" i="1"/>
  <c r="G93623" i="1"/>
  <c r="G93624" i="1"/>
  <c r="G93625" i="1"/>
  <c r="G93626" i="1"/>
  <c r="G93627" i="1"/>
  <c r="G93628" i="1"/>
  <c r="G93629" i="1"/>
  <c r="G93630" i="1"/>
  <c r="G93631" i="1"/>
  <c r="G93632" i="1"/>
  <c r="G93633" i="1"/>
  <c r="G93634" i="1"/>
  <c r="G93635" i="1"/>
  <c r="G93636" i="1"/>
  <c r="G93637" i="1"/>
  <c r="G93638" i="1"/>
  <c r="G93639" i="1"/>
  <c r="G93640" i="1"/>
  <c r="G93641" i="1"/>
  <c r="G93642" i="1"/>
  <c r="G93643" i="1"/>
  <c r="G93644" i="1"/>
  <c r="G93645" i="1"/>
  <c r="G93646" i="1"/>
  <c r="G93647" i="1"/>
  <c r="G93648" i="1"/>
  <c r="G93649" i="1"/>
  <c r="G93650" i="1"/>
  <c r="G93651" i="1"/>
  <c r="G93652" i="1"/>
  <c r="G93653" i="1"/>
  <c r="G93654" i="1"/>
  <c r="G93655" i="1"/>
  <c r="G93656" i="1"/>
  <c r="G93657" i="1"/>
  <c r="G93658" i="1"/>
  <c r="G93659" i="1"/>
  <c r="G93660" i="1"/>
  <c r="G93661" i="1"/>
  <c r="G93662" i="1"/>
  <c r="G93663" i="1"/>
  <c r="G93664" i="1"/>
  <c r="G93665" i="1"/>
  <c r="G93666" i="1"/>
  <c r="G93667" i="1"/>
  <c r="G93668" i="1"/>
  <c r="G93669" i="1"/>
  <c r="G93670" i="1"/>
  <c r="G93671" i="1"/>
  <c r="G93672" i="1"/>
  <c r="G93673" i="1"/>
  <c r="G93674" i="1"/>
  <c r="G93675" i="1"/>
  <c r="G93676" i="1"/>
  <c r="G93677" i="1"/>
  <c r="G93678" i="1"/>
  <c r="G93679" i="1"/>
  <c r="G93680" i="1"/>
  <c r="G93681" i="1"/>
  <c r="G93682" i="1"/>
  <c r="G93683" i="1"/>
  <c r="G93684" i="1"/>
  <c r="G93685" i="1"/>
  <c r="G93686" i="1"/>
  <c r="G93687" i="1"/>
  <c r="G93688" i="1"/>
  <c r="G93689" i="1"/>
  <c r="G93690" i="1"/>
  <c r="G93691" i="1"/>
  <c r="G93692" i="1"/>
  <c r="G93693" i="1"/>
  <c r="G93694" i="1"/>
  <c r="G93695" i="1"/>
  <c r="G93696" i="1"/>
  <c r="G93697" i="1"/>
  <c r="G93698" i="1"/>
  <c r="G93699" i="1"/>
  <c r="G93700" i="1"/>
  <c r="G93701" i="1"/>
  <c r="G93702" i="1"/>
  <c r="G93703" i="1"/>
  <c r="G93704" i="1"/>
  <c r="G93705" i="1"/>
  <c r="G93706" i="1"/>
  <c r="G93707" i="1"/>
  <c r="G93708" i="1"/>
  <c r="G93709" i="1"/>
  <c r="G93710" i="1"/>
  <c r="G93711" i="1"/>
  <c r="G93712" i="1"/>
  <c r="G93713" i="1"/>
  <c r="G93714" i="1"/>
  <c r="G93715" i="1"/>
  <c r="G93716" i="1"/>
  <c r="G93717" i="1"/>
  <c r="G93718" i="1"/>
  <c r="G93719" i="1"/>
  <c r="G93720" i="1"/>
  <c r="G93721" i="1"/>
  <c r="G93722" i="1"/>
  <c r="G93723" i="1"/>
  <c r="G93724" i="1"/>
  <c r="G93725" i="1"/>
  <c r="G93726" i="1"/>
  <c r="G93727" i="1"/>
  <c r="G93728" i="1"/>
  <c r="G93729" i="1"/>
  <c r="G93730" i="1"/>
  <c r="G93731" i="1"/>
  <c r="G93732" i="1"/>
  <c r="G93733" i="1"/>
  <c r="G93734" i="1"/>
  <c r="G93735" i="1"/>
  <c r="G93736" i="1"/>
  <c r="G93737" i="1"/>
  <c r="G93738" i="1"/>
  <c r="G93739" i="1"/>
  <c r="G93740" i="1"/>
  <c r="G93741" i="1"/>
  <c r="G93742" i="1"/>
  <c r="G93743" i="1"/>
  <c r="G93744" i="1"/>
  <c r="G93745" i="1"/>
  <c r="G93746" i="1"/>
  <c r="G93747" i="1"/>
  <c r="G93748" i="1"/>
  <c r="G93749" i="1"/>
  <c r="G93750" i="1"/>
  <c r="G93751" i="1"/>
  <c r="G93752" i="1"/>
  <c r="G93753" i="1"/>
  <c r="G93754" i="1"/>
  <c r="G93755" i="1"/>
  <c r="G93756" i="1"/>
  <c r="G93757" i="1"/>
  <c r="G93758" i="1"/>
  <c r="G93759" i="1"/>
  <c r="G93760" i="1"/>
  <c r="G93761" i="1"/>
  <c r="G93762" i="1"/>
  <c r="G93763" i="1"/>
  <c r="G93764" i="1"/>
  <c r="G93765" i="1"/>
  <c r="G93766" i="1"/>
  <c r="G93767" i="1"/>
  <c r="G93768" i="1"/>
  <c r="G93769" i="1"/>
  <c r="G93770" i="1"/>
  <c r="G93771" i="1"/>
  <c r="G93772" i="1"/>
  <c r="G93773" i="1"/>
  <c r="G93774" i="1"/>
  <c r="G93775" i="1"/>
  <c r="G93776" i="1"/>
  <c r="G93777" i="1"/>
  <c r="G93778" i="1"/>
  <c r="G93779" i="1"/>
  <c r="G93780" i="1"/>
  <c r="G93781" i="1"/>
  <c r="G93782" i="1"/>
  <c r="G93783" i="1"/>
  <c r="G93784" i="1"/>
  <c r="G93785" i="1"/>
  <c r="G93786" i="1"/>
  <c r="G93787" i="1"/>
  <c r="G93788" i="1"/>
  <c r="G93789" i="1"/>
  <c r="G93790" i="1"/>
  <c r="G93791" i="1"/>
  <c r="G93792" i="1"/>
  <c r="G93793" i="1"/>
  <c r="G93794" i="1"/>
  <c r="G93795" i="1"/>
  <c r="G93796" i="1"/>
  <c r="G93797" i="1"/>
  <c r="G93798" i="1"/>
  <c r="G93799" i="1"/>
  <c r="G93800" i="1"/>
  <c r="G93801" i="1"/>
  <c r="G93802" i="1"/>
  <c r="G93803" i="1"/>
  <c r="G93804" i="1"/>
  <c r="G93805" i="1"/>
  <c r="G93806" i="1"/>
  <c r="G93807" i="1"/>
  <c r="G93808" i="1"/>
  <c r="G93809" i="1"/>
  <c r="G93810" i="1"/>
  <c r="G93811" i="1"/>
  <c r="G93812" i="1"/>
  <c r="G93813" i="1"/>
  <c r="G93814" i="1"/>
  <c r="G93815" i="1"/>
  <c r="G93816" i="1"/>
  <c r="G93817" i="1"/>
  <c r="G93818" i="1"/>
  <c r="G93819" i="1"/>
  <c r="G93820" i="1"/>
  <c r="G93821" i="1"/>
  <c r="G93822" i="1"/>
  <c r="G93823" i="1"/>
  <c r="G93824" i="1"/>
  <c r="G93825" i="1"/>
  <c r="G93826" i="1"/>
  <c r="G93827" i="1"/>
  <c r="G93828" i="1"/>
  <c r="G93829" i="1"/>
  <c r="G93830" i="1"/>
  <c r="G93831" i="1"/>
  <c r="G93832" i="1"/>
  <c r="G93833" i="1"/>
  <c r="G93834" i="1"/>
  <c r="G93835" i="1"/>
  <c r="G93836" i="1"/>
  <c r="G93837" i="1"/>
  <c r="G93838" i="1"/>
  <c r="G93839" i="1"/>
  <c r="G93840" i="1"/>
  <c r="G93841" i="1"/>
  <c r="G93842" i="1"/>
  <c r="G93843" i="1"/>
  <c r="G93844" i="1"/>
  <c r="G93845" i="1"/>
  <c r="G93846" i="1"/>
  <c r="G93847" i="1"/>
  <c r="G93848" i="1"/>
  <c r="G93849" i="1"/>
  <c r="G93850" i="1"/>
  <c r="G93851" i="1"/>
  <c r="G93852" i="1"/>
  <c r="G93853" i="1"/>
  <c r="G93854" i="1"/>
  <c r="G93855" i="1"/>
  <c r="G93856" i="1"/>
  <c r="G93857" i="1"/>
  <c r="G93858" i="1"/>
  <c r="G93859" i="1"/>
  <c r="G93860" i="1"/>
  <c r="G93861" i="1"/>
  <c r="G93862" i="1"/>
  <c r="G93863" i="1"/>
  <c r="G93864" i="1"/>
  <c r="G93865" i="1"/>
  <c r="G93866" i="1"/>
  <c r="G93867" i="1"/>
  <c r="G93868" i="1"/>
  <c r="G93869" i="1"/>
  <c r="G93870" i="1"/>
  <c r="G93871" i="1"/>
  <c r="G93872" i="1"/>
  <c r="G93873" i="1"/>
  <c r="G93874" i="1"/>
  <c r="G93875" i="1"/>
  <c r="G93876" i="1"/>
  <c r="G93877" i="1"/>
  <c r="G93878" i="1"/>
  <c r="G93879" i="1"/>
  <c r="G93880" i="1"/>
  <c r="G93881" i="1"/>
  <c r="G93882" i="1"/>
  <c r="G93883" i="1"/>
  <c r="G93884" i="1"/>
  <c r="G93885" i="1"/>
  <c r="G93886" i="1"/>
  <c r="G93887" i="1"/>
  <c r="G93888" i="1"/>
  <c r="G93889" i="1"/>
  <c r="G93890" i="1"/>
  <c r="G93891" i="1"/>
  <c r="G93892" i="1"/>
  <c r="G93893" i="1"/>
  <c r="G93894" i="1"/>
  <c r="G93895" i="1"/>
  <c r="G93896" i="1"/>
  <c r="G93897" i="1"/>
  <c r="G93898" i="1"/>
  <c r="G93899" i="1"/>
  <c r="G93900" i="1"/>
  <c r="G93901" i="1"/>
  <c r="G93902" i="1"/>
  <c r="G93903" i="1"/>
  <c r="G93904" i="1"/>
  <c r="G93905" i="1"/>
  <c r="G93906" i="1"/>
  <c r="G93907" i="1"/>
  <c r="G93908" i="1"/>
  <c r="G93909" i="1"/>
  <c r="G93910" i="1"/>
  <c r="G93911" i="1"/>
  <c r="G93912" i="1"/>
  <c r="G93913" i="1"/>
  <c r="G93914" i="1"/>
  <c r="G93915" i="1"/>
  <c r="G93916" i="1"/>
  <c r="G93917" i="1"/>
  <c r="G93918" i="1"/>
  <c r="G93919" i="1"/>
  <c r="G93920" i="1"/>
  <c r="G93921" i="1"/>
  <c r="G93922" i="1"/>
  <c r="G93923" i="1"/>
  <c r="G93924" i="1"/>
  <c r="G93925" i="1"/>
  <c r="G93926" i="1"/>
  <c r="G93927" i="1"/>
  <c r="G93928" i="1"/>
  <c r="G93929" i="1"/>
  <c r="G93930" i="1"/>
  <c r="G93931" i="1"/>
  <c r="G93932" i="1"/>
  <c r="G93933" i="1"/>
  <c r="G93934" i="1"/>
  <c r="G93935" i="1"/>
  <c r="G93936" i="1"/>
  <c r="G93937" i="1"/>
  <c r="G93938" i="1"/>
  <c r="G93939" i="1"/>
  <c r="G93940" i="1"/>
  <c r="G93941" i="1"/>
  <c r="G93942" i="1"/>
  <c r="G93943" i="1"/>
  <c r="G93944" i="1"/>
  <c r="G93945" i="1"/>
  <c r="G93946" i="1"/>
  <c r="G93947" i="1"/>
  <c r="G93948" i="1"/>
  <c r="G93949" i="1"/>
  <c r="G93950" i="1"/>
  <c r="G93951" i="1"/>
  <c r="G93952" i="1"/>
  <c r="G93953" i="1"/>
  <c r="G93954" i="1"/>
  <c r="G93955" i="1"/>
  <c r="G93956" i="1"/>
  <c r="G93957" i="1"/>
  <c r="G93958" i="1"/>
  <c r="G93959" i="1"/>
  <c r="G93960" i="1"/>
  <c r="G93961" i="1"/>
  <c r="G93962" i="1"/>
  <c r="G93963" i="1"/>
  <c r="G93964" i="1"/>
  <c r="G93965" i="1"/>
  <c r="G93966" i="1"/>
  <c r="G93967" i="1"/>
  <c r="G93968" i="1"/>
  <c r="G93969" i="1"/>
  <c r="G93970" i="1"/>
  <c r="G93971" i="1"/>
  <c r="G93972" i="1"/>
  <c r="G93973" i="1"/>
  <c r="G93974" i="1"/>
  <c r="G93975" i="1"/>
  <c r="G93976" i="1"/>
  <c r="G93977" i="1"/>
  <c r="G93978" i="1"/>
  <c r="G93979" i="1"/>
  <c r="G93980" i="1"/>
  <c r="G93981" i="1"/>
  <c r="G93982" i="1"/>
  <c r="G93983" i="1"/>
  <c r="G93984" i="1"/>
  <c r="G93985" i="1"/>
  <c r="G93986" i="1"/>
  <c r="G93987" i="1"/>
  <c r="G93988" i="1"/>
  <c r="G93989" i="1"/>
  <c r="G93990" i="1"/>
  <c r="G93991" i="1"/>
  <c r="G93992" i="1"/>
  <c r="G93993" i="1"/>
  <c r="G93994" i="1"/>
  <c r="G93995" i="1"/>
  <c r="G93996" i="1"/>
  <c r="G93997" i="1"/>
  <c r="G93998" i="1"/>
  <c r="G93999" i="1"/>
  <c r="G94000" i="1"/>
  <c r="G94001" i="1"/>
  <c r="G94002" i="1"/>
  <c r="G94003" i="1"/>
  <c r="G94004" i="1"/>
  <c r="G94005" i="1"/>
  <c r="G94006" i="1"/>
  <c r="G94007" i="1"/>
  <c r="G94008" i="1"/>
  <c r="G94009" i="1"/>
  <c r="G94010" i="1"/>
  <c r="G94011" i="1"/>
  <c r="G94012" i="1"/>
  <c r="G94013" i="1"/>
  <c r="G94014" i="1"/>
  <c r="G94015" i="1"/>
  <c r="G94016" i="1"/>
  <c r="G94017" i="1"/>
  <c r="G94018" i="1"/>
  <c r="G94019" i="1"/>
  <c r="G94020" i="1"/>
  <c r="G94021" i="1"/>
  <c r="G94022" i="1"/>
  <c r="G94023" i="1"/>
  <c r="G94024" i="1"/>
  <c r="G94025" i="1"/>
  <c r="G94026" i="1"/>
  <c r="G94027" i="1"/>
  <c r="G94028" i="1"/>
  <c r="G94029" i="1"/>
  <c r="G94030" i="1"/>
  <c r="G94031" i="1"/>
  <c r="G94032" i="1"/>
  <c r="G94033" i="1"/>
  <c r="G94034" i="1"/>
  <c r="G94035" i="1"/>
  <c r="G94036" i="1"/>
  <c r="G94037" i="1"/>
  <c r="G94038" i="1"/>
  <c r="G94039" i="1"/>
  <c r="G94040" i="1"/>
  <c r="G94041" i="1"/>
  <c r="G94042" i="1"/>
  <c r="G94043" i="1"/>
  <c r="G94044" i="1"/>
  <c r="G94045" i="1"/>
  <c r="G94046" i="1"/>
  <c r="G94047" i="1"/>
  <c r="G94048" i="1"/>
  <c r="G94049" i="1"/>
  <c r="G94050" i="1"/>
  <c r="G94051" i="1"/>
  <c r="G94052" i="1"/>
  <c r="G94053" i="1"/>
  <c r="G94054" i="1"/>
  <c r="G94055" i="1"/>
  <c r="G94056" i="1"/>
  <c r="G94057" i="1"/>
  <c r="G94058" i="1"/>
  <c r="G94059" i="1"/>
  <c r="G94060" i="1"/>
  <c r="G94061" i="1"/>
  <c r="G94062" i="1"/>
  <c r="G94063" i="1"/>
  <c r="G94064" i="1"/>
  <c r="G94065" i="1"/>
  <c r="G94066" i="1"/>
  <c r="G94067" i="1"/>
  <c r="G94068" i="1"/>
  <c r="G94069" i="1"/>
  <c r="G94070" i="1"/>
  <c r="G94071" i="1"/>
  <c r="G94072" i="1"/>
  <c r="G94073" i="1"/>
  <c r="G94074" i="1"/>
  <c r="G94075" i="1"/>
  <c r="G94076" i="1"/>
  <c r="G94077" i="1"/>
  <c r="G94078" i="1"/>
  <c r="G94079" i="1"/>
  <c r="G94080" i="1"/>
  <c r="G94081" i="1"/>
  <c r="G94082" i="1"/>
  <c r="G94083" i="1"/>
  <c r="G94084" i="1"/>
  <c r="G94085" i="1"/>
  <c r="G94086" i="1"/>
  <c r="G94087" i="1"/>
  <c r="G94088" i="1"/>
  <c r="G94089" i="1"/>
  <c r="G94090" i="1"/>
  <c r="G94091" i="1"/>
  <c r="G94092" i="1"/>
  <c r="G94093" i="1"/>
  <c r="G94094" i="1"/>
  <c r="G94095" i="1"/>
  <c r="G94096" i="1"/>
  <c r="G94097" i="1"/>
  <c r="G94098" i="1"/>
  <c r="G94099" i="1"/>
  <c r="G94100" i="1"/>
  <c r="G94101" i="1"/>
  <c r="G94102" i="1"/>
  <c r="G94103" i="1"/>
  <c r="G94104" i="1"/>
  <c r="G94105" i="1"/>
  <c r="G94106" i="1"/>
  <c r="G94107" i="1"/>
  <c r="G94108" i="1"/>
  <c r="G94109" i="1"/>
  <c r="G94110" i="1"/>
  <c r="G94111" i="1"/>
  <c r="G94112" i="1"/>
  <c r="G94113" i="1"/>
  <c r="G94114" i="1"/>
  <c r="G94115" i="1"/>
  <c r="G94116" i="1"/>
  <c r="G94117" i="1"/>
  <c r="G94118" i="1"/>
  <c r="G94119" i="1"/>
  <c r="G94120" i="1"/>
  <c r="G94121" i="1"/>
  <c r="G94122" i="1"/>
  <c r="G94123" i="1"/>
  <c r="G94124" i="1"/>
  <c r="G94125" i="1"/>
  <c r="G94126" i="1"/>
  <c r="G94127" i="1"/>
  <c r="G94128" i="1"/>
  <c r="G94129" i="1"/>
  <c r="G94130" i="1"/>
  <c r="G94131" i="1"/>
  <c r="G94132" i="1"/>
  <c r="G94133" i="1"/>
  <c r="G94134" i="1"/>
  <c r="G94135" i="1"/>
  <c r="G94136" i="1"/>
  <c r="G94137" i="1"/>
  <c r="G94138" i="1"/>
  <c r="G94139" i="1"/>
  <c r="G94140" i="1"/>
  <c r="G94141" i="1"/>
  <c r="G94142" i="1"/>
  <c r="G94143" i="1"/>
  <c r="G94144" i="1"/>
  <c r="G94145" i="1"/>
  <c r="G94146" i="1"/>
  <c r="G94147" i="1"/>
  <c r="G94148" i="1"/>
  <c r="G94149" i="1"/>
  <c r="G94150" i="1"/>
  <c r="G94151" i="1"/>
  <c r="G94152" i="1"/>
  <c r="G94153" i="1"/>
  <c r="G94154" i="1"/>
  <c r="G94155" i="1"/>
  <c r="G94156" i="1"/>
  <c r="G94157" i="1"/>
  <c r="G94158" i="1"/>
  <c r="G94159" i="1"/>
  <c r="G94160" i="1"/>
  <c r="G94161" i="1"/>
  <c r="G94162" i="1"/>
  <c r="G94163" i="1"/>
  <c r="G94164" i="1"/>
  <c r="G94165" i="1"/>
  <c r="G94166" i="1"/>
  <c r="G94167" i="1"/>
  <c r="G94168" i="1"/>
  <c r="G94169" i="1"/>
  <c r="G94170" i="1"/>
  <c r="G94171" i="1"/>
  <c r="G94172" i="1"/>
  <c r="G94173" i="1"/>
  <c r="G94174" i="1"/>
  <c r="G94175" i="1"/>
  <c r="G94176" i="1"/>
  <c r="G94177" i="1"/>
  <c r="G94178" i="1"/>
  <c r="G94179" i="1"/>
  <c r="G94180" i="1"/>
  <c r="G94181" i="1"/>
  <c r="G94182" i="1"/>
  <c r="G94183" i="1"/>
  <c r="G94184" i="1"/>
  <c r="G94185" i="1"/>
  <c r="G94186" i="1"/>
  <c r="G94187" i="1"/>
  <c r="G94188" i="1"/>
  <c r="G94189" i="1"/>
  <c r="G94190" i="1"/>
  <c r="G94191" i="1"/>
  <c r="G94192" i="1"/>
  <c r="G94193" i="1"/>
  <c r="G94194" i="1"/>
  <c r="G94195" i="1"/>
  <c r="G94196" i="1"/>
  <c r="G94197" i="1"/>
  <c r="G94198" i="1"/>
  <c r="G94199" i="1"/>
  <c r="G94200" i="1"/>
  <c r="G94201" i="1"/>
  <c r="G94202" i="1"/>
  <c r="G94203" i="1"/>
  <c r="G94204" i="1"/>
  <c r="G94205" i="1"/>
  <c r="G94206" i="1"/>
  <c r="G94207" i="1"/>
  <c r="G94208" i="1"/>
  <c r="G94209" i="1"/>
  <c r="G94210" i="1"/>
  <c r="G94211" i="1"/>
  <c r="G94212" i="1"/>
  <c r="G94213" i="1"/>
  <c r="G94214" i="1"/>
  <c r="G94215" i="1"/>
  <c r="G94216" i="1"/>
  <c r="G94217" i="1"/>
  <c r="G94218" i="1"/>
  <c r="G94219" i="1"/>
  <c r="G94220" i="1"/>
  <c r="G94221" i="1"/>
  <c r="G94222" i="1"/>
  <c r="G94223" i="1"/>
  <c r="G94224" i="1"/>
  <c r="G94225" i="1"/>
  <c r="G94226" i="1"/>
  <c r="G94227" i="1"/>
  <c r="G94228" i="1"/>
  <c r="G94229" i="1"/>
  <c r="G94230" i="1"/>
  <c r="G94231" i="1"/>
  <c r="G94232" i="1"/>
  <c r="G94233" i="1"/>
  <c r="G94234" i="1"/>
  <c r="G94235" i="1"/>
  <c r="G94236" i="1"/>
  <c r="G94237" i="1"/>
  <c r="G94238" i="1"/>
  <c r="G94239" i="1"/>
  <c r="G94240" i="1"/>
  <c r="G94241" i="1"/>
  <c r="G94242" i="1"/>
  <c r="G94243" i="1"/>
  <c r="G94244" i="1"/>
  <c r="G94245" i="1"/>
  <c r="G94246" i="1"/>
  <c r="G94247" i="1"/>
  <c r="G94248" i="1"/>
  <c r="G94249" i="1"/>
  <c r="G94250" i="1"/>
  <c r="G94251" i="1"/>
  <c r="G94252" i="1"/>
  <c r="G94253" i="1"/>
  <c r="G94254" i="1"/>
  <c r="G94255" i="1"/>
  <c r="G94256" i="1"/>
  <c r="G94257" i="1"/>
  <c r="G94258" i="1"/>
  <c r="G94259" i="1"/>
  <c r="G94260" i="1"/>
  <c r="G94261" i="1"/>
  <c r="G94262" i="1"/>
  <c r="G94263" i="1"/>
  <c r="G94264" i="1"/>
  <c r="G94265" i="1"/>
  <c r="G94266" i="1"/>
  <c r="G94267" i="1"/>
  <c r="G94268" i="1"/>
  <c r="G94269" i="1"/>
  <c r="G94270" i="1"/>
  <c r="G94271" i="1"/>
  <c r="G94272" i="1"/>
  <c r="G94273" i="1"/>
  <c r="G94274" i="1"/>
  <c r="G94275" i="1"/>
  <c r="G94276" i="1"/>
  <c r="G94277" i="1"/>
  <c r="G94278" i="1"/>
  <c r="G94279" i="1"/>
  <c r="G94280" i="1"/>
  <c r="G94281" i="1"/>
  <c r="G94282" i="1"/>
  <c r="G94283" i="1"/>
  <c r="G94284" i="1"/>
  <c r="G94285" i="1"/>
  <c r="G94286" i="1"/>
  <c r="G94287" i="1"/>
  <c r="G94288" i="1"/>
  <c r="G94289" i="1"/>
  <c r="G94290" i="1"/>
  <c r="G94291" i="1"/>
  <c r="G94292" i="1"/>
  <c r="G94293" i="1"/>
  <c r="G94294" i="1"/>
  <c r="G94295" i="1"/>
  <c r="G94296" i="1"/>
  <c r="G94297" i="1"/>
  <c r="G94298" i="1"/>
  <c r="G94299" i="1"/>
  <c r="G94300" i="1"/>
  <c r="G94301" i="1"/>
  <c r="G94302" i="1"/>
  <c r="G94303" i="1"/>
  <c r="G94304" i="1"/>
  <c r="G94305" i="1"/>
  <c r="G94306" i="1"/>
  <c r="G94307" i="1"/>
  <c r="G94308" i="1"/>
  <c r="G94309" i="1"/>
  <c r="G94310" i="1"/>
  <c r="G94311" i="1"/>
  <c r="G94312" i="1"/>
  <c r="G94313" i="1"/>
  <c r="G94314" i="1"/>
  <c r="G94315" i="1"/>
  <c r="G94316" i="1"/>
  <c r="G94317" i="1"/>
  <c r="G94318" i="1"/>
  <c r="G94319" i="1"/>
  <c r="G94320" i="1"/>
  <c r="G94321" i="1"/>
  <c r="G94322" i="1"/>
  <c r="G94323" i="1"/>
  <c r="G94324" i="1"/>
  <c r="G94325" i="1"/>
  <c r="G94326" i="1"/>
  <c r="G94327" i="1"/>
  <c r="G94328" i="1"/>
  <c r="G94329" i="1"/>
  <c r="G94330" i="1"/>
  <c r="G94331" i="1"/>
  <c r="G94332" i="1"/>
  <c r="G94333" i="1"/>
  <c r="G94334" i="1"/>
  <c r="G94335" i="1"/>
  <c r="G94336" i="1"/>
  <c r="G94337" i="1"/>
  <c r="G94338" i="1"/>
  <c r="G94339" i="1"/>
  <c r="G94340" i="1"/>
  <c r="G94341" i="1"/>
  <c r="G94342" i="1"/>
  <c r="G94343" i="1"/>
  <c r="G94344" i="1"/>
  <c r="G94345" i="1"/>
  <c r="G94346" i="1"/>
  <c r="G94347" i="1"/>
  <c r="G94348" i="1"/>
  <c r="G94349" i="1"/>
  <c r="G94350" i="1"/>
  <c r="G94351" i="1"/>
  <c r="G94352" i="1"/>
  <c r="G94353" i="1"/>
  <c r="G94354" i="1"/>
  <c r="G94355" i="1"/>
  <c r="G94356" i="1"/>
  <c r="G94357" i="1"/>
  <c r="G94358" i="1"/>
  <c r="G94359" i="1"/>
  <c r="G94360" i="1"/>
  <c r="G94361" i="1"/>
  <c r="G94362" i="1"/>
  <c r="G94363" i="1"/>
  <c r="G94364" i="1"/>
  <c r="G94365" i="1"/>
  <c r="G94366" i="1"/>
  <c r="G94367" i="1"/>
  <c r="G94368" i="1"/>
  <c r="G94369" i="1"/>
  <c r="G94370" i="1"/>
  <c r="G94371" i="1"/>
  <c r="G94372" i="1"/>
  <c r="G94373" i="1"/>
  <c r="G94374" i="1"/>
  <c r="G94375" i="1"/>
  <c r="G94376" i="1"/>
  <c r="G94377" i="1"/>
  <c r="G94378" i="1"/>
  <c r="G94379" i="1"/>
  <c r="G94380" i="1"/>
  <c r="G94381" i="1"/>
  <c r="G94382" i="1"/>
  <c r="G94383" i="1"/>
  <c r="G94384" i="1"/>
  <c r="G94385" i="1"/>
  <c r="G94386" i="1"/>
  <c r="G94387" i="1"/>
  <c r="G94388" i="1"/>
  <c r="G94389" i="1"/>
  <c r="G94390" i="1"/>
  <c r="G94391" i="1"/>
  <c r="G94392" i="1"/>
  <c r="G94393" i="1"/>
  <c r="G94394" i="1"/>
  <c r="G94395" i="1"/>
  <c r="G94396" i="1"/>
  <c r="G94397" i="1"/>
  <c r="G94398" i="1"/>
  <c r="G94399" i="1"/>
  <c r="G94400" i="1"/>
  <c r="G94401" i="1"/>
  <c r="G94402" i="1"/>
  <c r="G94403" i="1"/>
  <c r="G94404" i="1"/>
  <c r="G94405" i="1"/>
  <c r="G94406" i="1"/>
  <c r="G94407" i="1"/>
  <c r="G94408" i="1"/>
  <c r="G94409" i="1"/>
  <c r="G94410" i="1"/>
  <c r="G94411" i="1"/>
  <c r="G94412" i="1"/>
  <c r="G94413" i="1"/>
  <c r="G94414" i="1"/>
  <c r="G94415" i="1"/>
  <c r="G94416" i="1"/>
  <c r="G94417" i="1"/>
  <c r="G94418" i="1"/>
  <c r="G94419" i="1"/>
  <c r="G94420" i="1"/>
  <c r="G94421" i="1"/>
  <c r="G94422" i="1"/>
  <c r="G94423" i="1"/>
  <c r="G94424" i="1"/>
  <c r="G94425" i="1"/>
  <c r="G94426" i="1"/>
  <c r="G94427" i="1"/>
  <c r="G94428" i="1"/>
  <c r="G94429" i="1"/>
  <c r="G94430" i="1"/>
  <c r="G94431" i="1"/>
  <c r="G94432" i="1"/>
  <c r="G94433" i="1"/>
  <c r="G94434" i="1"/>
  <c r="G94435" i="1"/>
  <c r="G94436" i="1"/>
  <c r="G94437" i="1"/>
  <c r="G94438" i="1"/>
  <c r="G94439" i="1"/>
  <c r="G94440" i="1"/>
  <c r="G94441" i="1"/>
  <c r="G94442" i="1"/>
  <c r="G94443" i="1"/>
  <c r="G94444" i="1"/>
  <c r="G94445" i="1"/>
  <c r="G94446" i="1"/>
  <c r="G94447" i="1"/>
  <c r="G94448" i="1"/>
  <c r="G94449" i="1"/>
  <c r="G94450" i="1"/>
  <c r="G94451" i="1"/>
  <c r="G94452" i="1"/>
  <c r="G94453" i="1"/>
  <c r="G94454" i="1"/>
  <c r="G94455" i="1"/>
  <c r="G94456" i="1"/>
  <c r="G94457" i="1"/>
  <c r="G94458" i="1"/>
  <c r="G94459" i="1"/>
  <c r="G94460" i="1"/>
  <c r="G94461" i="1"/>
  <c r="G94462" i="1"/>
  <c r="G94463" i="1"/>
  <c r="G94464" i="1"/>
  <c r="G94465" i="1"/>
  <c r="G94466" i="1"/>
  <c r="G94467" i="1"/>
  <c r="G94468" i="1"/>
  <c r="G94469" i="1"/>
  <c r="G94470" i="1"/>
  <c r="G94471" i="1"/>
  <c r="G94472" i="1"/>
  <c r="G94473" i="1"/>
  <c r="G94474" i="1"/>
  <c r="G94475" i="1"/>
  <c r="G94476" i="1"/>
  <c r="G94477" i="1"/>
  <c r="G94478" i="1"/>
  <c r="G94479" i="1"/>
  <c r="G94480" i="1"/>
  <c r="G94481" i="1"/>
  <c r="G94482" i="1"/>
  <c r="G94483" i="1"/>
  <c r="G94484" i="1"/>
  <c r="G94485" i="1"/>
  <c r="G94486" i="1"/>
  <c r="G94487" i="1"/>
  <c r="G94488" i="1"/>
  <c r="G94489" i="1"/>
  <c r="G94490" i="1"/>
  <c r="G94491" i="1"/>
  <c r="G94492" i="1"/>
  <c r="G94493" i="1"/>
  <c r="G94494" i="1"/>
  <c r="G94495" i="1"/>
  <c r="G94496" i="1"/>
  <c r="G94497" i="1"/>
  <c r="G94498" i="1"/>
  <c r="G94499" i="1"/>
  <c r="G94500" i="1"/>
  <c r="G94501" i="1"/>
  <c r="G94502" i="1"/>
  <c r="G94503" i="1"/>
  <c r="G94504" i="1"/>
  <c r="G94505" i="1"/>
  <c r="G94506" i="1"/>
  <c r="G94507" i="1"/>
  <c r="G94508" i="1"/>
  <c r="G94509" i="1"/>
  <c r="G94510" i="1"/>
  <c r="G94511" i="1"/>
  <c r="G94512" i="1"/>
  <c r="G94513" i="1"/>
  <c r="G94514" i="1"/>
  <c r="G94515" i="1"/>
  <c r="G94516" i="1"/>
  <c r="G94517" i="1"/>
  <c r="G94518" i="1"/>
  <c r="G94519" i="1"/>
  <c r="G94520" i="1"/>
  <c r="G94521" i="1"/>
  <c r="G94522" i="1"/>
  <c r="G94523" i="1"/>
  <c r="G94524" i="1"/>
  <c r="G94525" i="1"/>
  <c r="G94526" i="1"/>
  <c r="G94527" i="1"/>
  <c r="G94528" i="1"/>
  <c r="G94529" i="1"/>
  <c r="G94530" i="1"/>
  <c r="G94531" i="1"/>
  <c r="G94532" i="1"/>
  <c r="G94533" i="1"/>
  <c r="G94534" i="1"/>
  <c r="G94535" i="1"/>
  <c r="G94536" i="1"/>
  <c r="G94537" i="1"/>
  <c r="G94538" i="1"/>
  <c r="G94539" i="1"/>
  <c r="G94540" i="1"/>
  <c r="G94541" i="1"/>
  <c r="G94542" i="1"/>
  <c r="G94543" i="1"/>
  <c r="G94544" i="1"/>
  <c r="G94545" i="1"/>
  <c r="G94546" i="1"/>
  <c r="G94547" i="1"/>
  <c r="G94548" i="1"/>
  <c r="G94549" i="1"/>
  <c r="G94550" i="1"/>
  <c r="G94551" i="1"/>
  <c r="G94552" i="1"/>
  <c r="G94553" i="1"/>
  <c r="G94554" i="1"/>
  <c r="G94555" i="1"/>
  <c r="G94556" i="1"/>
  <c r="G94557" i="1"/>
  <c r="G94558" i="1"/>
  <c r="G94559" i="1"/>
  <c r="G94560" i="1"/>
  <c r="G94561" i="1"/>
  <c r="G94562" i="1"/>
  <c r="G94563" i="1"/>
  <c r="G94564" i="1"/>
  <c r="G94565" i="1"/>
  <c r="G94566" i="1"/>
  <c r="G94567" i="1"/>
  <c r="G94568" i="1"/>
  <c r="G94569" i="1"/>
  <c r="G94570" i="1"/>
  <c r="G94571" i="1"/>
  <c r="G94572" i="1"/>
  <c r="G94573" i="1"/>
  <c r="G94574" i="1"/>
  <c r="G94575" i="1"/>
  <c r="G94576" i="1"/>
  <c r="G94577" i="1"/>
  <c r="G94578" i="1"/>
  <c r="G94579" i="1"/>
  <c r="G94580" i="1"/>
  <c r="G94581" i="1"/>
  <c r="G94582" i="1"/>
  <c r="G94583" i="1"/>
  <c r="G94584" i="1"/>
  <c r="G94585" i="1"/>
  <c r="G94586" i="1"/>
  <c r="G94587" i="1"/>
  <c r="G94588" i="1"/>
  <c r="G94589" i="1"/>
  <c r="G94590" i="1"/>
  <c r="G94591" i="1"/>
  <c r="G94592" i="1"/>
  <c r="G94593" i="1"/>
  <c r="G94594" i="1"/>
  <c r="G94595" i="1"/>
  <c r="G94596" i="1"/>
  <c r="G94597" i="1"/>
  <c r="G94598" i="1"/>
  <c r="G94599" i="1"/>
  <c r="G94600" i="1"/>
  <c r="G94601" i="1"/>
  <c r="G94602" i="1"/>
  <c r="G94603" i="1"/>
  <c r="G94604" i="1"/>
  <c r="G94605" i="1"/>
  <c r="G94606" i="1"/>
  <c r="G94607" i="1"/>
  <c r="G94608" i="1"/>
  <c r="G94609" i="1"/>
  <c r="G94610" i="1"/>
  <c r="G94611" i="1"/>
  <c r="G94612" i="1"/>
  <c r="G94613" i="1"/>
  <c r="G94614" i="1"/>
  <c r="G94615" i="1"/>
  <c r="G94616" i="1"/>
  <c r="G94617" i="1"/>
  <c r="G94618" i="1"/>
  <c r="G94619" i="1"/>
  <c r="G94620" i="1"/>
  <c r="G94621" i="1"/>
  <c r="G94622" i="1"/>
  <c r="G94623" i="1"/>
  <c r="G94624" i="1"/>
  <c r="G94625" i="1"/>
  <c r="G94626" i="1"/>
  <c r="G94627" i="1"/>
  <c r="G94628" i="1"/>
  <c r="G94629" i="1"/>
  <c r="G94630" i="1"/>
  <c r="G94631" i="1"/>
  <c r="G94632" i="1"/>
  <c r="G94633" i="1"/>
  <c r="G94634" i="1"/>
  <c r="G94635" i="1"/>
  <c r="G94636" i="1"/>
  <c r="G94637" i="1"/>
  <c r="G94638" i="1"/>
  <c r="G94639" i="1"/>
  <c r="G94640" i="1"/>
  <c r="G94641" i="1"/>
  <c r="G94642" i="1"/>
  <c r="G94643" i="1"/>
  <c r="G94644" i="1"/>
  <c r="G94645" i="1"/>
  <c r="G94646" i="1"/>
  <c r="G94647" i="1"/>
  <c r="G94648" i="1"/>
  <c r="G94649" i="1"/>
  <c r="G94650" i="1"/>
  <c r="G94651" i="1"/>
  <c r="G94652" i="1"/>
  <c r="G94653" i="1"/>
  <c r="G94654" i="1"/>
  <c r="G94655" i="1"/>
  <c r="G94656" i="1"/>
  <c r="G94657" i="1"/>
  <c r="G94658" i="1"/>
  <c r="G94659" i="1"/>
  <c r="G94660" i="1"/>
  <c r="G94661" i="1"/>
  <c r="G94662" i="1"/>
  <c r="G94663" i="1"/>
  <c r="G94664" i="1"/>
  <c r="G94665" i="1"/>
  <c r="G94666" i="1"/>
  <c r="G94667" i="1"/>
  <c r="G94668" i="1"/>
  <c r="G94669" i="1"/>
  <c r="G94670" i="1"/>
  <c r="G94671" i="1"/>
  <c r="G94672" i="1"/>
  <c r="G94673" i="1"/>
  <c r="G94674" i="1"/>
  <c r="G94675" i="1"/>
  <c r="G94676" i="1"/>
  <c r="G94677" i="1"/>
  <c r="G94678" i="1"/>
  <c r="G94679" i="1"/>
  <c r="G94680" i="1"/>
  <c r="G94681" i="1"/>
  <c r="G94682" i="1"/>
  <c r="G94683" i="1"/>
  <c r="G94684" i="1"/>
  <c r="G94685" i="1"/>
  <c r="G94686" i="1"/>
  <c r="G94687" i="1"/>
  <c r="G94688" i="1"/>
  <c r="G94689" i="1"/>
  <c r="G94690" i="1"/>
  <c r="G94691" i="1"/>
  <c r="G94692" i="1"/>
  <c r="G94693" i="1"/>
  <c r="G94694" i="1"/>
  <c r="G94695" i="1"/>
  <c r="G94696" i="1"/>
  <c r="G94697" i="1"/>
  <c r="G94698" i="1"/>
  <c r="G94699" i="1"/>
  <c r="G94700" i="1"/>
  <c r="G94701" i="1"/>
  <c r="G94702" i="1"/>
  <c r="G94703" i="1"/>
  <c r="G94704" i="1"/>
  <c r="G94705" i="1"/>
  <c r="G94706" i="1"/>
  <c r="G94707" i="1"/>
  <c r="G94708" i="1"/>
  <c r="G94709" i="1"/>
  <c r="G94710" i="1"/>
  <c r="G94711" i="1"/>
  <c r="G94712" i="1"/>
  <c r="G94713" i="1"/>
  <c r="G94714" i="1"/>
  <c r="G94715" i="1"/>
  <c r="G94716" i="1"/>
  <c r="G94717" i="1"/>
  <c r="G94718" i="1"/>
  <c r="G94719" i="1"/>
  <c r="G94720" i="1"/>
  <c r="G94721" i="1"/>
  <c r="G94722" i="1"/>
  <c r="G94723" i="1"/>
  <c r="G94724" i="1"/>
  <c r="G94725" i="1"/>
  <c r="G94726" i="1"/>
  <c r="G94727" i="1"/>
  <c r="G94728" i="1"/>
  <c r="G94729" i="1"/>
  <c r="G94730" i="1"/>
  <c r="G94731" i="1"/>
  <c r="G94732" i="1"/>
  <c r="G94733" i="1"/>
  <c r="G94734" i="1"/>
  <c r="G94735" i="1"/>
  <c r="G94736" i="1"/>
  <c r="G94737" i="1"/>
  <c r="G94738" i="1"/>
  <c r="G94739" i="1"/>
  <c r="G94740" i="1"/>
  <c r="G94741" i="1"/>
  <c r="G94742" i="1"/>
  <c r="G94743" i="1"/>
  <c r="G94744" i="1"/>
  <c r="G94745" i="1"/>
  <c r="G94746" i="1"/>
  <c r="G94747" i="1"/>
  <c r="G94748" i="1"/>
  <c r="G94749" i="1"/>
  <c r="G94750" i="1"/>
  <c r="G94751" i="1"/>
  <c r="G94752" i="1"/>
  <c r="G94753" i="1"/>
  <c r="G94754" i="1"/>
  <c r="G94755" i="1"/>
  <c r="G94756" i="1"/>
  <c r="G94757" i="1"/>
  <c r="G94758" i="1"/>
  <c r="G94759" i="1"/>
  <c r="G94760" i="1"/>
  <c r="G94761" i="1"/>
  <c r="G94762" i="1"/>
  <c r="G94763" i="1"/>
  <c r="G94764" i="1"/>
  <c r="G94765" i="1"/>
  <c r="G94766" i="1"/>
  <c r="G94767" i="1"/>
  <c r="G94768" i="1"/>
  <c r="G94769" i="1"/>
  <c r="G94770" i="1"/>
  <c r="G94771" i="1"/>
  <c r="G94772" i="1"/>
  <c r="G94773" i="1"/>
  <c r="G94774" i="1"/>
  <c r="G94775" i="1"/>
  <c r="G94776" i="1"/>
  <c r="G94777" i="1"/>
  <c r="G94778" i="1"/>
  <c r="G94779" i="1"/>
  <c r="G94780" i="1"/>
  <c r="G94781" i="1"/>
  <c r="G94782" i="1"/>
  <c r="G94783" i="1"/>
  <c r="G94784" i="1"/>
  <c r="G94785" i="1"/>
  <c r="G94786" i="1"/>
  <c r="G94787" i="1"/>
  <c r="G94788" i="1"/>
  <c r="G94789" i="1"/>
  <c r="G94790" i="1"/>
  <c r="G94791" i="1"/>
  <c r="G94792" i="1"/>
  <c r="G94793" i="1"/>
  <c r="G94794" i="1"/>
  <c r="G94795" i="1"/>
  <c r="G94796" i="1"/>
  <c r="G94797" i="1"/>
  <c r="G94798" i="1"/>
  <c r="G94799" i="1"/>
  <c r="G94800" i="1"/>
  <c r="G94801" i="1"/>
  <c r="G94802" i="1"/>
  <c r="G94803" i="1"/>
  <c r="G94804" i="1"/>
  <c r="G94805" i="1"/>
  <c r="G94806" i="1"/>
  <c r="G94807" i="1"/>
  <c r="G94808" i="1"/>
  <c r="G94809" i="1"/>
  <c r="G94810" i="1"/>
  <c r="G94811" i="1"/>
  <c r="G94812" i="1"/>
  <c r="G94813" i="1"/>
  <c r="G94814" i="1"/>
  <c r="G94815" i="1"/>
  <c r="G94816" i="1"/>
  <c r="G94817" i="1"/>
  <c r="G94818" i="1"/>
  <c r="G94819" i="1"/>
  <c r="G94820" i="1"/>
  <c r="G94821" i="1"/>
  <c r="G94822" i="1"/>
  <c r="G94823" i="1"/>
  <c r="G94824" i="1"/>
  <c r="G94825" i="1"/>
  <c r="G94826" i="1"/>
  <c r="G94827" i="1"/>
  <c r="G94828" i="1"/>
  <c r="G94829" i="1"/>
  <c r="G94830" i="1"/>
  <c r="G94831" i="1"/>
  <c r="G94832" i="1"/>
  <c r="G94833" i="1"/>
  <c r="G94834" i="1"/>
  <c r="G94835" i="1"/>
  <c r="G94836" i="1"/>
  <c r="G94837" i="1"/>
  <c r="G94838" i="1"/>
  <c r="G94839" i="1"/>
  <c r="G94840" i="1"/>
  <c r="G94841" i="1"/>
  <c r="G94842" i="1"/>
  <c r="G94843" i="1"/>
  <c r="G94844" i="1"/>
  <c r="G94845" i="1"/>
  <c r="G94846" i="1"/>
  <c r="G94847" i="1"/>
  <c r="G94848" i="1"/>
  <c r="G94849" i="1"/>
  <c r="G94850" i="1"/>
  <c r="G94851" i="1"/>
  <c r="G94852" i="1"/>
  <c r="G94853" i="1"/>
  <c r="G94854" i="1"/>
  <c r="G94855" i="1"/>
  <c r="G94856" i="1"/>
  <c r="G94857" i="1"/>
  <c r="G94858" i="1"/>
  <c r="G94859" i="1"/>
  <c r="G94860" i="1"/>
  <c r="G94861" i="1"/>
  <c r="G94862" i="1"/>
  <c r="G94863" i="1"/>
  <c r="G94864" i="1"/>
  <c r="G94865" i="1"/>
  <c r="G94866" i="1"/>
  <c r="G94867" i="1"/>
  <c r="G94868" i="1"/>
  <c r="G94869" i="1"/>
  <c r="G94870" i="1"/>
  <c r="G94871" i="1"/>
  <c r="G94872" i="1"/>
  <c r="G94873" i="1"/>
  <c r="G94874" i="1"/>
  <c r="G94875" i="1"/>
  <c r="G94876" i="1"/>
  <c r="G94877" i="1"/>
  <c r="G94878" i="1"/>
  <c r="G94879" i="1"/>
  <c r="G94880" i="1"/>
  <c r="G94881" i="1"/>
  <c r="G94882" i="1"/>
  <c r="G94883" i="1"/>
  <c r="G94884" i="1"/>
  <c r="G94885" i="1"/>
  <c r="G94886" i="1"/>
  <c r="G94887" i="1"/>
  <c r="G94888" i="1"/>
  <c r="G94889" i="1"/>
  <c r="G94890" i="1"/>
  <c r="G94891" i="1"/>
  <c r="G94892" i="1"/>
  <c r="G94893" i="1"/>
  <c r="G94894" i="1"/>
  <c r="G94895" i="1"/>
  <c r="G94896" i="1"/>
  <c r="G94897" i="1"/>
  <c r="G94898" i="1"/>
  <c r="G94899" i="1"/>
  <c r="G94900" i="1"/>
  <c r="G94901" i="1"/>
  <c r="G94902" i="1"/>
  <c r="G94903" i="1"/>
  <c r="G94904" i="1"/>
  <c r="G94905" i="1"/>
  <c r="G94906" i="1"/>
  <c r="G94907" i="1"/>
  <c r="G94908" i="1"/>
  <c r="G94909" i="1"/>
  <c r="G94910" i="1"/>
  <c r="G94911" i="1"/>
  <c r="G94912" i="1"/>
  <c r="G94913" i="1"/>
  <c r="G94914" i="1"/>
  <c r="G94915" i="1"/>
  <c r="G94916" i="1"/>
  <c r="G94917" i="1"/>
  <c r="G94918" i="1"/>
  <c r="G94919" i="1"/>
  <c r="G94920" i="1"/>
  <c r="G94921" i="1"/>
  <c r="G94922" i="1"/>
  <c r="G94923" i="1"/>
  <c r="G94924" i="1"/>
  <c r="G94925" i="1"/>
  <c r="G94926" i="1"/>
  <c r="G94927" i="1"/>
  <c r="G94928" i="1"/>
  <c r="G94929" i="1"/>
  <c r="G94930" i="1"/>
  <c r="G94931" i="1"/>
  <c r="G94932" i="1"/>
  <c r="G94933" i="1"/>
  <c r="G94934" i="1"/>
  <c r="G94935" i="1"/>
  <c r="G94936" i="1"/>
  <c r="G94937" i="1"/>
  <c r="G94938" i="1"/>
  <c r="G94939" i="1"/>
  <c r="G94940" i="1"/>
  <c r="G94941" i="1"/>
  <c r="G94942" i="1"/>
  <c r="G94943" i="1"/>
  <c r="G94944" i="1"/>
  <c r="G94945" i="1"/>
  <c r="G94946" i="1"/>
  <c r="G94947" i="1"/>
  <c r="G94948" i="1"/>
  <c r="G94949" i="1"/>
  <c r="G94950" i="1"/>
  <c r="G94951" i="1"/>
  <c r="G94952" i="1"/>
  <c r="G94953" i="1"/>
  <c r="G94954" i="1"/>
  <c r="G94955" i="1"/>
  <c r="G94956" i="1"/>
  <c r="G94957" i="1"/>
  <c r="G94958" i="1"/>
  <c r="G94959" i="1"/>
  <c r="G94960" i="1"/>
  <c r="G94961" i="1"/>
  <c r="G94962" i="1"/>
  <c r="G94963" i="1"/>
  <c r="G94964" i="1"/>
  <c r="G94965" i="1"/>
  <c r="G94966" i="1"/>
  <c r="G94967" i="1"/>
  <c r="G94968" i="1"/>
  <c r="G94969" i="1"/>
  <c r="G94970" i="1"/>
  <c r="G94971" i="1"/>
  <c r="G94972" i="1"/>
  <c r="G94973" i="1"/>
  <c r="G94974" i="1"/>
  <c r="G94975" i="1"/>
  <c r="G94976" i="1"/>
  <c r="G94977" i="1"/>
  <c r="G94978" i="1"/>
  <c r="G94979" i="1"/>
  <c r="G94980" i="1"/>
  <c r="G94981" i="1"/>
  <c r="G94982" i="1"/>
  <c r="G94983" i="1"/>
  <c r="G94984" i="1"/>
  <c r="G94985" i="1"/>
  <c r="G94986" i="1"/>
  <c r="G94987" i="1"/>
  <c r="G94988" i="1"/>
  <c r="G94989" i="1"/>
  <c r="G94990" i="1"/>
  <c r="G94991" i="1"/>
  <c r="G94992" i="1"/>
  <c r="G94993" i="1"/>
  <c r="G94994" i="1"/>
  <c r="G94995" i="1"/>
  <c r="G94996" i="1"/>
  <c r="G94997" i="1"/>
  <c r="G94998" i="1"/>
  <c r="G94999" i="1"/>
  <c r="G95000" i="1"/>
  <c r="G95001" i="1"/>
  <c r="G95002" i="1"/>
  <c r="G95003" i="1"/>
  <c r="G95004" i="1"/>
  <c r="G95005" i="1"/>
  <c r="G95006" i="1"/>
  <c r="G95007" i="1"/>
  <c r="G95008" i="1"/>
  <c r="G95009" i="1"/>
  <c r="G95010" i="1"/>
  <c r="G95011" i="1"/>
  <c r="G95012" i="1"/>
  <c r="G95013" i="1"/>
  <c r="G95014" i="1"/>
  <c r="G95015" i="1"/>
  <c r="G95016" i="1"/>
  <c r="G95017" i="1"/>
  <c r="G95018" i="1"/>
  <c r="G95019" i="1"/>
  <c r="G95020" i="1"/>
  <c r="G95021" i="1"/>
  <c r="G95022" i="1"/>
  <c r="G95023" i="1"/>
  <c r="G95024" i="1"/>
  <c r="G95025" i="1"/>
  <c r="G95026" i="1"/>
  <c r="G95027" i="1"/>
  <c r="G95028" i="1"/>
  <c r="G95029" i="1"/>
  <c r="G95030" i="1"/>
  <c r="G95031" i="1"/>
  <c r="G95032" i="1"/>
  <c r="G95033" i="1"/>
  <c r="G95034" i="1"/>
  <c r="G95035" i="1"/>
  <c r="G95036" i="1"/>
  <c r="G95037" i="1"/>
  <c r="G95038" i="1"/>
  <c r="G95039" i="1"/>
  <c r="G95040" i="1"/>
  <c r="G95041" i="1"/>
  <c r="G95042" i="1"/>
  <c r="G95043" i="1"/>
  <c r="G95044" i="1"/>
  <c r="G95045" i="1"/>
  <c r="G95046" i="1"/>
  <c r="G95047" i="1"/>
  <c r="G95048" i="1"/>
  <c r="G95049" i="1"/>
  <c r="G95050" i="1"/>
  <c r="G95051" i="1"/>
  <c r="G95052" i="1"/>
  <c r="G95053" i="1"/>
  <c r="G95054" i="1"/>
  <c r="G95055" i="1"/>
  <c r="G95056" i="1"/>
  <c r="G95057" i="1"/>
  <c r="G95058" i="1"/>
  <c r="G95059" i="1"/>
  <c r="G95060" i="1"/>
  <c r="G95061" i="1"/>
  <c r="G95062" i="1"/>
  <c r="G95063" i="1"/>
  <c r="G95064" i="1"/>
  <c r="G95065" i="1"/>
  <c r="G95066" i="1"/>
  <c r="G95067" i="1"/>
  <c r="G95068" i="1"/>
  <c r="G95069" i="1"/>
  <c r="G95070" i="1"/>
  <c r="G95071" i="1"/>
  <c r="G95072" i="1"/>
  <c r="G95073" i="1"/>
  <c r="G95074" i="1"/>
  <c r="G95075" i="1"/>
  <c r="G95076" i="1"/>
  <c r="G95077" i="1"/>
  <c r="G95078" i="1"/>
  <c r="G95079" i="1"/>
  <c r="G95080" i="1"/>
  <c r="G95081" i="1"/>
  <c r="G95082" i="1"/>
  <c r="G95083" i="1"/>
  <c r="G95084" i="1"/>
  <c r="G95085" i="1"/>
  <c r="G95086" i="1"/>
  <c r="G95087" i="1"/>
  <c r="G95088" i="1"/>
  <c r="G95089" i="1"/>
  <c r="G95090" i="1"/>
  <c r="G95091" i="1"/>
  <c r="G95092" i="1"/>
  <c r="G95093" i="1"/>
  <c r="G95094" i="1"/>
  <c r="G95095" i="1"/>
  <c r="G95096" i="1"/>
  <c r="G95097" i="1"/>
  <c r="G95098" i="1"/>
  <c r="G95099" i="1"/>
  <c r="G95100" i="1"/>
  <c r="G95101" i="1"/>
  <c r="G95102" i="1"/>
  <c r="G95103" i="1"/>
  <c r="G95104" i="1"/>
  <c r="G95105" i="1"/>
  <c r="G95106" i="1"/>
  <c r="G95107" i="1"/>
  <c r="G95108" i="1"/>
  <c r="G95109" i="1"/>
  <c r="G95110" i="1"/>
  <c r="G95111" i="1"/>
  <c r="G95112" i="1"/>
  <c r="G95113" i="1"/>
  <c r="G95114" i="1"/>
  <c r="G95115" i="1"/>
  <c r="G95116" i="1"/>
  <c r="G95117" i="1"/>
  <c r="G95118" i="1"/>
  <c r="G95119" i="1"/>
  <c r="G95120" i="1"/>
  <c r="G95121" i="1"/>
  <c r="G95122" i="1"/>
  <c r="G95123" i="1"/>
  <c r="G95124" i="1"/>
  <c r="G95125" i="1"/>
  <c r="G95126" i="1"/>
  <c r="G95127" i="1"/>
  <c r="G95128" i="1"/>
  <c r="G95129" i="1"/>
  <c r="G95130" i="1"/>
  <c r="G95131" i="1"/>
  <c r="G95132" i="1"/>
  <c r="G95133" i="1"/>
  <c r="G95134" i="1"/>
  <c r="G95135" i="1"/>
  <c r="G95136" i="1"/>
  <c r="G95137" i="1"/>
  <c r="G95138" i="1"/>
  <c r="G95139" i="1"/>
  <c r="G95140" i="1"/>
  <c r="G95141" i="1"/>
  <c r="G95142" i="1"/>
  <c r="G95143" i="1"/>
  <c r="G95144" i="1"/>
  <c r="G95145" i="1"/>
  <c r="G95146" i="1"/>
  <c r="G95147" i="1"/>
  <c r="G95148" i="1"/>
  <c r="G95149" i="1"/>
  <c r="G95150" i="1"/>
  <c r="G95151" i="1"/>
  <c r="G95152" i="1"/>
  <c r="G95153" i="1"/>
  <c r="G95154" i="1"/>
  <c r="G95155" i="1"/>
  <c r="G95156" i="1"/>
  <c r="G95157" i="1"/>
  <c r="G95158" i="1"/>
  <c r="G95159" i="1"/>
  <c r="G95160" i="1"/>
  <c r="G95161" i="1"/>
  <c r="G95162" i="1"/>
  <c r="G95163" i="1"/>
  <c r="G95164" i="1"/>
  <c r="G95165" i="1"/>
  <c r="G95166" i="1"/>
  <c r="G95167" i="1"/>
  <c r="G95168" i="1"/>
  <c r="G95169" i="1"/>
  <c r="G95170" i="1"/>
  <c r="G95171" i="1"/>
  <c r="G95172" i="1"/>
  <c r="G95173" i="1"/>
  <c r="G95174" i="1"/>
  <c r="G95175" i="1"/>
  <c r="G95176" i="1"/>
  <c r="G95177" i="1"/>
  <c r="G95178" i="1"/>
  <c r="G95179" i="1"/>
  <c r="G95180" i="1"/>
  <c r="G95181" i="1"/>
  <c r="G95182" i="1"/>
  <c r="G95183" i="1"/>
  <c r="G95184" i="1"/>
  <c r="G95185" i="1"/>
  <c r="G95186" i="1"/>
  <c r="G95187" i="1"/>
  <c r="G95188" i="1"/>
  <c r="G95189" i="1"/>
  <c r="G95190" i="1"/>
  <c r="G95191" i="1"/>
  <c r="G95192" i="1"/>
  <c r="G95193" i="1"/>
  <c r="G95194" i="1"/>
  <c r="G95195" i="1"/>
  <c r="G95196" i="1"/>
  <c r="G95197" i="1"/>
  <c r="G95198" i="1"/>
  <c r="G95199" i="1"/>
  <c r="G95200" i="1"/>
  <c r="G95201" i="1"/>
  <c r="G95202" i="1"/>
  <c r="G95203" i="1"/>
  <c r="G95204" i="1"/>
  <c r="G95205" i="1"/>
  <c r="G95206" i="1"/>
  <c r="G95207" i="1"/>
  <c r="G95208" i="1"/>
  <c r="G95209" i="1"/>
  <c r="G95210" i="1"/>
  <c r="G95211" i="1"/>
  <c r="G95212" i="1"/>
  <c r="G95213" i="1"/>
  <c r="G95214" i="1"/>
  <c r="G95215" i="1"/>
  <c r="G95216" i="1"/>
  <c r="G95217" i="1"/>
  <c r="G95218" i="1"/>
  <c r="G95219" i="1"/>
  <c r="G95220" i="1"/>
  <c r="G95221" i="1"/>
  <c r="G95222" i="1"/>
  <c r="G95223" i="1"/>
  <c r="G95224" i="1"/>
  <c r="G95225" i="1"/>
  <c r="G95226" i="1"/>
  <c r="G95227" i="1"/>
  <c r="G95228" i="1"/>
  <c r="G95229" i="1"/>
  <c r="G95230" i="1"/>
  <c r="G95231" i="1"/>
  <c r="G95232" i="1"/>
  <c r="G95233" i="1"/>
  <c r="G95234" i="1"/>
  <c r="G95235" i="1"/>
  <c r="G95236" i="1"/>
  <c r="G95237" i="1"/>
  <c r="G95238" i="1"/>
  <c r="G95239" i="1"/>
  <c r="G95240" i="1"/>
  <c r="G95241" i="1"/>
  <c r="G95242" i="1"/>
  <c r="G95243" i="1"/>
  <c r="G95244" i="1"/>
  <c r="G95245" i="1"/>
  <c r="G95246" i="1"/>
  <c r="G95247" i="1"/>
  <c r="G95248" i="1"/>
  <c r="G95249" i="1"/>
  <c r="G95250" i="1"/>
  <c r="G95251" i="1"/>
  <c r="G95252" i="1"/>
  <c r="G95253" i="1"/>
  <c r="G95254" i="1"/>
  <c r="G95255" i="1"/>
  <c r="G95256" i="1"/>
  <c r="G95257" i="1"/>
  <c r="G95258" i="1"/>
  <c r="G95259" i="1"/>
  <c r="G95260" i="1"/>
  <c r="G95261" i="1"/>
  <c r="G95262" i="1"/>
  <c r="G95263" i="1"/>
  <c r="G95264" i="1"/>
  <c r="G95265" i="1"/>
  <c r="G95266" i="1"/>
  <c r="G95267" i="1"/>
  <c r="G95268" i="1"/>
  <c r="G95269" i="1"/>
  <c r="G95270" i="1"/>
  <c r="G95271" i="1"/>
  <c r="G95272" i="1"/>
  <c r="G95273" i="1"/>
  <c r="G95274" i="1"/>
  <c r="G95275" i="1"/>
  <c r="G95276" i="1"/>
  <c r="G95277" i="1"/>
  <c r="G95278" i="1"/>
  <c r="G95279" i="1"/>
  <c r="G95280" i="1"/>
  <c r="G95281" i="1"/>
  <c r="G95282" i="1"/>
  <c r="G95283" i="1"/>
  <c r="G95284" i="1"/>
  <c r="G95285" i="1"/>
  <c r="G95286" i="1"/>
  <c r="G95287" i="1"/>
  <c r="G95288" i="1"/>
  <c r="G95289" i="1"/>
  <c r="G95290" i="1"/>
  <c r="G95291" i="1"/>
  <c r="G95292" i="1"/>
  <c r="G95293" i="1"/>
  <c r="G95294" i="1"/>
  <c r="G95295" i="1"/>
  <c r="G95296" i="1"/>
  <c r="G95297" i="1"/>
  <c r="G95298" i="1"/>
  <c r="G95299" i="1"/>
  <c r="G95300" i="1"/>
  <c r="G95301" i="1"/>
  <c r="G95302" i="1"/>
  <c r="G95303" i="1"/>
  <c r="G95304" i="1"/>
  <c r="G95305" i="1"/>
  <c r="G95306" i="1"/>
  <c r="G95307" i="1"/>
  <c r="G95308" i="1"/>
  <c r="G95309" i="1"/>
  <c r="G95310" i="1"/>
  <c r="G95311" i="1"/>
  <c r="G95312" i="1"/>
  <c r="G95313" i="1"/>
  <c r="G95314" i="1"/>
  <c r="G95315" i="1"/>
  <c r="G95316" i="1"/>
  <c r="G95317" i="1"/>
  <c r="G95318" i="1"/>
  <c r="G95319" i="1"/>
  <c r="G95320" i="1"/>
  <c r="G95321" i="1"/>
  <c r="G95322" i="1"/>
  <c r="G95323" i="1"/>
  <c r="G95324" i="1"/>
  <c r="G95325" i="1"/>
  <c r="G95326" i="1"/>
  <c r="G95327" i="1"/>
  <c r="G95328" i="1"/>
  <c r="G95329" i="1"/>
  <c r="G95330" i="1"/>
  <c r="G95331" i="1"/>
  <c r="G95332" i="1"/>
  <c r="G95333" i="1"/>
  <c r="G95334" i="1"/>
  <c r="G95335" i="1"/>
  <c r="G95336" i="1"/>
  <c r="G95337" i="1"/>
  <c r="G95338" i="1"/>
  <c r="G95339" i="1"/>
  <c r="G95340" i="1"/>
  <c r="G95341" i="1"/>
  <c r="G95342" i="1"/>
  <c r="G95343" i="1"/>
  <c r="G95344" i="1"/>
  <c r="G95345" i="1"/>
  <c r="G95346" i="1"/>
  <c r="G95347" i="1"/>
  <c r="G95348" i="1"/>
  <c r="G95349" i="1"/>
  <c r="G95350" i="1"/>
  <c r="G95351" i="1"/>
  <c r="G95352" i="1"/>
  <c r="G95353" i="1"/>
  <c r="G95354" i="1"/>
  <c r="G95355" i="1"/>
  <c r="G95356" i="1"/>
  <c r="G95357" i="1"/>
  <c r="G95358" i="1"/>
  <c r="G95359" i="1"/>
  <c r="G95360" i="1"/>
  <c r="G95361" i="1"/>
  <c r="G95362" i="1"/>
  <c r="G95363" i="1"/>
  <c r="G95364" i="1"/>
  <c r="G95365" i="1"/>
  <c r="G95366" i="1"/>
  <c r="G95367" i="1"/>
  <c r="G95368" i="1"/>
  <c r="G95369" i="1"/>
  <c r="G95370" i="1"/>
  <c r="G95371" i="1"/>
  <c r="G95372" i="1"/>
  <c r="G95373" i="1"/>
  <c r="G95374" i="1"/>
  <c r="G95375" i="1"/>
  <c r="G95376" i="1"/>
  <c r="G95377" i="1"/>
  <c r="G95378" i="1"/>
  <c r="G95379" i="1"/>
  <c r="G95380" i="1"/>
  <c r="G95381" i="1"/>
  <c r="G95382" i="1"/>
  <c r="G95383" i="1"/>
  <c r="G95384" i="1"/>
  <c r="G95385" i="1"/>
  <c r="G95386" i="1"/>
  <c r="G95387" i="1"/>
  <c r="G95388" i="1"/>
  <c r="G95389" i="1"/>
  <c r="G95390" i="1"/>
  <c r="G95391" i="1"/>
  <c r="G95392" i="1"/>
  <c r="G95393" i="1"/>
  <c r="G95394" i="1"/>
  <c r="G95395" i="1"/>
  <c r="G95396" i="1"/>
  <c r="G95397" i="1"/>
  <c r="G95398" i="1"/>
  <c r="G95399" i="1"/>
  <c r="G95400" i="1"/>
  <c r="G95401" i="1"/>
  <c r="G95402" i="1"/>
  <c r="G95403" i="1"/>
  <c r="G95404" i="1"/>
  <c r="G95405" i="1"/>
  <c r="G95406" i="1"/>
  <c r="G95407" i="1"/>
  <c r="G95408" i="1"/>
  <c r="G95409" i="1"/>
  <c r="G95410" i="1"/>
  <c r="G95411" i="1"/>
  <c r="G95412" i="1"/>
  <c r="G95413" i="1"/>
  <c r="G95414" i="1"/>
  <c r="G95415" i="1"/>
  <c r="G95416" i="1"/>
  <c r="G95417" i="1"/>
  <c r="G95418" i="1"/>
  <c r="G95419" i="1"/>
  <c r="G95420" i="1"/>
  <c r="G95421" i="1"/>
  <c r="G95422" i="1"/>
  <c r="G95423" i="1"/>
  <c r="G95424" i="1"/>
  <c r="G95425" i="1"/>
  <c r="G95426" i="1"/>
  <c r="G95427" i="1"/>
  <c r="G95428" i="1"/>
  <c r="G95429" i="1"/>
  <c r="G95430" i="1"/>
  <c r="G95431" i="1"/>
  <c r="G95432" i="1"/>
  <c r="G95433" i="1"/>
  <c r="G95434" i="1"/>
  <c r="G95435" i="1"/>
  <c r="G95436" i="1"/>
  <c r="G95437" i="1"/>
  <c r="G95438" i="1"/>
  <c r="G95439" i="1"/>
  <c r="G95440" i="1"/>
  <c r="G95441" i="1"/>
  <c r="G95442" i="1"/>
  <c r="G95443" i="1"/>
  <c r="G95444" i="1"/>
  <c r="G95445" i="1"/>
  <c r="G95446" i="1"/>
  <c r="G95447" i="1"/>
  <c r="G95448" i="1"/>
  <c r="G95449" i="1"/>
  <c r="G95450" i="1"/>
  <c r="G95451" i="1"/>
  <c r="G95452" i="1"/>
  <c r="G95453" i="1"/>
  <c r="G95454" i="1"/>
  <c r="G95455" i="1"/>
  <c r="G95456" i="1"/>
  <c r="G95457" i="1"/>
  <c r="G95458" i="1"/>
  <c r="G95459" i="1"/>
  <c r="G95460" i="1"/>
  <c r="G95461" i="1"/>
  <c r="G95462" i="1"/>
  <c r="G95463" i="1"/>
  <c r="G95464" i="1"/>
  <c r="G95465" i="1"/>
  <c r="G95466" i="1"/>
  <c r="G95467" i="1"/>
  <c r="G95468" i="1"/>
  <c r="G95469" i="1"/>
  <c r="G95470" i="1"/>
  <c r="G95471" i="1"/>
  <c r="G95472" i="1"/>
  <c r="G95473" i="1"/>
  <c r="G95474" i="1"/>
  <c r="G95475" i="1"/>
  <c r="G95476" i="1"/>
  <c r="G95477" i="1"/>
  <c r="G95478" i="1"/>
  <c r="G95479" i="1"/>
  <c r="G95480" i="1"/>
  <c r="G95481" i="1"/>
  <c r="G95482" i="1"/>
  <c r="G95483" i="1"/>
  <c r="G95484" i="1"/>
  <c r="G95485" i="1"/>
  <c r="G95486" i="1"/>
  <c r="G95487" i="1"/>
  <c r="G95488" i="1"/>
  <c r="G95489" i="1"/>
  <c r="G95490" i="1"/>
  <c r="G95491" i="1"/>
  <c r="G95492" i="1"/>
  <c r="G95493" i="1"/>
  <c r="G95494" i="1"/>
  <c r="G95495" i="1"/>
  <c r="G95496" i="1"/>
  <c r="G95497" i="1"/>
  <c r="G95498" i="1"/>
  <c r="G95499" i="1"/>
  <c r="G95500" i="1"/>
  <c r="G95501" i="1"/>
  <c r="G95502" i="1"/>
  <c r="G95503" i="1"/>
  <c r="G95504" i="1"/>
  <c r="G95505" i="1"/>
  <c r="G95506" i="1"/>
  <c r="G95507" i="1"/>
  <c r="G95508" i="1"/>
  <c r="G95509" i="1"/>
  <c r="G95510" i="1"/>
  <c r="G95511" i="1"/>
  <c r="G95512" i="1"/>
  <c r="G95513" i="1"/>
  <c r="G95514" i="1"/>
  <c r="G95515" i="1"/>
  <c r="G95516" i="1"/>
  <c r="G95517" i="1"/>
  <c r="G95518" i="1"/>
  <c r="G95519" i="1"/>
  <c r="G95520" i="1"/>
  <c r="G95521" i="1"/>
  <c r="G95522" i="1"/>
  <c r="G95523" i="1"/>
  <c r="G95524" i="1"/>
  <c r="G95525" i="1"/>
  <c r="G95526" i="1"/>
  <c r="G95527" i="1"/>
  <c r="G95528" i="1"/>
  <c r="G95529" i="1"/>
  <c r="G95530" i="1"/>
  <c r="G95531" i="1"/>
  <c r="G95532" i="1"/>
  <c r="G95533" i="1"/>
  <c r="G95534" i="1"/>
  <c r="G95535" i="1"/>
  <c r="G95536" i="1"/>
  <c r="G95537" i="1"/>
  <c r="G95538" i="1"/>
  <c r="G95539" i="1"/>
  <c r="G95540" i="1"/>
  <c r="G95541" i="1"/>
  <c r="G95542" i="1"/>
  <c r="G95543" i="1"/>
  <c r="G95544" i="1"/>
  <c r="G95545" i="1"/>
  <c r="G95546" i="1"/>
  <c r="G95547" i="1"/>
  <c r="G95548" i="1"/>
  <c r="G95549" i="1"/>
  <c r="G95550" i="1"/>
  <c r="G95551" i="1"/>
  <c r="G95552" i="1"/>
  <c r="G95553" i="1"/>
  <c r="G95554" i="1"/>
  <c r="G95555" i="1"/>
  <c r="G95556" i="1"/>
  <c r="G95557" i="1"/>
  <c r="G95558" i="1"/>
  <c r="G95559" i="1"/>
  <c r="G95560" i="1"/>
  <c r="G95561" i="1"/>
  <c r="G95562" i="1"/>
  <c r="G95563" i="1"/>
  <c r="G95564" i="1"/>
  <c r="G95565" i="1"/>
  <c r="G95566" i="1"/>
  <c r="G95567" i="1"/>
  <c r="G95568" i="1"/>
  <c r="G95569" i="1"/>
  <c r="G95570" i="1"/>
  <c r="G95571" i="1"/>
  <c r="G95572" i="1"/>
  <c r="G95573" i="1"/>
  <c r="G95574" i="1"/>
  <c r="G95575" i="1"/>
  <c r="G95576" i="1"/>
  <c r="G95577" i="1"/>
  <c r="G95578" i="1"/>
  <c r="G95579" i="1"/>
  <c r="G95580" i="1"/>
  <c r="G95581" i="1"/>
  <c r="G95582" i="1"/>
  <c r="G95583" i="1"/>
  <c r="G95584" i="1"/>
  <c r="G95585" i="1"/>
  <c r="G95586" i="1"/>
  <c r="G95587" i="1"/>
  <c r="G95588" i="1"/>
  <c r="G95589" i="1"/>
  <c r="G95590" i="1"/>
  <c r="G95591" i="1"/>
  <c r="G95592" i="1"/>
  <c r="G95593" i="1"/>
  <c r="G95594" i="1"/>
  <c r="G95595" i="1"/>
  <c r="G95596" i="1"/>
  <c r="G95597" i="1"/>
  <c r="G95598" i="1"/>
  <c r="G95599" i="1"/>
  <c r="G95600" i="1"/>
  <c r="G95601" i="1"/>
  <c r="G95602" i="1"/>
  <c r="G95603" i="1"/>
  <c r="G95604" i="1"/>
  <c r="G95605" i="1"/>
  <c r="G95606" i="1"/>
  <c r="G95607" i="1"/>
  <c r="G95608" i="1"/>
  <c r="G95609" i="1"/>
  <c r="G95610" i="1"/>
  <c r="G95611" i="1"/>
  <c r="G95612" i="1"/>
  <c r="G95613" i="1"/>
  <c r="G95614" i="1"/>
  <c r="G95615" i="1"/>
  <c r="G95616" i="1"/>
  <c r="G95617" i="1"/>
  <c r="G95618" i="1"/>
  <c r="G95619" i="1"/>
  <c r="G95620" i="1"/>
  <c r="G95621" i="1"/>
  <c r="G95622" i="1"/>
  <c r="G95623" i="1"/>
  <c r="G95624" i="1"/>
  <c r="G95625" i="1"/>
  <c r="G95626" i="1"/>
  <c r="G95627" i="1"/>
  <c r="G95628" i="1"/>
  <c r="G95629" i="1"/>
  <c r="G95630" i="1"/>
  <c r="G95631" i="1"/>
  <c r="G95632" i="1"/>
  <c r="G95633" i="1"/>
  <c r="G95634" i="1"/>
  <c r="G95635" i="1"/>
  <c r="G95636" i="1"/>
  <c r="G95637" i="1"/>
  <c r="G95638" i="1"/>
  <c r="G95639" i="1"/>
  <c r="G95640" i="1"/>
  <c r="G95641" i="1"/>
  <c r="G95642" i="1"/>
  <c r="G95643" i="1"/>
  <c r="G95644" i="1"/>
  <c r="G95645" i="1"/>
  <c r="G95646" i="1"/>
  <c r="G95647" i="1"/>
  <c r="G95648" i="1"/>
  <c r="G95649" i="1"/>
  <c r="G95650" i="1"/>
  <c r="G95651" i="1"/>
  <c r="G95652" i="1"/>
  <c r="G95653" i="1"/>
  <c r="G95654" i="1"/>
  <c r="G95655" i="1"/>
  <c r="G95656" i="1"/>
  <c r="G95657" i="1"/>
  <c r="G95658" i="1"/>
  <c r="G95659" i="1"/>
  <c r="G95660" i="1"/>
  <c r="G95661" i="1"/>
  <c r="G95662" i="1"/>
  <c r="G95663" i="1"/>
  <c r="G95664" i="1"/>
  <c r="G95665" i="1"/>
  <c r="G95666" i="1"/>
  <c r="G95667" i="1"/>
  <c r="G95668" i="1"/>
  <c r="G95669" i="1"/>
  <c r="G95670" i="1"/>
  <c r="G95671" i="1"/>
  <c r="G95672" i="1"/>
  <c r="G95673" i="1"/>
  <c r="G95674" i="1"/>
  <c r="G95675" i="1"/>
  <c r="G95676" i="1"/>
  <c r="G95677" i="1"/>
  <c r="G95678" i="1"/>
  <c r="G95679" i="1"/>
  <c r="G95680" i="1"/>
  <c r="G95681" i="1"/>
  <c r="G95682" i="1"/>
  <c r="G95683" i="1"/>
  <c r="G95684" i="1"/>
  <c r="G95685" i="1"/>
  <c r="G95686" i="1"/>
  <c r="G95687" i="1"/>
  <c r="G95688" i="1"/>
  <c r="G95689" i="1"/>
  <c r="G95690" i="1"/>
  <c r="G95691" i="1"/>
  <c r="G95692" i="1"/>
  <c r="G95693" i="1"/>
  <c r="G95694" i="1"/>
  <c r="G95695" i="1"/>
  <c r="G95696" i="1"/>
  <c r="G95697" i="1"/>
  <c r="G95698" i="1"/>
  <c r="G95699" i="1"/>
  <c r="G95700" i="1"/>
  <c r="G95701" i="1"/>
  <c r="G95702" i="1"/>
  <c r="G95703" i="1"/>
  <c r="G95704" i="1"/>
  <c r="G95705" i="1"/>
  <c r="G95706" i="1"/>
  <c r="G95707" i="1"/>
  <c r="G95708" i="1"/>
  <c r="G95709" i="1"/>
  <c r="G95710" i="1"/>
  <c r="G95711" i="1"/>
  <c r="G95712" i="1"/>
  <c r="G95713" i="1"/>
  <c r="G95714" i="1"/>
  <c r="G95715" i="1"/>
  <c r="G95716" i="1"/>
  <c r="G95717" i="1"/>
  <c r="G95718" i="1"/>
  <c r="G95719" i="1"/>
  <c r="G95720" i="1"/>
  <c r="G95721" i="1"/>
  <c r="G95722" i="1"/>
  <c r="G95723" i="1"/>
  <c r="G95724" i="1"/>
  <c r="G95725" i="1"/>
  <c r="G95726" i="1"/>
  <c r="G95727" i="1"/>
  <c r="G95728" i="1"/>
  <c r="G95729" i="1"/>
  <c r="G95730" i="1"/>
  <c r="G95731" i="1"/>
  <c r="G95732" i="1"/>
  <c r="G95733" i="1"/>
  <c r="G95734" i="1"/>
  <c r="G95735" i="1"/>
  <c r="G95736" i="1"/>
  <c r="G95737" i="1"/>
  <c r="G95738" i="1"/>
  <c r="G95739" i="1"/>
  <c r="G95740" i="1"/>
  <c r="G95741" i="1"/>
  <c r="G95742" i="1"/>
  <c r="G95743" i="1"/>
  <c r="G95744" i="1"/>
  <c r="G95745" i="1"/>
  <c r="G95746" i="1"/>
  <c r="G95747" i="1"/>
  <c r="G95748" i="1"/>
  <c r="G95749" i="1"/>
  <c r="G95750" i="1"/>
  <c r="G95751" i="1"/>
  <c r="G95752" i="1"/>
  <c r="G95753" i="1"/>
  <c r="G95754" i="1"/>
  <c r="G95755" i="1"/>
  <c r="G95756" i="1"/>
  <c r="G95757" i="1"/>
  <c r="G95758" i="1"/>
  <c r="G95759" i="1"/>
  <c r="G95760" i="1"/>
  <c r="G95761" i="1"/>
  <c r="G95762" i="1"/>
  <c r="G95763" i="1"/>
  <c r="G95764" i="1"/>
  <c r="G95765" i="1"/>
  <c r="G95766" i="1"/>
  <c r="G95767" i="1"/>
  <c r="G95768" i="1"/>
  <c r="G95769" i="1"/>
  <c r="G95770" i="1"/>
  <c r="G95771" i="1"/>
  <c r="G95772" i="1"/>
  <c r="G95773" i="1"/>
  <c r="G95774" i="1"/>
  <c r="G95775" i="1"/>
  <c r="G95776" i="1"/>
  <c r="G95777" i="1"/>
  <c r="G95778" i="1"/>
  <c r="G95779" i="1"/>
  <c r="G95780" i="1"/>
  <c r="G95781" i="1"/>
  <c r="G95782" i="1"/>
  <c r="G95783" i="1"/>
  <c r="G95784" i="1"/>
  <c r="G95785" i="1"/>
  <c r="G95786" i="1"/>
  <c r="G95787" i="1"/>
  <c r="G95788" i="1"/>
  <c r="G95789" i="1"/>
  <c r="G95790" i="1"/>
  <c r="G95791" i="1"/>
  <c r="G95792" i="1"/>
  <c r="G95793" i="1"/>
  <c r="G95794" i="1"/>
  <c r="G95795" i="1"/>
  <c r="G95796" i="1"/>
  <c r="G95797" i="1"/>
  <c r="G95798" i="1"/>
  <c r="G95799" i="1"/>
  <c r="G95800" i="1"/>
  <c r="G95801" i="1"/>
  <c r="G95802" i="1"/>
  <c r="G95803" i="1"/>
  <c r="G95804" i="1"/>
  <c r="G95805" i="1"/>
  <c r="G95806" i="1"/>
  <c r="G95807" i="1"/>
  <c r="G95808" i="1"/>
  <c r="G95809" i="1"/>
  <c r="G95810" i="1"/>
  <c r="G95811" i="1"/>
  <c r="G95812" i="1"/>
  <c r="G95813" i="1"/>
  <c r="G95814" i="1"/>
  <c r="G95815" i="1"/>
  <c r="G95816" i="1"/>
  <c r="G95817" i="1"/>
  <c r="G95818" i="1"/>
  <c r="G95819" i="1"/>
  <c r="G95820" i="1"/>
  <c r="G95821" i="1"/>
  <c r="G95822" i="1"/>
  <c r="G95823" i="1"/>
  <c r="G95824" i="1"/>
  <c r="G95825" i="1"/>
  <c r="G95826" i="1"/>
  <c r="G95827" i="1"/>
  <c r="G95828" i="1"/>
  <c r="G95829" i="1"/>
  <c r="G95830" i="1"/>
  <c r="G95831" i="1"/>
  <c r="G95832" i="1"/>
  <c r="G95833" i="1"/>
  <c r="G95834" i="1"/>
  <c r="G95835" i="1"/>
  <c r="G95836" i="1"/>
  <c r="G95837" i="1"/>
  <c r="G95838" i="1"/>
  <c r="G95839" i="1"/>
  <c r="G95840" i="1"/>
  <c r="G95841" i="1"/>
  <c r="G95842" i="1"/>
  <c r="G95843" i="1"/>
  <c r="G95844" i="1"/>
  <c r="G95845" i="1"/>
  <c r="G95846" i="1"/>
  <c r="G95847" i="1"/>
  <c r="G95848" i="1"/>
  <c r="G95849" i="1"/>
  <c r="G95850" i="1"/>
  <c r="G95851" i="1"/>
  <c r="G95852" i="1"/>
  <c r="G95853" i="1"/>
  <c r="G95854" i="1"/>
  <c r="G95855" i="1"/>
  <c r="G95856" i="1"/>
  <c r="G95857" i="1"/>
  <c r="G95858" i="1"/>
  <c r="G95859" i="1"/>
  <c r="G95860" i="1"/>
  <c r="G95861" i="1"/>
  <c r="G95862" i="1"/>
  <c r="G95863" i="1"/>
  <c r="G95864" i="1"/>
  <c r="G95865" i="1"/>
  <c r="G95866" i="1"/>
  <c r="G95867" i="1"/>
  <c r="G95868" i="1"/>
  <c r="G95869" i="1"/>
  <c r="G95870" i="1"/>
  <c r="G95871" i="1"/>
  <c r="G95872" i="1"/>
  <c r="G95873" i="1"/>
  <c r="G95874" i="1"/>
  <c r="G95875" i="1"/>
  <c r="G95876" i="1"/>
  <c r="G95877" i="1"/>
  <c r="G95878" i="1"/>
  <c r="G95879" i="1"/>
  <c r="G95880" i="1"/>
  <c r="G95881" i="1"/>
  <c r="G95882" i="1"/>
  <c r="G95883" i="1"/>
  <c r="G95884" i="1"/>
  <c r="G95885" i="1"/>
  <c r="G95886" i="1"/>
  <c r="G95887" i="1"/>
  <c r="G95888" i="1"/>
  <c r="G95889" i="1"/>
  <c r="G95890" i="1"/>
  <c r="G95891" i="1"/>
  <c r="G95892" i="1"/>
  <c r="G95893" i="1"/>
  <c r="G95894" i="1"/>
  <c r="G95895" i="1"/>
  <c r="G95896" i="1"/>
  <c r="G95897" i="1"/>
  <c r="G95898" i="1"/>
  <c r="G95899" i="1"/>
  <c r="G95900" i="1"/>
  <c r="G95901" i="1"/>
  <c r="G95902" i="1"/>
  <c r="G95903" i="1"/>
  <c r="G95904" i="1"/>
  <c r="G95905" i="1"/>
  <c r="G95906" i="1"/>
  <c r="G95907" i="1"/>
  <c r="G95908" i="1"/>
  <c r="G95909" i="1"/>
  <c r="G95910" i="1"/>
  <c r="G95911" i="1"/>
  <c r="G95912" i="1"/>
  <c r="G95913" i="1"/>
  <c r="G95914" i="1"/>
  <c r="G95915" i="1"/>
  <c r="G95916" i="1"/>
  <c r="G95917" i="1"/>
  <c r="G95918" i="1"/>
  <c r="G95919" i="1"/>
  <c r="G95920" i="1"/>
  <c r="G95921" i="1"/>
  <c r="G95922" i="1"/>
  <c r="G95923" i="1"/>
  <c r="G95924" i="1"/>
  <c r="G95925" i="1"/>
  <c r="G95926" i="1"/>
  <c r="G95927" i="1"/>
  <c r="G95928" i="1"/>
  <c r="G95929" i="1"/>
  <c r="G95930" i="1"/>
  <c r="G95931" i="1"/>
  <c r="G95932" i="1"/>
  <c r="G95933" i="1"/>
  <c r="G95934" i="1"/>
  <c r="G95935" i="1"/>
  <c r="G95936" i="1"/>
  <c r="G95937" i="1"/>
  <c r="G95938" i="1"/>
  <c r="G95939" i="1"/>
  <c r="G95940" i="1"/>
  <c r="G95941" i="1"/>
  <c r="G95942" i="1"/>
  <c r="G95943" i="1"/>
  <c r="G95944" i="1"/>
  <c r="G95945" i="1"/>
  <c r="G95946" i="1"/>
  <c r="G95947" i="1"/>
  <c r="G95948" i="1"/>
  <c r="G95949" i="1"/>
  <c r="G95950" i="1"/>
  <c r="G95951" i="1"/>
  <c r="G95952" i="1"/>
  <c r="G95953" i="1"/>
  <c r="G95954" i="1"/>
  <c r="G95955" i="1"/>
  <c r="G95956" i="1"/>
  <c r="G95957" i="1"/>
  <c r="G95958" i="1"/>
  <c r="G95959" i="1"/>
  <c r="G95960" i="1"/>
  <c r="G95961" i="1"/>
  <c r="G95962" i="1"/>
  <c r="G95963" i="1"/>
  <c r="G95964" i="1"/>
  <c r="G95965" i="1"/>
  <c r="G95966" i="1"/>
  <c r="G95967" i="1"/>
  <c r="G95968" i="1"/>
  <c r="G95969" i="1"/>
  <c r="G95970" i="1"/>
  <c r="G95971" i="1"/>
  <c r="G95972" i="1"/>
  <c r="G95973" i="1"/>
  <c r="G95974" i="1"/>
  <c r="G95975" i="1"/>
  <c r="G95976" i="1"/>
  <c r="G95977" i="1"/>
  <c r="G95978" i="1"/>
  <c r="G95979" i="1"/>
  <c r="G95980" i="1"/>
  <c r="G95981" i="1"/>
  <c r="G95982" i="1"/>
  <c r="G95983" i="1"/>
  <c r="G95984" i="1"/>
  <c r="G95985" i="1"/>
  <c r="G95986" i="1"/>
  <c r="G95987" i="1"/>
  <c r="G95988" i="1"/>
  <c r="G95989" i="1"/>
  <c r="G95990" i="1"/>
  <c r="G95991" i="1"/>
  <c r="G95992" i="1"/>
  <c r="G95993" i="1"/>
  <c r="G95994" i="1"/>
  <c r="G95995" i="1"/>
  <c r="G95996" i="1"/>
  <c r="G95997" i="1"/>
  <c r="G95998" i="1"/>
  <c r="G95999" i="1"/>
  <c r="G96000" i="1"/>
  <c r="G2" i="1"/>
</calcChain>
</file>

<file path=xl/sharedStrings.xml><?xml version="1.0" encoding="utf-8"?>
<sst xmlns="http://schemas.openxmlformats.org/spreadsheetml/2006/main" count="35" uniqueCount="35">
  <si>
    <t>Salgsdato</t>
  </si>
  <si>
    <t>BRA</t>
  </si>
  <si>
    <t>Postnummer</t>
  </si>
  <si>
    <t>Byggeår</t>
  </si>
  <si>
    <t>Etasje</t>
  </si>
  <si>
    <t>Salgstid</t>
  </si>
  <si>
    <t>Prisdiff</t>
  </si>
  <si>
    <t>00-1</t>
  </si>
  <si>
    <t>Styringsrente</t>
  </si>
  <si>
    <t>Navledighet</t>
  </si>
  <si>
    <t>AKUledighet</t>
  </si>
  <si>
    <t>IndexDag</t>
  </si>
  <si>
    <t>BNP</t>
  </si>
  <si>
    <t>D_renteoppgang</t>
  </si>
  <si>
    <t>D_rentenedgang</t>
  </si>
  <si>
    <t>IndexUke</t>
  </si>
  <si>
    <t>SentimentUKE</t>
  </si>
  <si>
    <t>SentimentMåned</t>
  </si>
  <si>
    <t>IndexMåned</t>
  </si>
  <si>
    <t>IndexKvartal</t>
  </si>
  <si>
    <t>SentimentKvartal</t>
  </si>
  <si>
    <t>Prisant</t>
  </si>
  <si>
    <t>Pris</t>
  </si>
  <si>
    <t>SentimentDag</t>
  </si>
  <si>
    <t>BPIndexN</t>
  </si>
  <si>
    <t>BPIndexO</t>
  </si>
  <si>
    <t>Måned</t>
  </si>
  <si>
    <t>År</t>
  </si>
  <si>
    <t>Dag</t>
  </si>
  <si>
    <t>SentimentDagJustert</t>
  </si>
  <si>
    <t>SentimentL1Justert</t>
  </si>
  <si>
    <t>SentimentL7Justert</t>
  </si>
  <si>
    <t>SentimentL14Justert</t>
  </si>
  <si>
    <t>SentimentL30Justert</t>
  </si>
  <si>
    <t>SentimentL90Juster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2"/>
      <color theme="1"/>
      <name val="Calibri"/>
      <family val="2"/>
      <scheme val="minor"/>
    </font>
    <font>
      <i/>
      <sz val="12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14" fontId="0" fillId="0" borderId="0" xfId="0" applyNumberFormat="1"/>
    <xf numFmtId="0" fontId="1" fillId="0" borderId="0" xfId="0" applyFont="1"/>
    <xf numFmtId="0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Vibeke Alice Jensen</cp:lastModifiedBy>
  <dcterms:created xsi:type="dcterms:W3CDTF">2021-11-15T12:42:51Z</dcterms:created>
  <dcterms:modified xsi:type="dcterms:W3CDTF">2022-03-03T12:01:19Z</dcterms:modified>
</cp:coreProperties>
</file>